
<file path=[Content_Types].xml><?xml version="1.0" encoding="utf-8"?>
<Types xmlns="http://schemas.openxmlformats.org/package/2006/content-types">
  <Default Extension="png" ContentType="image/png"/>
  <Default Extension="bin" ContentType="application/vnd.openxmlformats-officedocument.oleObject"/>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DB2C30" w:rsidRDefault="00DB2C30"/>
    <w:p w:rsidR="0048012D" w:rsidRDefault="0048012D"/>
    <w:p w:rsidR="0048012D" w:rsidRDefault="0048012D"/>
    <w:p w:rsidR="0048012D" w:rsidRDefault="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
              <w:t>Header.php</w:t>
            </w:r>
          </w:p>
        </w:tc>
      </w:tr>
      <w:tr w:rsidR="0048012D" w:rsidTr="0048012D">
        <w:tc>
          <w:tcPr>
            <w:tcW w:w="9576" w:type="dxa"/>
          </w:tcPr>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lt;!--head star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head</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lt;!--meta details--&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charset</w:t>
            </w:r>
            <w:r>
              <w:rPr>
                <w:rFonts w:ascii="Cascadia Mono" w:hAnsi="Cascadia Mono" w:cs="Cascadia Mono"/>
                <w:color w:val="800000"/>
                <w:sz w:val="19"/>
                <w:szCs w:val="19"/>
              </w:rPr>
              <w:t>=</w:t>
            </w:r>
            <w:r>
              <w:rPr>
                <w:rFonts w:ascii="Cascadia Mono" w:hAnsi="Cascadia Mono" w:cs="Cascadia Mono"/>
                <w:color w:val="0000FF"/>
                <w:sz w:val="19"/>
                <w:szCs w:val="19"/>
              </w:rPr>
              <w:t>"utf-8"</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http-equiv</w:t>
            </w:r>
            <w:r>
              <w:rPr>
                <w:rFonts w:ascii="Cascadia Mono" w:hAnsi="Cascadia Mono" w:cs="Cascadia Mono"/>
                <w:color w:val="800000"/>
                <w:sz w:val="19"/>
                <w:szCs w:val="19"/>
              </w:rPr>
              <w:t>=</w:t>
            </w:r>
            <w:r>
              <w:rPr>
                <w:rFonts w:ascii="Cascadia Mono" w:hAnsi="Cascadia Mono" w:cs="Cascadia Mono"/>
                <w:color w:val="0000FF"/>
                <w:sz w:val="19"/>
                <w:szCs w:val="19"/>
              </w:rPr>
              <w:t>"Content-Typ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text/html; charset=UTF-8"</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http-equiv</w:t>
            </w:r>
            <w:r>
              <w:rPr>
                <w:rFonts w:ascii="Cascadia Mono" w:hAnsi="Cascadia Mono" w:cs="Cascadia Mono"/>
                <w:color w:val="800000"/>
                <w:sz w:val="19"/>
                <w:szCs w:val="19"/>
              </w:rPr>
              <w:t>=</w:t>
            </w:r>
            <w:r>
              <w:rPr>
                <w:rFonts w:ascii="Cascadia Mono" w:hAnsi="Cascadia Mono" w:cs="Cascadia Mono"/>
                <w:color w:val="0000FF"/>
                <w:sz w:val="19"/>
                <w:szCs w:val="19"/>
              </w:rPr>
              <w:t>"X-UA-Compatibl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IE=edg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viewport"</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width=device-width, initial-scale=1.0, user-scalable=0, minimal-u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  Logo on Browser window--&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spf/img/tablogo.png"</w:t>
            </w:r>
            <w:r>
              <w:rPr>
                <w:rFonts w:ascii="Cascadia Mono" w:hAnsi="Cascadia Mono" w:cs="Cascadia Mono"/>
                <w:color w:val="800000"/>
                <w:sz w:val="19"/>
                <w:szCs w:val="19"/>
              </w:rPr>
              <w:t xml:space="preserve">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shortcut icon"</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image/x-ic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google prefetch--&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dns-prefetch"</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fonts.gstatic.com/"</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dns-prefetch"</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www.googletagmanager.com/"</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dns-prefetch"</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www.google-analytics.com/"</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dns-prefetch"</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pagead2.googlesyndication.com/"</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preconnec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fonts.gstatic.com/"</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preconnec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www.googletagmanager.com/"</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preconnec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www.google-analytics.com/"</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preconnec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ttp://pagead2.googlesyndication.com/"</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apple-mobile-web-app-titl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Senior Services | Senior Place Finder | VABF | ISF | ELF | EIFLF | ESPMF"</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apple-mobile-web-app-capabl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yes"</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apple-touch-fullscreen"</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yes"</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apple-mobile-web-app-status-bar-styl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defaul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googl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notranslat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property</w:t>
            </w:r>
            <w:r>
              <w:rPr>
                <w:rFonts w:ascii="Cascadia Mono" w:hAnsi="Cascadia Mono" w:cs="Cascadia Mono"/>
                <w:color w:val="800000"/>
                <w:sz w:val="19"/>
                <w:szCs w:val="19"/>
              </w:rPr>
              <w:t>=</w:t>
            </w:r>
            <w:r>
              <w:rPr>
                <w:rFonts w:ascii="Cascadia Mono" w:hAnsi="Cascadia Mono" w:cs="Cascadia Mono"/>
                <w:color w:val="0000FF"/>
                <w:sz w:val="19"/>
                <w:szCs w:val="19"/>
              </w:rPr>
              <w:t>"fb:app_id"</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44229937000016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screen  resolution--&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shortcut icon"</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spf/img/favicon.ico"</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image/x-ic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apple-touch-icon"</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spf/img/apple-touch-icon-60x60.html"</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apple-touch-icon"</w:t>
            </w:r>
            <w:r>
              <w:rPr>
                <w:rFonts w:ascii="Cascadia Mono" w:hAnsi="Cascadia Mono" w:cs="Cascadia Mono"/>
                <w:color w:val="800000"/>
                <w:sz w:val="19"/>
                <w:szCs w:val="19"/>
              </w:rPr>
              <w:t xml:space="preserve"> </w:t>
            </w:r>
            <w:r>
              <w:rPr>
                <w:rFonts w:ascii="Cascadia Mono" w:hAnsi="Cascadia Mono" w:cs="Cascadia Mono"/>
                <w:color w:val="FF0000"/>
                <w:sz w:val="19"/>
                <w:szCs w:val="19"/>
              </w:rPr>
              <w:t>sizes</w:t>
            </w:r>
            <w:r>
              <w:rPr>
                <w:rFonts w:ascii="Cascadia Mono" w:hAnsi="Cascadia Mono" w:cs="Cascadia Mono"/>
                <w:color w:val="800000"/>
                <w:sz w:val="19"/>
                <w:szCs w:val="19"/>
              </w:rPr>
              <w:t>=</w:t>
            </w:r>
            <w:r>
              <w:rPr>
                <w:rFonts w:ascii="Cascadia Mono" w:hAnsi="Cascadia Mono" w:cs="Cascadia Mono"/>
                <w:color w:val="0000FF"/>
                <w:sz w:val="19"/>
                <w:szCs w:val="19"/>
              </w:rPr>
              <w:t>"76x76"</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spf/img/apple-touch-icon-76x76.html"</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apple-touch-icon"</w:t>
            </w:r>
            <w:r>
              <w:rPr>
                <w:rFonts w:ascii="Cascadia Mono" w:hAnsi="Cascadia Mono" w:cs="Cascadia Mono"/>
                <w:color w:val="800000"/>
                <w:sz w:val="19"/>
                <w:szCs w:val="19"/>
              </w:rPr>
              <w:t xml:space="preserve"> </w:t>
            </w:r>
            <w:r>
              <w:rPr>
                <w:rFonts w:ascii="Cascadia Mono" w:hAnsi="Cascadia Mono" w:cs="Cascadia Mono"/>
                <w:color w:val="FF0000"/>
                <w:sz w:val="19"/>
                <w:szCs w:val="19"/>
              </w:rPr>
              <w:t>sizes</w:t>
            </w:r>
            <w:r>
              <w:rPr>
                <w:rFonts w:ascii="Cascadia Mono" w:hAnsi="Cascadia Mono" w:cs="Cascadia Mono"/>
                <w:color w:val="800000"/>
                <w:sz w:val="19"/>
                <w:szCs w:val="19"/>
              </w:rPr>
              <w:t>=</w:t>
            </w:r>
            <w:r>
              <w:rPr>
                <w:rFonts w:ascii="Cascadia Mono" w:hAnsi="Cascadia Mono" w:cs="Cascadia Mono"/>
                <w:color w:val="0000FF"/>
                <w:sz w:val="19"/>
                <w:szCs w:val="19"/>
              </w:rPr>
              <w:t>"120x120"</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spf/img/apple-touch-icon-120x120.html"</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apple-touch-icon"</w:t>
            </w:r>
            <w:r>
              <w:rPr>
                <w:rFonts w:ascii="Cascadia Mono" w:hAnsi="Cascadia Mono" w:cs="Cascadia Mono"/>
                <w:color w:val="800000"/>
                <w:sz w:val="19"/>
                <w:szCs w:val="19"/>
              </w:rPr>
              <w:t xml:space="preserve"> </w:t>
            </w:r>
            <w:r>
              <w:rPr>
                <w:rFonts w:ascii="Cascadia Mono" w:hAnsi="Cascadia Mono" w:cs="Cascadia Mono"/>
                <w:color w:val="FF0000"/>
                <w:sz w:val="19"/>
                <w:szCs w:val="19"/>
              </w:rPr>
              <w:t>sizes</w:t>
            </w:r>
            <w:r>
              <w:rPr>
                <w:rFonts w:ascii="Cascadia Mono" w:hAnsi="Cascadia Mono" w:cs="Cascadia Mono"/>
                <w:color w:val="800000"/>
                <w:sz w:val="19"/>
                <w:szCs w:val="19"/>
              </w:rPr>
              <w:t>=</w:t>
            </w:r>
            <w:r>
              <w:rPr>
                <w:rFonts w:ascii="Cascadia Mono" w:hAnsi="Cascadia Mono" w:cs="Cascadia Mono"/>
                <w:color w:val="0000FF"/>
                <w:sz w:val="19"/>
                <w:szCs w:val="19"/>
              </w:rPr>
              <w:t>"152x152"</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spf/img/apple-touch-icon-152x152.html"</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site details--&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title</w:t>
            </w:r>
            <w:r>
              <w:rPr>
                <w:rFonts w:ascii="Cascadia Mono" w:hAnsi="Cascadia Mono" w:cs="Cascadia Mono"/>
                <w:color w:val="000000"/>
                <w:sz w:val="19"/>
                <w:szCs w:val="19"/>
              </w:rPr>
              <w:t>&gt;Senior Services | Senior Place Finder | VABF | ISF | ELF | EIFLF | ESPMF&lt;/</w:t>
            </w:r>
            <w:r>
              <w:rPr>
                <w:rFonts w:ascii="Cascadia Mono" w:hAnsi="Cascadia Mono" w:cs="Cascadia Mono"/>
                <w:color w:val="800000"/>
                <w:sz w:val="19"/>
                <w:szCs w:val="19"/>
              </w:rPr>
              <w:t>titl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keywords"</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Senior Place Finder, VABF, ISF, ELF, EIFLF, ESPMF"</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description"</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Find specialist for any service related to the seniors."</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property</w:t>
            </w:r>
            <w:r>
              <w:rPr>
                <w:rFonts w:ascii="Cascadia Mono" w:hAnsi="Cascadia Mono" w:cs="Cascadia Mono"/>
                <w:color w:val="800000"/>
                <w:sz w:val="19"/>
                <w:szCs w:val="19"/>
              </w:rPr>
              <w:t>=</w:t>
            </w:r>
            <w:r>
              <w:rPr>
                <w:rFonts w:ascii="Cascadia Mono" w:hAnsi="Cascadia Mono" w:cs="Cascadia Mono"/>
                <w:color w:val="0000FF"/>
                <w:sz w:val="19"/>
                <w:szCs w:val="19"/>
              </w:rPr>
              <w:t>"og:typ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websit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property</w:t>
            </w:r>
            <w:r>
              <w:rPr>
                <w:rFonts w:ascii="Cascadia Mono" w:hAnsi="Cascadia Mono" w:cs="Cascadia Mono"/>
                <w:color w:val="800000"/>
                <w:sz w:val="19"/>
                <w:szCs w:val="19"/>
              </w:rPr>
              <w:t>=</w:t>
            </w:r>
            <w:r>
              <w:rPr>
                <w:rFonts w:ascii="Cascadia Mono" w:hAnsi="Cascadia Mono" w:cs="Cascadia Mono"/>
                <w:color w:val="0000FF"/>
                <w:sz w:val="19"/>
                <w:szCs w:val="19"/>
              </w:rPr>
              <w:t>"og:titl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Senior Services | Senior Place Finder | VABF | ISF | ELF | EIFLF | ESPMF"</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property</w:t>
            </w:r>
            <w:r>
              <w:rPr>
                <w:rFonts w:ascii="Cascadia Mono" w:hAnsi="Cascadia Mono" w:cs="Cascadia Mono"/>
                <w:color w:val="800000"/>
                <w:sz w:val="19"/>
                <w:szCs w:val="19"/>
              </w:rPr>
              <w:t>=</w:t>
            </w:r>
            <w:r>
              <w:rPr>
                <w:rFonts w:ascii="Cascadia Mono" w:hAnsi="Cascadia Mono" w:cs="Cascadia Mono"/>
                <w:color w:val="0000FF"/>
                <w:sz w:val="19"/>
                <w:szCs w:val="19"/>
              </w:rPr>
              <w:t>"og:description"</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Find specialist for any service related to the seniors."</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property</w:t>
            </w:r>
            <w:r>
              <w:rPr>
                <w:rFonts w:ascii="Cascadia Mono" w:hAnsi="Cascadia Mono" w:cs="Cascadia Mono"/>
                <w:color w:val="800000"/>
                <w:sz w:val="19"/>
                <w:szCs w:val="19"/>
              </w:rPr>
              <w:t>=</w:t>
            </w:r>
            <w:r>
              <w:rPr>
                <w:rFonts w:ascii="Cascadia Mono" w:hAnsi="Cascadia Mono" w:cs="Cascadia Mono"/>
                <w:color w:val="0000FF"/>
                <w:sz w:val="19"/>
                <w:szCs w:val="19"/>
              </w:rPr>
              <w:t>"og:url"</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https://theseniorteam.ne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property</w:t>
            </w:r>
            <w:r>
              <w:rPr>
                <w:rFonts w:ascii="Cascadia Mono" w:hAnsi="Cascadia Mono" w:cs="Cascadia Mono"/>
                <w:color w:val="800000"/>
                <w:sz w:val="19"/>
                <w:szCs w:val="19"/>
              </w:rPr>
              <w:t>=</w:t>
            </w:r>
            <w:r>
              <w:rPr>
                <w:rFonts w:ascii="Cascadia Mono" w:hAnsi="Cascadia Mono" w:cs="Cascadia Mono"/>
                <w:color w:val="0000FF"/>
                <w:sz w:val="19"/>
                <w:szCs w:val="19"/>
              </w:rPr>
              <w:t>"og:site_nam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Senior Team"</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property</w:t>
            </w:r>
            <w:r>
              <w:rPr>
                <w:rFonts w:ascii="Cascadia Mono" w:hAnsi="Cascadia Mono" w:cs="Cascadia Mono"/>
                <w:color w:val="800000"/>
                <w:sz w:val="19"/>
                <w:szCs w:val="19"/>
              </w:rPr>
              <w:t>=</w:t>
            </w:r>
            <w:r>
              <w:rPr>
                <w:rFonts w:ascii="Cascadia Mono" w:hAnsi="Cascadia Mono" w:cs="Cascadia Mono"/>
                <w:color w:val="0000FF"/>
                <w:sz w:val="19"/>
                <w:szCs w:val="19"/>
              </w:rPr>
              <w:t>"og:imag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c"</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twitter:card"</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summary_large_imag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twitter:titl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Senior Services | Senior Place Finder | VABF | ISF | ELF | EIFLF | ESPMF"</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twitter:description"</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Find specialist for any service related to the seniors."</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twitter:sit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seniorteam"</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twitter:image"</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img/icon/ssp.png"</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meta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csrf-token"</w:t>
            </w:r>
            <w:r>
              <w:rPr>
                <w:rFonts w:ascii="Cascadia Mono" w:hAnsi="Cascadia Mono" w:cs="Cascadia Mono"/>
                <w:color w:val="8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800000"/>
                <w:sz w:val="19"/>
                <w:szCs w:val="19"/>
              </w:rPr>
              <w:t>=</w:t>
            </w:r>
            <w:r>
              <w:rPr>
                <w:rFonts w:ascii="Cascadia Mono" w:hAnsi="Cascadia Mono" w:cs="Cascadia Mono"/>
                <w:color w:val="0000FF"/>
                <w:sz w:val="19"/>
                <w:szCs w:val="19"/>
              </w:rPr>
              <w:t>"dgqJnlX1u9TY9MEkfnEcAOPCkhA13RV7pHlBGUUg"</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app.css --&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media</w:t>
            </w:r>
            <w:r>
              <w:rPr>
                <w:rFonts w:ascii="Cascadia Mono" w:hAnsi="Cascadia Mono" w:cs="Cascadia Mono"/>
                <w:color w:val="800000"/>
                <w:sz w:val="19"/>
                <w:szCs w:val="19"/>
              </w:rPr>
              <w:t>=</w:t>
            </w:r>
            <w:r>
              <w:rPr>
                <w:rFonts w:ascii="Cascadia Mono" w:hAnsi="Cascadia Mono" w:cs="Cascadia Mono"/>
                <w:color w:val="0000FF"/>
                <w:sz w:val="19"/>
                <w:szCs w:val="19"/>
              </w:rPr>
              <w:t>"all"</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css"</w:t>
            </w:r>
            <w:r>
              <w:rPr>
                <w:rFonts w:ascii="Cascadia Mono" w:hAnsi="Cascadia Mono" w:cs="Cascadia Mono"/>
                <w:color w:val="800000"/>
                <w:sz w:val="19"/>
                <w:szCs w:val="19"/>
              </w:rPr>
              <w:t xml:space="preserve">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styleshee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spf/css/app.css"</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icons.css --&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media</w:t>
            </w:r>
            <w:r>
              <w:rPr>
                <w:rFonts w:ascii="Cascadia Mono" w:hAnsi="Cascadia Mono" w:cs="Cascadia Mono"/>
                <w:color w:val="800000"/>
                <w:sz w:val="19"/>
                <w:szCs w:val="19"/>
              </w:rPr>
              <w:t>=</w:t>
            </w:r>
            <w:r>
              <w:rPr>
                <w:rFonts w:ascii="Cascadia Mono" w:hAnsi="Cascadia Mono" w:cs="Cascadia Mono"/>
                <w:color w:val="0000FF"/>
                <w:sz w:val="19"/>
                <w:szCs w:val="19"/>
              </w:rPr>
              <w:t>"all"</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css"</w:t>
            </w:r>
            <w:r>
              <w:rPr>
                <w:rFonts w:ascii="Cascadia Mono" w:hAnsi="Cascadia Mono" w:cs="Cascadia Mono"/>
                <w:color w:val="800000"/>
                <w:sz w:val="19"/>
                <w:szCs w:val="19"/>
              </w:rPr>
              <w:t xml:space="preserve">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styleshee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css/icons.css"</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notify.css --&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media</w:t>
            </w:r>
            <w:r>
              <w:rPr>
                <w:rFonts w:ascii="Cascadia Mono" w:hAnsi="Cascadia Mono" w:cs="Cascadia Mono"/>
                <w:color w:val="800000"/>
                <w:sz w:val="19"/>
                <w:szCs w:val="19"/>
              </w:rPr>
              <w:t>=</w:t>
            </w:r>
            <w:r>
              <w:rPr>
                <w:rFonts w:ascii="Cascadia Mono" w:hAnsi="Cascadia Mono" w:cs="Cascadia Mono"/>
                <w:color w:val="0000FF"/>
                <w:sz w:val="19"/>
                <w:szCs w:val="19"/>
              </w:rPr>
              <w:t>"all"</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css"</w:t>
            </w:r>
            <w:r>
              <w:rPr>
                <w:rFonts w:ascii="Cascadia Mono" w:hAnsi="Cascadia Mono" w:cs="Cascadia Mono"/>
                <w:color w:val="800000"/>
                <w:sz w:val="19"/>
                <w:szCs w:val="19"/>
              </w:rPr>
              <w:t xml:space="preserve">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styleshee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css/notify.css"</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floater.css --&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media</w:t>
            </w:r>
            <w:r>
              <w:rPr>
                <w:rFonts w:ascii="Cascadia Mono" w:hAnsi="Cascadia Mono" w:cs="Cascadia Mono"/>
                <w:color w:val="800000"/>
                <w:sz w:val="19"/>
                <w:szCs w:val="19"/>
              </w:rPr>
              <w:t>=</w:t>
            </w:r>
            <w:r>
              <w:rPr>
                <w:rFonts w:ascii="Cascadia Mono" w:hAnsi="Cascadia Mono" w:cs="Cascadia Mono"/>
                <w:color w:val="0000FF"/>
                <w:sz w:val="19"/>
                <w:szCs w:val="19"/>
              </w:rPr>
              <w:t>"all"</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css"</w:t>
            </w:r>
            <w:r>
              <w:rPr>
                <w:rFonts w:ascii="Cascadia Mono" w:hAnsi="Cascadia Mono" w:cs="Cascadia Mono"/>
                <w:color w:val="800000"/>
                <w:sz w:val="19"/>
                <w:szCs w:val="19"/>
              </w:rPr>
              <w:t xml:space="preserve">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styleshee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css/floater.css"</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selectize.css --&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media</w:t>
            </w:r>
            <w:r>
              <w:rPr>
                <w:rFonts w:ascii="Cascadia Mono" w:hAnsi="Cascadia Mono" w:cs="Cascadia Mono"/>
                <w:color w:val="800000"/>
                <w:sz w:val="19"/>
                <w:szCs w:val="19"/>
              </w:rPr>
              <w:t>=</w:t>
            </w:r>
            <w:r>
              <w:rPr>
                <w:rFonts w:ascii="Cascadia Mono" w:hAnsi="Cascadia Mono" w:cs="Cascadia Mono"/>
                <w:color w:val="0000FF"/>
                <w:sz w:val="19"/>
                <w:szCs w:val="19"/>
              </w:rPr>
              <w:t>"all"</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css"</w:t>
            </w:r>
            <w:r>
              <w:rPr>
                <w:rFonts w:ascii="Cascadia Mono" w:hAnsi="Cascadia Mono" w:cs="Cascadia Mono"/>
                <w:color w:val="800000"/>
                <w:sz w:val="19"/>
                <w:szCs w:val="19"/>
              </w:rPr>
              <w:t xml:space="preserve">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styleshee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css/selectize.css"</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theme.css --&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nk </w:t>
            </w:r>
            <w:r>
              <w:rPr>
                <w:rFonts w:ascii="Cascadia Mono" w:hAnsi="Cascadia Mono" w:cs="Cascadia Mono"/>
                <w:color w:val="FF0000"/>
                <w:sz w:val="19"/>
                <w:szCs w:val="19"/>
              </w:rPr>
              <w:t>media</w:t>
            </w:r>
            <w:r>
              <w:rPr>
                <w:rFonts w:ascii="Cascadia Mono" w:hAnsi="Cascadia Mono" w:cs="Cascadia Mono"/>
                <w:color w:val="800000"/>
                <w:sz w:val="19"/>
                <w:szCs w:val="19"/>
              </w:rPr>
              <w:t>=</w:t>
            </w:r>
            <w:r>
              <w:rPr>
                <w:rFonts w:ascii="Cascadia Mono" w:hAnsi="Cascadia Mono" w:cs="Cascadia Mono"/>
                <w:color w:val="0000FF"/>
                <w:sz w:val="19"/>
                <w:szCs w:val="19"/>
              </w:rPr>
              <w:t>"all"</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css"</w:t>
            </w:r>
            <w:r>
              <w:rPr>
                <w:rFonts w:ascii="Cascadia Mono" w:hAnsi="Cascadia Mono" w:cs="Cascadia Mono"/>
                <w:color w:val="800000"/>
                <w:sz w:val="19"/>
                <w:szCs w:val="19"/>
              </w:rPr>
              <w:t xml:space="preserve"> </w:t>
            </w:r>
            <w:r>
              <w:rPr>
                <w:rFonts w:ascii="Cascadia Mono" w:hAnsi="Cascadia Mono" w:cs="Cascadia Mono"/>
                <w:color w:val="FF0000"/>
                <w:sz w:val="19"/>
                <w:szCs w:val="19"/>
              </w:rPr>
              <w:t>rel</w:t>
            </w:r>
            <w:r>
              <w:rPr>
                <w:rFonts w:ascii="Cascadia Mono" w:hAnsi="Cascadia Mono" w:cs="Cascadia Mono"/>
                <w:color w:val="800000"/>
                <w:sz w:val="19"/>
                <w:szCs w:val="19"/>
              </w:rPr>
              <w:t>=</w:t>
            </w:r>
            <w:r>
              <w:rPr>
                <w:rFonts w:ascii="Cascadia Mono" w:hAnsi="Cascadia Mono" w:cs="Cascadia Mono"/>
                <w:color w:val="0000FF"/>
                <w:sz w:val="19"/>
                <w:szCs w:val="19"/>
              </w:rPr>
              <w:t>"stylesheet"</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spf/css/theme.css"</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app.js --&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cript</w:t>
            </w:r>
            <w:r>
              <w:rPr>
                <w:rFonts w:ascii="Cascadia Mono" w:hAnsi="Cascadia Mono" w:cs="Cascadia Mono"/>
                <w:color w:val="000000"/>
                <w:sz w:val="19"/>
                <w:szCs w:val="19"/>
              </w:rPr>
              <w:t xml:space="preserve"> </w:t>
            </w:r>
            <w:r>
              <w:rPr>
                <w:rFonts w:ascii="Cascadia Mono" w:hAnsi="Cascadia Mono" w:cs="Cascadia Mono"/>
                <w:color w:val="FF0000"/>
                <w:sz w:val="19"/>
                <w:szCs w:val="19"/>
              </w:rPr>
              <w:t>src</w:t>
            </w:r>
            <w:r>
              <w:rPr>
                <w:rFonts w:ascii="Cascadia Mono" w:hAnsi="Cascadia Mono" w:cs="Cascadia Mono"/>
                <w:color w:val="000000"/>
                <w:sz w:val="19"/>
                <w:szCs w:val="19"/>
              </w:rPr>
              <w:t>=</w:t>
            </w:r>
            <w:r>
              <w:rPr>
                <w:rFonts w:ascii="Cascadia Mono" w:hAnsi="Cascadia Mono" w:cs="Cascadia Mono"/>
                <w:color w:val="0000FF"/>
                <w:sz w:val="19"/>
                <w:szCs w:val="19"/>
              </w:rPr>
              <w:t>"js/app.js"</w:t>
            </w:r>
            <w:r>
              <w:rPr>
                <w:rFonts w:ascii="Cascadia Mono" w:hAnsi="Cascadia Mono" w:cs="Cascadia Mono"/>
                <w:color w:val="000000"/>
                <w:sz w:val="19"/>
                <w:szCs w:val="19"/>
              </w:rPr>
              <w:t>&g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jquery.js --&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cript</w:t>
            </w:r>
            <w:r>
              <w:rPr>
                <w:rFonts w:ascii="Cascadia Mono" w:hAnsi="Cascadia Mono" w:cs="Cascadia Mono"/>
                <w:color w:val="000000"/>
                <w:sz w:val="19"/>
                <w:szCs w:val="19"/>
              </w:rPr>
              <w:t xml:space="preserve"> </w:t>
            </w:r>
            <w:r>
              <w:rPr>
                <w:rFonts w:ascii="Cascadia Mono" w:hAnsi="Cascadia Mono" w:cs="Cascadia Mono"/>
                <w:color w:val="FF0000"/>
                <w:sz w:val="19"/>
                <w:szCs w:val="19"/>
              </w:rPr>
              <w:t>src</w:t>
            </w:r>
            <w:r>
              <w:rPr>
                <w:rFonts w:ascii="Cascadia Mono" w:hAnsi="Cascadia Mono" w:cs="Cascadia Mono"/>
                <w:color w:val="000000"/>
                <w:sz w:val="19"/>
                <w:szCs w:val="19"/>
              </w:rPr>
              <w:t>=</w:t>
            </w:r>
            <w:r>
              <w:rPr>
                <w:rFonts w:ascii="Cascadia Mono" w:hAnsi="Cascadia Mono" w:cs="Cascadia Mono"/>
                <w:color w:val="0000FF"/>
                <w:sz w:val="19"/>
                <w:szCs w:val="19"/>
              </w:rPr>
              <w:t>"js/jquery.js"</w:t>
            </w:r>
            <w:r>
              <w:rPr>
                <w:rFonts w:ascii="Cascadia Mono" w:hAnsi="Cascadia Mono" w:cs="Cascadia Mono"/>
                <w:color w:val="000000"/>
                <w:sz w:val="19"/>
                <w:szCs w:val="19"/>
              </w:rPr>
              <w:t>&g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popper.js --&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cript</w:t>
            </w:r>
            <w:r>
              <w:rPr>
                <w:rFonts w:ascii="Cascadia Mono" w:hAnsi="Cascadia Mono" w:cs="Cascadia Mono"/>
                <w:color w:val="000000"/>
                <w:sz w:val="19"/>
                <w:szCs w:val="19"/>
              </w:rPr>
              <w:t xml:space="preserve"> </w:t>
            </w:r>
            <w:r>
              <w:rPr>
                <w:rFonts w:ascii="Cascadia Mono" w:hAnsi="Cascadia Mono" w:cs="Cascadia Mono"/>
                <w:color w:val="FF0000"/>
                <w:sz w:val="19"/>
                <w:szCs w:val="19"/>
              </w:rPr>
              <w:t>src</w:t>
            </w:r>
            <w:r>
              <w:rPr>
                <w:rFonts w:ascii="Cascadia Mono" w:hAnsi="Cascadia Mono" w:cs="Cascadia Mono"/>
                <w:color w:val="000000"/>
                <w:sz w:val="19"/>
                <w:szCs w:val="19"/>
              </w:rPr>
              <w:t>=</w:t>
            </w:r>
            <w:r>
              <w:rPr>
                <w:rFonts w:ascii="Cascadia Mono" w:hAnsi="Cascadia Mono" w:cs="Cascadia Mono"/>
                <w:color w:val="0000FF"/>
                <w:sz w:val="19"/>
                <w:szCs w:val="19"/>
              </w:rPr>
              <w:t>"js/popper.js"</w:t>
            </w:r>
            <w:r>
              <w:rPr>
                <w:rFonts w:ascii="Cascadia Mono" w:hAnsi="Cascadia Mono" w:cs="Cascadia Mono"/>
                <w:color w:val="000000"/>
                <w:sz w:val="19"/>
                <w:szCs w:val="19"/>
              </w:rPr>
              <w:t>&g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bootstrap.js --&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cript</w:t>
            </w:r>
            <w:r>
              <w:rPr>
                <w:rFonts w:ascii="Cascadia Mono" w:hAnsi="Cascadia Mono" w:cs="Cascadia Mono"/>
                <w:color w:val="000000"/>
                <w:sz w:val="19"/>
                <w:szCs w:val="19"/>
              </w:rPr>
              <w:t xml:space="preserve"> </w:t>
            </w:r>
            <w:r>
              <w:rPr>
                <w:rFonts w:ascii="Cascadia Mono" w:hAnsi="Cascadia Mono" w:cs="Cascadia Mono"/>
                <w:color w:val="FF0000"/>
                <w:sz w:val="19"/>
                <w:szCs w:val="19"/>
              </w:rPr>
              <w:t>src</w:t>
            </w:r>
            <w:r>
              <w:rPr>
                <w:rFonts w:ascii="Cascadia Mono" w:hAnsi="Cascadia Mono" w:cs="Cascadia Mono"/>
                <w:color w:val="000000"/>
                <w:sz w:val="19"/>
                <w:szCs w:val="19"/>
              </w:rPr>
              <w:t>=</w:t>
            </w:r>
            <w:r>
              <w:rPr>
                <w:rFonts w:ascii="Cascadia Mono" w:hAnsi="Cascadia Mono" w:cs="Cascadia Mono"/>
                <w:color w:val="0000FF"/>
                <w:sz w:val="19"/>
                <w:szCs w:val="19"/>
              </w:rPr>
              <w:t>"js/bootstrap.js"</w:t>
            </w:r>
            <w:r>
              <w:rPr>
                <w:rFonts w:ascii="Cascadia Mono" w:hAnsi="Cascadia Mono" w:cs="Cascadia Mono"/>
                <w:color w:val="000000"/>
                <w:sz w:val="19"/>
                <w:szCs w:val="19"/>
              </w:rPr>
              <w:t>&g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 Global site tag (gtag.js) - Google Analytics --&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cript</w:t>
            </w:r>
            <w:r>
              <w:rPr>
                <w:rFonts w:ascii="Cascadia Mono" w:hAnsi="Cascadia Mono" w:cs="Cascadia Mono"/>
                <w:color w:val="000000"/>
                <w:sz w:val="19"/>
                <w:szCs w:val="19"/>
              </w:rPr>
              <w:t xml:space="preserve"> </w:t>
            </w:r>
            <w:r>
              <w:rPr>
                <w:rFonts w:ascii="Cascadia Mono" w:hAnsi="Cascadia Mono" w:cs="Cascadia Mono"/>
                <w:color w:val="FF0000"/>
                <w:sz w:val="19"/>
                <w:szCs w:val="19"/>
              </w:rPr>
              <w:t>async</w:t>
            </w:r>
            <w:r>
              <w:rPr>
                <w:rFonts w:ascii="Cascadia Mono" w:hAnsi="Cascadia Mono" w:cs="Cascadia Mono"/>
                <w:color w:val="000000"/>
                <w:sz w:val="19"/>
                <w:szCs w:val="19"/>
              </w:rPr>
              <w:t xml:space="preserve"> </w:t>
            </w:r>
            <w:r>
              <w:rPr>
                <w:rFonts w:ascii="Cascadia Mono" w:hAnsi="Cascadia Mono" w:cs="Cascadia Mono"/>
                <w:color w:val="FF0000"/>
                <w:sz w:val="19"/>
                <w:szCs w:val="19"/>
              </w:rPr>
              <w:t>src</w:t>
            </w:r>
            <w:r>
              <w:rPr>
                <w:rFonts w:ascii="Cascadia Mono" w:hAnsi="Cascadia Mono" w:cs="Cascadia Mono"/>
                <w:color w:val="000000"/>
                <w:sz w:val="19"/>
                <w:szCs w:val="19"/>
              </w:rPr>
              <w:t>=</w:t>
            </w:r>
            <w:r>
              <w:rPr>
                <w:rFonts w:ascii="Cascadia Mono" w:hAnsi="Cascadia Mono" w:cs="Cascadia Mono"/>
                <w:color w:val="0000FF"/>
                <w:sz w:val="19"/>
                <w:szCs w:val="19"/>
              </w:rPr>
              <w:t>"https://www.googletagmanager.com/gtag/js?id="</w:t>
            </w:r>
            <w:r>
              <w:rPr>
                <w:rFonts w:ascii="Cascadia Mono" w:hAnsi="Cascadia Mono" w:cs="Cascadia Mono"/>
                <w:color w:val="000000"/>
                <w:sz w:val="19"/>
                <w:szCs w:val="19"/>
              </w:rPr>
              <w:t>&g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indow.dataLayer = window.dataLayer ||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w:t>
            </w:r>
            <w:r>
              <w:rPr>
                <w:rFonts w:ascii="Cascadia Mono" w:hAnsi="Cascadia Mono" w:cs="Cascadia Mono"/>
                <w:color w:val="2B91AF"/>
                <w:sz w:val="19"/>
                <w:szCs w:val="19"/>
              </w:rPr>
              <w:t>gtag</w:t>
            </w:r>
            <w:r>
              <w:rPr>
                <w:rFonts w:ascii="Cascadia Mono" w:hAnsi="Cascadia Mono" w:cs="Cascadia Mono"/>
                <w:color w:val="000000"/>
                <w:sz w:val="19"/>
                <w:szCs w:val="19"/>
              </w:rPr>
              <w:t>()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dataLayer.</w:t>
            </w:r>
            <w:r>
              <w:rPr>
                <w:rFonts w:ascii="Cascadia Mono" w:hAnsi="Cascadia Mono" w:cs="Cascadia Mono"/>
                <w:color w:val="0000FF"/>
                <w:sz w:val="19"/>
                <w:szCs w:val="19"/>
              </w:rPr>
              <w:t>push</w:t>
            </w:r>
            <w:r>
              <w:rPr>
                <w:rFonts w:ascii="Cascadia Mono" w:hAnsi="Cascadia Mono" w:cs="Cascadia Mono"/>
                <w:color w:val="000000"/>
                <w:sz w:val="19"/>
                <w:szCs w:val="19"/>
              </w:rPr>
              <w:t>(</w:t>
            </w:r>
            <w:r>
              <w:rPr>
                <w:rFonts w:ascii="Cascadia Mono" w:hAnsi="Cascadia Mono" w:cs="Cascadia Mono"/>
                <w:color w:val="0000FF"/>
                <w:sz w:val="19"/>
                <w:szCs w:val="19"/>
              </w:rPr>
              <w:t>arguments</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2B91AF"/>
                <w:sz w:val="19"/>
                <w:szCs w:val="19"/>
              </w:rPr>
              <w:t>gtag</w:t>
            </w:r>
            <w:r>
              <w:rPr>
                <w:rFonts w:ascii="Cascadia Mono" w:hAnsi="Cascadia Mono" w:cs="Cascadia Mono"/>
                <w:color w:val="000000"/>
                <w:sz w:val="19"/>
                <w:szCs w:val="19"/>
              </w:rPr>
              <w:t>(</w:t>
            </w:r>
            <w:r>
              <w:rPr>
                <w:rFonts w:ascii="Cascadia Mono" w:hAnsi="Cascadia Mono" w:cs="Cascadia Mono"/>
                <w:color w:val="A31515"/>
                <w:sz w:val="19"/>
                <w:szCs w:val="19"/>
              </w:rPr>
              <w:t>'js'</w:t>
            </w:r>
            <w:r>
              <w:rPr>
                <w:rFonts w:ascii="Cascadia Mono" w:hAnsi="Cascadia Mono" w:cs="Cascadia Mono"/>
                <w:color w:val="000000"/>
                <w:sz w:val="19"/>
                <w:szCs w:val="19"/>
              </w:rPr>
              <w:t xml:space="preserve">, new </w:t>
            </w:r>
            <w:r>
              <w:rPr>
                <w:rFonts w:ascii="Cascadia Mono" w:hAnsi="Cascadia Mono" w:cs="Cascadia Mono"/>
                <w:color w:val="2B91AF"/>
                <w:sz w:val="19"/>
                <w:szCs w:val="19"/>
              </w:rPr>
              <w:t>Date</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2B91AF"/>
                <w:sz w:val="19"/>
                <w:szCs w:val="19"/>
              </w:rPr>
              <w:t>gtag</w:t>
            </w:r>
            <w:r>
              <w:rPr>
                <w:rFonts w:ascii="Cascadia Mono" w:hAnsi="Cascadia Mono" w:cs="Cascadia Mono"/>
                <w:color w:val="000000"/>
                <w:sz w:val="19"/>
                <w:szCs w:val="19"/>
              </w:rPr>
              <w:t>(</w:t>
            </w:r>
            <w:r>
              <w:rPr>
                <w:rFonts w:ascii="Cascadia Mono" w:hAnsi="Cascadia Mono" w:cs="Cascadia Mono"/>
                <w:color w:val="A31515"/>
                <w:sz w:val="19"/>
                <w:szCs w:val="19"/>
              </w:rPr>
              <w:t>'config'</w:t>
            </w:r>
            <w:r>
              <w:rPr>
                <w:rFonts w:ascii="Cascadia Mono" w:hAnsi="Cascadia Mono" w:cs="Cascadia Mono"/>
                <w:color w:val="000000"/>
                <w:sz w:val="19"/>
                <w:szCs w:val="19"/>
              </w:rPr>
              <w:t xml:space="preserve">, </w:t>
            </w:r>
            <w:r>
              <w:rPr>
                <w:rFonts w:ascii="Cascadia Mono" w:hAnsi="Cascadia Mono" w:cs="Cascadia Mono"/>
                <w:color w:val="A31515"/>
                <w:sz w:val="19"/>
                <w:szCs w:val="19"/>
              </w:rPr>
              <w:t>''</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fingerprint2.js --&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script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js/fingerprint2.js"</w:t>
            </w:r>
            <w:r>
              <w:rPr>
                <w:rFonts w:ascii="Cascadia Mono" w:hAnsi="Cascadia Mono" w:cs="Cascadia Mono"/>
                <w:color w:val="000000"/>
                <w:sz w:val="19"/>
                <w:szCs w:val="19"/>
              </w:rPr>
              <w:t>&g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lt;!--ua-parser.js --&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script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js/ua-parser.js"</w:t>
            </w:r>
            <w:r>
              <w:rPr>
                <w:rFonts w:ascii="Cascadia Mono" w:hAnsi="Cascadia Mono" w:cs="Cascadia Mono"/>
                <w:color w:val="000000"/>
                <w:sz w:val="19"/>
                <w:szCs w:val="19"/>
              </w:rPr>
              <w:t>&g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fpCookie = </w:t>
            </w:r>
            <w:r>
              <w:rPr>
                <w:rFonts w:ascii="Cascadia Mono" w:hAnsi="Cascadia Mono" w:cs="Cascadia Mono"/>
                <w:color w:val="2B91AF"/>
                <w:sz w:val="19"/>
                <w:szCs w:val="19"/>
              </w:rPr>
              <w:t>getCookie</w:t>
            </w:r>
            <w:r>
              <w:rPr>
                <w:rFonts w:ascii="Cascadia Mono" w:hAnsi="Cascadia Mono" w:cs="Cascadia Mono"/>
                <w:color w:val="000000"/>
                <w:sz w:val="19"/>
                <w:szCs w:val="19"/>
              </w:rPr>
              <w:t>(</w:t>
            </w:r>
            <w:r>
              <w:rPr>
                <w:rFonts w:ascii="Cascadia Mono" w:hAnsi="Cascadia Mono" w:cs="Cascadia Mono"/>
                <w:color w:val="A31515"/>
                <w:sz w:val="19"/>
                <w:szCs w:val="19"/>
              </w:rPr>
              <w:t>"FP_UUID"</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w:t>
            </w:r>
            <w:r>
              <w:rPr>
                <w:rFonts w:ascii="Cascadia Mono" w:hAnsi="Cascadia Mono" w:cs="Cascadia Mono"/>
                <w:color w:val="2B91AF"/>
                <w:sz w:val="19"/>
                <w:szCs w:val="19"/>
              </w:rPr>
              <w:t>getFingerPrint</w:t>
            </w:r>
            <w:r>
              <w:rPr>
                <w:rFonts w:ascii="Cascadia Mono" w:hAnsi="Cascadia Mono" w:cs="Cascadia Mono"/>
                <w:color w:val="000000"/>
                <w:sz w:val="19"/>
                <w:szCs w:val="19"/>
              </w:rPr>
              <w:t xml:space="preserve"> =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d1 = new </w:t>
            </w:r>
            <w:r>
              <w:rPr>
                <w:rFonts w:ascii="Cascadia Mono" w:hAnsi="Cascadia Mono" w:cs="Cascadia Mono"/>
                <w:color w:val="2B91AF"/>
                <w:sz w:val="19"/>
                <w:szCs w:val="19"/>
              </w:rPr>
              <w:t>Date</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options = {</w:t>
            </w:r>
            <w:r>
              <w:rPr>
                <w:rFonts w:ascii="Cascadia Mono" w:hAnsi="Cascadia Mono" w:cs="Cascadia Mono"/>
                <w:color w:val="008000"/>
                <w:sz w:val="19"/>
                <w:szCs w:val="19"/>
              </w:rPr>
              <w: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excludes: {</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enumerateDevices: true,</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pixelRatio: true,</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oNotTrack: true,</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fontsFlash: true/!*,</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plugins: true*!/</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lastRenderedPageBreak/>
              <w:t xml:space="preserve">            extraComponents: [</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key: 'domain',</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getData: function (done, options) {</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one(window.location.hostname);</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key: 'domain',</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getData: function (done, options) {</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one(window.location.hostname);</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2B91AF"/>
                <w:sz w:val="19"/>
                <w:szCs w:val="19"/>
              </w:rPr>
              <w:t>preprocessor</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key, valu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key === </w:t>
            </w:r>
            <w:r>
              <w:rPr>
                <w:rFonts w:ascii="Cascadia Mono" w:hAnsi="Cascadia Mono" w:cs="Cascadia Mono"/>
                <w:color w:val="A31515"/>
                <w:sz w:val="19"/>
                <w:szCs w:val="19"/>
              </w:rPr>
              <w:t>"userAgent"</w:t>
            </w:r>
            <w:r>
              <w:rPr>
                <w:rFonts w:ascii="Cascadia Mono" w:hAnsi="Cascadia Mono" w:cs="Cascadia Mono"/>
                <w:color w:val="000000"/>
                <w:sz w:val="19"/>
                <w:szCs w:val="19"/>
              </w:rPr>
              <w:t>)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parser = new </w:t>
            </w:r>
            <w:r>
              <w:rPr>
                <w:rFonts w:ascii="Cascadia Mono" w:hAnsi="Cascadia Mono" w:cs="Cascadia Mono"/>
                <w:color w:val="2B91AF"/>
                <w:sz w:val="19"/>
                <w:szCs w:val="19"/>
              </w:rPr>
              <w:t>UAParser</w:t>
            </w:r>
            <w:r>
              <w:rPr>
                <w:rFonts w:ascii="Cascadia Mono" w:hAnsi="Cascadia Mono" w:cs="Cascadia Mono"/>
                <w:color w:val="000000"/>
                <w:sz w:val="19"/>
                <w:szCs w:val="19"/>
              </w:rPr>
              <w:t>(valu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userAgentMinusVersion = parser.</w:t>
            </w:r>
            <w:r>
              <w:rPr>
                <w:rFonts w:ascii="Cascadia Mono" w:hAnsi="Cascadia Mono" w:cs="Cascadia Mono"/>
                <w:color w:val="2B91AF"/>
                <w:sz w:val="19"/>
                <w:szCs w:val="19"/>
              </w:rPr>
              <w:t>getOS</w:t>
            </w:r>
            <w:r>
              <w:rPr>
                <w:rFonts w:ascii="Cascadia Mono" w:hAnsi="Cascadia Mono" w:cs="Cascadia Mono"/>
                <w:color w:val="000000"/>
                <w:sz w:val="19"/>
                <w:szCs w:val="19"/>
              </w:rPr>
              <w:t xml:space="preserve">().name + </w:t>
            </w:r>
            <w:r>
              <w:rPr>
                <w:rFonts w:ascii="Cascadia Mono" w:hAnsi="Cascadia Mono" w:cs="Cascadia Mono"/>
                <w:color w:val="A31515"/>
                <w:sz w:val="19"/>
                <w:szCs w:val="19"/>
              </w:rPr>
              <w:t>' '</w:t>
            </w:r>
            <w:r>
              <w:rPr>
                <w:rFonts w:ascii="Cascadia Mono" w:hAnsi="Cascadia Mono" w:cs="Cascadia Mono"/>
                <w:color w:val="000000"/>
                <w:sz w:val="19"/>
                <w:szCs w:val="19"/>
              </w:rPr>
              <w:t xml:space="preserve"> + parser.</w:t>
            </w:r>
            <w:r>
              <w:rPr>
                <w:rFonts w:ascii="Cascadia Mono" w:hAnsi="Cascadia Mono" w:cs="Cascadia Mono"/>
                <w:color w:val="2B91AF"/>
                <w:sz w:val="19"/>
                <w:szCs w:val="19"/>
              </w:rPr>
              <w:t>getBrowser</w:t>
            </w:r>
            <w:r>
              <w:rPr>
                <w:rFonts w:ascii="Cascadia Mono" w:hAnsi="Cascadia Mono" w:cs="Cascadia Mono"/>
                <w:color w:val="000000"/>
                <w:sz w:val="19"/>
                <w:szCs w:val="19"/>
              </w:rPr>
              <w:t>().nam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userAgentMinusVersion;</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valu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Fingerprint2.</w:t>
            </w:r>
            <w:r>
              <w:rPr>
                <w:rFonts w:ascii="Cascadia Mono" w:hAnsi="Cascadia Mono" w:cs="Cascadia Mono"/>
                <w:color w:val="0000FF"/>
                <w:sz w:val="19"/>
                <w:szCs w:val="19"/>
              </w:rPr>
              <w:t>get</w:t>
            </w:r>
            <w:r>
              <w:rPr>
                <w:rFonts w:ascii="Cascadia Mono" w:hAnsi="Cascadia Mono" w:cs="Cascadia Mono"/>
                <w:color w:val="000000"/>
                <w:sz w:val="19"/>
                <w:szCs w:val="19"/>
              </w:rPr>
              <w:t xml:space="preserve">(options,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components)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fp = Fingerprint2.</w:t>
            </w:r>
            <w:r>
              <w:rPr>
                <w:rFonts w:ascii="Cascadia Mono" w:hAnsi="Cascadia Mono" w:cs="Cascadia Mono"/>
                <w:color w:val="2B91AF"/>
                <w:sz w:val="19"/>
                <w:szCs w:val="19"/>
              </w:rPr>
              <w:t>x64hash128</w:t>
            </w:r>
            <w:r>
              <w:rPr>
                <w:rFonts w:ascii="Cascadia Mono" w:hAnsi="Cascadia Mono" w:cs="Cascadia Mono"/>
                <w:color w:val="000000"/>
                <w:sz w:val="19"/>
                <w:szCs w:val="19"/>
              </w:rPr>
              <w:t>(components.</w:t>
            </w:r>
            <w:r>
              <w:rPr>
                <w:rFonts w:ascii="Cascadia Mono" w:hAnsi="Cascadia Mono" w:cs="Cascadia Mono"/>
                <w:color w:val="2B91AF"/>
                <w:sz w:val="19"/>
                <w:szCs w:val="19"/>
              </w:rPr>
              <w:t>map</w:t>
            </w:r>
            <w:r>
              <w:rPr>
                <w:rFonts w:ascii="Cascadia Mono" w:hAnsi="Cascadia Mono" w:cs="Cascadia Mono"/>
                <w:color w:val="000000"/>
                <w:sz w:val="19"/>
                <w:szCs w:val="19"/>
              </w:rPr>
              <w:t>(</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pair)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pair.valu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join</w:t>
            </w:r>
            <w:r>
              <w:rPr>
                <w:rFonts w:ascii="Cascadia Mono" w:hAnsi="Cascadia Mono" w:cs="Cascadia Mono"/>
                <w:color w:val="000000"/>
                <w:sz w:val="19"/>
                <w:szCs w:val="19"/>
              </w:rPr>
              <w:t>(), 31);</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2B91AF"/>
                <w:sz w:val="19"/>
                <w:szCs w:val="19"/>
              </w:rPr>
              <w:t>setCookie</w:t>
            </w:r>
            <w:r>
              <w:rPr>
                <w:rFonts w:ascii="Cascadia Mono" w:hAnsi="Cascadia Mono" w:cs="Cascadia Mono"/>
                <w:color w:val="000000"/>
                <w:sz w:val="19"/>
                <w:szCs w:val="19"/>
              </w:rPr>
              <w:t>(</w:t>
            </w:r>
            <w:r>
              <w:rPr>
                <w:rFonts w:ascii="Cascadia Mono" w:hAnsi="Cascadia Mono" w:cs="Cascadia Mono"/>
                <w:color w:val="A31515"/>
                <w:sz w:val="19"/>
                <w:szCs w:val="19"/>
              </w:rPr>
              <w:t>"FP_UUID"</w:t>
            </w:r>
            <w:r>
              <w:rPr>
                <w:rFonts w:ascii="Cascadia Mono" w:hAnsi="Cascadia Mono" w:cs="Cascadia Mono"/>
                <w:color w:val="000000"/>
                <w:sz w:val="19"/>
                <w:szCs w:val="19"/>
              </w:rPr>
              <w:t>, fp, 30);</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fpCookie = </w:t>
            </w:r>
            <w:r>
              <w:rPr>
                <w:rFonts w:ascii="Cascadia Mono" w:hAnsi="Cascadia Mono" w:cs="Cascadia Mono"/>
                <w:color w:val="2B91AF"/>
                <w:sz w:val="19"/>
                <w:szCs w:val="19"/>
              </w:rPr>
              <w:t>getCookie</w:t>
            </w:r>
            <w:r>
              <w:rPr>
                <w:rFonts w:ascii="Cascadia Mono" w:hAnsi="Cascadia Mono" w:cs="Cascadia Mono"/>
                <w:color w:val="000000"/>
                <w:sz w:val="19"/>
                <w:szCs w:val="19"/>
              </w:rPr>
              <w:t>(</w:t>
            </w:r>
            <w:r>
              <w:rPr>
                <w:rFonts w:ascii="Cascadia Mono" w:hAnsi="Cascadia Mono" w:cs="Cascadia Mono"/>
                <w:color w:val="A31515"/>
                <w:sz w:val="19"/>
                <w:szCs w:val="19"/>
              </w:rPr>
              <w:t>"FP_UUID"</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2B91AF"/>
                <w:sz w:val="19"/>
                <w:szCs w:val="19"/>
              </w:rPr>
              <w:t>console</w:t>
            </w:r>
            <w:r>
              <w:rPr>
                <w:rFonts w:ascii="Cascadia Mono" w:hAnsi="Cascadia Mono" w:cs="Cascadia Mono"/>
                <w:color w:val="000000"/>
                <w:sz w:val="19"/>
                <w:szCs w:val="19"/>
              </w:rPr>
              <w:t>.</w:t>
            </w:r>
            <w:r>
              <w:rPr>
                <w:rFonts w:ascii="Cascadia Mono" w:hAnsi="Cascadia Mono" w:cs="Cascadia Mono"/>
                <w:color w:val="0000FF"/>
                <w:sz w:val="19"/>
                <w:szCs w:val="19"/>
              </w:rPr>
              <w:t>log</w:t>
            </w:r>
            <w:r>
              <w:rPr>
                <w:rFonts w:ascii="Cascadia Mono" w:hAnsi="Cascadia Mono" w:cs="Cascadia Mono"/>
                <w:color w:val="000000"/>
                <w:sz w:val="19"/>
                <w:szCs w:val="19"/>
              </w:rPr>
              <w:t>(</w:t>
            </w:r>
            <w:r>
              <w:rPr>
                <w:rFonts w:ascii="Cascadia Mono" w:hAnsi="Cascadia Mono" w:cs="Cascadia Mono"/>
                <w:color w:val="A31515"/>
                <w:sz w:val="19"/>
                <w:szCs w:val="19"/>
              </w:rPr>
              <w:t>"FP_UUID: "</w:t>
            </w:r>
            <w:r>
              <w:rPr>
                <w:rFonts w:ascii="Cascadia Mono" w:hAnsi="Cascadia Mono" w:cs="Cascadia Mono"/>
                <w:color w:val="000000"/>
                <w:sz w:val="19"/>
                <w:szCs w:val="19"/>
              </w:rPr>
              <w:t>, fpCooki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d2 = new </w:t>
            </w:r>
            <w:r>
              <w:rPr>
                <w:rFonts w:ascii="Cascadia Mono" w:hAnsi="Cascadia Mono" w:cs="Cascadia Mono"/>
                <w:color w:val="2B91AF"/>
                <w:sz w:val="19"/>
                <w:szCs w:val="19"/>
              </w:rPr>
              <w:t>Date</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tt = d2 - d1;</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details = </w:t>
            </w:r>
            <w:r>
              <w:rPr>
                <w:rFonts w:ascii="Cascadia Mono" w:hAnsi="Cascadia Mono" w:cs="Cascadia Mono"/>
                <w:color w:val="A31515"/>
                <w:sz w:val="19"/>
                <w:szCs w:val="19"/>
              </w:rPr>
              <w:t>""</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2B91AF"/>
                <w:sz w:val="19"/>
                <w:szCs w:val="19"/>
              </w:rPr>
              <w:t>console</w:t>
            </w:r>
            <w:r>
              <w:rPr>
                <w:rFonts w:ascii="Cascadia Mono" w:hAnsi="Cascadia Mono" w:cs="Cascadia Mono"/>
                <w:color w:val="000000"/>
                <w:sz w:val="19"/>
                <w:szCs w:val="19"/>
              </w:rPr>
              <w:t>.</w:t>
            </w:r>
            <w:r>
              <w:rPr>
                <w:rFonts w:ascii="Cascadia Mono" w:hAnsi="Cascadia Mono" w:cs="Cascadia Mono"/>
                <w:color w:val="0000FF"/>
                <w:sz w:val="19"/>
                <w:szCs w:val="19"/>
              </w:rPr>
              <w:t>log</w:t>
            </w:r>
            <w:r>
              <w:rPr>
                <w:rFonts w:ascii="Cascadia Mono" w:hAnsi="Cascadia Mono" w:cs="Cascadia Mono"/>
                <w:color w:val="000000"/>
                <w:sz w:val="19"/>
                <w:szCs w:val="19"/>
              </w:rPr>
              <w:t>(</w:t>
            </w:r>
            <w:r>
              <w:rPr>
                <w:rFonts w:ascii="Cascadia Mono" w:hAnsi="Cascadia Mono" w:cs="Cascadia Mono"/>
                <w:color w:val="A31515"/>
                <w:sz w:val="19"/>
                <w:szCs w:val="19"/>
              </w:rPr>
              <w:t>"Time Taken : "</w:t>
            </w:r>
            <w:r>
              <w:rPr>
                <w:rFonts w:ascii="Cascadia Mono" w:hAnsi="Cascadia Mono" w:cs="Cascadia Mono"/>
                <w:color w:val="000000"/>
                <w:sz w:val="19"/>
                <w:szCs w:val="19"/>
              </w:rPr>
              <w:t>, t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2B91AF"/>
                <w:sz w:val="19"/>
                <w:szCs w:val="19"/>
              </w:rPr>
              <w:t>console</w:t>
            </w:r>
            <w:r>
              <w:rPr>
                <w:rFonts w:ascii="Cascadia Mono" w:hAnsi="Cascadia Mono" w:cs="Cascadia Mono"/>
                <w:color w:val="000000"/>
                <w:sz w:val="19"/>
                <w:szCs w:val="19"/>
              </w:rPr>
              <w:t>.</w:t>
            </w:r>
            <w:r>
              <w:rPr>
                <w:rFonts w:ascii="Cascadia Mono" w:hAnsi="Cascadia Mono" w:cs="Cascadia Mono"/>
                <w:color w:val="0000FF"/>
                <w:sz w:val="19"/>
                <w:szCs w:val="19"/>
              </w:rPr>
              <w:t>log</w:t>
            </w:r>
            <w:r>
              <w:rPr>
                <w:rFonts w:ascii="Cascadia Mono" w:hAnsi="Cascadia Mono" w:cs="Cascadia Mono"/>
                <w:color w:val="000000"/>
                <w:sz w:val="19"/>
                <w:szCs w:val="19"/>
              </w:rPr>
              <w:t>(</w:t>
            </w:r>
            <w:r>
              <w:rPr>
                <w:rFonts w:ascii="Cascadia Mono" w:hAnsi="Cascadia Mono" w:cs="Cascadia Mono"/>
                <w:color w:val="A31515"/>
                <w:sz w:val="19"/>
                <w:szCs w:val="19"/>
              </w:rPr>
              <w:t>"Finger Print : "</w:t>
            </w:r>
            <w:r>
              <w:rPr>
                <w:rFonts w:ascii="Cascadia Mono" w:hAnsi="Cascadia Mono" w:cs="Cascadia Mono"/>
                <w:color w:val="000000"/>
                <w:sz w:val="19"/>
                <w:szCs w:val="19"/>
              </w:rPr>
              <w:t>, fp);</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for</w:t>
            </w: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index in components)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obj = components[index];</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line = obj.key + </w:t>
            </w:r>
            <w:r>
              <w:rPr>
                <w:rFonts w:ascii="Cascadia Mono" w:hAnsi="Cascadia Mono" w:cs="Cascadia Mono"/>
                <w:color w:val="A31515"/>
                <w:sz w:val="19"/>
                <w:szCs w:val="19"/>
              </w:rPr>
              <w:t>" = "</w:t>
            </w:r>
            <w:r>
              <w:rPr>
                <w:rFonts w:ascii="Cascadia Mono" w:hAnsi="Cascadia Mono" w:cs="Cascadia Mono"/>
                <w:color w:val="000000"/>
                <w:sz w:val="19"/>
                <w:szCs w:val="19"/>
              </w:rPr>
              <w:t xml:space="preserve"> + </w:t>
            </w:r>
            <w:r>
              <w:rPr>
                <w:rFonts w:ascii="Cascadia Mono" w:hAnsi="Cascadia Mono" w:cs="Cascadia Mono"/>
                <w:color w:val="2B91AF"/>
                <w:sz w:val="19"/>
                <w:szCs w:val="19"/>
              </w:rPr>
              <w:t>String</w:t>
            </w:r>
            <w:r>
              <w:rPr>
                <w:rFonts w:ascii="Cascadia Mono" w:hAnsi="Cascadia Mono" w:cs="Cascadia Mono"/>
                <w:color w:val="000000"/>
                <w:sz w:val="19"/>
                <w:szCs w:val="19"/>
              </w:rPr>
              <w:t>(obj.value).</w:t>
            </w:r>
            <w:r>
              <w:rPr>
                <w:rFonts w:ascii="Cascadia Mono" w:hAnsi="Cascadia Mono" w:cs="Cascadia Mono"/>
                <w:color w:val="0000FF"/>
                <w:sz w:val="19"/>
                <w:szCs w:val="19"/>
              </w:rPr>
              <w:t>substr</w:t>
            </w:r>
            <w:r>
              <w:rPr>
                <w:rFonts w:ascii="Cascadia Mono" w:hAnsi="Cascadia Mono" w:cs="Cascadia Mono"/>
                <w:color w:val="000000"/>
                <w:sz w:val="19"/>
                <w:szCs w:val="19"/>
              </w:rPr>
              <w:t>(0, 100);</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details += line + </w:t>
            </w:r>
            <w:r>
              <w:rPr>
                <w:rFonts w:ascii="Cascadia Mono" w:hAnsi="Cascadia Mono" w:cs="Cascadia Mono"/>
                <w:color w:val="A31515"/>
                <w:sz w:val="19"/>
                <w:szCs w:val="19"/>
              </w:rPr>
              <w:t>"\n"</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2B91AF"/>
                <w:sz w:val="19"/>
                <w:szCs w:val="19"/>
              </w:rPr>
              <w:t>console</w:t>
            </w:r>
            <w:r>
              <w:rPr>
                <w:rFonts w:ascii="Cascadia Mono" w:hAnsi="Cascadia Mono" w:cs="Cascadia Mono"/>
                <w:color w:val="000000"/>
                <w:sz w:val="19"/>
                <w:szCs w:val="19"/>
              </w:rPr>
              <w:t>.</w:t>
            </w:r>
            <w:r>
              <w:rPr>
                <w:rFonts w:ascii="Cascadia Mono" w:hAnsi="Cascadia Mono" w:cs="Cascadia Mono"/>
                <w:color w:val="0000FF"/>
                <w:sz w:val="19"/>
                <w:szCs w:val="19"/>
              </w:rPr>
              <w:t>log</w:t>
            </w:r>
            <w:r>
              <w:rPr>
                <w:rFonts w:ascii="Cascadia Mono" w:hAnsi="Cascadia Mono" w:cs="Cascadia Mono"/>
                <w:color w:val="000000"/>
                <w:sz w:val="19"/>
                <w:szCs w:val="19"/>
              </w:rPr>
              <w:t>(details);</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fpCookie === </w:t>
            </w:r>
            <w:r>
              <w:rPr>
                <w:rFonts w:ascii="Cascadia Mono" w:hAnsi="Cascadia Mono" w:cs="Cascadia Mono"/>
                <w:color w:val="0000FF"/>
                <w:sz w:val="19"/>
                <w:szCs w:val="19"/>
              </w:rPr>
              <w:t>null</w:t>
            </w:r>
            <w:r>
              <w:rPr>
                <w:rFonts w:ascii="Cascadia Mono" w:hAnsi="Cascadia Mono" w:cs="Cascadia Mono"/>
                <w:color w:val="000000"/>
                <w:sz w:val="19"/>
                <w:szCs w:val="19"/>
              </w:rPr>
              <w:t>)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cancelId;</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cancelFunction;</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window.requestIdleCallback)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ancelId = </w:t>
            </w:r>
            <w:r>
              <w:rPr>
                <w:rFonts w:ascii="Cascadia Mono" w:hAnsi="Cascadia Mono" w:cs="Cascadia Mono"/>
                <w:color w:val="2B91AF"/>
                <w:sz w:val="19"/>
                <w:szCs w:val="19"/>
              </w:rPr>
              <w:t>requestIdleCallback</w:t>
            </w:r>
            <w:r>
              <w:rPr>
                <w:rFonts w:ascii="Cascadia Mono" w:hAnsi="Cascadia Mono" w:cs="Cascadia Mono"/>
                <w:color w:val="000000"/>
                <w:sz w:val="19"/>
                <w:szCs w:val="19"/>
              </w:rPr>
              <w:t>(getFingerPrin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ancelFunction = cancelIdleCallback;</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 </w:t>
            </w:r>
            <w:r>
              <w:rPr>
                <w:rFonts w:ascii="Cascadia Mono" w:hAnsi="Cascadia Mono" w:cs="Cascadia Mono"/>
                <w:color w:val="0000FF"/>
                <w:sz w:val="19"/>
                <w:szCs w:val="19"/>
              </w:rPr>
              <w:t>else</w:t>
            </w: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ancelId = </w:t>
            </w:r>
            <w:r>
              <w:rPr>
                <w:rFonts w:ascii="Cascadia Mono" w:hAnsi="Cascadia Mono" w:cs="Cascadia Mono"/>
                <w:color w:val="0000FF"/>
                <w:sz w:val="19"/>
                <w:szCs w:val="19"/>
              </w:rPr>
              <w:t>setTimeout</w:t>
            </w:r>
            <w:r>
              <w:rPr>
                <w:rFonts w:ascii="Cascadia Mono" w:hAnsi="Cascadia Mono" w:cs="Cascadia Mono"/>
                <w:color w:val="000000"/>
                <w:sz w:val="19"/>
                <w:szCs w:val="19"/>
              </w:rPr>
              <w:t>(getFingerPrint, 500);</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ancelFunction = clearTimeou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cript</w:t>
            </w:r>
            <w:r>
              <w:rPr>
                <w:rFonts w:ascii="Cascadia Mono" w:hAnsi="Cascadia Mono" w:cs="Cascadia Mono"/>
                <w:color w:val="000000"/>
                <w:sz w:val="19"/>
                <w:szCs w:val="19"/>
              </w:rPr>
              <w:t xml:space="preserve"> </w:t>
            </w:r>
            <w:r>
              <w:rPr>
                <w:rFonts w:ascii="Cascadia Mono" w:hAnsi="Cascadia Mono" w:cs="Cascadia Mono"/>
                <w:color w:val="FF0000"/>
                <w:sz w:val="19"/>
                <w:szCs w:val="19"/>
              </w:rPr>
              <w:t>type</w:t>
            </w:r>
            <w:r>
              <w:rPr>
                <w:rFonts w:ascii="Cascadia Mono" w:hAnsi="Cascadia Mono" w:cs="Cascadia Mono"/>
                <w:color w:val="000000"/>
                <w:sz w:val="19"/>
                <w:szCs w:val="19"/>
              </w:rPr>
              <w:t>=</w:t>
            </w:r>
            <w:r>
              <w:rPr>
                <w:rFonts w:ascii="Cascadia Mono" w:hAnsi="Cascadia Mono" w:cs="Cascadia Mono"/>
                <w:color w:val="0000FF"/>
                <w:sz w:val="19"/>
                <w:szCs w:val="19"/>
              </w:rPr>
              <w:t>"application/ld+js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w:t>
            </w:r>
            <w:r>
              <w:rPr>
                <w:rFonts w:ascii="Cascadia Mono" w:hAnsi="Cascadia Mono" w:cs="Cascadia Mono"/>
                <w:color w:val="A31515"/>
                <w:sz w:val="19"/>
                <w:szCs w:val="19"/>
              </w:rPr>
              <w:t>"@context"</w:t>
            </w:r>
            <w:r>
              <w:rPr>
                <w:rFonts w:ascii="Cascadia Mono" w:hAnsi="Cascadia Mono" w:cs="Cascadia Mono"/>
                <w:color w:val="000000"/>
                <w:sz w:val="19"/>
                <w:szCs w:val="19"/>
              </w:rPr>
              <w:t>:</w:t>
            </w:r>
            <w:r>
              <w:rPr>
                <w:rFonts w:ascii="Cascadia Mono" w:hAnsi="Cascadia Mono" w:cs="Cascadia Mono"/>
                <w:color w:val="A31515"/>
                <w:sz w:val="19"/>
                <w:szCs w:val="19"/>
              </w:rPr>
              <w:t>"http:\/\/schema.org"</w:t>
            </w:r>
            <w:r>
              <w:rPr>
                <w:rFonts w:ascii="Cascadia Mono" w:hAnsi="Cascadia Mono" w:cs="Cascadia Mono"/>
                <w:color w:val="000000"/>
                <w:sz w:val="19"/>
                <w:szCs w:val="19"/>
              </w:rPr>
              <w:t>,</w:t>
            </w:r>
            <w:r>
              <w:rPr>
                <w:rFonts w:ascii="Cascadia Mono" w:hAnsi="Cascadia Mono" w:cs="Cascadia Mono"/>
                <w:color w:val="A31515"/>
                <w:sz w:val="19"/>
                <w:szCs w:val="19"/>
              </w:rPr>
              <w:t>"@type"</w:t>
            </w:r>
            <w:r>
              <w:rPr>
                <w:rFonts w:ascii="Cascadia Mono" w:hAnsi="Cascadia Mono" w:cs="Cascadia Mono"/>
                <w:color w:val="000000"/>
                <w:sz w:val="19"/>
                <w:szCs w:val="19"/>
              </w:rPr>
              <w:t>:</w:t>
            </w:r>
            <w:r>
              <w:rPr>
                <w:rFonts w:ascii="Cascadia Mono" w:hAnsi="Cascadia Mono" w:cs="Cascadia Mono"/>
                <w:color w:val="A31515"/>
                <w:sz w:val="19"/>
                <w:szCs w:val="19"/>
              </w:rPr>
              <w:t>"WebPage"</w:t>
            </w:r>
            <w:r>
              <w:rPr>
                <w:rFonts w:ascii="Cascadia Mono" w:hAnsi="Cascadia Mono" w:cs="Cascadia Mono"/>
                <w:color w:val="000000"/>
                <w:sz w:val="19"/>
                <w:szCs w:val="19"/>
              </w:rPr>
              <w:t>,</w:t>
            </w:r>
            <w:r>
              <w:rPr>
                <w:rFonts w:ascii="Cascadia Mono" w:hAnsi="Cascadia Mono" w:cs="Cascadia Mono"/>
                <w:color w:val="A31515"/>
                <w:sz w:val="19"/>
                <w:szCs w:val="19"/>
              </w:rPr>
              <w:t>"name"</w:t>
            </w:r>
            <w:r>
              <w:rPr>
                <w:rFonts w:ascii="Cascadia Mono" w:hAnsi="Cascadia Mono" w:cs="Cascadia Mono"/>
                <w:color w:val="000000"/>
                <w:sz w:val="19"/>
                <w:szCs w:val="19"/>
              </w:rPr>
              <w:t>:</w:t>
            </w:r>
            <w:r>
              <w:rPr>
                <w:rFonts w:ascii="Cascadia Mono" w:hAnsi="Cascadia Mono" w:cs="Cascadia Mono"/>
                <w:color w:val="A31515"/>
                <w:sz w:val="19"/>
                <w:szCs w:val="19"/>
              </w:rPr>
              <w:t>"Senior Services"</w:t>
            </w:r>
            <w:r>
              <w:rPr>
                <w:rFonts w:ascii="Cascadia Mono" w:hAnsi="Cascadia Mono" w:cs="Cascadia Mono"/>
                <w:color w:val="000000"/>
                <w:sz w:val="19"/>
                <w:szCs w:val="19"/>
              </w:rPr>
              <w:t>,</w:t>
            </w:r>
            <w:r>
              <w:rPr>
                <w:rFonts w:ascii="Cascadia Mono" w:hAnsi="Cascadia Mono" w:cs="Cascadia Mono"/>
                <w:color w:val="A31515"/>
                <w:sz w:val="19"/>
                <w:szCs w:val="19"/>
              </w:rPr>
              <w:t>"url"</w:t>
            </w:r>
            <w:r>
              <w:rPr>
                <w:rFonts w:ascii="Cascadia Mono" w:hAnsi="Cascadia Mono" w:cs="Cascadia Mono"/>
                <w:color w:val="000000"/>
                <w:sz w:val="19"/>
                <w:szCs w:val="19"/>
              </w:rPr>
              <w:t>:</w:t>
            </w:r>
            <w:r>
              <w:rPr>
                <w:rFonts w:ascii="Cascadia Mono" w:hAnsi="Cascadia Mono" w:cs="Cascadia Mono"/>
                <w:color w:val="A31515"/>
                <w:sz w:val="19"/>
                <w:szCs w:val="19"/>
              </w:rPr>
              <w:t>"https:\/\/theseniorteam.net"</w:t>
            </w:r>
            <w:r>
              <w:rPr>
                <w:rFonts w:ascii="Cascadia Mono" w:hAnsi="Cascadia Mono" w:cs="Cascadia Mono"/>
                <w:color w:val="000000"/>
                <w:sz w:val="19"/>
                <w:szCs w:val="19"/>
              </w:rPr>
              <w:t>,</w:t>
            </w:r>
            <w:r>
              <w:rPr>
                <w:rFonts w:ascii="Cascadia Mono" w:hAnsi="Cascadia Mono" w:cs="Cascadia Mono"/>
                <w:color w:val="A31515"/>
                <w:sz w:val="19"/>
                <w:szCs w:val="19"/>
              </w:rPr>
              <w:t>"logo"</w:t>
            </w:r>
            <w:r>
              <w:rPr>
                <w:rFonts w:ascii="Cascadia Mono" w:hAnsi="Cascadia Mono" w:cs="Cascadia Mono"/>
                <w:color w:val="000000"/>
                <w:sz w:val="19"/>
                <w:szCs w:val="19"/>
              </w:rPr>
              <w:t>:</w:t>
            </w:r>
            <w:r>
              <w:rPr>
                <w:rFonts w:ascii="Cascadia Mono" w:hAnsi="Cascadia Mono" w:cs="Cascadia Mono"/>
                <w:color w:val="A31515"/>
                <w:sz w:val="19"/>
                <w:szCs w:val="19"/>
              </w:rPr>
              <w:t>"https:\/\/assets.elite.dev\/img\/portal\/rect\/ssp.svg"</w:t>
            </w:r>
            <w:r>
              <w:rPr>
                <w:rFonts w:ascii="Cascadia Mono" w:hAnsi="Cascadia Mono" w:cs="Cascadia Mono"/>
                <w:color w:val="000000"/>
                <w:sz w:val="19"/>
                <w:szCs w:val="19"/>
              </w:rPr>
              <w:t>,</w:t>
            </w:r>
            <w:r>
              <w:rPr>
                <w:rFonts w:ascii="Cascadia Mono" w:hAnsi="Cascadia Mono" w:cs="Cascadia Mono"/>
                <w:color w:val="A31515"/>
                <w:sz w:val="19"/>
                <w:szCs w:val="19"/>
              </w:rPr>
              <w:t>"sameAs"</w:t>
            </w:r>
            <w:r>
              <w:rPr>
                <w:rFonts w:ascii="Cascadia Mono" w:hAnsi="Cascadia Mono" w:cs="Cascadia Mono"/>
                <w:color w:val="000000"/>
                <w:sz w:val="19"/>
                <w:szCs w:val="19"/>
              </w:rPr>
              <w:t>:[</w:t>
            </w:r>
            <w:r>
              <w:rPr>
                <w:rFonts w:ascii="Cascadia Mono" w:hAnsi="Cascadia Mono" w:cs="Cascadia Mono"/>
                <w:color w:val="A31515"/>
                <w:sz w:val="19"/>
                <w:szCs w:val="19"/>
              </w:rPr>
              <w:t>"https:\/\/theseniorteam.net"</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script</w:t>
            </w:r>
            <w:r>
              <w:rPr>
                <w:rFonts w:ascii="Cascadia Mono" w:hAnsi="Cascadia Mono" w:cs="Cascadia Mono"/>
                <w:color w:val="000000"/>
                <w:sz w:val="19"/>
                <w:szCs w:val="19"/>
              </w:rPr>
              <w:t xml:space="preserve">&gt;   </w:t>
            </w:r>
          </w:p>
          <w:p w:rsidR="0048012D" w:rsidRDefault="0048012D" w:rsidP="0048012D">
            <w:pPr>
              <w:autoSpaceDE w:val="0"/>
              <w:autoSpaceDN w:val="0"/>
              <w:adjustRightInd w:val="0"/>
              <w:rPr>
                <w:rFonts w:ascii="Cascadia Mono" w:hAnsi="Cascadia Mono" w:cs="Cascadia Mono"/>
                <w:color w:val="000000"/>
                <w:sz w:val="19"/>
                <w:szCs w:val="19"/>
              </w:rPr>
            </w:pPr>
          </w:p>
          <w:p w:rsidR="0048012D" w:rsidRDefault="0048012D" w:rsidP="0048012D">
            <w:pPr>
              <w:autoSpaceDE w:val="0"/>
              <w:autoSpaceDN w:val="0"/>
              <w:adjustRightInd w:val="0"/>
              <w:rPr>
                <w:rFonts w:ascii="Cascadia Mono" w:hAnsi="Cascadia Mono" w:cs="Cascadia Mono"/>
                <w:color w:val="000000"/>
                <w:sz w:val="19"/>
                <w:szCs w:val="19"/>
              </w:rPr>
            </w:pP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lt;!-- Meta Pixel Code --&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r>
              <w:rPr>
                <w:rFonts w:ascii="Cascadia Mono" w:hAnsi="Cascadia Mono" w:cs="Cascadia Mono"/>
                <w:color w:val="0000FF"/>
                <w:sz w:val="19"/>
                <w:szCs w:val="19"/>
              </w:rPr>
              <w:t>function</w:t>
            </w:r>
            <w:r>
              <w:rPr>
                <w:rFonts w:ascii="Cascadia Mono" w:hAnsi="Cascadia Mono" w:cs="Cascadia Mono"/>
                <w:color w:val="000000"/>
                <w:sz w:val="19"/>
                <w:szCs w:val="19"/>
              </w:rPr>
              <w:t>(f,b,e,v,n,t,s)</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r>
              <w:rPr>
                <w:rFonts w:ascii="Cascadia Mono" w:hAnsi="Cascadia Mono" w:cs="Cascadia Mono"/>
                <w:color w:val="0000FF"/>
                <w:sz w:val="19"/>
                <w:szCs w:val="19"/>
              </w:rPr>
              <w:t>if</w:t>
            </w:r>
            <w:r>
              <w:rPr>
                <w:rFonts w:ascii="Cascadia Mono" w:hAnsi="Cascadia Mono" w:cs="Cascadia Mono"/>
                <w:color w:val="000000"/>
                <w:sz w:val="19"/>
                <w:szCs w:val="19"/>
              </w:rPr>
              <w:t>(f.fbq)</w:t>
            </w:r>
            <w:r>
              <w:rPr>
                <w:rFonts w:ascii="Cascadia Mono" w:hAnsi="Cascadia Mono" w:cs="Cascadia Mono"/>
                <w:color w:val="0000FF"/>
                <w:sz w:val="19"/>
                <w:szCs w:val="19"/>
              </w:rPr>
              <w:t>return</w:t>
            </w:r>
            <w:r>
              <w:rPr>
                <w:rFonts w:ascii="Cascadia Mono" w:hAnsi="Cascadia Mono" w:cs="Cascadia Mono"/>
                <w:color w:val="000000"/>
                <w:sz w:val="19"/>
                <w:szCs w:val="19"/>
              </w:rPr>
              <w:t>;n=f.</w:t>
            </w:r>
            <w:r>
              <w:rPr>
                <w:rFonts w:ascii="Cascadia Mono" w:hAnsi="Cascadia Mono" w:cs="Cascadia Mono"/>
                <w:color w:val="2B91AF"/>
                <w:sz w:val="19"/>
                <w:szCs w:val="19"/>
              </w:rPr>
              <w:t>fbq</w:t>
            </w:r>
            <w:r>
              <w:rPr>
                <w:rFonts w:ascii="Cascadia Mono" w:hAnsi="Cascadia Mono" w:cs="Cascadia Mono"/>
                <w:color w:val="000000"/>
                <w:sz w:val="19"/>
                <w:szCs w:val="19"/>
              </w:rPr>
              <w:t>=</w:t>
            </w:r>
            <w:r>
              <w:rPr>
                <w:rFonts w:ascii="Cascadia Mono" w:hAnsi="Cascadia Mono" w:cs="Cascadia Mono"/>
                <w:color w:val="0000FF"/>
                <w:sz w:val="19"/>
                <w:szCs w:val="19"/>
              </w:rPr>
              <w:t>function</w:t>
            </w:r>
            <w:r>
              <w:rPr>
                <w:rFonts w:ascii="Cascadia Mono" w:hAnsi="Cascadia Mono" w:cs="Cascadia Mono"/>
                <w:color w:val="000000"/>
                <w:sz w:val="19"/>
                <w:szCs w:val="19"/>
              </w:rPr>
              <w:t>(){n.callMethod?</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n.callMethod.</w:t>
            </w:r>
            <w:r>
              <w:rPr>
                <w:rFonts w:ascii="Cascadia Mono" w:hAnsi="Cascadia Mono" w:cs="Cascadia Mono"/>
                <w:color w:val="0000FF"/>
                <w:sz w:val="19"/>
                <w:szCs w:val="19"/>
              </w:rPr>
              <w:t>apply</w:t>
            </w:r>
            <w:r>
              <w:rPr>
                <w:rFonts w:ascii="Cascadia Mono" w:hAnsi="Cascadia Mono" w:cs="Cascadia Mono"/>
                <w:color w:val="000000"/>
                <w:sz w:val="19"/>
                <w:szCs w:val="19"/>
              </w:rPr>
              <w:t>(n,</w:t>
            </w:r>
            <w:r>
              <w:rPr>
                <w:rFonts w:ascii="Cascadia Mono" w:hAnsi="Cascadia Mono" w:cs="Cascadia Mono"/>
                <w:color w:val="0000FF"/>
                <w:sz w:val="19"/>
                <w:szCs w:val="19"/>
              </w:rPr>
              <w:t>arguments</w:t>
            </w:r>
            <w:r>
              <w:rPr>
                <w:rFonts w:ascii="Cascadia Mono" w:hAnsi="Cascadia Mono" w:cs="Cascadia Mono"/>
                <w:color w:val="000000"/>
                <w:sz w:val="19"/>
                <w:szCs w:val="19"/>
              </w:rPr>
              <w:t>):n.queue.</w:t>
            </w:r>
            <w:r>
              <w:rPr>
                <w:rFonts w:ascii="Cascadia Mono" w:hAnsi="Cascadia Mono" w:cs="Cascadia Mono"/>
                <w:color w:val="0000FF"/>
                <w:sz w:val="19"/>
                <w:szCs w:val="19"/>
              </w:rPr>
              <w:t>push</w:t>
            </w:r>
            <w:r>
              <w:rPr>
                <w:rFonts w:ascii="Cascadia Mono" w:hAnsi="Cascadia Mono" w:cs="Cascadia Mono"/>
                <w:color w:val="000000"/>
                <w:sz w:val="19"/>
                <w:szCs w:val="19"/>
              </w:rPr>
              <w:t>(</w:t>
            </w:r>
            <w:r>
              <w:rPr>
                <w:rFonts w:ascii="Cascadia Mono" w:hAnsi="Cascadia Mono" w:cs="Cascadia Mono"/>
                <w:color w:val="0000FF"/>
                <w:sz w:val="19"/>
                <w:szCs w:val="19"/>
              </w:rPr>
              <w:t>arguments</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FF"/>
                <w:sz w:val="19"/>
                <w:szCs w:val="19"/>
              </w:rPr>
              <w:t>if</w:t>
            </w:r>
            <w:r>
              <w:rPr>
                <w:rFonts w:ascii="Cascadia Mono" w:hAnsi="Cascadia Mono" w:cs="Cascadia Mono"/>
                <w:color w:val="000000"/>
                <w:sz w:val="19"/>
                <w:szCs w:val="19"/>
              </w:rPr>
              <w:t>(!f._fbq)f._fbq=n;n.push=n;n.loaded=!0;n.version=</w:t>
            </w:r>
            <w:r>
              <w:rPr>
                <w:rFonts w:ascii="Cascadia Mono" w:hAnsi="Cascadia Mono" w:cs="Cascadia Mono"/>
                <w:color w:val="A31515"/>
                <w:sz w:val="19"/>
                <w:szCs w:val="19"/>
              </w:rPr>
              <w:t>'2.0'</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n.queue=[];t=b.</w:t>
            </w:r>
            <w:r>
              <w:rPr>
                <w:rFonts w:ascii="Cascadia Mono" w:hAnsi="Cascadia Mono" w:cs="Cascadia Mono"/>
                <w:color w:val="0000FF"/>
                <w:sz w:val="19"/>
                <w:szCs w:val="19"/>
              </w:rPr>
              <w:t>createElement</w:t>
            </w:r>
            <w:r>
              <w:rPr>
                <w:rFonts w:ascii="Cascadia Mono" w:hAnsi="Cascadia Mono" w:cs="Cascadia Mono"/>
                <w:color w:val="000000"/>
                <w:sz w:val="19"/>
                <w:szCs w:val="19"/>
              </w:rPr>
              <w:t>(e);t.async=!0;</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t.src=v;s=b.</w:t>
            </w:r>
            <w:r>
              <w:rPr>
                <w:rFonts w:ascii="Cascadia Mono" w:hAnsi="Cascadia Mono" w:cs="Cascadia Mono"/>
                <w:color w:val="0000FF"/>
                <w:sz w:val="19"/>
                <w:szCs w:val="19"/>
              </w:rPr>
              <w:t>getElementsByTagName</w:t>
            </w:r>
            <w:r>
              <w:rPr>
                <w:rFonts w:ascii="Cascadia Mono" w:hAnsi="Cascadia Mono" w:cs="Cascadia Mono"/>
                <w:color w:val="000000"/>
                <w:sz w:val="19"/>
                <w:szCs w:val="19"/>
              </w:rPr>
              <w:t>(e)[0];</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s.parentNode.</w:t>
            </w:r>
            <w:r>
              <w:rPr>
                <w:rFonts w:ascii="Cascadia Mono" w:hAnsi="Cascadia Mono" w:cs="Cascadia Mono"/>
                <w:color w:val="0000FF"/>
                <w:sz w:val="19"/>
                <w:szCs w:val="19"/>
              </w:rPr>
              <w:t>insertBefore</w:t>
            </w:r>
            <w:r>
              <w:rPr>
                <w:rFonts w:ascii="Cascadia Mono" w:hAnsi="Cascadia Mono" w:cs="Cascadia Mono"/>
                <w:color w:val="000000"/>
                <w:sz w:val="19"/>
                <w:szCs w:val="19"/>
              </w:rPr>
              <w:t>(t,s)}(window, document,</w:t>
            </w:r>
            <w:r>
              <w:rPr>
                <w:rFonts w:ascii="Cascadia Mono" w:hAnsi="Cascadia Mono" w:cs="Cascadia Mono"/>
                <w:color w:val="A31515"/>
                <w:sz w:val="19"/>
                <w:szCs w:val="19"/>
              </w:rPr>
              <w:t>'script'</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A31515"/>
                <w:sz w:val="19"/>
                <w:szCs w:val="19"/>
              </w:rPr>
              <w:t>'https://connect.facebook.net/en_US/fbevents.js'</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2B91AF"/>
                <w:sz w:val="19"/>
                <w:szCs w:val="19"/>
              </w:rPr>
              <w:t>fbq</w:t>
            </w:r>
            <w:r>
              <w:rPr>
                <w:rFonts w:ascii="Cascadia Mono" w:hAnsi="Cascadia Mono" w:cs="Cascadia Mono"/>
                <w:color w:val="000000"/>
                <w:sz w:val="19"/>
                <w:szCs w:val="19"/>
              </w:rPr>
              <w:t>(</w:t>
            </w:r>
            <w:r>
              <w:rPr>
                <w:rFonts w:ascii="Cascadia Mono" w:hAnsi="Cascadia Mono" w:cs="Cascadia Mono"/>
                <w:color w:val="A31515"/>
                <w:sz w:val="19"/>
                <w:szCs w:val="19"/>
              </w:rPr>
              <w:t>'init'</w:t>
            </w:r>
            <w:r>
              <w:rPr>
                <w:rFonts w:ascii="Cascadia Mono" w:hAnsi="Cascadia Mono" w:cs="Cascadia Mono"/>
                <w:color w:val="000000"/>
                <w:sz w:val="19"/>
                <w:szCs w:val="19"/>
              </w:rPr>
              <w:t xml:space="preserve">, </w:t>
            </w:r>
            <w:r>
              <w:rPr>
                <w:rFonts w:ascii="Cascadia Mono" w:hAnsi="Cascadia Mono" w:cs="Cascadia Mono"/>
                <w:color w:val="A31515"/>
                <w:sz w:val="19"/>
                <w:szCs w:val="19"/>
              </w:rPr>
              <w:t>'1380363135826732'</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2B91AF"/>
                <w:sz w:val="19"/>
                <w:szCs w:val="19"/>
              </w:rPr>
              <w:t>fbq</w:t>
            </w:r>
            <w:r>
              <w:rPr>
                <w:rFonts w:ascii="Cascadia Mono" w:hAnsi="Cascadia Mono" w:cs="Cascadia Mono"/>
                <w:color w:val="000000"/>
                <w:sz w:val="19"/>
                <w:szCs w:val="19"/>
              </w:rPr>
              <w:t>(</w:t>
            </w:r>
            <w:r>
              <w:rPr>
                <w:rFonts w:ascii="Cascadia Mono" w:hAnsi="Cascadia Mono" w:cs="Cascadia Mono"/>
                <w:color w:val="A31515"/>
                <w:sz w:val="19"/>
                <w:szCs w:val="19"/>
              </w:rPr>
              <w:t>'track'</w:t>
            </w:r>
            <w:r>
              <w:rPr>
                <w:rFonts w:ascii="Cascadia Mono" w:hAnsi="Cascadia Mono" w:cs="Cascadia Mono"/>
                <w:color w:val="000000"/>
                <w:sz w:val="19"/>
                <w:szCs w:val="19"/>
              </w:rPr>
              <w:t xml:space="preserve">, </w:t>
            </w:r>
            <w:r>
              <w:rPr>
                <w:rFonts w:ascii="Cascadia Mono" w:hAnsi="Cascadia Mono" w:cs="Cascadia Mono"/>
                <w:color w:val="A31515"/>
                <w:sz w:val="19"/>
                <w:szCs w:val="19"/>
              </w:rPr>
              <w:t>'PageView'</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scrip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noscript</w:t>
            </w:r>
            <w:r>
              <w:rPr>
                <w:rFonts w:ascii="Cascadia Mono" w:hAnsi="Cascadia Mono" w:cs="Cascadia Mono"/>
                <w:color w:val="000000"/>
                <w:sz w:val="19"/>
                <w:szCs w:val="19"/>
              </w:rPr>
              <w:t>&gt;&lt;</w:t>
            </w:r>
            <w:r>
              <w:rPr>
                <w:rFonts w:ascii="Cascadia Mono" w:hAnsi="Cascadia Mono" w:cs="Cascadia Mono"/>
                <w:color w:val="800000"/>
                <w:sz w:val="19"/>
                <w:szCs w:val="19"/>
              </w:rPr>
              <w:t xml:space="preserve">img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1"</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1"</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display:none"</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800000"/>
                <w:sz w:val="19"/>
                <w:szCs w:val="19"/>
              </w:rPr>
              <w:t>src=</w:t>
            </w:r>
            <w:r>
              <w:rPr>
                <w:rFonts w:ascii="Cascadia Mono" w:hAnsi="Cascadia Mono" w:cs="Cascadia Mono"/>
                <w:color w:val="0000FF"/>
                <w:sz w:val="19"/>
                <w:szCs w:val="19"/>
              </w:rPr>
              <w:t>"https://www.facebook.com/tr?id=1380363135826732</w:t>
            </w:r>
            <w:r>
              <w:rPr>
                <w:rFonts w:ascii="Cascadia Mono" w:hAnsi="Cascadia Mono" w:cs="Cascadia Mono"/>
                <w:color w:val="000000"/>
                <w:sz w:val="19"/>
                <w:szCs w:val="19"/>
              </w:rPr>
              <w:t>&amp;</w:t>
            </w:r>
            <w:r>
              <w:rPr>
                <w:rFonts w:ascii="Cascadia Mono" w:hAnsi="Cascadia Mono" w:cs="Cascadia Mono"/>
                <w:color w:val="0000FF"/>
                <w:sz w:val="19"/>
                <w:szCs w:val="19"/>
              </w:rPr>
              <w:t>ev=PageView</w:t>
            </w:r>
            <w:r>
              <w:rPr>
                <w:rFonts w:ascii="Cascadia Mono" w:hAnsi="Cascadia Mono" w:cs="Cascadia Mono"/>
                <w:color w:val="000000"/>
                <w:sz w:val="19"/>
                <w:szCs w:val="19"/>
              </w:rPr>
              <w:t>&amp;</w:t>
            </w:r>
            <w:r>
              <w:rPr>
                <w:rFonts w:ascii="Cascadia Mono" w:hAnsi="Cascadia Mono" w:cs="Cascadia Mono"/>
                <w:color w:val="0000FF"/>
                <w:sz w:val="19"/>
                <w:szCs w:val="19"/>
              </w:rPr>
              <w:t>noscript=1"</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gt;&lt;/</w:t>
            </w:r>
            <w:r>
              <w:rPr>
                <w:rFonts w:ascii="Cascadia Mono" w:hAnsi="Cascadia Mono" w:cs="Cascadia Mono"/>
                <w:color w:val="800000"/>
                <w:sz w:val="19"/>
                <w:szCs w:val="19"/>
              </w:rPr>
              <w:t>noscrip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lt;!-- End Meta Pixel Code --&gt;</w:t>
            </w:r>
          </w:p>
          <w:p w:rsidR="0048012D" w:rsidRDefault="0048012D" w:rsidP="0048012D">
            <w:pPr>
              <w:autoSpaceDE w:val="0"/>
              <w:autoSpaceDN w:val="0"/>
              <w:adjustRightInd w:val="0"/>
              <w:rPr>
                <w:rFonts w:ascii="Cascadia Mono" w:hAnsi="Cascadia Mono" w:cs="Cascadia Mono"/>
                <w:color w:val="000000"/>
                <w:sz w:val="19"/>
                <w:szCs w:val="19"/>
              </w:rPr>
            </w:pPr>
          </w:p>
          <w:p w:rsidR="0048012D" w:rsidRDefault="0048012D" w:rsidP="0048012D">
            <w:pPr>
              <w:autoSpaceDE w:val="0"/>
              <w:autoSpaceDN w:val="0"/>
              <w:adjustRightInd w:val="0"/>
              <w:rPr>
                <w:rFonts w:ascii="Cascadia Mono" w:hAnsi="Cascadia Mono" w:cs="Cascadia Mono"/>
                <w:color w:val="000000"/>
                <w:sz w:val="19"/>
                <w:szCs w:val="19"/>
              </w:rPr>
            </w:pP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head</w:t>
            </w:r>
            <w:r>
              <w:rPr>
                <w:rFonts w:ascii="Cascadia Mono" w:hAnsi="Cascadia Mono" w:cs="Cascadia Mono"/>
                <w:color w:val="000000"/>
                <w:sz w:val="19"/>
                <w:szCs w:val="19"/>
              </w:rPr>
              <w:t>&gt;</w:t>
            </w:r>
          </w:p>
          <w:p w:rsidR="0048012D" w:rsidRDefault="0048012D" w:rsidP="0048012D">
            <w:r>
              <w:rPr>
                <w:rFonts w:ascii="Cascadia Mono" w:hAnsi="Cascadia Mono" w:cs="Cascadia Mono"/>
                <w:color w:val="008000"/>
                <w:sz w:val="19"/>
                <w:szCs w:val="19"/>
              </w:rPr>
              <w:t>&lt;!--head ends--&gt;</w:t>
            </w:r>
          </w:p>
        </w:tc>
      </w:tr>
      <w:tr w:rsidR="0048012D" w:rsidTr="0048012D">
        <w:tc>
          <w:tcPr>
            <w:tcW w:w="9576" w:type="dxa"/>
          </w:tcPr>
          <w:p w:rsidR="0048012D" w:rsidRDefault="0048012D"/>
        </w:tc>
      </w:tr>
    </w:tbl>
    <w:p w:rsidR="0048012D" w:rsidRDefault="0048012D" w:rsidP="0048012D"/>
    <w:p w:rsidR="00201CC5" w:rsidRDefault="00201CC5" w:rsidP="0048012D"/>
    <w:tbl>
      <w:tblPr>
        <w:tblStyle w:val="TableGrid"/>
        <w:tblW w:w="0" w:type="auto"/>
        <w:tblLook w:val="04A0" w:firstRow="1" w:lastRow="0" w:firstColumn="1" w:lastColumn="0" w:noHBand="0" w:noVBand="1"/>
      </w:tblPr>
      <w:tblGrid>
        <w:gridCol w:w="9576"/>
      </w:tblGrid>
      <w:tr w:rsidR="00201CC5" w:rsidTr="00201CC5">
        <w:tc>
          <w:tcPr>
            <w:tcW w:w="9576" w:type="dxa"/>
          </w:tcPr>
          <w:p w:rsidR="00201CC5" w:rsidRDefault="00201CC5" w:rsidP="0048012D">
            <w:r>
              <w:t>Footer.php</w:t>
            </w:r>
          </w:p>
        </w:tc>
      </w:tr>
      <w:tr w:rsidR="00201CC5" w:rsidTr="00201CC5">
        <w:tc>
          <w:tcPr>
            <w:tcW w:w="9576" w:type="dxa"/>
          </w:tcPr>
          <w:p w:rsidR="00201CC5" w:rsidRDefault="00201CC5" w:rsidP="0048012D">
            <w:r>
              <w:object w:dxaOrig="3371" w:dyaOrig="432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33" type="#_x0000_t75" style="width:454.4pt;height:3in" o:ole="">
                  <v:imagedata r:id="rId5" o:title=""/>
                </v:shape>
                <o:OLEObject Type="Embed" ProgID="PBrush" ShapeID="_x0000_i1033" DrawAspect="Content" ObjectID="_1729694182" r:id="rId6"/>
              </w:object>
            </w:r>
          </w:p>
          <w:p w:rsidR="00201CC5" w:rsidRDefault="00201CC5" w:rsidP="0048012D">
            <w:r>
              <w:object w:dxaOrig="4320" w:dyaOrig="3183">
                <v:shape id="_x0000_i1034" type="#_x0000_t75" style="width:441.6pt;height:159.2pt" o:ole="">
                  <v:imagedata r:id="rId7" o:title=""/>
                </v:shape>
                <o:OLEObject Type="Embed" ProgID="PBrush" ShapeID="_x0000_i1034" DrawAspect="Content" ObjectID="_1729694183" r:id="rId8"/>
              </w:object>
            </w:r>
          </w:p>
        </w:tc>
      </w:tr>
      <w:tr w:rsidR="00201CC5" w:rsidTr="00201CC5">
        <w:tc>
          <w:tcPr>
            <w:tcW w:w="9576" w:type="dxa"/>
          </w:tcPr>
          <w:p w:rsidR="00201CC5" w:rsidRDefault="00201CC5" w:rsidP="00201CC5">
            <w:r>
              <w:lastRenderedPageBreak/>
              <w:t xml:space="preserve">  &lt;!--start of modal pop-up for SeniorPlaceFinder site governance section --&gt;</w:t>
            </w:r>
          </w:p>
          <w:p w:rsidR="00201CC5" w:rsidRDefault="00201CC5" w:rsidP="00201CC5">
            <w:r>
              <w:t xml:space="preserve">            &lt;div id = "myModalContainer"&gt;</w:t>
            </w:r>
          </w:p>
          <w:p w:rsidR="00201CC5" w:rsidRDefault="00201CC5" w:rsidP="00201CC5">
            <w:r>
              <w:t xml:space="preserve">                &lt;div class="modal fade" id="myModal" style="max-height: 500px !important; margin-top: 70px;"&gt;</w:t>
            </w:r>
          </w:p>
          <w:p w:rsidR="00201CC5" w:rsidRDefault="00201CC5" w:rsidP="00201CC5">
            <w:r>
              <w:t xml:space="preserve">                    &lt;div class="modal-dialog modal-dialog-scrollable modal-lg"&gt;</w:t>
            </w:r>
          </w:p>
          <w:p w:rsidR="00201CC5" w:rsidRDefault="00201CC5" w:rsidP="00201CC5">
            <w:r>
              <w:t xml:space="preserve">                      &lt;div class="modal-content"&gt;</w:t>
            </w:r>
          </w:p>
          <w:p w:rsidR="00201CC5" w:rsidRDefault="00201CC5" w:rsidP="00201CC5"/>
          <w:p w:rsidR="00201CC5" w:rsidRDefault="00201CC5" w:rsidP="00201CC5">
            <w:r>
              <w:t xml:space="preserve">                        &lt;!-- Modal Header --&gt;</w:t>
            </w:r>
          </w:p>
          <w:p w:rsidR="00201CC5" w:rsidRDefault="00201CC5" w:rsidP="00201CC5">
            <w:r>
              <w:t xml:space="preserve">                        &lt;div class="modal-header"&gt;</w:t>
            </w:r>
          </w:p>
          <w:p w:rsidR="00201CC5" w:rsidRDefault="00201CC5" w:rsidP="00201CC5">
            <w:r>
              <w:t xml:space="preserve">                            &lt;h4 class="modal-title"&gt;Terms and Conditions&lt;/h4&gt;</w:t>
            </w:r>
          </w:p>
          <w:p w:rsidR="00201CC5" w:rsidRDefault="00201CC5" w:rsidP="00201CC5">
            <w:r>
              <w:t xml:space="preserve">                          &lt;button type="button" class="close" data-dismiss="modal"&gt;&amp;#x274C;&lt;/button&gt;</w:t>
            </w:r>
          </w:p>
          <w:p w:rsidR="00201CC5" w:rsidRDefault="00201CC5" w:rsidP="00201CC5">
            <w:r>
              <w:t xml:space="preserve">                        &lt;/div&gt;</w:t>
            </w:r>
          </w:p>
          <w:p w:rsidR="00201CC5" w:rsidRDefault="00201CC5" w:rsidP="00201CC5"/>
          <w:p w:rsidR="00201CC5" w:rsidRDefault="00201CC5" w:rsidP="00201CC5">
            <w:r>
              <w:t xml:space="preserve">                        &lt;!-- Modal body --&gt;</w:t>
            </w:r>
          </w:p>
          <w:p w:rsidR="00201CC5" w:rsidRDefault="00201CC5" w:rsidP="00201CC5">
            <w:r>
              <w:t xml:space="preserve">                        &lt;div class="modal-body"&gt;</w:t>
            </w:r>
          </w:p>
          <w:p w:rsidR="00201CC5" w:rsidRDefault="00201CC5" w:rsidP="00201CC5">
            <w:r>
              <w:t xml:space="preserve">                            &lt;h5&gt;Access &amp; Services&lt;/h5&gt;</w:t>
            </w:r>
          </w:p>
          <w:p w:rsidR="00201CC5" w:rsidRDefault="00201CC5" w:rsidP="00201CC5">
            <w:r>
              <w:t xml:space="preserve">                            &lt;p&gt;Your access to data, services, resources, and benefits is free. We offer you information filtered by your requests, needs, and circumstances as provided.&lt;/p&gt;</w:t>
            </w:r>
          </w:p>
          <w:p w:rsidR="00201CC5" w:rsidRDefault="00201CC5" w:rsidP="00201CC5">
            <w:r>
              <w:t xml:space="preserve">                            &lt;h5&gt;Consumer Benefit&lt;/h5&gt;</w:t>
            </w:r>
          </w:p>
          <w:p w:rsidR="00201CC5" w:rsidRDefault="00201CC5" w:rsidP="00201CC5">
            <w:r>
              <w:t xml:space="preserve">                            &lt;p&gt;With your free access to search, the senior market by your profile gets you first-hand knowledge, qualified professionals, and executives with authority to advise and act on your behalf.&lt;/p&gt;</w:t>
            </w:r>
          </w:p>
          <w:p w:rsidR="00201CC5" w:rsidRDefault="00201CC5" w:rsidP="00201CC5">
            <w:r>
              <w:t xml:space="preserve">                            &lt;p&gt;Keep Your Senior Team Lists, free initial consultations, Cash Vouchers, Gift Cards, and a private secured Dashboard to manage it all.&lt;/p&gt;</w:t>
            </w:r>
          </w:p>
          <w:p w:rsidR="00201CC5" w:rsidRDefault="00201CC5" w:rsidP="00201CC5">
            <w:r>
              <w:t xml:space="preserve">                            &lt;h5&gt;Terms &amp; Conditions&lt;/h5&gt;</w:t>
            </w:r>
          </w:p>
          <w:p w:rsidR="00201CC5" w:rsidRDefault="00201CC5" w:rsidP="00201CC5">
            <w:r>
              <w:t xml:space="preserve">                            &lt;p&gt;Users are required to respect the data and to act in good faith when searching for services and products. Also to provide status updates, and maintain your progress from emails sent and notifications in Dashboard.&lt;/p&gt;</w:t>
            </w:r>
          </w:p>
          <w:p w:rsidR="00201CC5" w:rsidRDefault="00201CC5" w:rsidP="00201CC5">
            <w:r>
              <w:t xml:space="preserve">                            &lt;h5&gt;Fees &amp; Payment&lt;/h5&gt;</w:t>
            </w:r>
          </w:p>
          <w:p w:rsidR="00201CC5" w:rsidRDefault="00201CC5" w:rsidP="00201CC5">
            <w:r>
              <w:t xml:space="preserve">                            &lt;p&gt;There is no fees for your use and access to tools and data to form Your Senior Team to support your needs as a senior. &lt;/p&gt;</w:t>
            </w:r>
          </w:p>
          <w:p w:rsidR="00201CC5" w:rsidRDefault="00201CC5" w:rsidP="00201CC5">
            <w:r>
              <w:t xml:space="preserve">                            &lt;h5&gt;Club &amp; System Rules&lt;/h5&gt;</w:t>
            </w:r>
          </w:p>
          <w:p w:rsidR="00201CC5" w:rsidRDefault="00201CC5" w:rsidP="00201CC5">
            <w:r>
              <w:t xml:space="preserve">                            &lt;p&gt;Trust and honesty can be expected from the Members of Your Senior Team and all activity is expected to abide by the rules and ethics of business and consumer rights.&lt;/p&gt;</w:t>
            </w:r>
          </w:p>
          <w:p w:rsidR="00201CC5" w:rsidRDefault="00201CC5" w:rsidP="00201CC5">
            <w:r>
              <w:t xml:space="preserve">                            &lt;p&gt;We believe that everyone should treat seniors as if they were your mother or father.&lt;/p&gt;</w:t>
            </w:r>
          </w:p>
          <w:p w:rsidR="00201CC5" w:rsidRDefault="00201CC5" w:rsidP="00201CC5">
            <w:r>
              <w:t xml:space="preserve">                            &lt;h5&gt;Privacy &amp; Security&lt;/h5&gt;</w:t>
            </w:r>
          </w:p>
          <w:p w:rsidR="00201CC5" w:rsidRDefault="00201CC5" w:rsidP="00201CC5">
            <w:r>
              <w:lastRenderedPageBreak/>
              <w:t xml:space="preserve">                            &lt;p&gt;Your information, activity, interactions, and communications are viewed only by you, the relevant party to any transaction you initiate, and to whom it is intended.&lt;/p&gt;</w:t>
            </w:r>
          </w:p>
          <w:p w:rsidR="00201CC5" w:rsidRDefault="00201CC5" w:rsidP="00201CC5">
            <w:r>
              <w:t xml:space="preserve">                        &lt;/div&gt;</w:t>
            </w:r>
          </w:p>
          <w:p w:rsidR="00201CC5" w:rsidRDefault="00201CC5" w:rsidP="00201CC5"/>
          <w:p w:rsidR="00201CC5" w:rsidRDefault="00201CC5" w:rsidP="00201CC5">
            <w:r>
              <w:t xml:space="preserve">                        &lt;!-- Modal footer --&gt;</w:t>
            </w:r>
          </w:p>
          <w:p w:rsidR="00201CC5" w:rsidRDefault="00201CC5" w:rsidP="00201CC5">
            <w:r>
              <w:t xml:space="preserve">                        &lt;div class="modal-footer"&gt;</w:t>
            </w:r>
          </w:p>
          <w:p w:rsidR="00201CC5" w:rsidRDefault="00201CC5" w:rsidP="00201CC5">
            <w:r>
              <w:t xml:space="preserve">                          &lt;button type="button" class="btn btn-danger" data-dismiss="modal"&gt;Close&lt;/button&gt;</w:t>
            </w:r>
          </w:p>
          <w:p w:rsidR="00201CC5" w:rsidRDefault="00201CC5" w:rsidP="00201CC5">
            <w:r>
              <w:t xml:space="preserve">                        &lt;/div&gt;</w:t>
            </w:r>
          </w:p>
          <w:p w:rsidR="00201CC5" w:rsidRDefault="00201CC5" w:rsidP="00201CC5"/>
          <w:p w:rsidR="00201CC5" w:rsidRDefault="00201CC5" w:rsidP="00201CC5">
            <w:r>
              <w:t xml:space="preserve">                      &lt;/div&gt;</w:t>
            </w:r>
          </w:p>
          <w:p w:rsidR="00201CC5" w:rsidRDefault="00201CC5" w:rsidP="00201CC5">
            <w:r>
              <w:t xml:space="preserve">                    &lt;/div&gt;</w:t>
            </w:r>
          </w:p>
          <w:p w:rsidR="00201CC5" w:rsidRDefault="00201CC5" w:rsidP="00201CC5">
            <w:r>
              <w:t xml:space="preserve">                  &lt;/div&gt;</w:t>
            </w:r>
          </w:p>
          <w:p w:rsidR="00201CC5" w:rsidRDefault="00201CC5" w:rsidP="00201CC5">
            <w:r>
              <w:t xml:space="preserve">                  &lt;div class="modal fade" id="myModal1" style="max-height: 500px !important; margin-top: 70px;"&gt;</w:t>
            </w:r>
          </w:p>
          <w:p w:rsidR="00201CC5" w:rsidRDefault="00201CC5" w:rsidP="00201CC5">
            <w:r>
              <w:t xml:space="preserve">                    &lt;div class="modal-dialog modal-dialog-scrollable modal-lg"&gt;</w:t>
            </w:r>
          </w:p>
          <w:p w:rsidR="00201CC5" w:rsidRDefault="00201CC5" w:rsidP="00201CC5">
            <w:r>
              <w:t xml:space="preserve">                      &lt;div class="modal-content"&gt;</w:t>
            </w:r>
          </w:p>
          <w:p w:rsidR="00201CC5" w:rsidRDefault="00201CC5" w:rsidP="00201CC5"/>
          <w:p w:rsidR="00201CC5" w:rsidRDefault="00201CC5" w:rsidP="00201CC5">
            <w:r>
              <w:t xml:space="preserve">                        &lt;!-- Modal Header --&gt;</w:t>
            </w:r>
          </w:p>
          <w:p w:rsidR="00201CC5" w:rsidRDefault="00201CC5" w:rsidP="00201CC5">
            <w:r>
              <w:t xml:space="preserve">                        &lt;div class="modal-header"&gt;</w:t>
            </w:r>
          </w:p>
          <w:p w:rsidR="00201CC5" w:rsidRDefault="00201CC5" w:rsidP="00201CC5">
            <w:r>
              <w:t xml:space="preserve">                        &lt;h4 class="modal-title"&gt;Privacy Policy&lt;/h4&gt;</w:t>
            </w:r>
          </w:p>
          <w:p w:rsidR="00201CC5" w:rsidRDefault="00201CC5" w:rsidP="00201CC5">
            <w:r>
              <w:t xml:space="preserve">                          &lt;button type="button" class="close" data-dismiss="modal"&gt;&amp;#x274C;&lt;/button&gt;</w:t>
            </w:r>
          </w:p>
          <w:p w:rsidR="00201CC5" w:rsidRDefault="00201CC5" w:rsidP="00201CC5">
            <w:r>
              <w:t xml:space="preserve">                        &lt;/div&gt;</w:t>
            </w:r>
          </w:p>
          <w:p w:rsidR="00201CC5" w:rsidRDefault="00201CC5" w:rsidP="00201CC5"/>
          <w:p w:rsidR="00201CC5" w:rsidRDefault="00201CC5" w:rsidP="00201CC5">
            <w:r>
              <w:t xml:space="preserve">                        &lt;!-- Modal body --&gt;</w:t>
            </w:r>
          </w:p>
          <w:p w:rsidR="00201CC5" w:rsidRDefault="00201CC5" w:rsidP="00201CC5">
            <w:r>
              <w:t xml:space="preserve">                        &lt;div class="modal-body"&gt;</w:t>
            </w:r>
          </w:p>
          <w:p w:rsidR="00201CC5" w:rsidRDefault="00201CC5" w:rsidP="00201CC5">
            <w:r>
              <w:t xml:space="preserve">                            &lt;h5&gt;Access &amp; Services&lt;/h5&gt;</w:t>
            </w:r>
          </w:p>
          <w:p w:rsidR="00201CC5" w:rsidRDefault="00201CC5" w:rsidP="00201CC5">
            <w:r>
              <w:t xml:space="preserve">                            &lt;p&gt;Your access to data, services, resources, and benefits is free. We offer you information filtered by your requests, needs, and circumstances as provided.&lt;/p&gt;</w:t>
            </w:r>
          </w:p>
          <w:p w:rsidR="00201CC5" w:rsidRDefault="00201CC5" w:rsidP="00201CC5">
            <w:r>
              <w:t xml:space="preserve">                            &lt;h5&gt;Consumer Benefit&lt;/h5&gt;</w:t>
            </w:r>
          </w:p>
          <w:p w:rsidR="00201CC5" w:rsidRDefault="00201CC5" w:rsidP="00201CC5">
            <w:r>
              <w:t xml:space="preserve">                            &lt;p&gt;With your free access to search, the senior market by your profile gets you first-hand knowledge, qualified professionals, and executives with authority to advise and act on your behalf.&lt;/p&gt;</w:t>
            </w:r>
          </w:p>
          <w:p w:rsidR="00201CC5" w:rsidRDefault="00201CC5" w:rsidP="00201CC5">
            <w:r>
              <w:t xml:space="preserve">                            &lt;p&gt;Keep Your Senior Team Lists, free initial consultations, Cash Vouchers, Gift Cards, and a private secured Dashboard to manage it all.&lt;/p&gt;</w:t>
            </w:r>
          </w:p>
          <w:p w:rsidR="00201CC5" w:rsidRDefault="00201CC5" w:rsidP="00201CC5">
            <w:r>
              <w:t xml:space="preserve">                            &lt;h5&gt;Terms &amp; Conditions&lt;/h5&gt;</w:t>
            </w:r>
          </w:p>
          <w:p w:rsidR="00201CC5" w:rsidRDefault="00201CC5" w:rsidP="00201CC5">
            <w:r>
              <w:t xml:space="preserve">                            &lt;p&gt;Users are required to respect the data and to act in good faith when searching for services and products. Also to provide status updates, and maintain your progress from emails sent and notifications in Dashboard.&lt;/p&gt;</w:t>
            </w:r>
          </w:p>
          <w:p w:rsidR="00201CC5" w:rsidRDefault="00201CC5" w:rsidP="00201CC5">
            <w:r>
              <w:t xml:space="preserve">                            &lt;h5&gt;Fees &amp; Payment&lt;/h5&gt;</w:t>
            </w:r>
          </w:p>
          <w:p w:rsidR="00201CC5" w:rsidRDefault="00201CC5" w:rsidP="00201CC5">
            <w:r>
              <w:t xml:space="preserve">                            &lt;p&gt;There is no fees for your use and access to tools and data to form Your Senior Team to support your needs as a senior. &lt;/p&gt;</w:t>
            </w:r>
          </w:p>
          <w:p w:rsidR="00201CC5" w:rsidRDefault="00201CC5" w:rsidP="00201CC5">
            <w:r>
              <w:t xml:space="preserve">                            &lt;h5&gt;Club &amp; System Rules&lt;/h5&gt;</w:t>
            </w:r>
          </w:p>
          <w:p w:rsidR="00201CC5" w:rsidRDefault="00201CC5" w:rsidP="00201CC5">
            <w:r>
              <w:t xml:space="preserve">                            &lt;p&gt;Trust and honesty can be expected from the Members of Your Senior Team and all activity is expected to abide by the rules and ethics of business and consumer rights.&lt;/p&gt;</w:t>
            </w:r>
          </w:p>
          <w:p w:rsidR="00201CC5" w:rsidRDefault="00201CC5" w:rsidP="00201CC5">
            <w:r>
              <w:t xml:space="preserve">                            &lt;p&gt;We believe that everyone should treat seniors as if they were your mother or father.&lt;/p&gt;</w:t>
            </w:r>
          </w:p>
          <w:p w:rsidR="00201CC5" w:rsidRDefault="00201CC5" w:rsidP="00201CC5">
            <w:r>
              <w:t xml:space="preserve">                            &lt;h5&gt;Privacy &amp; Security&lt;/h5&gt;</w:t>
            </w:r>
          </w:p>
          <w:p w:rsidR="00201CC5" w:rsidRDefault="00201CC5" w:rsidP="00201CC5">
            <w:r>
              <w:t xml:space="preserve">                            &lt;p&gt;Your information, activity, interactions, and communications are viewed only by you, the relevant party to any transaction you initiate, and to whom it is intended.&lt;/p&gt;</w:t>
            </w:r>
          </w:p>
          <w:p w:rsidR="00201CC5" w:rsidRDefault="00201CC5" w:rsidP="00201CC5">
            <w:r>
              <w:lastRenderedPageBreak/>
              <w:t xml:space="preserve">                        &lt;/div&gt;</w:t>
            </w:r>
          </w:p>
          <w:p w:rsidR="00201CC5" w:rsidRDefault="00201CC5" w:rsidP="00201CC5"/>
          <w:p w:rsidR="00201CC5" w:rsidRDefault="00201CC5" w:rsidP="00201CC5">
            <w:r>
              <w:t xml:space="preserve">                        &lt;!-- Modal footer --&gt;</w:t>
            </w:r>
          </w:p>
          <w:p w:rsidR="00201CC5" w:rsidRDefault="00201CC5" w:rsidP="00201CC5">
            <w:r>
              <w:t xml:space="preserve">                        &lt;div class="modal-footer"&gt;</w:t>
            </w:r>
          </w:p>
          <w:p w:rsidR="00201CC5" w:rsidRDefault="00201CC5" w:rsidP="00201CC5">
            <w:r>
              <w:t xml:space="preserve">                          &lt;button type="button" class="btn btn-danger" data-dismiss="modal"&gt;Close&lt;/button&gt;</w:t>
            </w:r>
          </w:p>
          <w:p w:rsidR="00201CC5" w:rsidRDefault="00201CC5" w:rsidP="00201CC5">
            <w:r>
              <w:t xml:space="preserve">                        &lt;/div&gt;</w:t>
            </w:r>
          </w:p>
          <w:p w:rsidR="00201CC5" w:rsidRDefault="00201CC5" w:rsidP="00201CC5"/>
          <w:p w:rsidR="00201CC5" w:rsidRDefault="00201CC5" w:rsidP="00201CC5">
            <w:r>
              <w:t xml:space="preserve">                      &lt;/div&gt;</w:t>
            </w:r>
          </w:p>
          <w:p w:rsidR="00201CC5" w:rsidRDefault="00201CC5" w:rsidP="00201CC5">
            <w:r>
              <w:t xml:space="preserve">                    &lt;/div&gt;</w:t>
            </w:r>
          </w:p>
          <w:p w:rsidR="00201CC5" w:rsidRDefault="00201CC5" w:rsidP="00201CC5">
            <w:r>
              <w:t xml:space="preserve">                  &lt;/div&gt;</w:t>
            </w:r>
          </w:p>
          <w:p w:rsidR="00201CC5" w:rsidRDefault="00201CC5" w:rsidP="00201CC5">
            <w:r>
              <w:t xml:space="preserve">                  &lt;div class="modal fade" id="myModal2" style="max-height: 500px !important; margin-top: 70px;"&gt;</w:t>
            </w:r>
          </w:p>
          <w:p w:rsidR="00201CC5" w:rsidRDefault="00201CC5" w:rsidP="00201CC5">
            <w:r>
              <w:t xml:space="preserve">                    &lt;div class="modal-dialog modal-dialog-scrollable modal-lg"&gt;</w:t>
            </w:r>
          </w:p>
          <w:p w:rsidR="00201CC5" w:rsidRDefault="00201CC5" w:rsidP="00201CC5">
            <w:r>
              <w:t xml:space="preserve">                      &lt;div class="modal-content"&gt;</w:t>
            </w:r>
          </w:p>
          <w:p w:rsidR="00201CC5" w:rsidRDefault="00201CC5" w:rsidP="00201CC5"/>
          <w:p w:rsidR="00201CC5" w:rsidRDefault="00201CC5" w:rsidP="00201CC5">
            <w:r>
              <w:t xml:space="preserve">                        &lt;!-- Modal Header --&gt;</w:t>
            </w:r>
          </w:p>
          <w:p w:rsidR="00201CC5" w:rsidRDefault="00201CC5" w:rsidP="00201CC5">
            <w:r>
              <w:t xml:space="preserve">                        &lt;div class="modal-header"&gt;</w:t>
            </w:r>
          </w:p>
          <w:p w:rsidR="00201CC5" w:rsidRDefault="00201CC5" w:rsidP="00201CC5">
            <w:r>
              <w:t xml:space="preserve">                        &lt;h4 class="modal-title"&gt;Cookie Policy&lt;/h4&gt;</w:t>
            </w:r>
          </w:p>
          <w:p w:rsidR="00201CC5" w:rsidRDefault="00201CC5" w:rsidP="00201CC5">
            <w:r>
              <w:t xml:space="preserve">                          &lt;button type="button" class="close" data-dismiss="modal"&gt;&amp;#x274C;&lt;/button&gt;</w:t>
            </w:r>
          </w:p>
          <w:p w:rsidR="00201CC5" w:rsidRDefault="00201CC5" w:rsidP="00201CC5">
            <w:r>
              <w:t xml:space="preserve">                        &lt;/div&gt;</w:t>
            </w:r>
          </w:p>
          <w:p w:rsidR="00201CC5" w:rsidRDefault="00201CC5" w:rsidP="00201CC5"/>
          <w:p w:rsidR="00201CC5" w:rsidRDefault="00201CC5" w:rsidP="00201CC5">
            <w:r>
              <w:t xml:space="preserve">                        &lt;!-- Modal body --&gt;</w:t>
            </w:r>
          </w:p>
          <w:p w:rsidR="00201CC5" w:rsidRDefault="00201CC5" w:rsidP="00201CC5">
            <w:r>
              <w:t xml:space="preserve">                        &lt;div class="modal-body"&gt;</w:t>
            </w:r>
          </w:p>
          <w:p w:rsidR="00201CC5" w:rsidRDefault="00201CC5" w:rsidP="00201CC5">
            <w:r>
              <w:t xml:space="preserve">                            &lt;h5&gt;Access &amp; Services&lt;/h5&gt;</w:t>
            </w:r>
          </w:p>
          <w:p w:rsidR="00201CC5" w:rsidRDefault="00201CC5" w:rsidP="00201CC5">
            <w:r>
              <w:t xml:space="preserve">                            &lt;p&gt;Your access to data, services, resources, and benefits is free. We offer you information filtered by your requests, needs, and circumstances as provided.&lt;/p&gt;</w:t>
            </w:r>
          </w:p>
          <w:p w:rsidR="00201CC5" w:rsidRDefault="00201CC5" w:rsidP="00201CC5">
            <w:r>
              <w:t xml:space="preserve">                            &lt;h5&gt;Consumer Benefit&lt;/h5&gt;</w:t>
            </w:r>
          </w:p>
          <w:p w:rsidR="00201CC5" w:rsidRDefault="00201CC5" w:rsidP="00201CC5">
            <w:r>
              <w:t xml:space="preserve">                            &lt;p&gt;With your free access to search, the senior market by your profile gets you first-hand knowledge, qualified professionals, and executives with authority to advise and act on your behalf.&lt;/p&gt;</w:t>
            </w:r>
          </w:p>
          <w:p w:rsidR="00201CC5" w:rsidRDefault="00201CC5" w:rsidP="00201CC5">
            <w:r>
              <w:t xml:space="preserve">                            &lt;p&gt;Keep Your Senior Team Lists, free initial consultations, Cash Vouchers, Gift Cards, and a private secured Dashboard to manage it all.&lt;/p&gt;</w:t>
            </w:r>
          </w:p>
          <w:p w:rsidR="00201CC5" w:rsidRDefault="00201CC5" w:rsidP="00201CC5">
            <w:r>
              <w:t xml:space="preserve">                            &lt;h5&gt;Terms &amp; Conditions&lt;/h5&gt;</w:t>
            </w:r>
          </w:p>
          <w:p w:rsidR="00201CC5" w:rsidRDefault="00201CC5" w:rsidP="00201CC5">
            <w:r>
              <w:t xml:space="preserve">                            &lt;p&gt;Users are required to respect the data and to act in good faith when searching for services and products. Also to provide status updates, and maintain your progress from emails sent and notifications in Dashboard.&lt;/p&gt;</w:t>
            </w:r>
          </w:p>
          <w:p w:rsidR="00201CC5" w:rsidRDefault="00201CC5" w:rsidP="00201CC5">
            <w:r>
              <w:t xml:space="preserve">                            &lt;h5&gt;Fees &amp; Payment&lt;/h5&gt;</w:t>
            </w:r>
          </w:p>
          <w:p w:rsidR="00201CC5" w:rsidRDefault="00201CC5" w:rsidP="00201CC5">
            <w:r>
              <w:t xml:space="preserve">                            &lt;p&gt;There is no fees for your use and access to tools and data to form Your Senior Team to support your needs as a senior. &lt;/p&gt;</w:t>
            </w:r>
          </w:p>
          <w:p w:rsidR="00201CC5" w:rsidRDefault="00201CC5" w:rsidP="00201CC5">
            <w:r>
              <w:t xml:space="preserve">                            &lt;h5&gt;Club &amp; System Rules&lt;/h5&gt;</w:t>
            </w:r>
          </w:p>
          <w:p w:rsidR="00201CC5" w:rsidRDefault="00201CC5" w:rsidP="00201CC5">
            <w:r>
              <w:t xml:space="preserve">                            &lt;p&gt;Trust and honesty can be expected from the Members of Your Senior Team and all activity is expected to abide by the rules and ethics of business and consumer rights.&lt;/p&gt;</w:t>
            </w:r>
          </w:p>
          <w:p w:rsidR="00201CC5" w:rsidRDefault="00201CC5" w:rsidP="00201CC5">
            <w:r>
              <w:t xml:space="preserve">                            &lt;p&gt;We believe that everyone should treat seniors as if they were your mother or father.&lt;/p&gt;</w:t>
            </w:r>
          </w:p>
          <w:p w:rsidR="00201CC5" w:rsidRDefault="00201CC5" w:rsidP="00201CC5">
            <w:r>
              <w:t xml:space="preserve">                            &lt;h5&gt;Privacy &amp; Security&lt;/h5&gt;</w:t>
            </w:r>
          </w:p>
          <w:p w:rsidR="00201CC5" w:rsidRDefault="00201CC5" w:rsidP="00201CC5">
            <w:r>
              <w:t xml:space="preserve">                            &lt;p&gt;Your information, activity, interactions, and communications are viewed only by you, the relevant party to any transaction you initiate, and to whom it is intended.&lt;/p&gt;</w:t>
            </w:r>
          </w:p>
          <w:p w:rsidR="00201CC5" w:rsidRDefault="00201CC5" w:rsidP="00201CC5">
            <w:r>
              <w:t xml:space="preserve">                        &lt;/div&gt;</w:t>
            </w:r>
          </w:p>
          <w:p w:rsidR="00201CC5" w:rsidRDefault="00201CC5" w:rsidP="00201CC5"/>
          <w:p w:rsidR="00201CC5" w:rsidRDefault="00201CC5" w:rsidP="00201CC5">
            <w:r>
              <w:lastRenderedPageBreak/>
              <w:t xml:space="preserve">                        &lt;!-- Modal footer --&gt;</w:t>
            </w:r>
          </w:p>
          <w:p w:rsidR="00201CC5" w:rsidRDefault="00201CC5" w:rsidP="00201CC5">
            <w:r>
              <w:t xml:space="preserve">                        &lt;div class="modal-footer"&gt;</w:t>
            </w:r>
          </w:p>
          <w:p w:rsidR="00201CC5" w:rsidRDefault="00201CC5" w:rsidP="00201CC5">
            <w:r>
              <w:t xml:space="preserve">                          &lt;button type="button" class="btn btn-danger" data-dismiss="modal"&gt;Close&lt;/button&gt;</w:t>
            </w:r>
          </w:p>
          <w:p w:rsidR="00201CC5" w:rsidRDefault="00201CC5" w:rsidP="00201CC5">
            <w:r>
              <w:t xml:space="preserve">                        &lt;/div&gt;</w:t>
            </w:r>
          </w:p>
          <w:p w:rsidR="00201CC5" w:rsidRDefault="00201CC5" w:rsidP="00201CC5"/>
          <w:p w:rsidR="00201CC5" w:rsidRDefault="00201CC5" w:rsidP="00201CC5">
            <w:r>
              <w:t xml:space="preserve">                      &lt;/div&gt;</w:t>
            </w:r>
          </w:p>
          <w:p w:rsidR="00201CC5" w:rsidRDefault="00201CC5" w:rsidP="00201CC5">
            <w:r>
              <w:t xml:space="preserve">                    &lt;/div&gt;</w:t>
            </w:r>
          </w:p>
          <w:p w:rsidR="00201CC5" w:rsidRDefault="00201CC5" w:rsidP="00201CC5">
            <w:r>
              <w:t xml:space="preserve">                &lt;/div&gt;</w:t>
            </w:r>
          </w:p>
          <w:p w:rsidR="00201CC5" w:rsidRDefault="00201CC5" w:rsidP="00201CC5">
            <w:r>
              <w:t xml:space="preserve">                &lt;div class="modal fade" id="myModal3" style="max-height: 500px !important; margin-top: 70px;"&gt;</w:t>
            </w:r>
          </w:p>
          <w:p w:rsidR="00201CC5" w:rsidRDefault="00201CC5" w:rsidP="00201CC5">
            <w:r>
              <w:t xml:space="preserve">        &lt;div class="modal-dialog modal-dialog-scrollable modal-lg"&gt;</w:t>
            </w:r>
          </w:p>
          <w:p w:rsidR="00201CC5" w:rsidRDefault="00201CC5" w:rsidP="00201CC5">
            <w:r>
              <w:t xml:space="preserve">          &lt;div class="modal-content"&gt;</w:t>
            </w:r>
          </w:p>
          <w:p w:rsidR="00201CC5" w:rsidRDefault="00201CC5" w:rsidP="00201CC5"/>
          <w:p w:rsidR="00201CC5" w:rsidRDefault="00201CC5" w:rsidP="00201CC5">
            <w:r>
              <w:t xml:space="preserve">            &lt;!-- Modal Header --&gt;</w:t>
            </w:r>
          </w:p>
          <w:p w:rsidR="00201CC5" w:rsidRDefault="00201CC5" w:rsidP="00201CC5">
            <w:r>
              <w:t xml:space="preserve">            &lt;div class="modal-header"&gt;</w:t>
            </w:r>
          </w:p>
          <w:p w:rsidR="00201CC5" w:rsidRDefault="00201CC5" w:rsidP="00201CC5">
            <w:r>
              <w:t xml:space="preserve">            &lt;h4 class="modal-title"&gt;Validate Your Voucher&lt;/h4&gt;</w:t>
            </w:r>
          </w:p>
          <w:p w:rsidR="00201CC5" w:rsidRDefault="00201CC5" w:rsidP="00201CC5">
            <w:r>
              <w:t xml:space="preserve">              &lt;button type="button" class="close" data-dismiss="modal"&gt;&amp;#x274C;&lt;/button&gt;</w:t>
            </w:r>
          </w:p>
          <w:p w:rsidR="00201CC5" w:rsidRDefault="00201CC5" w:rsidP="00201CC5">
            <w:r>
              <w:t xml:space="preserve">            &lt;/div&gt;</w:t>
            </w:r>
          </w:p>
          <w:p w:rsidR="00201CC5" w:rsidRDefault="00201CC5" w:rsidP="00201CC5"/>
          <w:p w:rsidR="00201CC5" w:rsidRDefault="00201CC5" w:rsidP="00201CC5">
            <w:r>
              <w:t xml:space="preserve">            &lt;!-- Modal body --&gt;</w:t>
            </w:r>
          </w:p>
          <w:p w:rsidR="00201CC5" w:rsidRDefault="00201CC5" w:rsidP="00201CC5">
            <w:r>
              <w:t xml:space="preserve">            &lt;div class="modal-body"&gt;</w:t>
            </w:r>
          </w:p>
          <w:p w:rsidR="00201CC5" w:rsidRDefault="00201CC5" w:rsidP="00201CC5">
            <w:r>
              <w:t xml:space="preserve">               &lt;form action="#"&gt;</w:t>
            </w:r>
          </w:p>
          <w:p w:rsidR="00201CC5" w:rsidRDefault="00201CC5" w:rsidP="00201CC5">
            <w:r>
              <w:t xml:space="preserve">                    &lt;div class="dbl-field"&gt;</w:t>
            </w:r>
          </w:p>
          <w:p w:rsidR="00201CC5" w:rsidRDefault="00201CC5" w:rsidP="00201CC5">
            <w:r>
              <w:t xml:space="preserve">                        &lt;div class="field"&gt;</w:t>
            </w:r>
          </w:p>
          <w:p w:rsidR="00201CC5" w:rsidRDefault="00201CC5" w:rsidP="00201CC5">
            <w:r>
              <w:t xml:space="preserve">                             &lt;img alt=""  src="img/user_1.png" width="25" height="25"/&gt;&amp;emsp;</w:t>
            </w:r>
          </w:p>
          <w:p w:rsidR="00201CC5" w:rsidRDefault="00201CC5" w:rsidP="00201CC5">
            <w:r>
              <w:t xml:space="preserve">                            &lt;input type="text" name="name" placeholder="Enter your name"&gt;</w:t>
            </w:r>
          </w:p>
          <w:p w:rsidR="00201CC5" w:rsidRDefault="00201CC5" w:rsidP="00201CC5">
            <w:r>
              <w:t xml:space="preserve">                        &lt;/div&gt;</w:t>
            </w:r>
          </w:p>
          <w:p w:rsidR="00201CC5" w:rsidRDefault="00201CC5" w:rsidP="00201CC5">
            <w:r>
              <w:t xml:space="preserve">                        &lt;div class="field"&gt; </w:t>
            </w:r>
          </w:p>
          <w:p w:rsidR="00201CC5" w:rsidRDefault="00201CC5" w:rsidP="00201CC5">
            <w:r>
              <w:t xml:space="preserve">                             &lt;img alt=""  src="img/email_1.png" width="25" height="25"/&gt;&amp;emsp;</w:t>
            </w:r>
          </w:p>
          <w:p w:rsidR="00201CC5" w:rsidRDefault="00201CC5" w:rsidP="00201CC5">
            <w:r>
              <w:t xml:space="preserve">                            &lt;input type="text" name="email" placeholder="Enter your email"&gt;</w:t>
            </w:r>
          </w:p>
          <w:p w:rsidR="00201CC5" w:rsidRDefault="00201CC5" w:rsidP="00201CC5">
            <w:r>
              <w:t xml:space="preserve">                        &lt;/div&gt;</w:t>
            </w:r>
          </w:p>
          <w:p w:rsidR="00201CC5" w:rsidRDefault="00201CC5" w:rsidP="00201CC5">
            <w:r>
              <w:t xml:space="preserve">                    &lt;/div&gt;</w:t>
            </w:r>
          </w:p>
          <w:p w:rsidR="00201CC5" w:rsidRDefault="00201CC5" w:rsidP="00201CC5">
            <w:r>
              <w:t xml:space="preserve">                    &lt;div class="dbl-field"&gt;</w:t>
            </w:r>
          </w:p>
          <w:p w:rsidR="00201CC5" w:rsidRDefault="00201CC5" w:rsidP="00201CC5">
            <w:r>
              <w:t xml:space="preserve">                        &lt;!--&lt;div class="field"&gt;</w:t>
            </w:r>
          </w:p>
          <w:p w:rsidR="00201CC5" w:rsidRDefault="00201CC5" w:rsidP="00201CC5">
            <w:r>
              <w:t xml:space="preserve">                            &lt;img alt=""  src="img/phone-call_1.png" width="25" height="25"/&gt;&amp;emsp;</w:t>
            </w:r>
          </w:p>
          <w:p w:rsidR="00201CC5" w:rsidRDefault="00201CC5" w:rsidP="00201CC5">
            <w:r>
              <w:t xml:space="preserve">                            &lt;input type="text" name="phone" placeholder="Enter your phone"&gt;</w:t>
            </w:r>
          </w:p>
          <w:p w:rsidR="00201CC5" w:rsidRDefault="00201CC5" w:rsidP="00201CC5">
            <w:r>
              <w:t xml:space="preserve">                        &lt;/div&gt; --&gt;</w:t>
            </w:r>
          </w:p>
          <w:p w:rsidR="00201CC5" w:rsidRDefault="00201CC5" w:rsidP="00201CC5">
            <w:r>
              <w:t xml:space="preserve">                        &lt;div class="field"&gt;&lt;br&gt;</w:t>
            </w:r>
          </w:p>
          <w:p w:rsidR="00201CC5" w:rsidRDefault="00201CC5" w:rsidP="00201CC5">
            <w:r>
              <w:t xml:space="preserve">                            &lt;img alt=""  src="img/global.png" width="25" height="25"/&gt;&amp;emsp;</w:t>
            </w:r>
          </w:p>
          <w:p w:rsidR="00201CC5" w:rsidRDefault="00201CC5" w:rsidP="00201CC5">
            <w:r>
              <w:t xml:space="preserve">                            &lt;input type="text" name="location" placeholder="Residence Location moved in"&gt;</w:t>
            </w:r>
          </w:p>
          <w:p w:rsidR="00201CC5" w:rsidRDefault="00201CC5" w:rsidP="00201CC5">
            <w:r>
              <w:t xml:space="preserve">                        &lt;/div&gt;</w:t>
            </w:r>
          </w:p>
          <w:p w:rsidR="00201CC5" w:rsidRDefault="00201CC5" w:rsidP="00201CC5">
            <w:r>
              <w:t xml:space="preserve">                        &lt;div class="field"&gt;</w:t>
            </w:r>
          </w:p>
          <w:p w:rsidR="00201CC5" w:rsidRDefault="00201CC5" w:rsidP="00201CC5">
            <w:r>
              <w:t xml:space="preserve">                             &lt;img alt=""  src="img/timetable_1.png" width="25" height="25"/&gt;&amp;emsp;</w:t>
            </w:r>
          </w:p>
          <w:p w:rsidR="00201CC5" w:rsidRDefault="00201CC5" w:rsidP="00201CC5">
            <w:r>
              <w:t xml:space="preserve">                              &lt;input type="text" name="date" placeholder="Date moved in to Residence"&gt;</w:t>
            </w:r>
          </w:p>
          <w:p w:rsidR="00201CC5" w:rsidRDefault="00201CC5" w:rsidP="00201CC5">
            <w:r>
              <w:t xml:space="preserve">                        &lt;/div&gt;</w:t>
            </w:r>
          </w:p>
          <w:p w:rsidR="00201CC5" w:rsidRDefault="00201CC5" w:rsidP="00201CC5">
            <w:r>
              <w:t xml:space="preserve">                    &lt;/div&gt;</w:t>
            </w:r>
          </w:p>
          <w:p w:rsidR="00201CC5" w:rsidRDefault="00201CC5" w:rsidP="00201CC5">
            <w:r>
              <w:t xml:space="preserve">                    &lt;div class="dbl-field "&gt; </w:t>
            </w:r>
          </w:p>
          <w:p w:rsidR="00201CC5" w:rsidRDefault="00201CC5" w:rsidP="00201CC5">
            <w:r>
              <w:t xml:space="preserve">                        </w:t>
            </w:r>
          </w:p>
          <w:p w:rsidR="00201CC5" w:rsidRDefault="00201CC5" w:rsidP="00201CC5">
            <w:r>
              <w:lastRenderedPageBreak/>
              <w:t xml:space="preserve">                    &lt;/div&gt;</w:t>
            </w:r>
          </w:p>
          <w:p w:rsidR="00201CC5" w:rsidRDefault="00201CC5" w:rsidP="00201CC5">
            <w:r>
              <w:t xml:space="preserve">                     &lt;input type="hidden" name="_token" value="izJQ9FiEOCz9MskykcXNycSMQgejuOSZjHsdsbSU"&gt; </w:t>
            </w:r>
          </w:p>
          <w:p w:rsidR="00201CC5" w:rsidRDefault="00201CC5" w:rsidP="00201CC5"/>
          <w:p w:rsidR="00201CC5" w:rsidRDefault="00201CC5" w:rsidP="00201CC5">
            <w:r>
              <w:t xml:space="preserve">                     &lt;div class="row"&gt;</w:t>
            </w:r>
          </w:p>
          <w:p w:rsidR="00201CC5" w:rsidRDefault="00201CC5" w:rsidP="00201CC5">
            <w:r>
              <w:t xml:space="preserve">                     &lt;div class="field"&gt;</w:t>
            </w:r>
          </w:p>
          <w:p w:rsidR="00201CC5" w:rsidRDefault="00201CC5" w:rsidP="00201CC5">
            <w:r>
              <w:t xml:space="preserve">                              &lt;br&gt;    &amp;ensp;&lt;img alt="" src="img/coupon.png" width="28" height="28"/&gt;</w:t>
            </w:r>
          </w:p>
          <w:p w:rsidR="00201CC5" w:rsidRDefault="00201CC5" w:rsidP="00201CC5">
            <w:r>
              <w:t xml:space="preserve">                        &lt;/div&gt;</w:t>
            </w:r>
          </w:p>
          <w:p w:rsidR="00201CC5" w:rsidRDefault="00201CC5" w:rsidP="00201CC5">
            <w:r>
              <w:t xml:space="preserve">                   </w:t>
            </w:r>
          </w:p>
          <w:p w:rsidR="00201CC5" w:rsidRDefault="00201CC5" w:rsidP="00201CC5">
            <w:r>
              <w:t xml:space="preserve">                        &lt;div class="col-lg-6 "&gt;&lt;br&gt;</w:t>
            </w:r>
          </w:p>
          <w:p w:rsidR="00201CC5" w:rsidRDefault="00201CC5" w:rsidP="00201CC5">
            <w:r>
              <w:t xml:space="preserve">                             &lt;div class="form-group "&gt;</w:t>
            </w:r>
          </w:p>
          <w:p w:rsidR="00201CC5" w:rsidRDefault="00201CC5" w:rsidP="00201CC5">
            <w:r>
              <w:t xml:space="preserve">                                </w:t>
            </w:r>
          </w:p>
          <w:p w:rsidR="00201CC5" w:rsidRDefault="00201CC5" w:rsidP="00201CC5">
            <w:r>
              <w:t xml:space="preserve">                                &lt;div class="controls mb-1"&gt;</w:t>
            </w:r>
          </w:p>
          <w:p w:rsidR="00201CC5" w:rsidRDefault="00201CC5" w:rsidP="00201CC5">
            <w:r>
              <w:t xml:space="preserve">                </w:t>
            </w:r>
          </w:p>
          <w:p w:rsidR="00201CC5" w:rsidRDefault="00201CC5" w:rsidP="00201CC5">
            <w:r>
              <w:t xml:space="preserve">                                    &lt;input type="text" class="form-control" required</w:t>
            </w:r>
          </w:p>
          <w:p w:rsidR="00201CC5" w:rsidRDefault="00201CC5" w:rsidP="00201CC5">
            <w:r>
              <w:t xml:space="preserve">                                            pattern="([A-Z]|[0-9]){4}-([A-Z]|[0-9]){4}-([A-Z]|[0-9]){4}"</w:t>
            </w:r>
          </w:p>
          <w:p w:rsidR="00201CC5" w:rsidRDefault="00201CC5" w:rsidP="00201CC5">
            <w:r>
              <w:t xml:space="preserve">                                            placeholder="xxxx-xxxx-xxxx" name="code" value=""</w:t>
            </w:r>
          </w:p>
          <w:p w:rsidR="00201CC5" w:rsidRDefault="00201CC5" w:rsidP="00201CC5">
            <w:r>
              <w:t xml:space="preserve">                                            data-error="Please enter a valid voucher code."/&gt;</w:t>
            </w:r>
          </w:p>
          <w:p w:rsidR="00201CC5" w:rsidRDefault="00201CC5" w:rsidP="00201CC5">
            <w:r>
              <w:t xml:space="preserve">                                    &lt;div class="help-block"&gt;</w:t>
            </w:r>
          </w:p>
          <w:p w:rsidR="00201CC5" w:rsidRDefault="00201CC5" w:rsidP="00201CC5">
            <w:r>
              <w:t xml:space="preserve">                                                &lt;small class="text-muted"&gt;xxxx-xxxx-xxxx (eg. AB1C-34FG-W8Q1)&lt;/small&gt;</w:t>
            </w:r>
          </w:p>
          <w:p w:rsidR="00201CC5" w:rsidRDefault="00201CC5" w:rsidP="00201CC5">
            <w:r>
              <w:t xml:space="preserve">                                    &lt;/div&gt;</w:t>
            </w:r>
          </w:p>
          <w:p w:rsidR="00201CC5" w:rsidRDefault="00201CC5" w:rsidP="00201CC5">
            <w:r>
              <w:t xml:space="preserve">                                &lt;/div&gt;</w:t>
            </w:r>
          </w:p>
          <w:p w:rsidR="00201CC5" w:rsidRDefault="00201CC5" w:rsidP="00201CC5">
            <w:r>
              <w:t xml:space="preserve">                            &lt;/div&gt;</w:t>
            </w:r>
          </w:p>
          <w:p w:rsidR="00201CC5" w:rsidRDefault="00201CC5" w:rsidP="00201CC5">
            <w:r>
              <w:t xml:space="preserve">                        &lt;/div&gt;</w:t>
            </w:r>
          </w:p>
          <w:p w:rsidR="00201CC5" w:rsidRDefault="00201CC5" w:rsidP="00201CC5">
            <w:r>
              <w:t xml:space="preserve">                        &lt;div class="button-area"&gt;</w:t>
            </w:r>
          </w:p>
          <w:p w:rsidR="00201CC5" w:rsidRDefault="00201CC5" w:rsidP="00201CC5">
            <w:r>
              <w:t xml:space="preserve">                            &lt;button type="submit"&gt;Validate Now&lt;/button&gt;</w:t>
            </w:r>
          </w:p>
          <w:p w:rsidR="00201CC5" w:rsidRDefault="00201CC5" w:rsidP="00201CC5">
            <w:r>
              <w:t xml:space="preserve">                            &lt;span&gt;&lt;/span&gt;</w:t>
            </w:r>
          </w:p>
          <w:p w:rsidR="00201CC5" w:rsidRDefault="00201CC5" w:rsidP="00201CC5">
            <w:r>
              <w:t xml:space="preserve">                          &lt;/div&gt;</w:t>
            </w:r>
          </w:p>
          <w:p w:rsidR="00201CC5" w:rsidRDefault="00201CC5" w:rsidP="00201CC5">
            <w:r>
              <w:t xml:space="preserve">                    &lt;/div&gt;</w:t>
            </w:r>
          </w:p>
          <w:p w:rsidR="00201CC5" w:rsidRDefault="00201CC5" w:rsidP="00201CC5">
            <w:r>
              <w:t xml:space="preserve">      </w:t>
            </w:r>
          </w:p>
          <w:p w:rsidR="00201CC5" w:rsidRDefault="00201CC5" w:rsidP="00201CC5">
            <w:r>
              <w:t xml:space="preserve">    &lt;/form&gt;</w:t>
            </w:r>
          </w:p>
          <w:p w:rsidR="00201CC5" w:rsidRDefault="00201CC5" w:rsidP="00201CC5">
            <w:r>
              <w:t xml:space="preserve">            &lt;/div&gt;</w:t>
            </w:r>
          </w:p>
          <w:p w:rsidR="00201CC5" w:rsidRDefault="00201CC5" w:rsidP="00201CC5"/>
          <w:p w:rsidR="00201CC5" w:rsidRDefault="00201CC5" w:rsidP="00201CC5">
            <w:r>
              <w:t xml:space="preserve">            &lt;!-- Modal footer --&gt;</w:t>
            </w:r>
          </w:p>
          <w:p w:rsidR="00201CC5" w:rsidRDefault="00201CC5" w:rsidP="00201CC5">
            <w:r>
              <w:t xml:space="preserve">            &lt;div class="modal-footer"&gt;</w:t>
            </w:r>
          </w:p>
          <w:p w:rsidR="00201CC5" w:rsidRDefault="00201CC5" w:rsidP="00201CC5">
            <w:r>
              <w:t xml:space="preserve">              &lt;button type="button" class="btn btn-danger" data-dismiss="modal"&gt;Close&lt;/button&gt;</w:t>
            </w:r>
          </w:p>
          <w:p w:rsidR="00201CC5" w:rsidRDefault="00201CC5" w:rsidP="00201CC5">
            <w:r>
              <w:t xml:space="preserve">            &lt;/div&gt;</w:t>
            </w:r>
          </w:p>
          <w:p w:rsidR="00201CC5" w:rsidRDefault="00201CC5" w:rsidP="00201CC5"/>
          <w:p w:rsidR="00201CC5" w:rsidRDefault="00201CC5" w:rsidP="00201CC5">
            <w:r>
              <w:t xml:space="preserve">          &lt;/div&gt;</w:t>
            </w:r>
          </w:p>
          <w:p w:rsidR="00201CC5" w:rsidRDefault="00201CC5" w:rsidP="00201CC5">
            <w:r>
              <w:t xml:space="preserve">        &lt;/div&gt;</w:t>
            </w:r>
          </w:p>
          <w:p w:rsidR="00201CC5" w:rsidRDefault="00201CC5" w:rsidP="00201CC5">
            <w:r>
              <w:t xml:space="preserve">      &lt;/div&gt;</w:t>
            </w:r>
          </w:p>
          <w:p w:rsidR="00201CC5" w:rsidRDefault="00201CC5" w:rsidP="00201CC5">
            <w:r>
              <w:t xml:space="preserve">            &lt;/div&gt;</w:t>
            </w:r>
          </w:p>
          <w:p w:rsidR="00201CC5" w:rsidRDefault="00201CC5" w:rsidP="00201CC5">
            <w:r>
              <w:t xml:space="preserve">                &lt;!--end of modal pop-up for SeniorPlaceFinder site governance section --&gt;</w:t>
            </w:r>
          </w:p>
          <w:p w:rsidR="00201CC5" w:rsidRDefault="00201CC5" w:rsidP="00201CC5"/>
          <w:p w:rsidR="00201CC5" w:rsidRDefault="00201CC5" w:rsidP="00201CC5"/>
          <w:p w:rsidR="00201CC5" w:rsidRDefault="00201CC5" w:rsidP="00201CC5"/>
          <w:p w:rsidR="00201CC5" w:rsidRDefault="00201CC5" w:rsidP="00201CC5"/>
          <w:p w:rsidR="00201CC5" w:rsidRDefault="00201CC5" w:rsidP="00201CC5">
            <w:r>
              <w:t>&lt;!--------------------footer starts------------------&gt;</w:t>
            </w:r>
          </w:p>
          <w:p w:rsidR="00201CC5" w:rsidRDefault="00201CC5" w:rsidP="00201CC5">
            <w:r>
              <w:lastRenderedPageBreak/>
              <w:t>&lt;footer&gt;</w:t>
            </w:r>
          </w:p>
          <w:p w:rsidR="00201CC5" w:rsidRDefault="00201CC5" w:rsidP="00201CC5">
            <w:r>
              <w:t xml:space="preserve">    &lt;div class="container margin_60_35 bg-gray"&gt;</w:t>
            </w:r>
          </w:p>
          <w:p w:rsidR="00201CC5" w:rsidRDefault="00201CC5" w:rsidP="00201CC5">
            <w:r>
              <w:t xml:space="preserve">        &lt;div class="row"&gt;</w:t>
            </w:r>
          </w:p>
          <w:p w:rsidR="00201CC5" w:rsidRDefault="00201CC5" w:rsidP="00201CC5">
            <w:r>
              <w:t xml:space="preserve">            &lt;div class="col-lg-4 col-md-6 col-sm-6"&gt;</w:t>
            </w:r>
          </w:p>
          <w:p w:rsidR="00201CC5" w:rsidRDefault="00201CC5" w:rsidP="00201CC5">
            <w:r>
              <w:t xml:space="preserve">                &lt;div&gt;</w:t>
            </w:r>
          </w:p>
          <w:p w:rsidR="00201CC5" w:rsidRDefault="00201CC5" w:rsidP="00201CC5">
            <w:r>
              <w:t xml:space="preserve">                &lt;!--about us--&gt;</w:t>
            </w:r>
          </w:p>
          <w:p w:rsidR="00201CC5" w:rsidRDefault="00201CC5" w:rsidP="00201CC5">
            <w:r>
              <w:t xml:space="preserve">                 &lt;h5 class="mt-2"&gt;About Us&lt;/h5&gt;</w:t>
            </w:r>
          </w:p>
          <w:p w:rsidR="00201CC5" w:rsidRDefault="00201CC5" w:rsidP="00201CC5">
            <w:r>
              <w:t xml:space="preserve">                    &lt;img src="spf/img/logo.png" width="200"/&gt;</w:t>
            </w:r>
          </w:p>
          <w:p w:rsidR="00201CC5" w:rsidRDefault="00201CC5" w:rsidP="00201CC5">
            <w:r>
              <w:t xml:space="preserve">                    &lt;p class="mt-1 mb-0 text-left"&gt;</w:t>
            </w:r>
          </w:p>
          <w:p w:rsidR="00201CC5" w:rsidRDefault="00201CC5" w:rsidP="00201CC5">
            <w:r>
              <w:t xml:space="preserve">                        Senior Living Gateway  is part of &lt;b&gt;Your Senior Team&lt;/b&gt;,</w:t>
            </w:r>
          </w:p>
          <w:p w:rsidR="00201CC5" w:rsidRDefault="00201CC5" w:rsidP="00201CC5">
            <w:r>
              <w:t xml:space="preserve">and is committed to offering seniors, families </w:t>
            </w:r>
          </w:p>
          <w:p w:rsidR="00201CC5" w:rsidRDefault="00201CC5" w:rsidP="00201CC5">
            <w:r>
              <w:t xml:space="preserve">and businesses, the power to learn, qualify, and </w:t>
            </w:r>
          </w:p>
          <w:p w:rsidR="00201CC5" w:rsidRDefault="00201CC5" w:rsidP="00201CC5">
            <w:r>
              <w:t xml:space="preserve">connect with professionals for the purpose of </w:t>
            </w:r>
          </w:p>
          <w:p w:rsidR="00201CC5" w:rsidRDefault="00201CC5" w:rsidP="00201CC5">
            <w:r>
              <w:t xml:space="preserve">freely securing one's lifestyle, healthcare, and </w:t>
            </w:r>
          </w:p>
          <w:p w:rsidR="00201CC5" w:rsidRDefault="00201CC5" w:rsidP="00201CC5">
            <w:r>
              <w:t>wealth in retirement and while aging. &lt;/br&gt;</w:t>
            </w:r>
          </w:p>
          <w:p w:rsidR="00201CC5" w:rsidRDefault="00201CC5" w:rsidP="00201CC5">
            <w:r>
              <w:t xml:space="preserve">          &lt;i&gt;&lt;b&gt;&amp;emsp;&amp;emsp;Empowering seniors to live life better.&lt;/b&gt;&lt;/i&gt;</w:t>
            </w:r>
          </w:p>
          <w:p w:rsidR="00201CC5" w:rsidRDefault="00201CC5" w:rsidP="00201CC5">
            <w:r>
              <w:t xml:space="preserve">                    &lt;/p&gt;</w:t>
            </w:r>
          </w:p>
          <w:p w:rsidR="00201CC5" w:rsidRDefault="00201CC5" w:rsidP="00201CC5">
            <w:r>
              <w:t xml:space="preserve">                &lt;/div&gt;</w:t>
            </w:r>
          </w:p>
          <w:p w:rsidR="00201CC5" w:rsidRDefault="00201CC5" w:rsidP="00201CC5">
            <w:r>
              <w:t xml:space="preserve">               </w:t>
            </w:r>
          </w:p>
          <w:p w:rsidR="00201CC5" w:rsidRDefault="00201CC5" w:rsidP="00201CC5">
            <w:r>
              <w:t xml:space="preserve">            &lt;/div&gt;</w:t>
            </w:r>
          </w:p>
          <w:p w:rsidR="00201CC5" w:rsidRDefault="00201CC5" w:rsidP="00201CC5">
            <w:r>
              <w:t xml:space="preserve">            &lt;!--contact us--&gt;</w:t>
            </w:r>
          </w:p>
          <w:p w:rsidR="00201CC5" w:rsidRDefault="00201CC5" w:rsidP="00201CC5">
            <w:r>
              <w:t xml:space="preserve">            &lt;div class="col-lg-4 col-md-6 col-sm-6"&gt;</w:t>
            </w:r>
          </w:p>
          <w:p w:rsidR="00201CC5" w:rsidRDefault="00201CC5" w:rsidP="00201CC5">
            <w:r>
              <w:t xml:space="preserve">                &lt;a aria-controls="divQuickContacts" aria-expanded="false" class="collapse_bt_mobile"</w:t>
            </w:r>
          </w:p>
          <w:p w:rsidR="00201CC5" w:rsidRDefault="00201CC5" w:rsidP="00201CC5">
            <w:r>
              <w:t xml:space="preserve">                   data-target="#divQuickContacts" data-toggle="collapse"&gt;</w:t>
            </w:r>
          </w:p>
          <w:p w:rsidR="00201CC5" w:rsidRDefault="00201CC5" w:rsidP="00201CC5">
            <w:r>
              <w:t xml:space="preserve">                    &lt;h3&gt;Contact us&lt;/h3&gt;</w:t>
            </w:r>
          </w:p>
          <w:p w:rsidR="00201CC5" w:rsidRDefault="00201CC5" w:rsidP="00201CC5">
            <w:r>
              <w:t xml:space="preserve">                    &lt;div class="circle-plus closed"&gt;</w:t>
            </w:r>
          </w:p>
          <w:p w:rsidR="00201CC5" w:rsidRDefault="00201CC5" w:rsidP="00201CC5">
            <w:r>
              <w:t xml:space="preserve">                        &lt;div class="horizontal"&gt;&lt;/div&gt;</w:t>
            </w:r>
          </w:p>
          <w:p w:rsidR="00201CC5" w:rsidRDefault="00201CC5" w:rsidP="00201CC5">
            <w:r>
              <w:t xml:space="preserve">                        &lt;div class="vertical"&gt;&lt;/div&gt;</w:t>
            </w:r>
          </w:p>
          <w:p w:rsidR="00201CC5" w:rsidRDefault="00201CC5" w:rsidP="00201CC5">
            <w:r>
              <w:t xml:space="preserve">                    &lt;/div&gt;</w:t>
            </w:r>
          </w:p>
          <w:p w:rsidR="00201CC5" w:rsidRDefault="00201CC5" w:rsidP="00201CC5">
            <w:r>
              <w:t xml:space="preserve">                &lt;/a&gt;</w:t>
            </w:r>
          </w:p>
          <w:p w:rsidR="00201CC5" w:rsidRDefault="00201CC5" w:rsidP="00201CC5">
            <w:r>
              <w:t xml:space="preserve">                &lt;div class="collapse show" id="divQuickContacts"&gt;</w:t>
            </w:r>
          </w:p>
          <w:p w:rsidR="00201CC5" w:rsidRDefault="00201CC5" w:rsidP="00201CC5">
            <w:r>
              <w:t xml:space="preserve">                    &lt;p class="mb-2 text-justify"&gt;</w:t>
            </w:r>
          </w:p>
          <w:p w:rsidR="00201CC5" w:rsidRDefault="00201CC5" w:rsidP="00201CC5">
            <w:r>
              <w:t xml:space="preserve">                        We are always looking to improve and offer a better service. If you have any ideas or questions</w:t>
            </w:r>
          </w:p>
          <w:p w:rsidR="00201CC5" w:rsidRDefault="00201CC5" w:rsidP="00201CC5">
            <w:r>
              <w:t xml:space="preserve">                        call.</w:t>
            </w:r>
          </w:p>
          <w:p w:rsidR="00201CC5" w:rsidRDefault="00201CC5" w:rsidP="00201CC5">
            <w:r>
              <w:t xml:space="preserve">                    &lt;/p&gt;</w:t>
            </w:r>
          </w:p>
          <w:p w:rsidR="00201CC5" w:rsidRDefault="00201CC5" w:rsidP="00201CC5">
            <w:r>
              <w:t xml:space="preserve">                    &lt;ul class="contacts mt-3"&gt;</w:t>
            </w:r>
          </w:p>
          <w:p w:rsidR="00201CC5" w:rsidRDefault="00201CC5" w:rsidP="00201CC5">
            <w:r>
              <w:t xml:space="preserve">                        &lt;li&gt;</w:t>
            </w:r>
          </w:p>
          <w:p w:rsidR="00201CC5" w:rsidRDefault="00201CC5" w:rsidP="00201CC5">
            <w:r>
              <w:t xml:space="preserve">                            &lt;img alt="phone" src="svg/phone.png" width="20" height="20"&gt;</w:t>
            </w:r>
          </w:p>
          <w:p w:rsidR="00201CC5" w:rsidRDefault="00201CC5" w:rsidP="00201CC5">
            <w:r>
              <w:t xml:space="preserve">                            (+1) 833-487-7786</w:t>
            </w:r>
          </w:p>
          <w:p w:rsidR="00201CC5" w:rsidRDefault="00201CC5" w:rsidP="00201CC5">
            <w:r>
              <w:t xml:space="preserve">                        &lt;/li&gt;</w:t>
            </w:r>
          </w:p>
          <w:p w:rsidR="00201CC5" w:rsidRDefault="00201CC5" w:rsidP="00201CC5">
            <w:r>
              <w:t xml:space="preserve">                        &lt;li&gt;</w:t>
            </w:r>
          </w:p>
          <w:p w:rsidR="00201CC5" w:rsidRDefault="00201CC5" w:rsidP="00201CC5">
            <w:r>
              <w:t xml:space="preserve">                                &lt;img alt="mail" src="svg/mail.png" width="20" height="20"&gt;</w:t>
            </w:r>
          </w:p>
          <w:p w:rsidR="00201CC5" w:rsidRDefault="00201CC5" w:rsidP="00201CC5">
            <w:r>
              <w:t xml:space="preserve">                            &lt;a href="mailto:info@yourseniorteam.com"&gt;info@yourseniorteam.com&lt;/a&gt;</w:t>
            </w:r>
          </w:p>
          <w:p w:rsidR="00201CC5" w:rsidRDefault="00201CC5" w:rsidP="00201CC5">
            <w:r>
              <w:t xml:space="preserve">                        &lt;/li&gt;</w:t>
            </w:r>
          </w:p>
          <w:p w:rsidR="00201CC5" w:rsidRDefault="00201CC5" w:rsidP="00201CC5">
            <w:r>
              <w:t xml:space="preserve">                    &lt;/ul&gt;</w:t>
            </w:r>
          </w:p>
          <w:p w:rsidR="00201CC5" w:rsidRDefault="00201CC5" w:rsidP="00201CC5">
            <w:r>
              <w:t xml:space="preserve">                &lt;/div&gt;</w:t>
            </w:r>
          </w:p>
          <w:p w:rsidR="00201CC5" w:rsidRDefault="00201CC5" w:rsidP="00201CC5">
            <w:r>
              <w:t xml:space="preserve">            &lt;/div&gt;</w:t>
            </w:r>
          </w:p>
          <w:p w:rsidR="00201CC5" w:rsidRDefault="00201CC5" w:rsidP="00201CC5">
            <w:r>
              <w:lastRenderedPageBreak/>
              <w:t xml:space="preserve">            &lt;div class="col-lg-4 col-md-6 col-sm-6"&gt;</w:t>
            </w:r>
          </w:p>
          <w:p w:rsidR="00201CC5" w:rsidRDefault="00201CC5" w:rsidP="00201CC5">
            <w:r>
              <w:t xml:space="preserve">                &lt;a aria-controls="divQuickSubscribe" aria-expanded="false" class="collapse_bt_mobile"</w:t>
            </w:r>
          </w:p>
          <w:p w:rsidR="00201CC5" w:rsidRDefault="00201CC5" w:rsidP="00201CC5">
            <w:r>
              <w:t xml:space="preserve">                   data-target="#divQuickSubscribe" data-toggle="collapse"&gt;</w:t>
            </w:r>
          </w:p>
          <w:p w:rsidR="00201CC5" w:rsidRDefault="00201CC5" w:rsidP="00201CC5">
            <w:r>
              <w:t xml:space="preserve">                    &lt;div class="circle-plus closed"&gt;</w:t>
            </w:r>
          </w:p>
          <w:p w:rsidR="00201CC5" w:rsidRDefault="00201CC5" w:rsidP="00201CC5">
            <w:r>
              <w:t xml:space="preserve">                        &lt;div class="horizontal"&gt;&lt;/div&gt;</w:t>
            </w:r>
          </w:p>
          <w:p w:rsidR="00201CC5" w:rsidRDefault="00201CC5" w:rsidP="00201CC5">
            <w:r>
              <w:t xml:space="preserve">                        &lt;div class="vertical"&gt;&lt;/div&gt;</w:t>
            </w:r>
          </w:p>
          <w:p w:rsidR="00201CC5" w:rsidRDefault="00201CC5" w:rsidP="00201CC5">
            <w:r>
              <w:t xml:space="preserve">                    &lt;/div&gt;</w:t>
            </w:r>
          </w:p>
          <w:p w:rsidR="00201CC5" w:rsidRDefault="00201CC5" w:rsidP="00201CC5">
            <w:r>
              <w:t xml:space="preserve">                   </w:t>
            </w:r>
          </w:p>
          <w:p w:rsidR="00201CC5" w:rsidRDefault="00201CC5" w:rsidP="00201CC5">
            <w:r>
              <w:t xml:space="preserve">                &lt;/a&gt;</w:t>
            </w:r>
          </w:p>
          <w:p w:rsidR="00201CC5" w:rsidRDefault="00201CC5" w:rsidP="00201CC5">
            <w:r>
              <w:t xml:space="preserve">                &lt;!--social medias--&gt;</w:t>
            </w:r>
          </w:p>
          <w:p w:rsidR="00201CC5" w:rsidRDefault="00201CC5" w:rsidP="00201CC5">
            <w:r>
              <w:t xml:space="preserve">                &lt;div class="follow_us"&gt;</w:t>
            </w:r>
          </w:p>
          <w:p w:rsidR="00201CC5" w:rsidRDefault="00201CC5" w:rsidP="00201CC5">
            <w:r>
              <w:t xml:space="preserve">                    &lt;h5 class="mt-2"&gt;Follow Us&lt;/h5&gt;</w:t>
            </w:r>
          </w:p>
          <w:p w:rsidR="00201CC5" w:rsidRDefault="00201CC5" w:rsidP="00201CC5">
            <w:r>
              <w:t xml:space="preserve">                    &lt;ul&gt;</w:t>
            </w:r>
          </w:p>
          <w:p w:rsidR="00201CC5" w:rsidRDefault="00201CC5" w:rsidP="00201CC5">
            <w:r>
              <w:t xml:space="preserve">                        &lt;li class="facebook"&gt;</w:t>
            </w:r>
          </w:p>
          <w:p w:rsidR="00201CC5" w:rsidRDefault="00201CC5" w:rsidP="00201CC5">
            <w:r>
              <w:t xml:space="preserve">                            &lt;a href="https://www.facebook.com/Senior-Place-Finder-1602955246662850/" target="_blank"&gt;</w:t>
            </w:r>
          </w:p>
          <w:p w:rsidR="00201CC5" w:rsidRDefault="00201CC5" w:rsidP="00201CC5">
            <w:r>
              <w:t xml:space="preserve">                                &lt;img alt="facebook" src="svg/facebook.png" width="20" height="20"&gt;</w:t>
            </w:r>
          </w:p>
          <w:p w:rsidR="00201CC5" w:rsidRDefault="00201CC5" w:rsidP="00201CC5">
            <w:r>
              <w:t xml:space="preserve">                            &lt;/a&gt;</w:t>
            </w:r>
          </w:p>
          <w:p w:rsidR="00201CC5" w:rsidRDefault="00201CC5" w:rsidP="00201CC5">
            <w:r>
              <w:t xml:space="preserve">                        &lt;/li&gt;</w:t>
            </w:r>
          </w:p>
          <w:p w:rsidR="00201CC5" w:rsidRDefault="00201CC5" w:rsidP="00201CC5">
            <w:r>
              <w:t xml:space="preserve">                        &lt;li class="twitter"&gt;</w:t>
            </w:r>
          </w:p>
          <w:p w:rsidR="00201CC5" w:rsidRDefault="00201CC5" w:rsidP="00201CC5">
            <w:r>
              <w:t xml:space="preserve">                            &lt;a href="https://twitter.com/TheSeniorTeam2" target="_blank"&gt;</w:t>
            </w:r>
          </w:p>
          <w:p w:rsidR="00201CC5" w:rsidRDefault="00201CC5" w:rsidP="00201CC5">
            <w:r>
              <w:t xml:space="preserve">                                &lt;img alt="twitter" src="svg/twitter.png" width="20" height="20"&gt;</w:t>
            </w:r>
          </w:p>
          <w:p w:rsidR="00201CC5" w:rsidRDefault="00201CC5" w:rsidP="00201CC5">
            <w:r>
              <w:t xml:space="preserve">                            &lt;/a&gt;</w:t>
            </w:r>
          </w:p>
          <w:p w:rsidR="00201CC5" w:rsidRDefault="00201CC5" w:rsidP="00201CC5">
            <w:r>
              <w:t xml:space="preserve">                        &lt;/li&gt;</w:t>
            </w:r>
          </w:p>
          <w:p w:rsidR="00201CC5" w:rsidRDefault="00201CC5" w:rsidP="00201CC5">
            <w:r>
              <w:t xml:space="preserve">                        &lt;li class="youtube"&gt;</w:t>
            </w:r>
          </w:p>
          <w:p w:rsidR="00201CC5" w:rsidRDefault="00201CC5" w:rsidP="00201CC5">
            <w:r>
              <w:t xml:space="preserve">                            &lt;a href="https://www.youtube.com/watch?v=nyNd17hZlqA" target="_blank"&gt;</w:t>
            </w:r>
          </w:p>
          <w:p w:rsidR="00201CC5" w:rsidRDefault="00201CC5" w:rsidP="00201CC5">
            <w:r>
              <w:t xml:space="preserve">                                &lt;img alt="youtube" src="svg/youtube.png" width="20" height="20"&gt;</w:t>
            </w:r>
          </w:p>
          <w:p w:rsidR="00201CC5" w:rsidRDefault="00201CC5" w:rsidP="00201CC5">
            <w:r>
              <w:t xml:space="preserve">                            &lt;/a&gt;</w:t>
            </w:r>
          </w:p>
          <w:p w:rsidR="00201CC5" w:rsidRDefault="00201CC5" w:rsidP="00201CC5">
            <w:r>
              <w:t xml:space="preserve">                        &lt;/li&gt;</w:t>
            </w:r>
          </w:p>
          <w:p w:rsidR="00201CC5" w:rsidRDefault="00201CC5" w:rsidP="00201CC5">
            <w:r>
              <w:t xml:space="preserve">                        &lt;li class="pinterest"&gt;</w:t>
            </w:r>
          </w:p>
          <w:p w:rsidR="00201CC5" w:rsidRDefault="00201CC5" w:rsidP="00201CC5">
            <w:r>
              <w:t xml:space="preserve">                            &lt;a href="https://www.pinterest.co.uk/pin/707557791432144028/" target="_blank"&gt;</w:t>
            </w:r>
          </w:p>
          <w:p w:rsidR="00201CC5" w:rsidRDefault="00201CC5" w:rsidP="00201CC5">
            <w:r>
              <w:t xml:space="preserve">                                &lt;img alt="pinterest" src="svg/pinterest.png" width="20" height="20"&gt;</w:t>
            </w:r>
          </w:p>
          <w:p w:rsidR="00201CC5" w:rsidRDefault="00201CC5" w:rsidP="00201CC5">
            <w:r>
              <w:t xml:space="preserve">                            &lt;/a&gt;</w:t>
            </w:r>
          </w:p>
          <w:p w:rsidR="00201CC5" w:rsidRDefault="00201CC5" w:rsidP="00201CC5">
            <w:r>
              <w:t xml:space="preserve">                        &lt;/li&gt;</w:t>
            </w:r>
          </w:p>
          <w:p w:rsidR="00201CC5" w:rsidRDefault="00201CC5" w:rsidP="00201CC5">
            <w:r>
              <w:t xml:space="preserve">                        &lt;li class="instagram"&gt;</w:t>
            </w:r>
          </w:p>
          <w:p w:rsidR="00201CC5" w:rsidRDefault="00201CC5" w:rsidP="00201CC5">
            <w:r>
              <w:t xml:space="preserve">                             &lt;a href="https://www.instagram.com/yourseniorteam1/" target="_blank"&gt;</w:t>
            </w:r>
          </w:p>
          <w:p w:rsidR="00201CC5" w:rsidRDefault="00201CC5" w:rsidP="00201CC5">
            <w:r>
              <w:t xml:space="preserve">                              &lt;img alt="instagram" src="svg/instagram.png" width="20" height="20"&gt;</w:t>
            </w:r>
          </w:p>
          <w:p w:rsidR="00201CC5" w:rsidRDefault="00201CC5" w:rsidP="00201CC5">
            <w:r>
              <w:t xml:space="preserve">                            &lt;/a&gt;</w:t>
            </w:r>
          </w:p>
          <w:p w:rsidR="00201CC5" w:rsidRDefault="00201CC5" w:rsidP="00201CC5">
            <w:r>
              <w:t xml:space="preserve">                        &lt;/li&gt;</w:t>
            </w:r>
          </w:p>
          <w:p w:rsidR="00201CC5" w:rsidRDefault="00201CC5" w:rsidP="00201CC5">
            <w:r>
              <w:t xml:space="preserve">                        &lt;li class="linkedin"&gt;</w:t>
            </w:r>
          </w:p>
          <w:p w:rsidR="00201CC5" w:rsidRDefault="00201CC5" w:rsidP="00201CC5">
            <w:r>
              <w:t xml:space="preserve">                        &lt;a href="https://www.linkedin.com/in/steve-fecske-7721291a" target="_blank"&gt;</w:t>
            </w:r>
          </w:p>
          <w:p w:rsidR="00201CC5" w:rsidRDefault="00201CC5" w:rsidP="00201CC5">
            <w:r>
              <w:t xml:space="preserve">                            &lt;img alt="linkedin" src="svg/linkedin.png" width="20" height="20"&gt;</w:t>
            </w:r>
          </w:p>
          <w:p w:rsidR="00201CC5" w:rsidRDefault="00201CC5" w:rsidP="00201CC5">
            <w:r>
              <w:t xml:space="preserve">                        &lt;/a&gt;</w:t>
            </w:r>
          </w:p>
          <w:p w:rsidR="00201CC5" w:rsidRDefault="00201CC5" w:rsidP="00201CC5">
            <w:r>
              <w:t xml:space="preserve">                        &lt;/li&gt;</w:t>
            </w:r>
          </w:p>
          <w:p w:rsidR="00201CC5" w:rsidRDefault="00201CC5" w:rsidP="00201CC5">
            <w:r>
              <w:t xml:space="preserve">                    &lt;/ul&gt;</w:t>
            </w:r>
          </w:p>
          <w:p w:rsidR="00201CC5" w:rsidRDefault="00201CC5" w:rsidP="00201CC5">
            <w:r>
              <w:t xml:space="preserve">                    &lt;a href="https://yourseniorteam.com/" target="_blank"&gt;</w:t>
            </w:r>
          </w:p>
          <w:p w:rsidR="00201CC5" w:rsidRDefault="00201CC5" w:rsidP="00201CC5">
            <w:r>
              <w:t xml:space="preserve">                    &lt;br&gt;</w:t>
            </w:r>
          </w:p>
          <w:p w:rsidR="00201CC5" w:rsidRDefault="00201CC5" w:rsidP="00201CC5">
            <w:r>
              <w:t xml:space="preserve">                    &lt;img src="img/icon/YSTlogoFix2.png" width="150" /&gt;</w:t>
            </w:r>
          </w:p>
          <w:p w:rsidR="00201CC5" w:rsidRDefault="00201CC5" w:rsidP="00201CC5">
            <w:r>
              <w:lastRenderedPageBreak/>
              <w:t xml:space="preserve">                    &lt;/a&gt;</w:t>
            </w:r>
          </w:p>
          <w:p w:rsidR="00201CC5" w:rsidRDefault="00201CC5" w:rsidP="00201CC5">
            <w:r>
              <w:t xml:space="preserve">                &lt;/div&gt;</w:t>
            </w:r>
          </w:p>
          <w:p w:rsidR="00201CC5" w:rsidRDefault="00201CC5" w:rsidP="00201CC5">
            <w:r>
              <w:t xml:space="preserve">            &lt;/div&gt;</w:t>
            </w:r>
          </w:p>
          <w:p w:rsidR="00201CC5" w:rsidRDefault="00201CC5" w:rsidP="00201CC5">
            <w:r>
              <w:t xml:space="preserve">        &lt;/div&gt;</w:t>
            </w:r>
          </w:p>
          <w:p w:rsidR="00201CC5" w:rsidRDefault="00201CC5" w:rsidP="00201CC5">
            <w:r>
              <w:t xml:space="preserve">        &lt;br&gt;</w:t>
            </w:r>
          </w:p>
          <w:p w:rsidR="00201CC5" w:rsidRDefault="00201CC5" w:rsidP="00201CC5">
            <w:r>
              <w:t xml:space="preserve">        &lt;br&gt;</w:t>
            </w:r>
          </w:p>
          <w:p w:rsidR="00201CC5" w:rsidRDefault="00201CC5" w:rsidP="00201CC5">
            <w:r>
              <w:t xml:space="preserve">        &lt;span&gt;</w:t>
            </w:r>
          </w:p>
          <w:p w:rsidR="00201CC5" w:rsidRDefault="00201CC5" w:rsidP="00201CC5">
            <w:r>
              <w:t xml:space="preserve">                            Copyright &amp;copy; 2022</w:t>
            </w:r>
          </w:p>
          <w:p w:rsidR="00201CC5" w:rsidRDefault="00201CC5" w:rsidP="00201CC5">
            <w:r>
              <w:t xml:space="preserve">                           &lt;a &gt;</w:t>
            </w:r>
          </w:p>
          <w:p w:rsidR="00201CC5" w:rsidRDefault="00201CC5" w:rsidP="00201CC5">
            <w:r>
              <w:t xml:space="preserve">                                The Senior Team Inc.</w:t>
            </w:r>
          </w:p>
          <w:p w:rsidR="00201CC5" w:rsidRDefault="00201CC5" w:rsidP="00201CC5">
            <w:r>
              <w:t xml:space="preserve">                                </w:t>
            </w:r>
          </w:p>
          <w:p w:rsidR="00201CC5" w:rsidRDefault="00201CC5" w:rsidP="00201CC5">
            <w:r>
              <w:t xml:space="preserve">                            &lt;/a&gt;, All rights reserved.</w:t>
            </w:r>
          </w:p>
          <w:p w:rsidR="00201CC5" w:rsidRDefault="00201CC5" w:rsidP="00201CC5">
            <w:r>
              <w:t xml:space="preserve">                        &lt;/span&gt;</w:t>
            </w:r>
          </w:p>
          <w:p w:rsidR="00201CC5" w:rsidRDefault="00201CC5" w:rsidP="00201CC5">
            <w:r>
              <w:t xml:space="preserve">        &lt;hr&gt;</w:t>
            </w:r>
          </w:p>
          <w:p w:rsidR="00201CC5" w:rsidRDefault="00201CC5" w:rsidP="00201CC5">
            <w:r>
              <w:t xml:space="preserve">        &lt;div class="row"&gt;</w:t>
            </w:r>
          </w:p>
          <w:p w:rsidR="00201CC5" w:rsidRDefault="00201CC5" w:rsidP="00201CC5">
            <w:r>
              <w:t xml:space="preserve">         </w:t>
            </w:r>
          </w:p>
          <w:p w:rsidR="00201CC5" w:rsidRDefault="00201CC5" w:rsidP="00201CC5">
            <w:r>
              <w:t xml:space="preserve">            &lt;div class="col-lg-12"&gt;</w:t>
            </w:r>
          </w:p>
          <w:p w:rsidR="00201CC5" w:rsidRDefault="00201CC5" w:rsidP="00201CC5">
            <w:r>
              <w:t xml:space="preserve">                &lt;ul class="text-center copyright"&gt;</w:t>
            </w:r>
          </w:p>
          <w:p w:rsidR="00201CC5" w:rsidRDefault="00201CC5" w:rsidP="00201CC5">
            <w:r>
              <w:t xml:space="preserve">                    &lt;li class="float-left"&gt;</w:t>
            </w:r>
          </w:p>
          <w:p w:rsidR="00201CC5" w:rsidRDefault="00201CC5" w:rsidP="00201CC5">
            <w:r>
              <w:t xml:space="preserve">                        &lt;p&gt;</w:t>
            </w:r>
          </w:p>
          <w:p w:rsidR="00201CC5" w:rsidRDefault="00201CC5" w:rsidP="00201CC5">
            <w:r>
              <w:t xml:space="preserve">                        Developed by The Senior Team Inc.</w:t>
            </w:r>
          </w:p>
          <w:p w:rsidR="00201CC5" w:rsidRDefault="00201CC5" w:rsidP="00201CC5">
            <w:r>
              <w:t xml:space="preserve">                    &lt;/p&gt;</w:t>
            </w:r>
          </w:p>
          <w:p w:rsidR="00201CC5" w:rsidRDefault="00201CC5" w:rsidP="00201CC5">
            <w:r>
              <w:t xml:space="preserve">                    &lt;/li&gt;</w:t>
            </w:r>
          </w:p>
          <w:p w:rsidR="00201CC5" w:rsidRDefault="00201CC5" w:rsidP="00201CC5">
            <w:r>
              <w:t xml:space="preserve">                    &lt;ul class="float-right" id="additional_links"&gt;</w:t>
            </w:r>
          </w:p>
          <w:p w:rsidR="00201CC5" w:rsidRDefault="00201CC5" w:rsidP="00201CC5">
            <w:r>
              <w:t xml:space="preserve">                        &lt;li&gt;</w:t>
            </w:r>
          </w:p>
          <w:p w:rsidR="00201CC5" w:rsidRDefault="00201CC5" w:rsidP="00201CC5">
            <w:r>
              <w:t xml:space="preserve">                            &lt;a id="myBtn"&gt;Terms &amp; Conditions&lt;/a&gt;</w:t>
            </w:r>
          </w:p>
          <w:p w:rsidR="00201CC5" w:rsidRDefault="00201CC5" w:rsidP="00201CC5">
            <w:r>
              <w:t xml:space="preserve">                        &lt;/li&gt;</w:t>
            </w:r>
          </w:p>
          <w:p w:rsidR="00201CC5" w:rsidRDefault="00201CC5" w:rsidP="00201CC5">
            <w:r>
              <w:t xml:space="preserve">                        &lt;li&gt;</w:t>
            </w:r>
          </w:p>
          <w:p w:rsidR="00201CC5" w:rsidRDefault="00201CC5" w:rsidP="00201CC5">
            <w:r>
              <w:t xml:space="preserve">                            &lt;a id="myBtn1"&gt;Privacy Policy&lt;/a&gt;</w:t>
            </w:r>
          </w:p>
          <w:p w:rsidR="00201CC5" w:rsidRDefault="00201CC5" w:rsidP="00201CC5">
            <w:r>
              <w:t xml:space="preserve">                        &lt;/li&gt;</w:t>
            </w:r>
          </w:p>
          <w:p w:rsidR="00201CC5" w:rsidRDefault="00201CC5" w:rsidP="00201CC5">
            <w:r>
              <w:t xml:space="preserve">                        &lt;li&gt;</w:t>
            </w:r>
          </w:p>
          <w:p w:rsidR="00201CC5" w:rsidRDefault="00201CC5" w:rsidP="00201CC5">
            <w:r>
              <w:t xml:space="preserve">                            &lt;a id="myBtn2"&gt;Cookie Policy&lt;/a&gt;</w:t>
            </w:r>
          </w:p>
          <w:p w:rsidR="00201CC5" w:rsidRDefault="00201CC5" w:rsidP="00201CC5">
            <w:r>
              <w:t xml:space="preserve">                        &lt;/li&gt;</w:t>
            </w:r>
          </w:p>
          <w:p w:rsidR="00201CC5" w:rsidRDefault="00201CC5" w:rsidP="00201CC5">
            <w:r>
              <w:t xml:space="preserve">                    &lt;/ul&gt;</w:t>
            </w:r>
          </w:p>
          <w:p w:rsidR="00201CC5" w:rsidRDefault="00201CC5" w:rsidP="00201CC5">
            <w:r>
              <w:t xml:space="preserve">                &lt;/ul&gt;</w:t>
            </w:r>
          </w:p>
          <w:p w:rsidR="00201CC5" w:rsidRDefault="00201CC5" w:rsidP="00201CC5">
            <w:r>
              <w:t xml:space="preserve">            &lt;/div&gt;</w:t>
            </w:r>
          </w:p>
          <w:p w:rsidR="00201CC5" w:rsidRDefault="00201CC5" w:rsidP="00201CC5">
            <w:r>
              <w:t xml:space="preserve">        &lt;/div&gt;</w:t>
            </w:r>
          </w:p>
          <w:p w:rsidR="00201CC5" w:rsidRDefault="00201CC5" w:rsidP="00201CC5">
            <w:r>
              <w:t xml:space="preserve">    &lt;/div&gt;</w:t>
            </w:r>
          </w:p>
          <w:p w:rsidR="00201CC5" w:rsidRDefault="00201CC5" w:rsidP="00201CC5">
            <w:r>
              <w:t>&lt;/footer&gt;</w:t>
            </w:r>
          </w:p>
          <w:p w:rsidR="00201CC5" w:rsidRDefault="00201CC5" w:rsidP="00201CC5">
            <w:r>
              <w:t>&lt;!--------------------footer ends------------------&gt;</w:t>
            </w:r>
          </w:p>
          <w:p w:rsidR="00201CC5" w:rsidRDefault="00201CC5" w:rsidP="00201CC5">
            <w:r>
              <w:t xml:space="preserve">    &lt;/div&gt;</w:t>
            </w:r>
          </w:p>
          <w:p w:rsidR="00201CC5" w:rsidRDefault="00201CC5" w:rsidP="00201CC5">
            <w:r>
              <w:t>&lt;/div&gt;</w:t>
            </w:r>
          </w:p>
          <w:p w:rsidR="00201CC5" w:rsidRDefault="00201CC5" w:rsidP="00201CC5"/>
          <w:p w:rsidR="00201CC5" w:rsidRDefault="00201CC5" w:rsidP="00201CC5">
            <w:r>
              <w:t>&lt;!--------------------floating widgets starts------------------&gt;</w:t>
            </w:r>
          </w:p>
          <w:p w:rsidR="00201CC5" w:rsidRDefault="00201CC5" w:rsidP="00201CC5">
            <w:r>
              <w:t>&lt;div class="floating-widget"&gt;</w:t>
            </w:r>
          </w:p>
          <w:p w:rsidR="00201CC5" w:rsidRDefault="00201CC5" w:rsidP="00201CC5">
            <w:r>
              <w:t xml:space="preserve">    &lt;a class="float-item all-service d-xl-none d-lg-none d-md-none d-sm-block"&gt;</w:t>
            </w:r>
          </w:p>
          <w:p w:rsidR="00201CC5" w:rsidRDefault="00201CC5" w:rsidP="00201CC5">
            <w:r>
              <w:t xml:space="preserve">        &lt;img src="img/icon/ssp.png" class="icon"/&gt;</w:t>
            </w:r>
          </w:p>
          <w:p w:rsidR="00201CC5" w:rsidRDefault="00201CC5" w:rsidP="00201CC5">
            <w:r>
              <w:t xml:space="preserve">    &lt;/a&gt;</w:t>
            </w:r>
          </w:p>
          <w:p w:rsidR="00201CC5" w:rsidRDefault="00201CC5" w:rsidP="00201CC5">
            <w:r>
              <w:lastRenderedPageBreak/>
              <w:t xml:space="preserve">    &lt;ul&gt;</w:t>
            </w:r>
          </w:p>
          <w:p w:rsidR="00201CC5" w:rsidRDefault="00201CC5" w:rsidP="00201CC5">
            <w:r>
              <w:t xml:space="preserve">   </w:t>
            </w:r>
          </w:p>
          <w:p w:rsidR="00201CC5" w:rsidRDefault="00201CC5" w:rsidP="00201CC5">
            <w:r>
              <w:t xml:space="preserve">                    &lt;li&gt;</w:t>
            </w:r>
          </w:p>
          <w:p w:rsidR="00201CC5" w:rsidRDefault="00201CC5" w:rsidP="00201CC5">
            <w:r>
              <w:t xml:space="preserve">                &lt;a href="https://srepfinder.com/" target="_blank" class="float-item" title="Find Senior Real Estate Professionals specializing in the real estate of seniors"</w:t>
            </w:r>
          </w:p>
          <w:p w:rsidR="00201CC5" w:rsidRDefault="00201CC5" w:rsidP="00201CC5">
            <w:r>
              <w:t xml:space="preserve">                   data-toggle="tooltip" data-placement="right" data-delay="500"&gt;</w:t>
            </w:r>
          </w:p>
          <w:p w:rsidR="00201CC5" w:rsidRDefault="00201CC5" w:rsidP="00201CC5">
            <w:r>
              <w:t xml:space="preserve">                    &lt;img class="rounded-circle icon" src="img/icon/srep.png"/&gt;</w:t>
            </w:r>
          </w:p>
          <w:p w:rsidR="00201CC5" w:rsidRDefault="00201CC5" w:rsidP="00201CC5">
            <w:r>
              <w:t xml:space="preserve">                    &lt;img class="full-logo" src="img/finder/text/srep.png"/&gt;</w:t>
            </w:r>
          </w:p>
          <w:p w:rsidR="00201CC5" w:rsidRDefault="00201CC5" w:rsidP="00201CC5">
            <w:r>
              <w:t xml:space="preserve">                &lt;/a&gt;</w:t>
            </w:r>
          </w:p>
          <w:p w:rsidR="00201CC5" w:rsidRDefault="00201CC5" w:rsidP="00201CC5">
            <w:r>
              <w:t xml:space="preserve">            &lt;/li&gt;</w:t>
            </w:r>
          </w:p>
          <w:p w:rsidR="00201CC5" w:rsidRDefault="00201CC5" w:rsidP="00201CC5">
            <w:r>
              <w:t xml:space="preserve">                    &lt;li&gt;</w:t>
            </w:r>
          </w:p>
          <w:p w:rsidR="00201CC5" w:rsidRDefault="00201CC5" w:rsidP="00201CC5">
            <w:r>
              <w:t xml:space="preserve">                &lt;a href="https://espmfinder.com/" target="_blank" class="float-item" title="Find Professionals Serving Seniors with their Estate Sales, Packing and Moving"</w:t>
            </w:r>
          </w:p>
          <w:p w:rsidR="00201CC5" w:rsidRDefault="00201CC5" w:rsidP="00201CC5">
            <w:r>
              <w:t xml:space="preserve">                   data-toggle="tooltip" data-placement="right" data-delay="500"&gt;</w:t>
            </w:r>
          </w:p>
          <w:p w:rsidR="00201CC5" w:rsidRDefault="00201CC5" w:rsidP="00201CC5">
            <w:r>
              <w:t xml:space="preserve">                    &lt;img class="rounded-circle icon" src="img/icon/espm.png"/&gt;</w:t>
            </w:r>
          </w:p>
          <w:p w:rsidR="00201CC5" w:rsidRDefault="00201CC5" w:rsidP="00201CC5">
            <w:r>
              <w:t xml:space="preserve">                    &lt;img class="full-logo" src="img/finder/text/espm.png"/&gt;</w:t>
            </w:r>
          </w:p>
          <w:p w:rsidR="00201CC5" w:rsidRDefault="00201CC5" w:rsidP="00201CC5">
            <w:r>
              <w:t xml:space="preserve">                &lt;/a&gt;</w:t>
            </w:r>
          </w:p>
          <w:p w:rsidR="00201CC5" w:rsidRDefault="00201CC5" w:rsidP="00201CC5">
            <w:r>
              <w:t xml:space="preserve">            &lt;/li&gt;</w:t>
            </w:r>
          </w:p>
          <w:p w:rsidR="00201CC5" w:rsidRDefault="00201CC5" w:rsidP="00201CC5">
            <w:r>
              <w:t xml:space="preserve">                    &lt;li&gt;</w:t>
            </w:r>
          </w:p>
          <w:p w:rsidR="00201CC5" w:rsidRDefault="00201CC5" w:rsidP="00201CC5">
            <w:r>
              <w:t xml:space="preserve">                &lt;a href="https://elderlawlawyerfinder.com/" target="_blank" class="float-item" title="Find Attorneys specializing in the legal needs of seniors"</w:t>
            </w:r>
          </w:p>
          <w:p w:rsidR="00201CC5" w:rsidRDefault="00201CC5" w:rsidP="00201CC5">
            <w:r>
              <w:t xml:space="preserve">                   data-toggle="tooltip" data-placement="right" data-delay="500"&gt;</w:t>
            </w:r>
          </w:p>
          <w:p w:rsidR="00201CC5" w:rsidRDefault="00201CC5" w:rsidP="00201CC5">
            <w:r>
              <w:t xml:space="preserve">                    &lt;img class="rounded-circle icon" src="img/icon/el.png"/&gt;</w:t>
            </w:r>
          </w:p>
          <w:p w:rsidR="00201CC5" w:rsidRDefault="00201CC5" w:rsidP="00201CC5">
            <w:r>
              <w:t xml:space="preserve">                    &lt;img class="full-logo" src="img/finder/text/el.png"/&gt;</w:t>
            </w:r>
          </w:p>
          <w:p w:rsidR="00201CC5" w:rsidRDefault="00201CC5" w:rsidP="00201CC5">
            <w:r>
              <w:t xml:space="preserve">                &lt;/a&gt;</w:t>
            </w:r>
          </w:p>
          <w:p w:rsidR="00201CC5" w:rsidRDefault="00201CC5" w:rsidP="00201CC5">
            <w:r>
              <w:t xml:space="preserve">            &lt;/li&gt;</w:t>
            </w:r>
          </w:p>
          <w:p w:rsidR="00201CC5" w:rsidRDefault="00201CC5" w:rsidP="00201CC5">
            <w:r>
              <w:t xml:space="preserve">                    &lt;li&gt;</w:t>
            </w:r>
          </w:p>
          <w:p w:rsidR="00201CC5" w:rsidRDefault="00201CC5" w:rsidP="00201CC5">
            <w:r>
              <w:t xml:space="preserve">                &lt;a href="https://eiflfinder.com/" target="_blank" class="float-item" title="Find Professionals specializing in Investment, Finance and Loans for Seniors"</w:t>
            </w:r>
          </w:p>
          <w:p w:rsidR="00201CC5" w:rsidRDefault="00201CC5" w:rsidP="00201CC5">
            <w:r>
              <w:t xml:space="preserve">                   data-toggle="tooltip" data-placement="right" data-delay="500"&gt;</w:t>
            </w:r>
          </w:p>
          <w:p w:rsidR="00201CC5" w:rsidRDefault="00201CC5" w:rsidP="00201CC5">
            <w:r>
              <w:t xml:space="preserve">                    &lt;img class="rounded-circle icon" src="img/icon/eifl.png"/&gt;</w:t>
            </w:r>
          </w:p>
          <w:p w:rsidR="00201CC5" w:rsidRDefault="00201CC5" w:rsidP="00201CC5">
            <w:r>
              <w:t xml:space="preserve">                    &lt;img class="full-logo" src="img/finder/text/eifl.png"/&gt;</w:t>
            </w:r>
          </w:p>
          <w:p w:rsidR="00201CC5" w:rsidRDefault="00201CC5" w:rsidP="00201CC5">
            <w:r>
              <w:t xml:space="preserve">                &lt;/a&gt;</w:t>
            </w:r>
          </w:p>
          <w:p w:rsidR="00201CC5" w:rsidRDefault="00201CC5" w:rsidP="00201CC5">
            <w:r>
              <w:t xml:space="preserve">            &lt;/li&gt;</w:t>
            </w:r>
          </w:p>
          <w:p w:rsidR="00201CC5" w:rsidRDefault="00201CC5" w:rsidP="00201CC5">
            <w:r>
              <w:t xml:space="preserve">                    &lt;li&gt;</w:t>
            </w:r>
          </w:p>
          <w:p w:rsidR="00201CC5" w:rsidRDefault="00201CC5" w:rsidP="00201CC5">
            <w:r>
              <w:t xml:space="preserve">                &lt;a href="https://vabenefitsfinder.com/" target="_blank" class="float-item" title="Find Specialists who guarantee Seniors the Veteran’s Benefits they deserve"</w:t>
            </w:r>
          </w:p>
          <w:p w:rsidR="00201CC5" w:rsidRDefault="00201CC5" w:rsidP="00201CC5">
            <w:r>
              <w:t xml:space="preserve">                   data-toggle="tooltip" data-placement="right" data-delay="500"&gt;</w:t>
            </w:r>
          </w:p>
          <w:p w:rsidR="00201CC5" w:rsidRDefault="00201CC5" w:rsidP="00201CC5">
            <w:r>
              <w:t xml:space="preserve">                    &lt;img class="rounded-circle icon" src="img/icon/vab.png"/&gt;</w:t>
            </w:r>
          </w:p>
          <w:p w:rsidR="00201CC5" w:rsidRDefault="00201CC5" w:rsidP="00201CC5">
            <w:r>
              <w:t xml:space="preserve">                    &lt;img class="full-logo" src="img/finder/text/vab.png"/&gt;</w:t>
            </w:r>
          </w:p>
          <w:p w:rsidR="00201CC5" w:rsidRDefault="00201CC5" w:rsidP="00201CC5">
            <w:r>
              <w:t xml:space="preserve">                &lt;/a&gt;</w:t>
            </w:r>
          </w:p>
          <w:p w:rsidR="00201CC5" w:rsidRDefault="00201CC5" w:rsidP="00201CC5">
            <w:r>
              <w:t xml:space="preserve">            &lt;/li&gt;</w:t>
            </w:r>
          </w:p>
          <w:p w:rsidR="00201CC5" w:rsidRDefault="00201CC5" w:rsidP="00201CC5">
            <w:r>
              <w:t xml:space="preserve">                    &lt;li&gt;</w:t>
            </w:r>
          </w:p>
          <w:p w:rsidR="00201CC5" w:rsidRDefault="00201CC5" w:rsidP="00201CC5">
            <w:r>
              <w:t xml:space="preserve">                &lt;a href="https://insureseniorsfinder.com/" target="_blank" class="float-item" title="Find Professionals who Insure Seniors for life, health, property and peace of mind"</w:t>
            </w:r>
          </w:p>
          <w:p w:rsidR="00201CC5" w:rsidRDefault="00201CC5" w:rsidP="00201CC5">
            <w:r>
              <w:t xml:space="preserve">                   data-toggle="tooltip" data-placement="right" data-delay="500"&gt;</w:t>
            </w:r>
          </w:p>
          <w:p w:rsidR="00201CC5" w:rsidRDefault="00201CC5" w:rsidP="00201CC5">
            <w:r>
              <w:t xml:space="preserve">                    &lt;img class="rounded-circle icon" src="img/icon/is.png"/&gt;</w:t>
            </w:r>
          </w:p>
          <w:p w:rsidR="00201CC5" w:rsidRDefault="00201CC5" w:rsidP="00201CC5">
            <w:r>
              <w:t xml:space="preserve">                    &lt;img class="full-logo" src="img/finder/text/is.png"/&gt;</w:t>
            </w:r>
          </w:p>
          <w:p w:rsidR="00201CC5" w:rsidRDefault="00201CC5" w:rsidP="00201CC5">
            <w:r>
              <w:lastRenderedPageBreak/>
              <w:t xml:space="preserve">                &lt;/a&gt;</w:t>
            </w:r>
          </w:p>
          <w:p w:rsidR="00201CC5" w:rsidRDefault="00201CC5" w:rsidP="00201CC5">
            <w:r>
              <w:t xml:space="preserve">            &lt;/li&gt;</w:t>
            </w:r>
          </w:p>
          <w:p w:rsidR="00201CC5" w:rsidRDefault="00201CC5" w:rsidP="00201CC5">
            <w:r>
              <w:t xml:space="preserve">            &lt;/ul&gt;</w:t>
            </w:r>
          </w:p>
          <w:p w:rsidR="00201CC5" w:rsidRDefault="00201CC5" w:rsidP="00201CC5">
            <w:r>
              <w:t>&lt;/div&gt;</w:t>
            </w:r>
          </w:p>
          <w:p w:rsidR="00201CC5" w:rsidRDefault="00201CC5" w:rsidP="00201CC5"/>
          <w:p w:rsidR="00201CC5" w:rsidRDefault="00201CC5" w:rsidP="00201CC5">
            <w:r>
              <w:t>&lt;script type="text/javascript"&gt;</w:t>
            </w:r>
          </w:p>
          <w:p w:rsidR="00201CC5" w:rsidRDefault="00201CC5" w:rsidP="00201CC5">
            <w:r>
              <w:t xml:space="preserve">    var isMobile = /iPhone|Android/i.test(navigator.userAgent);</w:t>
            </w:r>
          </w:p>
          <w:p w:rsidR="00201CC5" w:rsidRDefault="00201CC5" w:rsidP="00201CC5">
            <w:r>
              <w:t xml:space="preserve">    $(document).ready(function () {</w:t>
            </w:r>
          </w:p>
          <w:p w:rsidR="00201CC5" w:rsidRDefault="00201CC5" w:rsidP="00201CC5">
            <w:r>
              <w:t xml:space="preserve">        // jQuery reverse</w:t>
            </w:r>
          </w:p>
          <w:p w:rsidR="00201CC5" w:rsidRDefault="00201CC5" w:rsidP="00201CC5">
            <w:r>
              <w:t xml:space="preserve">        $.fn.reverse = [].reverse;</w:t>
            </w:r>
          </w:p>
          <w:p w:rsidR="00201CC5" w:rsidRDefault="00201CC5" w:rsidP="00201CC5">
            <w:r>
              <w:t xml:space="preserve">        $(".floating-widget ul li").hover(function () {</w:t>
            </w:r>
          </w:p>
          <w:p w:rsidR="00201CC5" w:rsidRDefault="00201CC5" w:rsidP="00201CC5">
            <w:r>
              <w:t xml:space="preserve">            $(this).toggleClass("active");</w:t>
            </w:r>
          </w:p>
          <w:p w:rsidR="00201CC5" w:rsidRDefault="00201CC5" w:rsidP="00201CC5">
            <w:r>
              <w:t xml:space="preserve">        });</w:t>
            </w:r>
          </w:p>
          <w:p w:rsidR="00201CC5" w:rsidRDefault="00201CC5" w:rsidP="00201CC5">
            <w:r>
              <w:t xml:space="preserve">        if (isMobile) {</w:t>
            </w:r>
          </w:p>
          <w:p w:rsidR="00201CC5" w:rsidRDefault="00201CC5" w:rsidP="00201CC5">
            <w:r>
              <w:t xml:space="preserve">            // Toggle-on-click behaviour.</w:t>
            </w:r>
          </w:p>
          <w:p w:rsidR="00201CC5" w:rsidRDefault="00201CC5" w:rsidP="00201CC5">
            <w:r>
              <w:t xml:space="preserve">            $(document).on('click.floatingWidget', '.floating-widget &gt; a', function (e) {</w:t>
            </w:r>
          </w:p>
          <w:p w:rsidR="00201CC5" w:rsidRDefault="00201CC5" w:rsidP="00201CC5">
            <w:r>
              <w:t xml:space="preserve">                var $this = $(this);</w:t>
            </w:r>
          </w:p>
          <w:p w:rsidR="00201CC5" w:rsidRDefault="00201CC5" w:rsidP="00201CC5">
            <w:r>
              <w:t xml:space="preserve">                var $menu = $this.parent();</w:t>
            </w:r>
          </w:p>
          <w:p w:rsidR="00201CC5" w:rsidRDefault="00201CC5" w:rsidP="00201CC5">
            <w:r>
              <w:t xml:space="preserve">                if ($menu.hasClass('open')) {</w:t>
            </w:r>
          </w:p>
          <w:p w:rsidR="00201CC5" w:rsidRDefault="00201CC5" w:rsidP="00201CC5">
            <w:r>
              <w:t xml:space="preserve">                    closeFABMenu($menu);</w:t>
            </w:r>
          </w:p>
          <w:p w:rsidR="00201CC5" w:rsidRDefault="00201CC5" w:rsidP="00201CC5">
            <w:r>
              <w:t xml:space="preserve">                } else {</w:t>
            </w:r>
          </w:p>
          <w:p w:rsidR="00201CC5" w:rsidRDefault="00201CC5" w:rsidP="00201CC5">
            <w:r>
              <w:t xml:space="preserve">                    openFABMenu($menu);</w:t>
            </w:r>
          </w:p>
          <w:p w:rsidR="00201CC5" w:rsidRDefault="00201CC5" w:rsidP="00201CC5">
            <w:r>
              <w:t xml:space="preserve">                }</w:t>
            </w:r>
          </w:p>
          <w:p w:rsidR="00201CC5" w:rsidRDefault="00201CC5" w:rsidP="00201CC5">
            <w:r>
              <w:t xml:space="preserve">            });</w:t>
            </w:r>
          </w:p>
          <w:p w:rsidR="00201CC5" w:rsidRDefault="00201CC5" w:rsidP="00201CC5">
            <w:r>
              <w:t xml:space="preserve">        } else {</w:t>
            </w:r>
          </w:p>
          <w:p w:rsidR="00201CC5" w:rsidRDefault="00201CC5" w:rsidP="00201CC5">
            <w:r>
              <w:t xml:space="preserve">            var $menu = $(".floating-widget");</w:t>
            </w:r>
          </w:p>
          <w:p w:rsidR="00201CC5" w:rsidRDefault="00201CC5" w:rsidP="00201CC5">
            <w:r>
              <w:t xml:space="preserve">            openFABMenu($menu);</w:t>
            </w:r>
          </w:p>
          <w:p w:rsidR="00201CC5" w:rsidRDefault="00201CC5" w:rsidP="00201CC5">
            <w:r>
              <w:t xml:space="preserve">        }</w:t>
            </w:r>
          </w:p>
          <w:p w:rsidR="00201CC5" w:rsidRDefault="00201CC5" w:rsidP="00201CC5">
            <w:r>
              <w:t xml:space="preserve">    });</w:t>
            </w:r>
          </w:p>
          <w:p w:rsidR="00201CC5" w:rsidRDefault="00201CC5" w:rsidP="00201CC5"/>
          <w:p w:rsidR="00201CC5" w:rsidRDefault="00201CC5" w:rsidP="00201CC5">
            <w:r>
              <w:t xml:space="preserve">    $.fn.extend({</w:t>
            </w:r>
          </w:p>
          <w:p w:rsidR="00201CC5" w:rsidRDefault="00201CC5" w:rsidP="00201CC5">
            <w:r>
              <w:t xml:space="preserve">        openFAB: function () {</w:t>
            </w:r>
          </w:p>
          <w:p w:rsidR="00201CC5" w:rsidRDefault="00201CC5" w:rsidP="00201CC5">
            <w:r>
              <w:t xml:space="preserve">            openFABMenu($(this));</w:t>
            </w:r>
          </w:p>
          <w:p w:rsidR="00201CC5" w:rsidRDefault="00201CC5" w:rsidP="00201CC5">
            <w:r>
              <w:t xml:space="preserve">        },</w:t>
            </w:r>
          </w:p>
          <w:p w:rsidR="00201CC5" w:rsidRDefault="00201CC5" w:rsidP="00201CC5">
            <w:r>
              <w:t xml:space="preserve">        closeFAB: function () {</w:t>
            </w:r>
          </w:p>
          <w:p w:rsidR="00201CC5" w:rsidRDefault="00201CC5" w:rsidP="00201CC5">
            <w:r>
              <w:t xml:space="preserve">            closeFABMenu($(this));</w:t>
            </w:r>
          </w:p>
          <w:p w:rsidR="00201CC5" w:rsidRDefault="00201CC5" w:rsidP="00201CC5">
            <w:r>
              <w:t xml:space="preserve">        }</w:t>
            </w:r>
          </w:p>
          <w:p w:rsidR="00201CC5" w:rsidRDefault="00201CC5" w:rsidP="00201CC5">
            <w:r>
              <w:t xml:space="preserve">    });</w:t>
            </w:r>
          </w:p>
          <w:p w:rsidR="00201CC5" w:rsidRDefault="00201CC5" w:rsidP="00201CC5"/>
          <w:p w:rsidR="00201CC5" w:rsidRDefault="00201CC5" w:rsidP="00201CC5">
            <w:r>
              <w:t xml:space="preserve">    var openFABMenu = function (btn) {</w:t>
            </w:r>
          </w:p>
          <w:p w:rsidR="00201CC5" w:rsidRDefault="00201CC5" w:rsidP="00201CC5">
            <w:r>
              <w:t xml:space="preserve">        $this = btn;</w:t>
            </w:r>
          </w:p>
          <w:p w:rsidR="00201CC5" w:rsidRDefault="00201CC5" w:rsidP="00201CC5">
            <w:r>
              <w:t xml:space="preserve">        if ($this.hasClass('open') === false) {</w:t>
            </w:r>
          </w:p>
          <w:p w:rsidR="00201CC5" w:rsidRDefault="00201CC5" w:rsidP="00201CC5"/>
          <w:p w:rsidR="00201CC5" w:rsidRDefault="00201CC5" w:rsidP="00201CC5">
            <w:r>
              <w:t xml:space="preserve">            // Get direction option</w:t>
            </w:r>
          </w:p>
          <w:p w:rsidR="00201CC5" w:rsidRDefault="00201CC5" w:rsidP="00201CC5">
            <w:r>
              <w:t xml:space="preserve">            var horizontal = $this.hasClass('horizontal');</w:t>
            </w:r>
          </w:p>
          <w:p w:rsidR="00201CC5" w:rsidRDefault="00201CC5" w:rsidP="00201CC5">
            <w:r>
              <w:t xml:space="preserve">            var offsetY, offsetX;</w:t>
            </w:r>
          </w:p>
          <w:p w:rsidR="00201CC5" w:rsidRDefault="00201CC5" w:rsidP="00201CC5"/>
          <w:p w:rsidR="00201CC5" w:rsidRDefault="00201CC5" w:rsidP="00201CC5">
            <w:r>
              <w:t xml:space="preserve">            if (horizontal === true) {</w:t>
            </w:r>
          </w:p>
          <w:p w:rsidR="00201CC5" w:rsidRDefault="00201CC5" w:rsidP="00201CC5">
            <w:r>
              <w:lastRenderedPageBreak/>
              <w:t xml:space="preserve">                offsetX = 40;</w:t>
            </w:r>
          </w:p>
          <w:p w:rsidR="00201CC5" w:rsidRDefault="00201CC5" w:rsidP="00201CC5">
            <w:r>
              <w:t xml:space="preserve">            } else {</w:t>
            </w:r>
          </w:p>
          <w:p w:rsidR="00201CC5" w:rsidRDefault="00201CC5" w:rsidP="00201CC5">
            <w:r>
              <w:t xml:space="preserve">                offsetY = 40;</w:t>
            </w:r>
          </w:p>
          <w:p w:rsidR="00201CC5" w:rsidRDefault="00201CC5" w:rsidP="00201CC5">
            <w:r>
              <w:t xml:space="preserve">            }</w:t>
            </w:r>
          </w:p>
          <w:p w:rsidR="00201CC5" w:rsidRDefault="00201CC5" w:rsidP="00201CC5"/>
          <w:p w:rsidR="00201CC5" w:rsidRDefault="00201CC5" w:rsidP="00201CC5">
            <w:r>
              <w:t xml:space="preserve">            $this.addClass('open');</w:t>
            </w:r>
          </w:p>
          <w:p w:rsidR="00201CC5" w:rsidRDefault="00201CC5" w:rsidP="00201CC5">
            <w:r>
              <w:t xml:space="preserve">            $this.find('ul .float-item').velocity(</w:t>
            </w:r>
          </w:p>
          <w:p w:rsidR="00201CC5" w:rsidRDefault="00201CC5" w:rsidP="00201CC5">
            <w:r>
              <w:t xml:space="preserve">                {scaleY: ".4", scaleX: ".4", translateY: offsetY + 'px', translateX: offsetX + 'px'},</w:t>
            </w:r>
          </w:p>
          <w:p w:rsidR="00201CC5" w:rsidRDefault="00201CC5" w:rsidP="00201CC5">
            <w:r>
              <w:t xml:space="preserve">                {duration: 0});</w:t>
            </w:r>
          </w:p>
          <w:p w:rsidR="00201CC5" w:rsidRDefault="00201CC5" w:rsidP="00201CC5"/>
          <w:p w:rsidR="00201CC5" w:rsidRDefault="00201CC5" w:rsidP="00201CC5">
            <w:r>
              <w:t xml:space="preserve">            var time = 0;</w:t>
            </w:r>
          </w:p>
          <w:p w:rsidR="00201CC5" w:rsidRDefault="00201CC5" w:rsidP="00201CC5">
            <w:r>
              <w:t xml:space="preserve">            $this.find('ul .float-item').reverse().each(function () {</w:t>
            </w:r>
          </w:p>
          <w:p w:rsidR="00201CC5" w:rsidRDefault="00201CC5" w:rsidP="00201CC5">
            <w:r>
              <w:t xml:space="preserve">                $(this).velocity(</w:t>
            </w:r>
          </w:p>
          <w:p w:rsidR="00201CC5" w:rsidRDefault="00201CC5" w:rsidP="00201CC5">
            <w:r>
              <w:t xml:space="preserve">                    {opacity: "1", scaleX: "1", scaleY: "1", translateY: "0", translateX: '0'},</w:t>
            </w:r>
          </w:p>
          <w:p w:rsidR="00201CC5" w:rsidRDefault="00201CC5" w:rsidP="00201CC5">
            <w:r>
              <w:t xml:space="preserve">                    {duration: 80, delay: time});</w:t>
            </w:r>
          </w:p>
          <w:p w:rsidR="00201CC5" w:rsidRDefault="00201CC5" w:rsidP="00201CC5">
            <w:r>
              <w:t xml:space="preserve">                time += 40;</w:t>
            </w:r>
          </w:p>
          <w:p w:rsidR="00201CC5" w:rsidRDefault="00201CC5" w:rsidP="00201CC5">
            <w:r>
              <w:t xml:space="preserve">            });</w:t>
            </w:r>
          </w:p>
          <w:p w:rsidR="00201CC5" w:rsidRDefault="00201CC5" w:rsidP="00201CC5">
            <w:r>
              <w:t xml:space="preserve">        }</w:t>
            </w:r>
          </w:p>
          <w:p w:rsidR="00201CC5" w:rsidRDefault="00201CC5" w:rsidP="00201CC5">
            <w:r>
              <w:t xml:space="preserve">    };</w:t>
            </w:r>
          </w:p>
          <w:p w:rsidR="00201CC5" w:rsidRDefault="00201CC5" w:rsidP="00201CC5"/>
          <w:p w:rsidR="00201CC5" w:rsidRDefault="00201CC5" w:rsidP="00201CC5">
            <w:r>
              <w:t xml:space="preserve">    var closeFABMenu = function (btn) {</w:t>
            </w:r>
          </w:p>
          <w:p w:rsidR="00201CC5" w:rsidRDefault="00201CC5" w:rsidP="00201CC5">
            <w:r>
              <w:t xml:space="preserve">        $this = btn;</w:t>
            </w:r>
          </w:p>
          <w:p w:rsidR="00201CC5" w:rsidRDefault="00201CC5" w:rsidP="00201CC5">
            <w:r>
              <w:t xml:space="preserve">        // Get direction option</w:t>
            </w:r>
          </w:p>
          <w:p w:rsidR="00201CC5" w:rsidRDefault="00201CC5" w:rsidP="00201CC5">
            <w:r>
              <w:t xml:space="preserve">        var horizontal = $this.hasClass('horizontal');</w:t>
            </w:r>
          </w:p>
          <w:p w:rsidR="00201CC5" w:rsidRDefault="00201CC5" w:rsidP="00201CC5">
            <w:r>
              <w:t xml:space="preserve">        var offsetY, offsetX;</w:t>
            </w:r>
          </w:p>
          <w:p w:rsidR="00201CC5" w:rsidRDefault="00201CC5" w:rsidP="00201CC5"/>
          <w:p w:rsidR="00201CC5" w:rsidRDefault="00201CC5" w:rsidP="00201CC5">
            <w:r>
              <w:t xml:space="preserve">        if (horizontal === true) {</w:t>
            </w:r>
          </w:p>
          <w:p w:rsidR="00201CC5" w:rsidRDefault="00201CC5" w:rsidP="00201CC5">
            <w:r>
              <w:t xml:space="preserve">            offsetX = 40;</w:t>
            </w:r>
          </w:p>
          <w:p w:rsidR="00201CC5" w:rsidRDefault="00201CC5" w:rsidP="00201CC5">
            <w:r>
              <w:t xml:space="preserve">        } else {</w:t>
            </w:r>
          </w:p>
          <w:p w:rsidR="00201CC5" w:rsidRDefault="00201CC5" w:rsidP="00201CC5">
            <w:r>
              <w:t xml:space="preserve">            offsetY = 40;</w:t>
            </w:r>
          </w:p>
          <w:p w:rsidR="00201CC5" w:rsidRDefault="00201CC5" w:rsidP="00201CC5">
            <w:r>
              <w:t xml:space="preserve">        }</w:t>
            </w:r>
          </w:p>
          <w:p w:rsidR="00201CC5" w:rsidRDefault="00201CC5" w:rsidP="00201CC5"/>
          <w:p w:rsidR="00201CC5" w:rsidRDefault="00201CC5" w:rsidP="00201CC5">
            <w:r>
              <w:t xml:space="preserve">        $this.removeClass('open');</w:t>
            </w:r>
          </w:p>
          <w:p w:rsidR="00201CC5" w:rsidRDefault="00201CC5" w:rsidP="00201CC5">
            <w:r>
              <w:t xml:space="preserve">        var time = 0;</w:t>
            </w:r>
          </w:p>
          <w:p w:rsidR="00201CC5" w:rsidRDefault="00201CC5" w:rsidP="00201CC5">
            <w:r>
              <w:t xml:space="preserve">        $this.find('ul .float-item').velocity("stop", true);</w:t>
            </w:r>
          </w:p>
          <w:p w:rsidR="00201CC5" w:rsidRDefault="00201CC5" w:rsidP="00201CC5">
            <w:r>
              <w:t xml:space="preserve">        $this.find('ul .float-item').velocity(</w:t>
            </w:r>
          </w:p>
          <w:p w:rsidR="00201CC5" w:rsidRDefault="00201CC5" w:rsidP="00201CC5">
            <w:r>
              <w:t xml:space="preserve">            {opacity: "0", scaleX: ".4", scaleY: ".4", translateY: offsetY + 'px', translateX: offsetX + 'px'},</w:t>
            </w:r>
          </w:p>
          <w:p w:rsidR="00201CC5" w:rsidRDefault="00201CC5" w:rsidP="00201CC5">
            <w:r>
              <w:t xml:space="preserve">            {duration: 80}</w:t>
            </w:r>
          </w:p>
          <w:p w:rsidR="00201CC5" w:rsidRDefault="00201CC5" w:rsidP="00201CC5">
            <w:r>
              <w:t xml:space="preserve">        );</w:t>
            </w:r>
          </w:p>
          <w:p w:rsidR="00201CC5" w:rsidRDefault="00201CC5" w:rsidP="00201CC5">
            <w:r>
              <w:t xml:space="preserve">    };</w:t>
            </w:r>
          </w:p>
          <w:p w:rsidR="00201CC5" w:rsidRDefault="00201CC5" w:rsidP="00201CC5">
            <w:r>
              <w:t>&lt;/script&gt;</w:t>
            </w:r>
          </w:p>
          <w:p w:rsidR="00201CC5" w:rsidRDefault="00201CC5" w:rsidP="00201CC5">
            <w:r>
              <w:t>&lt;!--------------------floatign widgets ends------------------&gt;</w:t>
            </w:r>
          </w:p>
          <w:p w:rsidR="00201CC5" w:rsidRDefault="00201CC5" w:rsidP="00201CC5">
            <w:r>
              <w:t>&lt;div id="divLoader" class="loading-widget" align="center"&gt;</w:t>
            </w:r>
          </w:p>
          <w:p w:rsidR="00201CC5" w:rsidRDefault="00201CC5" w:rsidP="00201CC5">
            <w:r>
              <w:t xml:space="preserve">    &lt;br/&gt;</w:t>
            </w:r>
          </w:p>
          <w:p w:rsidR="00201CC5" w:rsidRDefault="00201CC5" w:rsidP="00201CC5">
            <w:r>
              <w:t xml:space="preserve">    &lt;p class="text-default"&gt;</w:t>
            </w:r>
          </w:p>
          <w:p w:rsidR="00201CC5" w:rsidRDefault="00201CC5" w:rsidP="00201CC5">
            <w:r>
              <w:t xml:space="preserve">        Loading, Please Wait for a while...</w:t>
            </w:r>
          </w:p>
          <w:p w:rsidR="00201CC5" w:rsidRDefault="00201CC5" w:rsidP="00201CC5">
            <w:r>
              <w:t xml:space="preserve">    &lt;/p&gt;</w:t>
            </w:r>
          </w:p>
          <w:p w:rsidR="00201CC5" w:rsidRDefault="00201CC5" w:rsidP="00201CC5">
            <w:r>
              <w:t xml:space="preserve">    &lt;br/&gt;</w:t>
            </w:r>
          </w:p>
          <w:p w:rsidR="00201CC5" w:rsidRDefault="00201CC5" w:rsidP="00201CC5">
            <w:r>
              <w:lastRenderedPageBreak/>
              <w:t>&lt;/div&gt;</w:t>
            </w:r>
          </w:p>
          <w:p w:rsidR="00201CC5" w:rsidRDefault="00201CC5" w:rsidP="00201CC5">
            <w:r>
              <w:t>&lt;div id="divOverlay" class="loading-overlay"&gt;&lt;/div&gt;</w:t>
            </w:r>
          </w:p>
          <w:p w:rsidR="00201CC5" w:rsidRDefault="00201CC5" w:rsidP="00201CC5">
            <w:r>
              <w:t>&lt;script type="text/javascript"&gt;</w:t>
            </w:r>
          </w:p>
          <w:p w:rsidR="00201CC5" w:rsidRDefault="00201CC5" w:rsidP="00201CC5">
            <w:r>
              <w:t xml:space="preserve">    window.loading = function (show, message) {</w:t>
            </w:r>
          </w:p>
          <w:p w:rsidR="00201CC5" w:rsidRDefault="00201CC5" w:rsidP="00201CC5">
            <w:r>
              <w:t xml:space="preserve">        let overlay = $(".loading-overlay");</w:t>
            </w:r>
          </w:p>
          <w:p w:rsidR="00201CC5" w:rsidRDefault="00201CC5" w:rsidP="00201CC5">
            <w:r>
              <w:t xml:space="preserve">        let loading = $(".loading-widget");</w:t>
            </w:r>
          </w:p>
          <w:p w:rsidR="00201CC5" w:rsidRDefault="00201CC5" w:rsidP="00201CC5">
            <w:r>
              <w:t xml:space="preserve">        $("p", loading).html(message);</w:t>
            </w:r>
          </w:p>
          <w:p w:rsidR="00201CC5" w:rsidRDefault="00201CC5" w:rsidP="00201CC5">
            <w:r>
              <w:t xml:space="preserve">        if (show) {</w:t>
            </w:r>
          </w:p>
          <w:p w:rsidR="00201CC5" w:rsidRDefault="00201CC5" w:rsidP="00201CC5">
            <w:r>
              <w:t xml:space="preserve">            let top = Math.max($(window).height() / 2 - loading[0].offsetHeight / 2 - 50, 0);</w:t>
            </w:r>
          </w:p>
          <w:p w:rsidR="00201CC5" w:rsidRDefault="00201CC5" w:rsidP="00201CC5">
            <w:r>
              <w:t xml:space="preserve">            overlay.fadeIn();</w:t>
            </w:r>
          </w:p>
          <w:p w:rsidR="00201CC5" w:rsidRDefault="00201CC5" w:rsidP="00201CC5">
            <w:r>
              <w:t xml:space="preserve">            loading.fadeIn();</w:t>
            </w:r>
          </w:p>
          <w:p w:rsidR="00201CC5" w:rsidRDefault="00201CC5" w:rsidP="00201CC5">
            <w:r>
              <w:t xml:space="preserve">            loading.css({</w:t>
            </w:r>
          </w:p>
          <w:p w:rsidR="00201CC5" w:rsidRDefault="00201CC5" w:rsidP="00201CC5">
            <w:r>
              <w:t xml:space="preserve">                top: top</w:t>
            </w:r>
          </w:p>
          <w:p w:rsidR="00201CC5" w:rsidRDefault="00201CC5" w:rsidP="00201CC5">
            <w:r>
              <w:t xml:space="preserve">            });</w:t>
            </w:r>
          </w:p>
          <w:p w:rsidR="00201CC5" w:rsidRDefault="00201CC5" w:rsidP="00201CC5">
            <w:r>
              <w:t xml:space="preserve">        } else {</w:t>
            </w:r>
          </w:p>
          <w:p w:rsidR="00201CC5" w:rsidRDefault="00201CC5" w:rsidP="00201CC5">
            <w:r>
              <w:t xml:space="preserve">            overlay.fadeOut();</w:t>
            </w:r>
          </w:p>
          <w:p w:rsidR="00201CC5" w:rsidRDefault="00201CC5" w:rsidP="00201CC5">
            <w:r>
              <w:t xml:space="preserve">            loading.fadeOut();</w:t>
            </w:r>
          </w:p>
          <w:p w:rsidR="00201CC5" w:rsidRDefault="00201CC5" w:rsidP="00201CC5">
            <w:r>
              <w:t xml:space="preserve">        }</w:t>
            </w:r>
          </w:p>
          <w:p w:rsidR="00201CC5" w:rsidRDefault="00201CC5" w:rsidP="00201CC5">
            <w:r>
              <w:t xml:space="preserve">    }</w:t>
            </w:r>
          </w:p>
          <w:p w:rsidR="00201CC5" w:rsidRDefault="00201CC5" w:rsidP="00201CC5">
            <w:r>
              <w:t>&lt;/script&gt;</w:t>
            </w:r>
          </w:p>
          <w:p w:rsidR="00201CC5" w:rsidRDefault="00201CC5" w:rsidP="00201CC5">
            <w:r>
              <w:t>&lt;style type="text/css"&gt;</w:t>
            </w:r>
          </w:p>
          <w:p w:rsidR="00201CC5" w:rsidRDefault="00201CC5" w:rsidP="00201CC5">
            <w:r>
              <w:t xml:space="preserve">    .loading-overlay {</w:t>
            </w:r>
          </w:p>
          <w:p w:rsidR="00201CC5" w:rsidRDefault="00201CC5" w:rsidP="00201CC5">
            <w:r>
              <w:t xml:space="preserve">        display: none;</w:t>
            </w:r>
          </w:p>
          <w:p w:rsidR="00201CC5" w:rsidRDefault="00201CC5" w:rsidP="00201CC5">
            <w:r>
              <w:t xml:space="preserve">        position: fixed;</w:t>
            </w:r>
          </w:p>
          <w:p w:rsidR="00201CC5" w:rsidRDefault="00201CC5" w:rsidP="00201CC5">
            <w:r>
              <w:t xml:space="preserve">        top: 0;</w:t>
            </w:r>
          </w:p>
          <w:p w:rsidR="00201CC5" w:rsidRDefault="00201CC5" w:rsidP="00201CC5">
            <w:r>
              <w:t xml:space="preserve">        left: 0;</w:t>
            </w:r>
          </w:p>
          <w:p w:rsidR="00201CC5" w:rsidRDefault="00201CC5" w:rsidP="00201CC5">
            <w:r>
              <w:t xml:space="preserve">        background-color: #FFFFFF;</w:t>
            </w:r>
          </w:p>
          <w:p w:rsidR="00201CC5" w:rsidRDefault="00201CC5" w:rsidP="00201CC5">
            <w:r>
              <w:t xml:space="preserve">        z-index: 10060;</w:t>
            </w:r>
          </w:p>
          <w:p w:rsidR="00201CC5" w:rsidRDefault="00201CC5" w:rsidP="00201CC5">
            <w:r>
              <w:t xml:space="preserve">        opacity: 0.8;</w:t>
            </w:r>
          </w:p>
          <w:p w:rsidR="00201CC5" w:rsidRDefault="00201CC5" w:rsidP="00201CC5">
            <w:r>
              <w:t xml:space="preserve">        filter: alpha(opacity=80);</w:t>
            </w:r>
          </w:p>
          <w:p w:rsidR="00201CC5" w:rsidRDefault="00201CC5" w:rsidP="00201CC5">
            <w:r>
              <w:t xml:space="preserve">        -moz-opacity: 0.8;</w:t>
            </w:r>
          </w:p>
          <w:p w:rsidR="00201CC5" w:rsidRDefault="00201CC5" w:rsidP="00201CC5">
            <w:r>
              <w:t xml:space="preserve">        min-height: 100%;</w:t>
            </w:r>
          </w:p>
          <w:p w:rsidR="00201CC5" w:rsidRDefault="00201CC5" w:rsidP="00201CC5">
            <w:r>
              <w:t xml:space="preserve">        width: 100%;</w:t>
            </w:r>
          </w:p>
          <w:p w:rsidR="00201CC5" w:rsidRDefault="00201CC5" w:rsidP="00201CC5">
            <w:r>
              <w:t xml:space="preserve">    }</w:t>
            </w:r>
          </w:p>
          <w:p w:rsidR="00201CC5" w:rsidRDefault="00201CC5" w:rsidP="00201CC5">
            <w:r>
              <w:t xml:space="preserve">    .loading-widget {</w:t>
            </w:r>
          </w:p>
          <w:p w:rsidR="00201CC5" w:rsidRDefault="00201CC5" w:rsidP="00201CC5">
            <w:r>
              <w:t xml:space="preserve">        font-family: Arial;</w:t>
            </w:r>
          </w:p>
          <w:p w:rsidR="00201CC5" w:rsidRDefault="00201CC5" w:rsidP="00201CC5">
            <w:r>
              <w:t xml:space="preserve">        font-size: 10pt;</w:t>
            </w:r>
          </w:p>
          <w:p w:rsidR="00201CC5" w:rsidRDefault="00201CC5" w:rsidP="00201CC5">
            <w:r>
              <w:t xml:space="preserve">        width: 350px;</w:t>
            </w:r>
          </w:p>
          <w:p w:rsidR="00201CC5" w:rsidRDefault="00201CC5" w:rsidP="00201CC5">
            <w:r>
              <w:t xml:space="preserve">        height: 130px;</w:t>
            </w:r>
          </w:p>
          <w:p w:rsidR="00201CC5" w:rsidRDefault="00201CC5" w:rsidP="00201CC5">
            <w:r>
              <w:t xml:space="preserve">        display: none;</w:t>
            </w:r>
          </w:p>
          <w:p w:rsidR="00201CC5" w:rsidRDefault="00201CC5" w:rsidP="00201CC5">
            <w:r>
              <w:t xml:space="preserve">        position: fixed;</w:t>
            </w:r>
          </w:p>
          <w:p w:rsidR="00201CC5" w:rsidRDefault="00201CC5" w:rsidP="00201CC5">
            <w:r>
              <w:t xml:space="preserve">        background: transparent url("img/loader.gif") 50% 50% no-repeat;</w:t>
            </w:r>
          </w:p>
          <w:p w:rsidR="00201CC5" w:rsidRDefault="00201CC5" w:rsidP="00201CC5">
            <w:r>
              <w:t xml:space="preserve">        z-index: 10080;</w:t>
            </w:r>
          </w:p>
          <w:p w:rsidR="00201CC5" w:rsidRDefault="00201CC5" w:rsidP="00201CC5">
            <w:r>
              <w:t xml:space="preserve">        left: 50%;</w:t>
            </w:r>
          </w:p>
          <w:p w:rsidR="00201CC5" w:rsidRDefault="00201CC5" w:rsidP="00201CC5">
            <w:r>
              <w:t xml:space="preserve">        margin-left: -175px;</w:t>
            </w:r>
          </w:p>
          <w:p w:rsidR="00201CC5" w:rsidRDefault="00201CC5" w:rsidP="00201CC5">
            <w:r>
              <w:t xml:space="preserve">    }</w:t>
            </w:r>
          </w:p>
          <w:p w:rsidR="00201CC5" w:rsidRDefault="00201CC5" w:rsidP="00201CC5">
            <w:r>
              <w:t xml:space="preserve">    .loading-widget p {</w:t>
            </w:r>
          </w:p>
          <w:p w:rsidR="00201CC5" w:rsidRDefault="00201CC5" w:rsidP="00201CC5">
            <w:r>
              <w:t xml:space="preserve">        margin-top: 130px;</w:t>
            </w:r>
          </w:p>
          <w:p w:rsidR="00201CC5" w:rsidRDefault="00201CC5" w:rsidP="00201CC5">
            <w:r>
              <w:lastRenderedPageBreak/>
              <w:t xml:space="preserve">        font-weight: bolder;</w:t>
            </w:r>
          </w:p>
          <w:p w:rsidR="00201CC5" w:rsidRDefault="00201CC5" w:rsidP="00201CC5">
            <w:r>
              <w:t xml:space="preserve">        color: #035b67;</w:t>
            </w:r>
          </w:p>
          <w:p w:rsidR="00201CC5" w:rsidRDefault="00201CC5" w:rsidP="00201CC5">
            <w:r>
              <w:t xml:space="preserve">        font-size: 18px;</w:t>
            </w:r>
          </w:p>
          <w:p w:rsidR="00201CC5" w:rsidRDefault="00201CC5" w:rsidP="00201CC5">
            <w:r>
              <w:t xml:space="preserve">    }</w:t>
            </w:r>
          </w:p>
          <w:p w:rsidR="00201CC5" w:rsidRDefault="00201CC5" w:rsidP="00201CC5">
            <w:r>
              <w:t>&lt;/style&gt;</w:t>
            </w:r>
          </w:p>
          <w:p w:rsidR="00201CC5" w:rsidRDefault="00201CC5" w:rsidP="00201CC5">
            <w:r>
              <w:t>&lt;!--------------------remove from wishlist------------------&gt;</w:t>
            </w:r>
          </w:p>
          <w:p w:rsidR="00201CC5" w:rsidRDefault="00201CC5" w:rsidP="00201CC5">
            <w:r>
              <w:t>&lt;!--&lt;div id="toTop"&gt;&lt;/div&gt;--&gt;</w:t>
            </w:r>
          </w:p>
          <w:p w:rsidR="00201CC5" w:rsidRDefault="00201CC5" w:rsidP="00201CC5">
            <w:r>
              <w:t>&lt;script type="text/javascript"&gt;</w:t>
            </w:r>
          </w:p>
          <w:p w:rsidR="00201CC5" w:rsidRDefault="00201CC5" w:rsidP="00201CC5">
            <w:r>
              <w:t xml:space="preserve">    $(document).ready(function () {</w:t>
            </w:r>
          </w:p>
          <w:p w:rsidR="00201CC5" w:rsidRDefault="00201CC5" w:rsidP="00201CC5">
            <w:r>
              <w:t xml:space="preserve">        /*if (document.referrer !== "" &amp;&amp;</w:t>
            </w:r>
          </w:p>
          <w:p w:rsidR="00201CC5" w:rsidRDefault="00201CC5" w:rsidP="00201CC5">
            <w:r>
              <w:t xml:space="preserve">            (new URL(document.referrer)).origin !== window.location.origin &amp;&amp;</w:t>
            </w:r>
          </w:p>
          <w:p w:rsidR="00201CC5" w:rsidRDefault="00201CC5" w:rsidP="00201CC5">
            <w:r>
              <w:t xml:space="preserve">            lscache.get("last_visited")) {</w:t>
            </w:r>
          </w:p>
          <w:p w:rsidR="00201CC5" w:rsidRDefault="00201CC5" w:rsidP="00201CC5">
            <w:r>
              <w:t xml:space="preserve">            var lastVisited = lscache.get("last_visited");</w:t>
            </w:r>
          </w:p>
          <w:p w:rsidR="00201CC5" w:rsidRDefault="00201CC5" w:rsidP="00201CC5">
            <w:r>
              <w:t xml:space="preserve">            lscache.remove("last_visited");</w:t>
            </w:r>
          </w:p>
          <w:p w:rsidR="00201CC5" w:rsidRDefault="00201CC5" w:rsidP="00201CC5">
            <w:r>
              <w:t xml:space="preserve">            window.location.href = lastVisited;</w:t>
            </w:r>
          </w:p>
          <w:p w:rsidR="00201CC5" w:rsidRDefault="00201CC5" w:rsidP="00201CC5">
            <w:r>
              <w:t xml:space="preserve">        } else {</w:t>
            </w:r>
          </w:p>
          <w:p w:rsidR="00201CC5" w:rsidRDefault="00201CC5" w:rsidP="00201CC5">
            <w:r>
              <w:t xml:space="preserve">            //lscache.set("last_visited", window.location.href);</w:t>
            </w:r>
          </w:p>
          <w:p w:rsidR="00201CC5" w:rsidRDefault="00201CC5" w:rsidP="00201CC5">
            <w:r>
              <w:t xml:space="preserve">        }*/</w:t>
            </w:r>
          </w:p>
          <w:p w:rsidR="00201CC5" w:rsidRDefault="00201CC5" w:rsidP="00201CC5">
            <w:r>
              <w:t xml:space="preserve">        /*window.onbeforeunload = function() {</w:t>
            </w:r>
          </w:p>
          <w:p w:rsidR="00201CC5" w:rsidRDefault="00201CC5" w:rsidP="00201CC5">
            <w:r>
              <w:t xml:space="preserve">            lscache.set("last_visited", window.location.href);</w:t>
            </w:r>
          </w:p>
          <w:p w:rsidR="00201CC5" w:rsidRDefault="00201CC5" w:rsidP="00201CC5">
            <w:r>
              <w:t xml:space="preserve">            return;</w:t>
            </w:r>
          </w:p>
          <w:p w:rsidR="00201CC5" w:rsidRDefault="00201CC5" w:rsidP="00201CC5">
            <w:r>
              <w:t xml:space="preserve">        }*/</w:t>
            </w:r>
          </w:p>
          <w:p w:rsidR="00201CC5" w:rsidRDefault="00201CC5" w:rsidP="00201CC5">
            <w:r>
              <w:t xml:space="preserve">        fnUpdateWishFlag();</w:t>
            </w:r>
          </w:p>
          <w:p w:rsidR="00201CC5" w:rsidRDefault="00201CC5" w:rsidP="00201CC5">
            <w:r>
              <w:t xml:space="preserve">        $(document.body).on("click", ".btn-wishlist", function (e) {</w:t>
            </w:r>
          </w:p>
          <w:p w:rsidR="00201CC5" w:rsidRDefault="00201CC5" w:rsidP="00201CC5">
            <w:r>
              <w:t xml:space="preserve">            e.preventDefault();</w:t>
            </w:r>
          </w:p>
          <w:p w:rsidR="00201CC5" w:rsidRDefault="00201CC5" w:rsidP="00201CC5">
            <w:r>
              <w:t xml:space="preserve">            var that = this;</w:t>
            </w:r>
          </w:p>
          <w:p w:rsidR="00201CC5" w:rsidRDefault="00201CC5" w:rsidP="00201CC5">
            <w:r>
              <w:t xml:space="preserve">            let href = $(that).data("href");</w:t>
            </w:r>
          </w:p>
          <w:p w:rsidR="00201CC5" w:rsidRDefault="00201CC5" w:rsidP="00201CC5">
            <w:r>
              <w:t xml:space="preserve">            let rid = $(that).data("id");</w:t>
            </w:r>
          </w:p>
          <w:p w:rsidR="00201CC5" w:rsidRDefault="00201CC5" w:rsidP="00201CC5">
            <w:r>
              <w:t xml:space="preserve">            if (href) {</w:t>
            </w:r>
          </w:p>
          <w:p w:rsidR="00201CC5" w:rsidRDefault="00201CC5" w:rsidP="00201CC5">
            <w:r>
              <w:t xml:space="preserve">                $.ajax({</w:t>
            </w:r>
          </w:p>
          <w:p w:rsidR="00201CC5" w:rsidRDefault="00201CC5" w:rsidP="00201CC5">
            <w:r>
              <w:t xml:space="preserve">                    type: "get",</w:t>
            </w:r>
          </w:p>
          <w:p w:rsidR="00201CC5" w:rsidRDefault="00201CC5" w:rsidP="00201CC5">
            <w:r>
              <w:t xml:space="preserve">                    url: href,</w:t>
            </w:r>
          </w:p>
          <w:p w:rsidR="00201CC5" w:rsidRDefault="00201CC5" w:rsidP="00201CC5">
            <w:r>
              <w:t xml:space="preserve">                    beforeSend: function () {</w:t>
            </w:r>
          </w:p>
          <w:p w:rsidR="00201CC5" w:rsidRDefault="00201CC5" w:rsidP="00201CC5">
            <w:r>
              <w:t xml:space="preserve">                        $(that).addClass("block-loader");</w:t>
            </w:r>
          </w:p>
          <w:p w:rsidR="00201CC5" w:rsidRDefault="00201CC5" w:rsidP="00201CC5">
            <w:r>
              <w:t xml:space="preserve">                    },</w:t>
            </w:r>
          </w:p>
          <w:p w:rsidR="00201CC5" w:rsidRDefault="00201CC5" w:rsidP="00201CC5">
            <w:r>
              <w:t xml:space="preserve">                    success: function (response) {</w:t>
            </w:r>
          </w:p>
          <w:p w:rsidR="00201CC5" w:rsidRDefault="00201CC5" w:rsidP="00201CC5">
            <w:r>
              <w:t xml:space="preserve">                        $(that).removeClass("block-loader");</w:t>
            </w:r>
          </w:p>
          <w:p w:rsidR="00201CC5" w:rsidRDefault="00201CC5" w:rsidP="00201CC5">
            <w:r>
              <w:t xml:space="preserve">                        $(that).toggleClass("liked");</w:t>
            </w:r>
          </w:p>
          <w:p w:rsidR="00201CC5" w:rsidRDefault="00201CC5" w:rsidP="00201CC5">
            <w:r>
              <w:t xml:space="preserve">                        $("span", that).text($(that).hasClass("liked") ? "In Your List" : "Add To My List");</w:t>
            </w:r>
          </w:p>
          <w:p w:rsidR="00201CC5" w:rsidRDefault="00201CC5" w:rsidP="00201CC5">
            <w:r>
              <w:t xml:space="preserve">                        $(that).attr("data-original-title", $(that).hasClass("liked") ? "Remove From Your List" : "Add To My List").tooltip('show');</w:t>
            </w:r>
          </w:p>
          <w:p w:rsidR="00201CC5" w:rsidRDefault="00201CC5" w:rsidP="00201CC5">
            <w:r>
              <w:t xml:space="preserve">                    }</w:t>
            </w:r>
          </w:p>
          <w:p w:rsidR="00201CC5" w:rsidRDefault="00201CC5" w:rsidP="00201CC5">
            <w:r>
              <w:t xml:space="preserve">                });</w:t>
            </w:r>
          </w:p>
          <w:p w:rsidR="00201CC5" w:rsidRDefault="00201CC5" w:rsidP="00201CC5">
            <w:r>
              <w:t xml:space="preserve">            } else {</w:t>
            </w:r>
          </w:p>
          <w:p w:rsidR="00201CC5" w:rsidRDefault="00201CC5" w:rsidP="00201CC5">
            <w:r>
              <w:t xml:space="preserve">                let wishList = lscache.get("wishlist") || [];</w:t>
            </w:r>
          </w:p>
          <w:p w:rsidR="00201CC5" w:rsidRDefault="00201CC5" w:rsidP="00201CC5">
            <w:r>
              <w:t xml:space="preserve">                if (wishList.includes(rid)) {</w:t>
            </w:r>
          </w:p>
          <w:p w:rsidR="00201CC5" w:rsidRDefault="00201CC5" w:rsidP="00201CC5">
            <w:r>
              <w:t xml:space="preserve">                    wishList = _.without(wishList, rid);</w:t>
            </w:r>
          </w:p>
          <w:p w:rsidR="00201CC5" w:rsidRDefault="00201CC5" w:rsidP="00201CC5">
            <w:r>
              <w:t xml:space="preserve">                } else {</w:t>
            </w:r>
          </w:p>
          <w:p w:rsidR="00201CC5" w:rsidRDefault="00201CC5" w:rsidP="00201CC5">
            <w:r>
              <w:lastRenderedPageBreak/>
              <w:t xml:space="preserve">                    wishList.push(rid);</w:t>
            </w:r>
          </w:p>
          <w:p w:rsidR="00201CC5" w:rsidRDefault="00201CC5" w:rsidP="00201CC5">
            <w:r>
              <w:t xml:space="preserve">                }</w:t>
            </w:r>
          </w:p>
          <w:p w:rsidR="00201CC5" w:rsidRDefault="00201CC5" w:rsidP="00201CC5">
            <w:r>
              <w:t xml:space="preserve">                lscache.set("wishlist", wishList);</w:t>
            </w:r>
          </w:p>
          <w:p w:rsidR="00201CC5" w:rsidRDefault="00201CC5" w:rsidP="00201CC5">
            <w:r>
              <w:t xml:space="preserve">                $(this).toggleClass("liked");</w:t>
            </w:r>
          </w:p>
          <w:p w:rsidR="00201CC5" w:rsidRDefault="00201CC5" w:rsidP="00201CC5">
            <w:r>
              <w:t xml:space="preserve">                $("span", this).text($(this).hasClass("liked") ? "In Your List" : "Add To My List");</w:t>
            </w:r>
          </w:p>
          <w:p w:rsidR="00201CC5" w:rsidRDefault="00201CC5" w:rsidP="00201CC5">
            <w:r>
              <w:t xml:space="preserve">                $(this).attr("data-original-title", $(this).hasClass("liked") ? "Remove From Your List" : "Add To My List").tooltip('show');</w:t>
            </w:r>
          </w:p>
          <w:p w:rsidR="00201CC5" w:rsidRDefault="00201CC5" w:rsidP="00201CC5">
            <w:r>
              <w:t xml:space="preserve">            }</w:t>
            </w:r>
          </w:p>
          <w:p w:rsidR="00201CC5" w:rsidRDefault="00201CC5" w:rsidP="00201CC5">
            <w:r>
              <w:t xml:space="preserve">        });</w:t>
            </w:r>
          </w:p>
          <w:p w:rsidR="00201CC5" w:rsidRDefault="00201CC5" w:rsidP="00201CC5">
            <w:r>
              <w:t xml:space="preserve">            });</w:t>
            </w:r>
          </w:p>
          <w:p w:rsidR="00201CC5" w:rsidRDefault="00201CC5" w:rsidP="00201CC5">
            <w:r>
              <w:t xml:space="preserve">    window.fnUpdateWishFlag = function () {</w:t>
            </w:r>
          </w:p>
          <w:p w:rsidR="00201CC5" w:rsidRDefault="00201CC5" w:rsidP="00201CC5">
            <w:r>
              <w:t xml:space="preserve">        let wishList = lscache.get("wishlist") || [];</w:t>
            </w:r>
          </w:p>
          <w:p w:rsidR="00201CC5" w:rsidRDefault="00201CC5" w:rsidP="00201CC5">
            <w:r>
              <w:t xml:space="preserve">        wishList.forEach(function (item) {</w:t>
            </w:r>
          </w:p>
          <w:p w:rsidR="00201CC5" w:rsidRDefault="00201CC5" w:rsidP="00201CC5">
            <w:r>
              <w:t xml:space="preserve">            $(".btn-wishlist[data-id='" + item + "']").addClass("liked");</w:t>
            </w:r>
          </w:p>
          <w:p w:rsidR="00201CC5" w:rsidRDefault="00201CC5" w:rsidP="00201CC5">
            <w:r>
              <w:t xml:space="preserve">            $(".btn-wishlist[data-id='" + item + "'].liked span").text("In Your List");</w:t>
            </w:r>
          </w:p>
          <w:p w:rsidR="00201CC5" w:rsidRDefault="00201CC5" w:rsidP="00201CC5">
            <w:r>
              <w:t xml:space="preserve">            $(".btn-wishlist[data-id='" + item + "'].liked").attr("title", "Remove From Your List");</w:t>
            </w:r>
          </w:p>
          <w:p w:rsidR="00201CC5" w:rsidRDefault="00201CC5" w:rsidP="00201CC5">
            <w:r>
              <w:t xml:space="preserve">        });</w:t>
            </w:r>
          </w:p>
          <w:p w:rsidR="00201CC5" w:rsidRDefault="00201CC5" w:rsidP="00201CC5">
            <w:r>
              <w:t xml:space="preserve">    };</w:t>
            </w:r>
          </w:p>
          <w:p w:rsidR="00201CC5" w:rsidRDefault="00201CC5" w:rsidP="00201CC5">
            <w:r>
              <w:t xml:space="preserve">    &lt;/script&gt;</w:t>
            </w:r>
          </w:p>
          <w:p w:rsidR="00201CC5" w:rsidRDefault="00201CC5" w:rsidP="00201CC5">
            <w:r>
              <w:t xml:space="preserve">    &lt;!--------------------remove from wishlist ends ------------------&gt;</w:t>
            </w:r>
          </w:p>
          <w:p w:rsidR="00201CC5" w:rsidRDefault="00201CC5" w:rsidP="00201CC5">
            <w:r>
              <w:t>&lt;!--theme.js --&gt;</w:t>
            </w:r>
          </w:p>
          <w:p w:rsidR="00201CC5" w:rsidRDefault="00201CC5" w:rsidP="00201CC5">
            <w:r>
              <w:t>&lt;script src="spf/js/theme.js"&gt;&lt;/script&gt;</w:t>
            </w:r>
          </w:p>
          <w:p w:rsidR="00201CC5" w:rsidRDefault="00201CC5" w:rsidP="00201CC5">
            <w:r>
              <w:t>&lt;!--lscache.js --&gt;</w:t>
            </w:r>
          </w:p>
          <w:p w:rsidR="00201CC5" w:rsidRDefault="00201CC5" w:rsidP="00201CC5">
            <w:r>
              <w:t>&lt;script src="js/lscache.js"&gt;&lt;/script&gt;</w:t>
            </w:r>
          </w:p>
          <w:p w:rsidR="00201CC5" w:rsidRDefault="00201CC5" w:rsidP="00201CC5">
            <w:r>
              <w:t>&lt;!--notify.js --&gt;</w:t>
            </w:r>
          </w:p>
          <w:p w:rsidR="00201CC5" w:rsidRDefault="00201CC5" w:rsidP="00201CC5">
            <w:r>
              <w:t>&lt;script src="js/notify.js"&gt;&lt;/script&gt;</w:t>
            </w:r>
          </w:p>
          <w:p w:rsidR="00201CC5" w:rsidRDefault="00201CC5" w:rsidP="00201CC5">
            <w:r>
              <w:t>&lt;!--js/common.js --&gt;</w:t>
            </w:r>
          </w:p>
          <w:p w:rsidR="00201CC5" w:rsidRDefault="00201CC5" w:rsidP="00201CC5">
            <w:r>
              <w:t>&lt;script src="js/common.js"&gt;&lt;/script&gt;</w:t>
            </w:r>
          </w:p>
          <w:p w:rsidR="00201CC5" w:rsidRDefault="00201CC5" w:rsidP="00201CC5">
            <w:r>
              <w:t>&lt;!--animated_canvas.js --&gt;</w:t>
            </w:r>
          </w:p>
          <w:p w:rsidR="00201CC5" w:rsidRDefault="00201CC5" w:rsidP="00201CC5">
            <w:r>
              <w:t xml:space="preserve">    &lt;script src="spf/js/animated_canvas.js"&gt;&lt;/script&gt;</w:t>
            </w:r>
          </w:p>
          <w:p w:rsidR="00201CC5" w:rsidRDefault="00201CC5" w:rsidP="00201CC5">
            <w:r>
              <w:t xml:space="preserve">    &lt;!--selectize.js --&gt;</w:t>
            </w:r>
          </w:p>
          <w:p w:rsidR="00201CC5" w:rsidRDefault="00201CC5" w:rsidP="00201CC5">
            <w:r>
              <w:t xml:space="preserve">    &lt;script src="js/selectize.js"&gt;&lt;/script&gt;</w:t>
            </w:r>
          </w:p>
          <w:p w:rsidR="00201CC5" w:rsidRDefault="00201CC5" w:rsidP="00201CC5">
            <w:r>
              <w:t xml:space="preserve">    &lt;!--googleapis --&gt;</w:t>
            </w:r>
          </w:p>
          <w:p w:rsidR="00201CC5" w:rsidRDefault="00201CC5" w:rsidP="00201CC5">
            <w:r>
              <w:t xml:space="preserve">    &lt;script</w:t>
            </w:r>
          </w:p>
          <w:p w:rsidR="00201CC5" w:rsidRDefault="00201CC5" w:rsidP="00201CC5">
            <w:r>
              <w:t xml:space="preserve">            src="https://maps.googleapis.com/maps/api/js?key=AIzaSyCjN2knZ92ZcETe2mNF2t5l_j21ZTvTnIY&amp;amp;libraries=places&amp;amp;callback=initAutocomplete"</w:t>
            </w:r>
          </w:p>
          <w:p w:rsidR="00201CC5" w:rsidRDefault="00201CC5" w:rsidP="00201CC5">
            <w:r>
              <w:t xml:space="preserve">            async defer&gt;&lt;/script&gt;</w:t>
            </w:r>
          </w:p>
          <w:p w:rsidR="00201CC5" w:rsidRDefault="00201CC5" w:rsidP="00201CC5">
            <w:r>
              <w:t xml:space="preserve">            &lt;!-- velocity.js--&gt;</w:t>
            </w:r>
          </w:p>
          <w:p w:rsidR="00201CC5" w:rsidRDefault="00201CC5" w:rsidP="00201CC5">
            <w:r>
              <w:t>&lt;script src="js/velocity.js"&gt;&lt;/script&gt;</w:t>
            </w:r>
          </w:p>
          <w:p w:rsidR="00201CC5" w:rsidRDefault="00201CC5" w:rsidP="00201CC5">
            <w:r>
              <w:t>&lt;!-- init.js--&gt;</w:t>
            </w:r>
          </w:p>
          <w:p w:rsidR="00201CC5" w:rsidRDefault="00201CC5" w:rsidP="00201CC5">
            <w:r>
              <w:t>&lt;script src="spf/js/init.js"&gt;&lt;/script&gt;</w:t>
            </w:r>
          </w:p>
          <w:p w:rsidR="00201CC5" w:rsidRDefault="00201CC5" w:rsidP="00201CC5"/>
          <w:p w:rsidR="00201CC5" w:rsidRDefault="00201CC5" w:rsidP="00201CC5">
            <w:r>
              <w:t>&lt;!--------------------filter validation starts------------------&gt;</w:t>
            </w:r>
          </w:p>
          <w:p w:rsidR="00201CC5" w:rsidRDefault="00201CC5" w:rsidP="00201CC5">
            <w:r>
              <w:t xml:space="preserve">   &lt;script type="text/javascript"&gt;</w:t>
            </w:r>
          </w:p>
          <w:p w:rsidR="00201CC5" w:rsidRDefault="00201CC5" w:rsidP="00201CC5"/>
          <w:p w:rsidR="00201CC5" w:rsidRDefault="00201CC5" w:rsidP="00201CC5">
            <w:r>
              <w:t xml:space="preserve">    $("#myBtn").click(function(){</w:t>
            </w:r>
          </w:p>
          <w:p w:rsidR="00201CC5" w:rsidRDefault="00201CC5" w:rsidP="00201CC5">
            <w:r>
              <w:t xml:space="preserve">        $("#myModal").modal();</w:t>
            </w:r>
          </w:p>
          <w:p w:rsidR="00201CC5" w:rsidRDefault="00201CC5" w:rsidP="00201CC5">
            <w:r>
              <w:lastRenderedPageBreak/>
              <w:t xml:space="preserve">        $(".modal-backdrop").addClass("modal fade show");</w:t>
            </w:r>
          </w:p>
          <w:p w:rsidR="00201CC5" w:rsidRDefault="00201CC5" w:rsidP="00201CC5">
            <w:r>
              <w:t xml:space="preserve">    });</w:t>
            </w:r>
          </w:p>
          <w:p w:rsidR="00201CC5" w:rsidRDefault="00201CC5" w:rsidP="00201CC5">
            <w:r>
              <w:t xml:space="preserve">    $("#myBtn1").click(function(){</w:t>
            </w:r>
          </w:p>
          <w:p w:rsidR="00201CC5" w:rsidRDefault="00201CC5" w:rsidP="00201CC5">
            <w:r>
              <w:t xml:space="preserve">        $("#myModal1").modal();</w:t>
            </w:r>
          </w:p>
          <w:p w:rsidR="00201CC5" w:rsidRDefault="00201CC5" w:rsidP="00201CC5">
            <w:r>
              <w:t xml:space="preserve">        $(".modal-backdrop").addClass("modal fade show");</w:t>
            </w:r>
          </w:p>
          <w:p w:rsidR="00201CC5" w:rsidRDefault="00201CC5" w:rsidP="00201CC5">
            <w:r>
              <w:t xml:space="preserve">    });</w:t>
            </w:r>
          </w:p>
          <w:p w:rsidR="00201CC5" w:rsidRDefault="00201CC5" w:rsidP="00201CC5">
            <w:r>
              <w:t xml:space="preserve">    $("#myBtn2").click(function(){</w:t>
            </w:r>
          </w:p>
          <w:p w:rsidR="00201CC5" w:rsidRDefault="00201CC5" w:rsidP="00201CC5">
            <w:r>
              <w:t xml:space="preserve">        $("#myModal2").modal();</w:t>
            </w:r>
          </w:p>
          <w:p w:rsidR="00201CC5" w:rsidRDefault="00201CC5" w:rsidP="00201CC5">
            <w:r>
              <w:t xml:space="preserve">        $(".modal-backdrop").addClass("modal fade show");</w:t>
            </w:r>
          </w:p>
          <w:p w:rsidR="00201CC5" w:rsidRDefault="00201CC5" w:rsidP="00201CC5">
            <w:r>
              <w:t xml:space="preserve">    });</w:t>
            </w:r>
          </w:p>
          <w:p w:rsidR="00201CC5" w:rsidRDefault="00201CC5" w:rsidP="00201CC5">
            <w:r>
              <w:t xml:space="preserve">    $("#myBtn3").click(function(){</w:t>
            </w:r>
          </w:p>
          <w:p w:rsidR="00201CC5" w:rsidRDefault="00201CC5" w:rsidP="00201CC5">
            <w:r>
              <w:t xml:space="preserve">        $("#myModal3").modal();</w:t>
            </w:r>
          </w:p>
          <w:p w:rsidR="00201CC5" w:rsidRDefault="00201CC5" w:rsidP="00201CC5">
            <w:r>
              <w:t xml:space="preserve">        $(".modal-backdrop").addClass("modal fade show");</w:t>
            </w:r>
          </w:p>
          <w:p w:rsidR="00201CC5" w:rsidRDefault="00201CC5" w:rsidP="00201CC5">
            <w:r>
              <w:t xml:space="preserve">    });</w:t>
            </w:r>
          </w:p>
          <w:p w:rsidR="00201CC5" w:rsidRDefault="00201CC5" w:rsidP="00201CC5">
            <w:r>
              <w:t xml:space="preserve">        var placeSearch, autoComplete;</w:t>
            </w:r>
          </w:p>
          <w:p w:rsidR="00201CC5" w:rsidRDefault="00201CC5" w:rsidP="00201CC5">
            <w:r>
              <w:t xml:space="preserve">        $(document).ready(function () {</w:t>
            </w:r>
          </w:p>
          <w:p w:rsidR="00201CC5" w:rsidRDefault="00201CC5" w:rsidP="00201CC5">
            <w:r>
              <w:t xml:space="preserve">            $('.odometer').each(function () {</w:t>
            </w:r>
          </w:p>
          <w:p w:rsidR="00201CC5" w:rsidRDefault="00201CC5" w:rsidP="00201CC5">
            <w:r>
              <w:t xml:space="preserve">                $(this).html($(this).attr("data-value"));</w:t>
            </w:r>
          </w:p>
          <w:p w:rsidR="00201CC5" w:rsidRDefault="00201CC5" w:rsidP="00201CC5">
            <w:r>
              <w:t xml:space="preserve">            });</w:t>
            </w:r>
          </w:p>
          <w:p w:rsidR="00201CC5" w:rsidRDefault="00201CC5" w:rsidP="00201CC5">
            <w:r>
              <w:t xml:space="preserve">            $("#ddlResidenceType").selectize({</w:t>
            </w:r>
          </w:p>
          <w:p w:rsidR="00201CC5" w:rsidRDefault="00201CC5" w:rsidP="00201CC5">
            <w:r>
              <w:t xml:space="preserve">                plugins: ['remove_button'],</w:t>
            </w:r>
          </w:p>
          <w:p w:rsidR="00201CC5" w:rsidRDefault="00201CC5" w:rsidP="00201CC5">
            <w:r>
              <w:t xml:space="preserve">                delimiter: ',',</w:t>
            </w:r>
          </w:p>
          <w:p w:rsidR="00201CC5" w:rsidRDefault="00201CC5" w:rsidP="00201CC5">
            <w:r>
              <w:t xml:space="preserve">                placeholder: 'Residence Types',</w:t>
            </w:r>
          </w:p>
          <w:p w:rsidR="00201CC5" w:rsidRDefault="00201CC5" w:rsidP="00201CC5">
            <w:r>
              <w:t xml:space="preserve">                render: {</w:t>
            </w:r>
          </w:p>
          <w:p w:rsidR="00201CC5" w:rsidRDefault="00201CC5" w:rsidP="00201CC5">
            <w:r>
              <w:t xml:space="preserve">                    item: function (item, escape) {</w:t>
            </w:r>
          </w:p>
          <w:p w:rsidR="00201CC5" w:rsidRDefault="00201CC5" w:rsidP="00201CC5">
            <w:r>
              <w:t xml:space="preserve">                        return '&lt;div class="item" title="' + item.text.trim() + '"&gt;' +</w:t>
            </w:r>
          </w:p>
          <w:p w:rsidR="00201CC5" w:rsidRDefault="00201CC5" w:rsidP="00201CC5">
            <w:r>
              <w:t xml:space="preserve">                            item.text.trim()/*.ellipsis(5)*/ +</w:t>
            </w:r>
          </w:p>
          <w:p w:rsidR="00201CC5" w:rsidRDefault="00201CC5" w:rsidP="00201CC5">
            <w:r>
              <w:t xml:space="preserve">                            '&lt;/div&gt;';</w:t>
            </w:r>
          </w:p>
          <w:p w:rsidR="00201CC5" w:rsidRDefault="00201CC5" w:rsidP="00201CC5">
            <w:r>
              <w:t xml:space="preserve">                    }</w:t>
            </w:r>
          </w:p>
          <w:p w:rsidR="00201CC5" w:rsidRDefault="00201CC5" w:rsidP="00201CC5">
            <w:r>
              <w:t xml:space="preserve">                }</w:t>
            </w:r>
          </w:p>
          <w:p w:rsidR="00201CC5" w:rsidRDefault="00201CC5" w:rsidP="00201CC5">
            <w:r>
              <w:t xml:space="preserve">            });</w:t>
            </w:r>
          </w:p>
          <w:p w:rsidR="00201CC5" w:rsidRDefault="00201CC5" w:rsidP="00201CC5">
            <w:r>
              <w:t xml:space="preserve">            $("#ddlPriceRange").selectize({</w:t>
            </w:r>
          </w:p>
          <w:p w:rsidR="00201CC5" w:rsidRDefault="00201CC5" w:rsidP="00201CC5">
            <w:r>
              <w:t xml:space="preserve">                placeholder: 'Price Range'</w:t>
            </w:r>
          </w:p>
          <w:p w:rsidR="00201CC5" w:rsidRDefault="00201CC5" w:rsidP="00201CC5">
            <w:r>
              <w:t xml:space="preserve">            });</w:t>
            </w:r>
          </w:p>
          <w:p w:rsidR="00201CC5" w:rsidRDefault="00201CC5" w:rsidP="00201CC5">
            <w:r>
              <w:t xml:space="preserve">            $(document.body).on("click", ".remove-item", function (e) {</w:t>
            </w:r>
          </w:p>
          <w:p w:rsidR="00201CC5" w:rsidRDefault="00201CC5" w:rsidP="00201CC5">
            <w:r>
              <w:t xml:space="preserve">                e.preventDefault();</w:t>
            </w:r>
          </w:p>
          <w:p w:rsidR="00201CC5" w:rsidRDefault="00201CC5" w:rsidP="00201CC5">
            <w:r>
              <w:t xml:space="preserve">                var item = $(this).parents("button");</w:t>
            </w:r>
          </w:p>
          <w:p w:rsidR="00201CC5" w:rsidRDefault="00201CC5" w:rsidP="00201CC5">
            <w:r>
              <w:t xml:space="preserve">                if (item.attr("title") === "Your Location") {</w:t>
            </w:r>
          </w:p>
          <w:p w:rsidR="00201CC5" w:rsidRDefault="00201CC5" w:rsidP="00201CC5">
            <w:r>
              <w:t xml:space="preserve">                    swal.fire({</w:t>
            </w:r>
          </w:p>
          <w:p w:rsidR="00201CC5" w:rsidRDefault="00201CC5" w:rsidP="00201CC5">
            <w:r>
              <w:t xml:space="preserve">                        title: 'Are you sure?',</w:t>
            </w:r>
          </w:p>
          <w:p w:rsidR="00201CC5" w:rsidRDefault="00201CC5" w:rsidP="00201CC5">
            <w:r>
              <w:t xml:space="preserve">                        text: "You are removing your location that was detected by the system. If you choose to remove, you will not be shown with your location automatically, until you clear this preference manually.",</w:t>
            </w:r>
          </w:p>
          <w:p w:rsidR="00201CC5" w:rsidRDefault="00201CC5" w:rsidP="00201CC5">
            <w:r>
              <w:t xml:space="preserve">                        icon: 'warning',</w:t>
            </w:r>
          </w:p>
          <w:p w:rsidR="00201CC5" w:rsidRDefault="00201CC5" w:rsidP="00201CC5">
            <w:r>
              <w:t xml:space="preserve">                        showCancelButton: true,</w:t>
            </w:r>
          </w:p>
          <w:p w:rsidR="00201CC5" w:rsidRDefault="00201CC5" w:rsidP="00201CC5">
            <w:r>
              <w:t xml:space="preserve">                        confirmButtonColor: '#0CC27E',</w:t>
            </w:r>
          </w:p>
          <w:p w:rsidR="00201CC5" w:rsidRDefault="00201CC5" w:rsidP="00201CC5">
            <w:r>
              <w:t xml:space="preserve">                        cancelButtonColor: '#FF586B',</w:t>
            </w:r>
          </w:p>
          <w:p w:rsidR="00201CC5" w:rsidRDefault="00201CC5" w:rsidP="00201CC5">
            <w:r>
              <w:t xml:space="preserve">                        confirmButtonText: 'Yes, Remove',</w:t>
            </w:r>
          </w:p>
          <w:p w:rsidR="00201CC5" w:rsidRDefault="00201CC5" w:rsidP="00201CC5">
            <w:r>
              <w:lastRenderedPageBreak/>
              <w:t xml:space="preserve">                        cancelButtonText: 'Let it be',</w:t>
            </w:r>
          </w:p>
          <w:p w:rsidR="00201CC5" w:rsidRDefault="00201CC5" w:rsidP="00201CC5">
            <w:r>
              <w:t xml:space="preserve">                        showLoaderOnConfirm: true,</w:t>
            </w:r>
          </w:p>
          <w:p w:rsidR="00201CC5" w:rsidRDefault="00201CC5" w:rsidP="00201CC5">
            <w:r>
              <w:t xml:space="preserve">                        reverseButtons: true</w:t>
            </w:r>
          </w:p>
          <w:p w:rsidR="00201CC5" w:rsidRDefault="00201CC5" w:rsidP="00201CC5">
            <w:r>
              <w:t xml:space="preserve">                    }).then((result) =&gt; {</w:t>
            </w:r>
          </w:p>
          <w:p w:rsidR="00201CC5" w:rsidRDefault="00201CC5" w:rsidP="00201CC5">
            <w:r>
              <w:t xml:space="preserve">                        if (result.value) {</w:t>
            </w:r>
          </w:p>
          <w:p w:rsidR="00201CC5" w:rsidRDefault="00201CC5" w:rsidP="00201CC5">
            <w:r>
              <w:t xml:space="preserve">                            lscache.set("auto_location_off", 1, (7 * 24 * 60));</w:t>
            </w:r>
          </w:p>
          <w:p w:rsidR="00201CC5" w:rsidRDefault="00201CC5" w:rsidP="00201CC5">
            <w:r>
              <w:t xml:space="preserve">                            item.remove();</w:t>
            </w:r>
          </w:p>
          <w:p w:rsidR="00201CC5" w:rsidRDefault="00201CC5" w:rsidP="00201CC5">
            <w:r>
              <w:t xml:space="preserve">                            noty("success", "Your preference has been updated!!",</w:t>
            </w:r>
          </w:p>
          <w:p w:rsidR="00201CC5" w:rsidRDefault="00201CC5" w:rsidP="00201CC5">
            <w:r>
              <w:t xml:space="preserve">                                "You will not be shown with your location for the next 7 days.", 5000, "top-right");</w:t>
            </w:r>
          </w:p>
          <w:p w:rsidR="00201CC5" w:rsidRDefault="00201CC5" w:rsidP="00201CC5">
            <w:r>
              <w:t xml:space="preserve">                            /*Swal.fire({</w:t>
            </w:r>
          </w:p>
          <w:p w:rsidR="00201CC5" w:rsidRDefault="00201CC5" w:rsidP="00201CC5">
            <w:r>
              <w:t xml:space="preserve">                                title: "Your preference has been updated!!",</w:t>
            </w:r>
          </w:p>
          <w:p w:rsidR="00201CC5" w:rsidRDefault="00201CC5" w:rsidP="00201CC5">
            <w:r>
              <w:t xml:space="preserve">                                text: "You will not be shown with your location for the next 7 days.",</w:t>
            </w:r>
          </w:p>
          <w:p w:rsidR="00201CC5" w:rsidRDefault="00201CC5" w:rsidP="00201CC5">
            <w:r>
              <w:t xml:space="preserve">                                icon: "success",</w:t>
            </w:r>
          </w:p>
          <w:p w:rsidR="00201CC5" w:rsidRDefault="00201CC5" w:rsidP="00201CC5">
            <w:r>
              <w:t xml:space="preserve">                                confirmButtonText: "Ok, Got it!!"</w:t>
            </w:r>
          </w:p>
          <w:p w:rsidR="00201CC5" w:rsidRDefault="00201CC5" w:rsidP="00201CC5">
            <w:r>
              <w:t xml:space="preserve">                            });*/</w:t>
            </w:r>
          </w:p>
          <w:p w:rsidR="00201CC5" w:rsidRDefault="00201CC5" w:rsidP="00201CC5">
            <w:r>
              <w:t xml:space="preserve">                        }</w:t>
            </w:r>
          </w:p>
          <w:p w:rsidR="00201CC5" w:rsidRDefault="00201CC5" w:rsidP="00201CC5">
            <w:r>
              <w:t xml:space="preserve">                    });</w:t>
            </w:r>
          </w:p>
          <w:p w:rsidR="00201CC5" w:rsidRDefault="00201CC5" w:rsidP="00201CC5">
            <w:r>
              <w:t xml:space="preserve">                } else {</w:t>
            </w:r>
          </w:p>
          <w:p w:rsidR="00201CC5" w:rsidRDefault="00201CC5" w:rsidP="00201CC5">
            <w:r>
              <w:t xml:space="preserve">                    item.remove();</w:t>
            </w:r>
          </w:p>
          <w:p w:rsidR="00201CC5" w:rsidRDefault="00201CC5" w:rsidP="00201CC5">
            <w:r>
              <w:t xml:space="preserve">                }</w:t>
            </w:r>
          </w:p>
          <w:p w:rsidR="00201CC5" w:rsidRDefault="00201CC5" w:rsidP="00201CC5">
            <w:r>
              <w:t xml:space="preserve">            });</w:t>
            </w:r>
          </w:p>
          <w:p w:rsidR="00201CC5" w:rsidRDefault="00201CC5" w:rsidP="00201CC5">
            <w:r>
              <w:t xml:space="preserve">            $(document.body).on("click", "#btnSearchResidence", function (e) {</w:t>
            </w:r>
          </w:p>
          <w:p w:rsidR="00201CC5" w:rsidRDefault="00201CC5" w:rsidP="00201CC5">
            <w:r>
              <w:t xml:space="preserve">                e.preventDefault();</w:t>
            </w:r>
          </w:p>
          <w:p w:rsidR="00201CC5" w:rsidRDefault="00201CC5" w:rsidP="00201CC5">
            <w:r>
              <w:t xml:space="preserve">                $(this).attr("disabled", "disabled");</w:t>
            </w:r>
          </w:p>
          <w:p w:rsidR="00201CC5" w:rsidRDefault="00201CC5" w:rsidP="00201CC5">
            <w:r>
              <w:t xml:space="preserve">                var filter = [];</w:t>
            </w:r>
          </w:p>
          <w:p w:rsidR="00201CC5" w:rsidRDefault="00201CC5" w:rsidP="00201CC5">
            <w:r>
              <w:t xml:space="preserve">                price_range = $("#ddlPriceRange").val().split("-");</w:t>
            </w:r>
          </w:p>
          <w:p w:rsidR="00201CC5" w:rsidRDefault="00201CC5" w:rsidP="00201CC5">
            <w:r>
              <w:t xml:space="preserve">                filter["min"] = price_range[0] || "0";</w:t>
            </w:r>
          </w:p>
          <w:p w:rsidR="00201CC5" w:rsidRDefault="00201CC5" w:rsidP="00201CC5">
            <w:r>
              <w:t xml:space="preserve">                filter["max"] = price_range[1] || "15000";</w:t>
            </w:r>
          </w:p>
          <w:p w:rsidR="00201CC5" w:rsidRDefault="00201CC5" w:rsidP="00201CC5">
            <w:r>
              <w:t xml:space="preserve">                filter["location"] = [...new Set($("#divLocations button").map(function () {</w:t>
            </w:r>
          </w:p>
          <w:p w:rsidR="00201CC5" w:rsidRDefault="00201CC5" w:rsidP="00201CC5">
            <w:r>
              <w:t xml:space="preserve">                    return $(this).data("location");</w:t>
            </w:r>
          </w:p>
          <w:p w:rsidR="00201CC5" w:rsidRDefault="00201CC5" w:rsidP="00201CC5">
            <w:r>
              <w:t xml:space="preserve">                }).get())];</w:t>
            </w:r>
          </w:p>
          <w:p w:rsidR="00201CC5" w:rsidRDefault="00201CC5" w:rsidP="00201CC5">
            <w:r>
              <w:t xml:space="preserve">                filter["residences"] = $("#ddlResidenceType").val();</w:t>
            </w:r>
          </w:p>
          <w:p w:rsidR="00201CC5" w:rsidRDefault="00201CC5" w:rsidP="00201CC5">
            <w:r>
              <w:t xml:space="preserve">                let params = {</w:t>
            </w:r>
          </w:p>
          <w:p w:rsidR="00201CC5" w:rsidRDefault="00201CC5" w:rsidP="00201CC5">
            <w:r>
              <w:t xml:space="preserve">                    "filter": btoa(fnStringifyObject(filter))</w:t>
            </w:r>
          </w:p>
          <w:p w:rsidR="00201CC5" w:rsidRDefault="00201CC5" w:rsidP="00201CC5">
            <w:r>
              <w:t xml:space="preserve">                };</w:t>
            </w:r>
          </w:p>
          <w:p w:rsidR="00201CC5" w:rsidRDefault="00201CC5" w:rsidP="00201CC5">
            <w:r>
              <w:t xml:space="preserve">                fnRedirect("search.php", fnObjectToQuery(params));</w:t>
            </w:r>
          </w:p>
          <w:p w:rsidR="00201CC5" w:rsidRDefault="00201CC5" w:rsidP="00201CC5">
            <w:r>
              <w:t xml:space="preserve">            });</w:t>
            </w:r>
          </w:p>
          <w:p w:rsidR="00201CC5" w:rsidRDefault="00201CC5" w:rsidP="00201CC5">
            <w:r>
              <w:t xml:space="preserve">        });</w:t>
            </w:r>
          </w:p>
          <w:p w:rsidR="00201CC5" w:rsidRDefault="00201CC5" w:rsidP="00201CC5"/>
          <w:p w:rsidR="00201CC5" w:rsidRDefault="00201CC5" w:rsidP="00201CC5">
            <w:r>
              <w:t xml:space="preserve">        function initAutocomplete() {</w:t>
            </w:r>
          </w:p>
          <w:p w:rsidR="00201CC5" w:rsidRDefault="00201CC5" w:rsidP="00201CC5">
            <w:r>
              <w:t xml:space="preserve">            geoLocate();</w:t>
            </w:r>
          </w:p>
          <w:p w:rsidR="00201CC5" w:rsidRDefault="00201CC5" w:rsidP="00201CC5">
            <w:r>
              <w:t xml:space="preserve">            autocomplete = new google.maps.places.Autocomplete(</w:t>
            </w:r>
          </w:p>
          <w:p w:rsidR="00201CC5" w:rsidRDefault="00201CC5" w:rsidP="00201CC5">
            <w:r>
              <w:t xml:space="preserve">                document.getElementById('txtLocation'),</w:t>
            </w:r>
          </w:p>
          <w:p w:rsidR="00201CC5" w:rsidRDefault="00201CC5" w:rsidP="00201CC5">
            <w:r>
              <w:t xml:space="preserve">                {</w:t>
            </w:r>
          </w:p>
          <w:p w:rsidR="00201CC5" w:rsidRDefault="00201CC5" w:rsidP="00201CC5">
            <w:r>
              <w:t xml:space="preserve">                    types: ['geocode'],</w:t>
            </w:r>
          </w:p>
          <w:p w:rsidR="00201CC5" w:rsidRDefault="00201CC5" w:rsidP="00201CC5">
            <w:r>
              <w:t xml:space="preserve">                    componentRestrictions: {</w:t>
            </w:r>
          </w:p>
          <w:p w:rsidR="00201CC5" w:rsidRDefault="00201CC5" w:rsidP="00201CC5">
            <w:r>
              <w:t xml:space="preserve">                        country: "us"</w:t>
            </w:r>
          </w:p>
          <w:p w:rsidR="00201CC5" w:rsidRDefault="00201CC5" w:rsidP="00201CC5">
            <w:r>
              <w:t xml:space="preserve">                    }</w:t>
            </w:r>
          </w:p>
          <w:p w:rsidR="00201CC5" w:rsidRDefault="00201CC5" w:rsidP="00201CC5">
            <w:r>
              <w:lastRenderedPageBreak/>
              <w:t xml:space="preserve">                });</w:t>
            </w:r>
          </w:p>
          <w:p w:rsidR="00201CC5" w:rsidRDefault="00201CC5" w:rsidP="00201CC5">
            <w:r>
              <w:t xml:space="preserve">            autocomplete.setFields(['address_component']);</w:t>
            </w:r>
          </w:p>
          <w:p w:rsidR="00201CC5" w:rsidRDefault="00201CC5" w:rsidP="00201CC5">
            <w:r>
              <w:t xml:space="preserve">            autocomplete.addListener('place_changed', fnPlaceChanged);</w:t>
            </w:r>
          </w:p>
          <w:p w:rsidR="00201CC5" w:rsidRDefault="00201CC5" w:rsidP="00201CC5">
            <w:r>
              <w:t xml:space="preserve">            google.maps.event.addDomListener(document.getElementById('txtLocation'), 'keydown', function (e) {</w:t>
            </w:r>
          </w:p>
          <w:p w:rsidR="00201CC5" w:rsidRDefault="00201CC5" w:rsidP="00201CC5">
            <w:r>
              <w:t xml:space="preserve">                if (e.keyCode === 13) {</w:t>
            </w:r>
          </w:p>
          <w:p w:rsidR="00201CC5" w:rsidRDefault="00201CC5" w:rsidP="00201CC5">
            <w:r>
              <w:t xml:space="preserve">                    e.preventDefault();</w:t>
            </w:r>
          </w:p>
          <w:p w:rsidR="00201CC5" w:rsidRDefault="00201CC5" w:rsidP="00201CC5">
            <w:r>
              <w:t xml:space="preserve">                }</w:t>
            </w:r>
          </w:p>
          <w:p w:rsidR="00201CC5" w:rsidRDefault="00201CC5" w:rsidP="00201CC5">
            <w:r>
              <w:t xml:space="preserve">            });</w:t>
            </w:r>
          </w:p>
          <w:p w:rsidR="00201CC5" w:rsidRDefault="00201CC5" w:rsidP="00201CC5">
            <w:r>
              <w:t xml:space="preserve">        }</w:t>
            </w:r>
          </w:p>
          <w:p w:rsidR="00201CC5" w:rsidRDefault="00201CC5" w:rsidP="00201CC5"/>
          <w:p w:rsidR="00201CC5" w:rsidRDefault="00201CC5" w:rsidP="00201CC5">
            <w:r>
              <w:t xml:space="preserve">        function fnPlaceChanged() {</w:t>
            </w:r>
          </w:p>
          <w:p w:rsidR="00201CC5" w:rsidRDefault="00201CC5" w:rsidP="00201CC5">
            <w:r>
              <w:t xml:space="preserve">            var place = autocomplete.getPlace();</w:t>
            </w:r>
          </w:p>
          <w:p w:rsidR="00201CC5" w:rsidRDefault="00201CC5" w:rsidP="00201CC5">
            <w:r>
              <w:t xml:space="preserve">            var locationData = fnGetLocationData(place);</w:t>
            </w:r>
          </w:p>
          <w:p w:rsidR="00201CC5" w:rsidRDefault="00201CC5" w:rsidP="00201CC5">
            <w:r>
              <w:t xml:space="preserve">            if (locationData !== "") {</w:t>
            </w:r>
          </w:p>
          <w:p w:rsidR="00201CC5" w:rsidRDefault="00201CC5" w:rsidP="00201CC5">
            <w:r>
              <w:t xml:space="preserve">                fnAddLocationItem(locationData);</w:t>
            </w:r>
          </w:p>
          <w:p w:rsidR="00201CC5" w:rsidRDefault="00201CC5" w:rsidP="00201CC5">
            <w:r>
              <w:t xml:space="preserve">            } else {</w:t>
            </w:r>
          </w:p>
          <w:p w:rsidR="00201CC5" w:rsidRDefault="00201CC5" w:rsidP="00201CC5">
            <w:r>
              <w:t xml:space="preserve">                swal.fire({</w:t>
            </w:r>
          </w:p>
          <w:p w:rsidR="00201CC5" w:rsidRDefault="00201CC5" w:rsidP="00201CC5">
            <w:r>
              <w:t xml:space="preserve">                    title: "Invalid input!!",</w:t>
            </w:r>
          </w:p>
          <w:p w:rsidR="00201CC5" w:rsidRDefault="00201CC5" w:rsidP="00201CC5">
            <w:r>
              <w:t xml:space="preserve">                    text: "Please enter a city or zip code.",</w:t>
            </w:r>
          </w:p>
          <w:p w:rsidR="00201CC5" w:rsidRDefault="00201CC5" w:rsidP="00201CC5">
            <w:r>
              <w:t xml:space="preserve">                    icon: "warning",</w:t>
            </w:r>
          </w:p>
          <w:p w:rsidR="00201CC5" w:rsidRDefault="00201CC5" w:rsidP="00201CC5">
            <w:r>
              <w:t xml:space="preserve">                    confirmButtonColor: "#DD6B55",</w:t>
            </w:r>
          </w:p>
          <w:p w:rsidR="00201CC5" w:rsidRDefault="00201CC5" w:rsidP="00201CC5">
            <w:r>
              <w:t xml:space="preserve">                    confirmButtonText: "Ok, Got it!!",</w:t>
            </w:r>
          </w:p>
          <w:p w:rsidR="00201CC5" w:rsidRDefault="00201CC5" w:rsidP="00201CC5">
            <w:r>
              <w:t xml:space="preserve">                    allowOutsideClick: false</w:t>
            </w:r>
          </w:p>
          <w:p w:rsidR="00201CC5" w:rsidRDefault="00201CC5" w:rsidP="00201CC5">
            <w:r>
              <w:t xml:space="preserve">                });</w:t>
            </w:r>
          </w:p>
          <w:p w:rsidR="00201CC5" w:rsidRDefault="00201CC5" w:rsidP="00201CC5">
            <w:r>
              <w:t xml:space="preserve">            }</w:t>
            </w:r>
          </w:p>
          <w:p w:rsidR="00201CC5" w:rsidRDefault="00201CC5" w:rsidP="00201CC5">
            <w:r>
              <w:t xml:space="preserve">            $("#txtLocation").val("");</w:t>
            </w:r>
          </w:p>
          <w:p w:rsidR="00201CC5" w:rsidRDefault="00201CC5" w:rsidP="00201CC5">
            <w:r>
              <w:t xml:space="preserve">        }</w:t>
            </w:r>
          </w:p>
          <w:p w:rsidR="00201CC5" w:rsidRDefault="00201CC5" w:rsidP="00201CC5"/>
          <w:p w:rsidR="00201CC5" w:rsidRDefault="00201CC5" w:rsidP="00201CC5">
            <w:r>
              <w:t xml:space="preserve">        function fnGetLocationData(place) {</w:t>
            </w:r>
          </w:p>
          <w:p w:rsidR="00201CC5" w:rsidRDefault="00201CC5" w:rsidP="00201CC5">
            <w:r>
              <w:t xml:space="preserve">            var location = {}, locationData = "";</w:t>
            </w:r>
          </w:p>
          <w:p w:rsidR="00201CC5" w:rsidRDefault="00201CC5" w:rsidP="00201CC5">
            <w:r>
              <w:t xml:space="preserve">            for (var i = 0; i &lt; place.address_components.length; i++) {</w:t>
            </w:r>
          </w:p>
          <w:p w:rsidR="00201CC5" w:rsidRDefault="00201CC5" w:rsidP="00201CC5">
            <w:r>
              <w:t xml:space="preserve">                var addressType = place.address_components[i].types[0];</w:t>
            </w:r>
          </w:p>
          <w:p w:rsidR="00201CC5" w:rsidRDefault="00201CC5" w:rsidP="00201CC5">
            <w:r>
              <w:t xml:space="preserve">                if (addressType === "postal_code") {</w:t>
            </w:r>
          </w:p>
          <w:p w:rsidR="00201CC5" w:rsidRDefault="00201CC5" w:rsidP="00201CC5">
            <w:r>
              <w:t xml:space="preserve">                    location["zip_code"] = place.address_components[i]["short_name"];</w:t>
            </w:r>
          </w:p>
          <w:p w:rsidR="00201CC5" w:rsidRDefault="00201CC5" w:rsidP="00201CC5">
            <w:r>
              <w:t xml:space="preserve">                }</w:t>
            </w:r>
          </w:p>
          <w:p w:rsidR="00201CC5" w:rsidRDefault="00201CC5" w:rsidP="00201CC5">
            <w:r>
              <w:t xml:space="preserve">                if (addressType === "locality") {</w:t>
            </w:r>
          </w:p>
          <w:p w:rsidR="00201CC5" w:rsidRDefault="00201CC5" w:rsidP="00201CC5">
            <w:r>
              <w:t xml:space="preserve">                    location["city_alt"] = place.address_components[i]["long_name"];</w:t>
            </w:r>
          </w:p>
          <w:p w:rsidR="00201CC5" w:rsidRDefault="00201CC5" w:rsidP="00201CC5">
            <w:r>
              <w:t xml:space="preserve">                }</w:t>
            </w:r>
          </w:p>
          <w:p w:rsidR="00201CC5" w:rsidRDefault="00201CC5" w:rsidP="00201CC5">
            <w:r>
              <w:t xml:space="preserve">                if (addressType === "neighborhood") {</w:t>
            </w:r>
          </w:p>
          <w:p w:rsidR="00201CC5" w:rsidRDefault="00201CC5" w:rsidP="00201CC5">
            <w:r>
              <w:t xml:space="preserve">                    location["city"] = place.address_components[i]["long_name"];</w:t>
            </w:r>
          </w:p>
          <w:p w:rsidR="00201CC5" w:rsidRDefault="00201CC5" w:rsidP="00201CC5">
            <w:r>
              <w:t xml:space="preserve">                }</w:t>
            </w:r>
          </w:p>
          <w:p w:rsidR="00201CC5" w:rsidRDefault="00201CC5" w:rsidP="00201CC5">
            <w:r>
              <w:t xml:space="preserve">                if (addressType === "administrative_area_level_1") {</w:t>
            </w:r>
          </w:p>
          <w:p w:rsidR="00201CC5" w:rsidRDefault="00201CC5" w:rsidP="00201CC5">
            <w:r>
              <w:t xml:space="preserve">                    location["state"] = place.address_components[i]["short_name"];</w:t>
            </w:r>
          </w:p>
          <w:p w:rsidR="00201CC5" w:rsidRDefault="00201CC5" w:rsidP="00201CC5">
            <w:r>
              <w:t xml:space="preserve">                }</w:t>
            </w:r>
          </w:p>
          <w:p w:rsidR="00201CC5" w:rsidRDefault="00201CC5" w:rsidP="00201CC5">
            <w:r>
              <w:t xml:space="preserve">            }</w:t>
            </w:r>
          </w:p>
          <w:p w:rsidR="00201CC5" w:rsidRDefault="00201CC5" w:rsidP="00201CC5">
            <w:r>
              <w:t xml:space="preserve">            if (location.hasOwnProperty("zip_code")) {</w:t>
            </w:r>
          </w:p>
          <w:p w:rsidR="00201CC5" w:rsidRDefault="00201CC5" w:rsidP="00201CC5">
            <w:r>
              <w:t xml:space="preserve">                locationData = "zip_code~" + location["zip_code"];</w:t>
            </w:r>
          </w:p>
          <w:p w:rsidR="00201CC5" w:rsidRDefault="00201CC5" w:rsidP="00201CC5">
            <w:r>
              <w:lastRenderedPageBreak/>
              <w:t xml:space="preserve">            } else if (location.hasOwnProperty("city")) {</w:t>
            </w:r>
          </w:p>
          <w:p w:rsidR="00201CC5" w:rsidRDefault="00201CC5" w:rsidP="00201CC5">
            <w:r>
              <w:t xml:space="preserve">                locationData = "city~" + location["city"];</w:t>
            </w:r>
          </w:p>
          <w:p w:rsidR="00201CC5" w:rsidRDefault="00201CC5" w:rsidP="00201CC5">
            <w:r>
              <w:t xml:space="preserve">            } else if (location.hasOwnProperty("city_alt")) {</w:t>
            </w:r>
          </w:p>
          <w:p w:rsidR="00201CC5" w:rsidRDefault="00201CC5" w:rsidP="00201CC5">
            <w:r>
              <w:t xml:space="preserve">                locationData = "city~" + location["city_alt"];</w:t>
            </w:r>
          </w:p>
          <w:p w:rsidR="00201CC5" w:rsidRDefault="00201CC5" w:rsidP="00201CC5">
            <w:r>
              <w:t xml:space="preserve">            }/* else if (location.hasOwnProperty("state")) {</w:t>
            </w:r>
          </w:p>
          <w:p w:rsidR="00201CC5" w:rsidRDefault="00201CC5" w:rsidP="00201CC5">
            <w:r>
              <w:t xml:space="preserve">                locationData = "state~" + location["state"];</w:t>
            </w:r>
          </w:p>
          <w:p w:rsidR="00201CC5" w:rsidRDefault="00201CC5" w:rsidP="00201CC5">
            <w:r>
              <w:t xml:space="preserve">            }*/</w:t>
            </w:r>
          </w:p>
          <w:p w:rsidR="00201CC5" w:rsidRDefault="00201CC5" w:rsidP="00201CC5">
            <w:r>
              <w:t xml:space="preserve">            return locationData;</w:t>
            </w:r>
          </w:p>
          <w:p w:rsidR="00201CC5" w:rsidRDefault="00201CC5" w:rsidP="00201CC5">
            <w:r>
              <w:t xml:space="preserve">        }</w:t>
            </w:r>
          </w:p>
          <w:p w:rsidR="00201CC5" w:rsidRDefault="00201CC5" w:rsidP="00201CC5"/>
          <w:p w:rsidR="00201CC5" w:rsidRDefault="00201CC5" w:rsidP="00201CC5">
            <w:r>
              <w:t xml:space="preserve">        function fnAddLocationItem(data, theme = 'light', title = "Added Location") {</w:t>
            </w:r>
          </w:p>
          <w:p w:rsidR="00201CC5" w:rsidRDefault="00201CC5" w:rsidP="00201CC5">
            <w:r>
              <w:t xml:space="preserve">            let locData = data.split('~');</w:t>
            </w:r>
          </w:p>
          <w:p w:rsidR="00201CC5" w:rsidRDefault="00201CC5" w:rsidP="00201CC5">
            <w:r>
              <w:t xml:space="preserve">            var existing = $("#divLocations button:contains(" + locData[1] + ")");</w:t>
            </w:r>
          </w:p>
          <w:p w:rsidR="00201CC5" w:rsidRDefault="00201CC5" w:rsidP="00201CC5">
            <w:r>
              <w:t xml:space="preserve">            if (existing.length &gt; 0) {</w:t>
            </w:r>
          </w:p>
          <w:p w:rsidR="00201CC5" w:rsidRDefault="00201CC5" w:rsidP="00201CC5">
            <w:r>
              <w:t xml:space="preserve">                $(existing).attr("title", title);</w:t>
            </w:r>
          </w:p>
          <w:p w:rsidR="00201CC5" w:rsidRDefault="00201CC5" w:rsidP="00201CC5">
            <w:r>
              <w:t xml:space="preserve">                $(existing).removeClass("btn-light");</w:t>
            </w:r>
          </w:p>
          <w:p w:rsidR="00201CC5" w:rsidRDefault="00201CC5" w:rsidP="00201CC5">
            <w:r>
              <w:t xml:space="preserve">                $(existing).addClass("btn-" + theme);</w:t>
            </w:r>
          </w:p>
          <w:p w:rsidR="00201CC5" w:rsidRDefault="00201CC5" w:rsidP="00201CC5">
            <w:r>
              <w:t xml:space="preserve">            } else {</w:t>
            </w:r>
          </w:p>
          <w:p w:rsidR="00201CC5" w:rsidRDefault="00201CC5" w:rsidP="00201CC5">
            <w:r>
              <w:t xml:space="preserve">                var template = $('&lt;button type="button" class="btn btn-' + theme + ' btn-sm mr-1 mb-1 wow fadeInDown"&gt;&lt;span class="badge remove-item ml-1"&gt;&amp;times;&lt;/span&gt;&lt;/button&gt;');</w:t>
            </w:r>
          </w:p>
          <w:p w:rsidR="00201CC5" w:rsidRDefault="00201CC5" w:rsidP="00201CC5">
            <w:r>
              <w:t xml:space="preserve">                template.prepend(_.upperFirst(_.camelCase(locData[0])) + ": " + locData[1]);</w:t>
            </w:r>
          </w:p>
          <w:p w:rsidR="00201CC5" w:rsidRDefault="00201CC5" w:rsidP="00201CC5">
            <w:r>
              <w:t xml:space="preserve">                $(template).data("location", data);</w:t>
            </w:r>
          </w:p>
          <w:p w:rsidR="00201CC5" w:rsidRDefault="00201CC5" w:rsidP="00201CC5">
            <w:r>
              <w:t xml:space="preserve">                $(template).attr("title", title);</w:t>
            </w:r>
          </w:p>
          <w:p w:rsidR="00201CC5" w:rsidRDefault="00201CC5" w:rsidP="00201CC5">
            <w:r>
              <w:t xml:space="preserve">                $("#divLocations").append(template);</w:t>
            </w:r>
          </w:p>
          <w:p w:rsidR="00201CC5" w:rsidRDefault="00201CC5" w:rsidP="00201CC5">
            <w:r>
              <w:t xml:space="preserve">            }</w:t>
            </w:r>
          </w:p>
          <w:p w:rsidR="00201CC5" w:rsidRDefault="00201CC5" w:rsidP="00201CC5">
            <w:r>
              <w:t xml:space="preserve">        }</w:t>
            </w:r>
          </w:p>
          <w:p w:rsidR="00201CC5" w:rsidRDefault="00201CC5" w:rsidP="00201CC5"/>
          <w:p w:rsidR="00201CC5" w:rsidRDefault="00201CC5" w:rsidP="00201CC5">
            <w:r>
              <w:t xml:space="preserve">        function geoLocate() {</w:t>
            </w:r>
          </w:p>
          <w:p w:rsidR="00201CC5" w:rsidRDefault="00201CC5" w:rsidP="00201CC5">
            <w:r>
              <w:t xml:space="preserve">            if (navigator.geolocation) {</w:t>
            </w:r>
          </w:p>
          <w:p w:rsidR="00201CC5" w:rsidRDefault="00201CC5" w:rsidP="00201CC5">
            <w:r>
              <w:t xml:space="preserve">                navigator.geolocation.getCurrentPosition(function (position) {</w:t>
            </w:r>
          </w:p>
          <w:p w:rsidR="00201CC5" w:rsidRDefault="00201CC5" w:rsidP="00201CC5">
            <w:r>
              <w:t xml:space="preserve">                    var geolocation = {</w:t>
            </w:r>
          </w:p>
          <w:p w:rsidR="00201CC5" w:rsidRDefault="00201CC5" w:rsidP="00201CC5">
            <w:r>
              <w:t xml:space="preserve">                        lat: position.coords.latitude,</w:t>
            </w:r>
          </w:p>
          <w:p w:rsidR="00201CC5" w:rsidRDefault="00201CC5" w:rsidP="00201CC5">
            <w:r>
              <w:t xml:space="preserve">                        lng: position.coords.longitude</w:t>
            </w:r>
          </w:p>
          <w:p w:rsidR="00201CC5" w:rsidRDefault="00201CC5" w:rsidP="00201CC5">
            <w:r>
              <w:t xml:space="preserve">                    };</w:t>
            </w:r>
          </w:p>
          <w:p w:rsidR="00201CC5" w:rsidRDefault="00201CC5" w:rsidP="00201CC5">
            <w:r>
              <w:t xml:space="preserve">                    var circle = new google.maps.Circle(</w:t>
            </w:r>
          </w:p>
          <w:p w:rsidR="00201CC5" w:rsidRDefault="00201CC5" w:rsidP="00201CC5">
            <w:r>
              <w:t xml:space="preserve">                        {center: geolocation, radius: position.coords.accuracy});</w:t>
            </w:r>
          </w:p>
          <w:p w:rsidR="00201CC5" w:rsidRDefault="00201CC5" w:rsidP="00201CC5">
            <w:r>
              <w:t xml:space="preserve">                    autocomplete.setBounds(circle.getBounds());</w:t>
            </w:r>
          </w:p>
          <w:p w:rsidR="00201CC5" w:rsidRDefault="00201CC5" w:rsidP="00201CC5">
            <w:r>
              <w:t xml:space="preserve">                    if (!lscache.get("auto_location_off")) {</w:t>
            </w:r>
          </w:p>
          <w:p w:rsidR="00201CC5" w:rsidRDefault="00201CC5" w:rsidP="00201CC5">
            <w:r>
              <w:t xml:space="preserve">                        var point = new google.maps.LatLng(position.coords.latitude, position.coords.longitude);</w:t>
            </w:r>
          </w:p>
          <w:p w:rsidR="00201CC5" w:rsidRDefault="00201CC5" w:rsidP="00201CC5">
            <w:r>
              <w:t xml:space="preserve">                        new google.maps.Geocoder().geocode({'latLng': point}, function (res, status) {</w:t>
            </w:r>
          </w:p>
          <w:p w:rsidR="00201CC5" w:rsidRDefault="00201CC5" w:rsidP="00201CC5">
            <w:r>
              <w:t xml:space="preserve">                            if (status === google.maps.GeocoderStatus.OK &amp;&amp; typeof res[0] !== 'undefined') {</w:t>
            </w:r>
          </w:p>
          <w:p w:rsidR="00201CC5" w:rsidRDefault="00201CC5" w:rsidP="00201CC5">
            <w:r>
              <w:t xml:space="preserve">                                var locationData = fnGetLocationData(res[0]);</w:t>
            </w:r>
          </w:p>
          <w:p w:rsidR="00201CC5" w:rsidRDefault="00201CC5" w:rsidP="00201CC5">
            <w:r>
              <w:t xml:space="preserve">                                if (locationData !== "") {</w:t>
            </w:r>
          </w:p>
          <w:p w:rsidR="00201CC5" w:rsidRDefault="00201CC5" w:rsidP="00201CC5">
            <w:r>
              <w:t xml:space="preserve">                                    fnAddLocationItem(locationData, 'success', 'Your Location');</w:t>
            </w:r>
          </w:p>
          <w:p w:rsidR="00201CC5" w:rsidRDefault="00201CC5" w:rsidP="00201CC5">
            <w:r>
              <w:t xml:space="preserve">                                } else {</w:t>
            </w:r>
          </w:p>
          <w:p w:rsidR="00201CC5" w:rsidRDefault="00201CC5" w:rsidP="00201CC5">
            <w:r>
              <w:t xml:space="preserve">                                    fail('Unable to get zip code');</w:t>
            </w:r>
          </w:p>
          <w:p w:rsidR="00201CC5" w:rsidRDefault="00201CC5" w:rsidP="00201CC5">
            <w:r>
              <w:t xml:space="preserve">                                }</w:t>
            </w:r>
          </w:p>
          <w:p w:rsidR="00201CC5" w:rsidRDefault="00201CC5" w:rsidP="00201CC5">
            <w:r>
              <w:t xml:space="preserve">                            } else {</w:t>
            </w:r>
          </w:p>
          <w:p w:rsidR="00201CC5" w:rsidRDefault="00201CC5" w:rsidP="00201CC5">
            <w:r>
              <w:lastRenderedPageBreak/>
              <w:t xml:space="preserve">                                fail('Unable to look-up geolocation');</w:t>
            </w:r>
          </w:p>
          <w:p w:rsidR="00201CC5" w:rsidRDefault="00201CC5" w:rsidP="00201CC5">
            <w:r>
              <w:t xml:space="preserve">                            }</w:t>
            </w:r>
          </w:p>
          <w:p w:rsidR="00201CC5" w:rsidRDefault="00201CC5" w:rsidP="00201CC5">
            <w:r>
              <w:t xml:space="preserve">                        });</w:t>
            </w:r>
          </w:p>
          <w:p w:rsidR="00201CC5" w:rsidRDefault="00201CC5" w:rsidP="00201CC5">
            <w:r>
              <w:t xml:space="preserve">                    }</w:t>
            </w:r>
          </w:p>
          <w:p w:rsidR="00201CC5" w:rsidRDefault="00201CC5" w:rsidP="00201CC5">
            <w:r>
              <w:t xml:space="preserve">                });</w:t>
            </w:r>
          </w:p>
          <w:p w:rsidR="00201CC5" w:rsidRDefault="00201CC5" w:rsidP="00201CC5">
            <w:r>
              <w:t xml:space="preserve">            } else {</w:t>
            </w:r>
          </w:p>
          <w:p w:rsidR="00201CC5" w:rsidRDefault="00201CC5" w:rsidP="00201CC5">
            <w:r>
              <w:t xml:space="preserve">                console.log("Geolocation not supported");</w:t>
            </w:r>
          </w:p>
          <w:p w:rsidR="00201CC5" w:rsidRDefault="00201CC5" w:rsidP="00201CC5">
            <w:r>
              <w:t xml:space="preserve">            }</w:t>
            </w:r>
          </w:p>
          <w:p w:rsidR="00201CC5" w:rsidRDefault="00201CC5" w:rsidP="00201CC5">
            <w:r>
              <w:t xml:space="preserve">        }</w:t>
            </w:r>
          </w:p>
          <w:p w:rsidR="00201CC5" w:rsidRDefault="00201CC5" w:rsidP="00201CC5"/>
          <w:p w:rsidR="00201CC5" w:rsidRDefault="00201CC5" w:rsidP="00201CC5">
            <w:r>
              <w:t xml:space="preserve">        function fnObjectToQuery(obj) {</w:t>
            </w:r>
          </w:p>
          <w:p w:rsidR="00201CC5" w:rsidRDefault="00201CC5" w:rsidP="00201CC5">
            <w:r>
              <w:t xml:space="preserve">            obj = fnRefineObject(obj);</w:t>
            </w:r>
          </w:p>
          <w:p w:rsidR="00201CC5" w:rsidRDefault="00201CC5" w:rsidP="00201CC5">
            <w:r>
              <w:t xml:space="preserve">            return Object.keys(obj).map(function (prop) {</w:t>
            </w:r>
          </w:p>
          <w:p w:rsidR="00201CC5" w:rsidRDefault="00201CC5" w:rsidP="00201CC5">
            <w:r>
              <w:t xml:space="preserve">                return prop + "=" + obj[prop];</w:t>
            </w:r>
          </w:p>
          <w:p w:rsidR="00201CC5" w:rsidRDefault="00201CC5" w:rsidP="00201CC5">
            <w:r>
              <w:t xml:space="preserve">            }).join("&amp;");</w:t>
            </w:r>
          </w:p>
          <w:p w:rsidR="00201CC5" w:rsidRDefault="00201CC5" w:rsidP="00201CC5">
            <w:r>
              <w:t xml:space="preserve">        }</w:t>
            </w:r>
          </w:p>
          <w:p w:rsidR="00201CC5" w:rsidRDefault="00201CC5" w:rsidP="00201CC5"/>
          <w:p w:rsidR="00201CC5" w:rsidRDefault="00201CC5" w:rsidP="00201CC5">
            <w:r>
              <w:t xml:space="preserve">        function fnStringifyObject(obj) {</w:t>
            </w:r>
          </w:p>
          <w:p w:rsidR="00201CC5" w:rsidRDefault="00201CC5" w:rsidP="00201CC5">
            <w:r>
              <w:t xml:space="preserve">            obj = fnRefineObject(obj);</w:t>
            </w:r>
          </w:p>
          <w:p w:rsidR="00201CC5" w:rsidRDefault="00201CC5" w:rsidP="00201CC5">
            <w:r>
              <w:t xml:space="preserve">            let newArray = [];</w:t>
            </w:r>
          </w:p>
          <w:p w:rsidR="00201CC5" w:rsidRDefault="00201CC5" w:rsidP="00201CC5">
            <w:r>
              <w:t xml:space="preserve">            Object.keys(obj).forEach((prop) =&gt; {</w:t>
            </w:r>
          </w:p>
          <w:p w:rsidR="00201CC5" w:rsidRDefault="00201CC5" w:rsidP="00201CC5">
            <w:r>
              <w:t xml:space="preserve">                newArray.push(prop + ":" + ((obj[prop].constructor === Array) ? obj[prop].join(",") : obj[prop]));</w:t>
            </w:r>
          </w:p>
          <w:p w:rsidR="00201CC5" w:rsidRDefault="00201CC5" w:rsidP="00201CC5">
            <w:r>
              <w:t xml:space="preserve">            });</w:t>
            </w:r>
          </w:p>
          <w:p w:rsidR="00201CC5" w:rsidRDefault="00201CC5" w:rsidP="00201CC5">
            <w:r>
              <w:t xml:space="preserve">            return newArray.join("|");</w:t>
            </w:r>
          </w:p>
          <w:p w:rsidR="00201CC5" w:rsidRDefault="00201CC5" w:rsidP="00201CC5">
            <w:r>
              <w:t xml:space="preserve">        }</w:t>
            </w:r>
          </w:p>
          <w:p w:rsidR="00201CC5" w:rsidRDefault="00201CC5" w:rsidP="00201CC5"/>
          <w:p w:rsidR="00201CC5" w:rsidRDefault="00201CC5" w:rsidP="00201CC5">
            <w:r>
              <w:t xml:space="preserve">        function fnRefineObject(obj) {</w:t>
            </w:r>
          </w:p>
          <w:p w:rsidR="00201CC5" w:rsidRDefault="00201CC5" w:rsidP="00201CC5">
            <w:r>
              <w:t xml:space="preserve">            let newObj = {};</w:t>
            </w:r>
          </w:p>
          <w:p w:rsidR="00201CC5" w:rsidRDefault="00201CC5" w:rsidP="00201CC5">
            <w:r>
              <w:t xml:space="preserve">            Object.keys(obj).forEach((prop) =&gt; {</w:t>
            </w:r>
          </w:p>
          <w:p w:rsidR="00201CC5" w:rsidRDefault="00201CC5" w:rsidP="00201CC5">
            <w:r>
              <w:t xml:space="preserve">                if (obj[prop] &amp;&amp; !(Object.keys(obj[prop]).length === 0 &amp;&amp; obj[prop].constructor === Object) &amp;&amp;</w:t>
            </w:r>
          </w:p>
          <w:p w:rsidR="00201CC5" w:rsidRDefault="00201CC5" w:rsidP="00201CC5">
            <w:r>
              <w:t xml:space="preserve">                    !(obj[prop].constructor === Array &amp;&amp; obj[prop].length === 0)) {</w:t>
            </w:r>
          </w:p>
          <w:p w:rsidR="00201CC5" w:rsidRDefault="00201CC5" w:rsidP="00201CC5">
            <w:r>
              <w:t xml:space="preserve">                    newObj[prop] = obj[prop];</w:t>
            </w:r>
          </w:p>
          <w:p w:rsidR="00201CC5" w:rsidRDefault="00201CC5" w:rsidP="00201CC5">
            <w:r>
              <w:t xml:space="preserve">                }</w:t>
            </w:r>
          </w:p>
          <w:p w:rsidR="00201CC5" w:rsidRDefault="00201CC5" w:rsidP="00201CC5">
            <w:r>
              <w:t xml:space="preserve">            });</w:t>
            </w:r>
          </w:p>
          <w:p w:rsidR="00201CC5" w:rsidRDefault="00201CC5" w:rsidP="00201CC5">
            <w:r>
              <w:t xml:space="preserve">            return newObj;</w:t>
            </w:r>
          </w:p>
          <w:p w:rsidR="00201CC5" w:rsidRDefault="00201CC5" w:rsidP="00201CC5">
            <w:r>
              <w:t xml:space="preserve">        }</w:t>
            </w:r>
          </w:p>
          <w:p w:rsidR="00201CC5" w:rsidRDefault="00201CC5" w:rsidP="00201CC5"/>
          <w:p w:rsidR="00201CC5" w:rsidRDefault="00201CC5" w:rsidP="00201CC5">
            <w:r>
              <w:t xml:space="preserve">        function fnRedirect(url, query) {</w:t>
            </w:r>
          </w:p>
          <w:p w:rsidR="00201CC5" w:rsidRDefault="00201CC5" w:rsidP="00201CC5">
            <w:r>
              <w:t xml:space="preserve">            window.location.href = url + (query ? "?" + query : "");</w:t>
            </w:r>
          </w:p>
          <w:p w:rsidR="00201CC5" w:rsidRDefault="00201CC5" w:rsidP="00201CC5">
            <w:r>
              <w:t xml:space="preserve">        }</w:t>
            </w:r>
          </w:p>
          <w:p w:rsidR="00201CC5" w:rsidRDefault="00201CC5" w:rsidP="00201CC5">
            <w:r>
              <w:t xml:space="preserve">    &lt;/script&gt;</w:t>
            </w:r>
          </w:p>
          <w:p w:rsidR="00201CC5" w:rsidRDefault="00201CC5" w:rsidP="00201CC5">
            <w:r>
              <w:t>&lt;!--------------------filter validation ends------------------&gt;</w:t>
            </w:r>
          </w:p>
          <w:p w:rsidR="00201CC5" w:rsidRDefault="00201CC5" w:rsidP="00201CC5"/>
          <w:p w:rsidR="00201CC5" w:rsidRDefault="00201CC5" w:rsidP="00201CC5">
            <w:r>
              <w:t>&lt;!-- Session event --&gt;</w:t>
            </w:r>
          </w:p>
          <w:p w:rsidR="00201CC5" w:rsidRDefault="00201CC5" w:rsidP="00201CC5">
            <w:r>
              <w:t xml:space="preserve">    &lt;script type="text/javascript"&gt;</w:t>
            </w:r>
          </w:p>
          <w:p w:rsidR="00201CC5" w:rsidRDefault="00201CC5" w:rsidP="00201CC5">
            <w:r>
              <w:t xml:space="preserve">        $(document).ready(function () {</w:t>
            </w:r>
          </w:p>
          <w:p w:rsidR="00201CC5" w:rsidRDefault="00201CC5" w:rsidP="00201CC5">
            <w:r>
              <w:t xml:space="preserve">                });</w:t>
            </w:r>
          </w:p>
          <w:p w:rsidR="00201CC5" w:rsidRDefault="00201CC5" w:rsidP="00201CC5">
            <w:r>
              <w:lastRenderedPageBreak/>
              <w:t xml:space="preserve">        function onStorageEvent(e) {</w:t>
            </w:r>
          </w:p>
          <w:p w:rsidR="00201CC5" w:rsidRDefault="00201CC5" w:rsidP="00201CC5">
            <w:r>
              <w:t xml:space="preserve">            if (e.key === "session-expired") {</w:t>
            </w:r>
          </w:p>
          <w:p w:rsidR="00201CC5" w:rsidRDefault="00201CC5" w:rsidP="00201CC5">
            <w:r>
              <w:t xml:space="preserve">                swal.fire({</w:t>
            </w:r>
          </w:p>
          <w:p w:rsidR="00201CC5" w:rsidRDefault="00201CC5" w:rsidP="00201CC5">
            <w:r>
              <w:t xml:space="preserve">                    title: "You Session seems Expired!!",</w:t>
            </w:r>
          </w:p>
          <w:p w:rsidR="00201CC5" w:rsidRDefault="00201CC5" w:rsidP="00201CC5">
            <w:r>
              <w:t xml:space="preserve">                    text: "You have logged out from your other active session.",</w:t>
            </w:r>
          </w:p>
          <w:p w:rsidR="00201CC5" w:rsidRDefault="00201CC5" w:rsidP="00201CC5">
            <w:r>
              <w:t xml:space="preserve">                    icon: "info",</w:t>
            </w:r>
          </w:p>
          <w:p w:rsidR="00201CC5" w:rsidRDefault="00201CC5" w:rsidP="00201CC5">
            <w:r>
              <w:t xml:space="preserve">                    confirmButtonColor: "#DD6B55",</w:t>
            </w:r>
          </w:p>
          <w:p w:rsidR="00201CC5" w:rsidRDefault="00201CC5" w:rsidP="00201CC5">
            <w:r>
              <w:t xml:space="preserve">                    confirmButtonText: "Ok, Got it!!",</w:t>
            </w:r>
          </w:p>
          <w:p w:rsidR="00201CC5" w:rsidRDefault="00201CC5" w:rsidP="00201CC5">
            <w:r>
              <w:t xml:space="preserve">                    showLoaderOnConfirm: true,</w:t>
            </w:r>
          </w:p>
          <w:p w:rsidR="00201CC5" w:rsidRDefault="00201CC5" w:rsidP="00201CC5">
            <w:r>
              <w:t xml:space="preserve">                    allowOutsideClick: false</w:t>
            </w:r>
          </w:p>
          <w:p w:rsidR="00201CC5" w:rsidRDefault="00201CC5" w:rsidP="00201CC5">
            <w:r>
              <w:t xml:space="preserve">                }).then((result) =&gt; {</w:t>
            </w:r>
          </w:p>
          <w:p w:rsidR="00201CC5" w:rsidRDefault="00201CC5" w:rsidP="00201CC5">
            <w:r>
              <w:t xml:space="preserve">                    if (result.value) {</w:t>
            </w:r>
          </w:p>
          <w:p w:rsidR="00201CC5" w:rsidRDefault="00201CC5" w:rsidP="00201CC5">
            <w:r>
              <w:t xml:space="preserve">                        Swal.fire({</w:t>
            </w:r>
          </w:p>
          <w:p w:rsidR="00201CC5" w:rsidRDefault="00201CC5" w:rsidP="00201CC5">
            <w:r>
              <w:t xml:space="preserve">                            title: 'Please wait!!',</w:t>
            </w:r>
          </w:p>
          <w:p w:rsidR="00201CC5" w:rsidRDefault="00201CC5" w:rsidP="00201CC5">
            <w:r>
              <w:t xml:space="preserve">                            showLoaderOnConfirm: true,</w:t>
            </w:r>
          </w:p>
          <w:p w:rsidR="00201CC5" w:rsidRDefault="00201CC5" w:rsidP="00201CC5">
            <w:r>
              <w:t xml:space="preserve">                            showConfirmButton: false,</w:t>
            </w:r>
          </w:p>
          <w:p w:rsidR="00201CC5" w:rsidRDefault="00201CC5" w:rsidP="00201CC5">
            <w:r>
              <w:t xml:space="preserve">                            allowOutsideClick: false,</w:t>
            </w:r>
          </w:p>
          <w:p w:rsidR="00201CC5" w:rsidRDefault="00201CC5" w:rsidP="00201CC5">
            <w:r>
              <w:t xml:space="preserve">                            onBeforeOpen: () =&gt; {</w:t>
            </w:r>
          </w:p>
          <w:p w:rsidR="00201CC5" w:rsidRDefault="00201CC5" w:rsidP="00201CC5">
            <w:r>
              <w:t xml:space="preserve">                                Swal.showLoading();</w:t>
            </w:r>
          </w:p>
          <w:p w:rsidR="00201CC5" w:rsidRDefault="00201CC5" w:rsidP="00201CC5">
            <w:r>
              <w:t xml:space="preserve">                            }</w:t>
            </w:r>
          </w:p>
          <w:p w:rsidR="00201CC5" w:rsidRDefault="00201CC5" w:rsidP="00201CC5">
            <w:r>
              <w:t xml:space="preserve">                        });</w:t>
            </w:r>
          </w:p>
          <w:p w:rsidR="00201CC5" w:rsidRDefault="00201CC5" w:rsidP="00201CC5">
            <w:r>
              <w:t xml:space="preserve">                        window.location.reload();</w:t>
            </w:r>
          </w:p>
          <w:p w:rsidR="00201CC5" w:rsidRDefault="00201CC5" w:rsidP="00201CC5">
            <w:r>
              <w:t xml:space="preserve">                    }</w:t>
            </w:r>
          </w:p>
          <w:p w:rsidR="00201CC5" w:rsidRDefault="00201CC5" w:rsidP="00201CC5">
            <w:r>
              <w:t xml:space="preserve">                });</w:t>
            </w:r>
          </w:p>
          <w:p w:rsidR="00201CC5" w:rsidRDefault="00201CC5" w:rsidP="00201CC5">
            <w:r>
              <w:t xml:space="preserve">            }</w:t>
            </w:r>
          </w:p>
          <w:p w:rsidR="00201CC5" w:rsidRDefault="00201CC5" w:rsidP="00201CC5">
            <w:r>
              <w:t xml:space="preserve">        }</w:t>
            </w:r>
          </w:p>
          <w:p w:rsidR="00201CC5" w:rsidRDefault="00201CC5" w:rsidP="00201CC5">
            <w:r>
              <w:t xml:space="preserve">        window.addEventListener('storage', onStorageEvent);</w:t>
            </w:r>
          </w:p>
          <w:p w:rsidR="00201CC5" w:rsidRDefault="00201CC5" w:rsidP="00201CC5">
            <w:r>
              <w:t xml:space="preserve">        /*$(document).ready(function () {</w:t>
            </w:r>
          </w:p>
          <w:p w:rsidR="00201CC5" w:rsidRDefault="00201CC5" w:rsidP="00201CC5">
            <w:r>
              <w:t xml:space="preserve">            const timeout = 20000;  // 900000 ms = 15 minutes</w:t>
            </w:r>
          </w:p>
          <w:p w:rsidR="00201CC5" w:rsidRDefault="00201CC5" w:rsidP="00201CC5">
            <w:r>
              <w:t xml:space="preserve">            var idleTimer = null;</w:t>
            </w:r>
          </w:p>
          <w:p w:rsidR="00201CC5" w:rsidRDefault="00201CC5" w:rsidP="00201CC5">
            <w:r>
              <w:t xml:space="preserve">            $('*').bind('mousemove click mouseup mousedown keydown keypress keyup submit change mouseenter scroll resize dblclick', function () {</w:t>
            </w:r>
          </w:p>
          <w:p w:rsidR="00201CC5" w:rsidRDefault="00201CC5" w:rsidP="00201CC5">
            <w:r>
              <w:t xml:space="preserve">                clearTimeout(idleTimer);</w:t>
            </w:r>
          </w:p>
          <w:p w:rsidR="00201CC5" w:rsidRDefault="00201CC5" w:rsidP="00201CC5"/>
          <w:p w:rsidR="00201CC5" w:rsidRDefault="00201CC5" w:rsidP="00201CC5">
            <w:r>
              <w:t xml:space="preserve">                idleTimer = setTimeout(function () {</w:t>
            </w:r>
          </w:p>
          <w:p w:rsidR="00201CC5" w:rsidRDefault="00201CC5" w:rsidP="00201CC5">
            <w:r>
              <w:t xml:space="preserve">                    /!*document.getElementById('logout-form').submit();*!/</w:t>
            </w:r>
          </w:p>
          <w:p w:rsidR="00201CC5" w:rsidRDefault="00201CC5" w:rsidP="00201CC5">
            <w:r>
              <w:t xml:space="preserve">                    alert("You are idle for more than 60 seconds")</w:t>
            </w:r>
          </w:p>
          <w:p w:rsidR="00201CC5" w:rsidRDefault="00201CC5" w:rsidP="00201CC5">
            <w:r>
              <w:t xml:space="preserve">                }, timeout);</w:t>
            </w:r>
          </w:p>
          <w:p w:rsidR="00201CC5" w:rsidRDefault="00201CC5" w:rsidP="00201CC5">
            <w:r>
              <w:t xml:space="preserve">            });</w:t>
            </w:r>
          </w:p>
          <w:p w:rsidR="00201CC5" w:rsidRDefault="00201CC5" w:rsidP="00201CC5">
            <w:r>
              <w:t xml:space="preserve">            $("body").trigger("mousemove");</w:t>
            </w:r>
          </w:p>
          <w:p w:rsidR="00201CC5" w:rsidRDefault="00201CC5" w:rsidP="00201CC5">
            <w:r>
              <w:t xml:space="preserve">        });*/</w:t>
            </w:r>
          </w:p>
          <w:p w:rsidR="00201CC5" w:rsidRDefault="00201CC5" w:rsidP="00201CC5">
            <w:r>
              <w:t xml:space="preserve">    &lt;/script&gt;</w:t>
            </w:r>
          </w:p>
        </w:tc>
      </w:tr>
    </w:tbl>
    <w:p w:rsidR="00201CC5" w:rsidRDefault="00201CC5"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r>
              <w:t>Home.php</w:t>
            </w:r>
          </w:p>
        </w:tc>
      </w:tr>
      <w:tr w:rsidR="0048012D" w:rsidTr="0048012D">
        <w:tc>
          <w:tcPr>
            <w:tcW w:w="9576" w:type="dxa"/>
          </w:tcPr>
          <w:p w:rsidR="0048012D" w:rsidRDefault="0048012D" w:rsidP="0048012D">
            <w:r>
              <w:object w:dxaOrig="4320" w:dyaOrig="3262">
                <v:shape id="_x0000_i1025" type="#_x0000_t75" style="width:465.6pt;height:55.2pt" o:ole="">
                  <v:imagedata r:id="rId9" o:title=""/>
                </v:shape>
                <o:OLEObject Type="Embed" ProgID="PBrush" ShapeID="_x0000_i1025" DrawAspect="Content" ObjectID="_1729694184" r:id="rId10"/>
              </w:object>
            </w:r>
          </w:p>
        </w:tc>
      </w:tr>
      <w:tr w:rsidR="0048012D" w:rsidTr="0048012D">
        <w:tc>
          <w:tcPr>
            <w:tcW w:w="9576" w:type="dxa"/>
          </w:tcPr>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loading"</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loader"</w:t>
            </w:r>
            <w:r>
              <w:rPr>
                <w:rFonts w:ascii="Cascadia Mono" w:hAnsi="Cascadia Mono" w:cs="Cascadia Mono"/>
                <w:color w:val="000000"/>
                <w:sz w:val="19"/>
                <w:szCs w:val="19"/>
              </w:rPr>
              <w:t>&gt;&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div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divVueContainer"</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pag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header starts------------------&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top bar star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header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 header  menu_fixed"</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logo"</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ome.php"</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title</w:t>
            </w:r>
            <w:r>
              <w:rPr>
                <w:rFonts w:ascii="Cascadia Mono" w:hAnsi="Cascadia Mono" w:cs="Cascadia Mono"/>
                <w:color w:val="800000"/>
                <w:sz w:val="19"/>
                <w:szCs w:val="19"/>
              </w:rPr>
              <w:t>=</w:t>
            </w:r>
            <w:r>
              <w:rPr>
                <w:rFonts w:ascii="Cascadia Mono" w:hAnsi="Cascadia Mono" w:cs="Cascadia Mono"/>
                <w:color w:val="0000FF"/>
                <w:sz w:val="19"/>
                <w:szCs w:val="19"/>
              </w:rPr>
              <w:t>"Senior Place Finder - A bridge between seniors and senior living gateway."</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logo_normal"</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pf/img/logo.png"</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75"</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logo_sticky"</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pf/img/logo_sticky.png"</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75"</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ul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top_menu"</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800000"/>
                <w:sz w:val="19"/>
                <w:szCs w:val="19"/>
              </w:rPr>
              <w:t>&lt;?php</w:t>
            </w: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 LOGGED_STATUS == 0 ) { </w:t>
            </w:r>
            <w:r>
              <w:rPr>
                <w:rFonts w:ascii="Cascadia Mono" w:hAnsi="Cascadia Mono" w:cs="Cascadia Mono"/>
                <w:color w:val="800000"/>
                <w:sz w:val="19"/>
                <w:szCs w:val="19"/>
              </w:rPr>
              <w:t>?&gt;</w:t>
            </w: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tn_add"</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PF ; </w:t>
            </w:r>
            <w:r>
              <w:rPr>
                <w:rFonts w:ascii="Cascadia Mono" w:hAnsi="Cascadia Mono" w:cs="Cascadia Mono"/>
                <w:color w:val="800000"/>
                <w:sz w:val="19"/>
                <w:szCs w:val="19"/>
              </w:rPr>
              <w:t>?&gt;</w:t>
            </w:r>
            <w:r>
              <w:rPr>
                <w:rFonts w:ascii="Cascadia Mono" w:hAnsi="Cascadia Mono" w:cs="Cascadia Mono"/>
                <w:color w:val="0000FF"/>
                <w:sz w:val="19"/>
                <w:szCs w:val="19"/>
              </w:rPr>
              <w:t>/login.php"</w:t>
            </w:r>
            <w:r>
              <w:rPr>
                <w:rFonts w:ascii="Cascadia Mono" w:hAnsi="Cascadia Mono" w:cs="Cascadia Mono"/>
                <w:color w:val="800000"/>
                <w:sz w:val="19"/>
                <w:szCs w:val="19"/>
              </w:rPr>
              <w:t xml:space="preserve"> </w:t>
            </w:r>
            <w:r>
              <w:rPr>
                <w:rFonts w:ascii="Cascadia Mono" w:hAnsi="Cascadia Mono" w:cs="Cascadia Mono"/>
                <w:color w:val="FF0000"/>
                <w:sz w:val="19"/>
                <w:szCs w:val="19"/>
              </w:rPr>
              <w:t>title</w:t>
            </w:r>
            <w:r>
              <w:rPr>
                <w:rFonts w:ascii="Cascadia Mono" w:hAnsi="Cascadia Mono" w:cs="Cascadia Mono"/>
                <w:color w:val="800000"/>
                <w:sz w:val="19"/>
                <w:szCs w:val="19"/>
              </w:rPr>
              <w:t>=</w:t>
            </w:r>
            <w:r>
              <w:rPr>
                <w:rFonts w:ascii="Cascadia Mono" w:hAnsi="Cascadia Mono" w:cs="Cascadia Mono"/>
                <w:color w:val="0000FF"/>
                <w:sz w:val="19"/>
                <w:szCs w:val="19"/>
              </w:rPr>
              <w:t>"Sign In"</w:t>
            </w:r>
            <w:r>
              <w:rPr>
                <w:rFonts w:ascii="Cascadia Mono" w:hAnsi="Cascadia Mono" w:cs="Cascadia Mono"/>
                <w:color w:val="000000"/>
                <w:sz w:val="19"/>
                <w:szCs w:val="19"/>
              </w:rPr>
              <w:t>&gt; Sign In &lt;/</w:t>
            </w:r>
            <w:r>
              <w:rPr>
                <w:rFonts w:ascii="Cascadia Mono" w:hAnsi="Cascadia Mono" w:cs="Cascadia Mono"/>
                <w:color w:val="800000"/>
                <w:sz w:val="19"/>
                <w:szCs w:val="19"/>
              </w:rPr>
              <w:t>a</w:t>
            </w:r>
            <w:r>
              <w:rPr>
                <w:rFonts w:ascii="Cascadia Mono" w:hAnsi="Cascadia Mono" w:cs="Cascadia Mono"/>
                <w:color w:val="000000"/>
                <w:sz w:val="19"/>
                <w:szCs w:val="19"/>
              </w:rPr>
              <w:t xml:space="preserve">&gt;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tn_add"</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PF; </w:t>
            </w:r>
            <w:r>
              <w:rPr>
                <w:rFonts w:ascii="Cascadia Mono" w:hAnsi="Cascadia Mono" w:cs="Cascadia Mono"/>
                <w:color w:val="800000"/>
                <w:sz w:val="19"/>
                <w:szCs w:val="19"/>
              </w:rPr>
              <w:t>?&gt;</w:t>
            </w:r>
            <w:r>
              <w:rPr>
                <w:rFonts w:ascii="Cascadia Mono" w:hAnsi="Cascadia Mono" w:cs="Cascadia Mono"/>
                <w:color w:val="0000FF"/>
                <w:sz w:val="19"/>
                <w:szCs w:val="19"/>
              </w:rPr>
              <w:t>/register.php"</w:t>
            </w:r>
            <w:r>
              <w:rPr>
                <w:rFonts w:ascii="Cascadia Mono" w:hAnsi="Cascadia Mono" w:cs="Cascadia Mono"/>
                <w:color w:val="800000"/>
                <w:sz w:val="19"/>
                <w:szCs w:val="19"/>
              </w:rPr>
              <w:t xml:space="preserve"> </w:t>
            </w:r>
            <w:r>
              <w:rPr>
                <w:rFonts w:ascii="Cascadia Mono" w:hAnsi="Cascadia Mono" w:cs="Cascadia Mono"/>
                <w:color w:val="FF0000"/>
                <w:sz w:val="19"/>
                <w:szCs w:val="19"/>
              </w:rPr>
              <w:t>title</w:t>
            </w:r>
            <w:r>
              <w:rPr>
                <w:rFonts w:ascii="Cascadia Mono" w:hAnsi="Cascadia Mono" w:cs="Cascadia Mono"/>
                <w:color w:val="800000"/>
                <w:sz w:val="19"/>
                <w:szCs w:val="19"/>
              </w:rPr>
              <w:t>=</w:t>
            </w:r>
            <w:r>
              <w:rPr>
                <w:rFonts w:ascii="Cascadia Mono" w:hAnsi="Cascadia Mono" w:cs="Cascadia Mono"/>
                <w:color w:val="0000FF"/>
                <w:sz w:val="19"/>
                <w:szCs w:val="19"/>
              </w:rPr>
              <w:t>"Register"</w:t>
            </w:r>
            <w:r>
              <w:rPr>
                <w:rFonts w:ascii="Cascadia Mono" w:hAnsi="Cascadia Mono" w:cs="Cascadia Mono"/>
                <w:color w:val="000000"/>
                <w:sz w:val="19"/>
                <w:szCs w:val="19"/>
              </w:rPr>
              <w:t>&gt; Register&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800000"/>
                <w:sz w:val="19"/>
                <w:szCs w:val="19"/>
              </w:rPr>
              <w:t>&lt;?php</w:t>
            </w:r>
            <w:r>
              <w:rPr>
                <w:rFonts w:ascii="Cascadia Mono" w:hAnsi="Cascadia Mono" w:cs="Cascadia Mono"/>
                <w:color w:val="000000"/>
                <w:sz w:val="19"/>
                <w:szCs w:val="19"/>
              </w:rPr>
              <w:t xml:space="preserve"> } </w:t>
            </w:r>
            <w:r>
              <w:rPr>
                <w:rFonts w:ascii="Cascadia Mono" w:hAnsi="Cascadia Mono" w:cs="Cascadia Mono"/>
                <w:color w:val="0000FF"/>
                <w:sz w:val="19"/>
                <w:szCs w:val="19"/>
              </w:rPr>
              <w:t>else</w:t>
            </w:r>
            <w:r>
              <w:rPr>
                <w:rFonts w:ascii="Cascadia Mono" w:hAnsi="Cascadia Mono" w:cs="Cascadia Mono"/>
                <w:color w:val="000000"/>
                <w:sz w:val="19"/>
                <w:szCs w:val="19"/>
              </w:rPr>
              <w:t xml:space="preserve"> { </w:t>
            </w:r>
            <w:r>
              <w:rPr>
                <w:rFonts w:ascii="Cascadia Mono" w:hAnsi="Cascadia Mono" w:cs="Cascadia Mono"/>
                <w:color w:val="8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tn_add"</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PF ; </w:t>
            </w:r>
            <w:r>
              <w:rPr>
                <w:rFonts w:ascii="Cascadia Mono" w:hAnsi="Cascadia Mono" w:cs="Cascadia Mono"/>
                <w:color w:val="800000"/>
                <w:sz w:val="19"/>
                <w:szCs w:val="19"/>
              </w:rPr>
              <w:t>?&gt;</w:t>
            </w:r>
            <w:r>
              <w:rPr>
                <w:rFonts w:ascii="Cascadia Mono" w:hAnsi="Cascadia Mono" w:cs="Cascadia Mono"/>
                <w:color w:val="0000FF"/>
                <w:sz w:val="19"/>
                <w:szCs w:val="19"/>
              </w:rPr>
              <w:t>/dashboard/?domain=spf"</w:t>
            </w:r>
            <w:r>
              <w:rPr>
                <w:rFonts w:ascii="Cascadia Mono" w:hAnsi="Cascadia Mono" w:cs="Cascadia Mono"/>
                <w:color w:val="800000"/>
                <w:sz w:val="19"/>
                <w:szCs w:val="19"/>
              </w:rPr>
              <w:t xml:space="preserve"> </w:t>
            </w:r>
            <w:r>
              <w:rPr>
                <w:rFonts w:ascii="Cascadia Mono" w:hAnsi="Cascadia Mono" w:cs="Cascadia Mono"/>
                <w:color w:val="FF0000"/>
                <w:sz w:val="19"/>
                <w:szCs w:val="19"/>
              </w:rPr>
              <w:t>title</w:t>
            </w:r>
            <w:r>
              <w:rPr>
                <w:rFonts w:ascii="Cascadia Mono" w:hAnsi="Cascadia Mono" w:cs="Cascadia Mono"/>
                <w:color w:val="800000"/>
                <w:sz w:val="19"/>
                <w:szCs w:val="19"/>
              </w:rPr>
              <w:t>=</w:t>
            </w:r>
            <w:r>
              <w:rPr>
                <w:rFonts w:ascii="Cascadia Mono" w:hAnsi="Cascadia Mono" w:cs="Cascadia Mono"/>
                <w:color w:val="0000FF"/>
                <w:sz w:val="19"/>
                <w:szCs w:val="19"/>
              </w:rPr>
              <w:t>"dashboard"</w:t>
            </w:r>
            <w:r>
              <w:rPr>
                <w:rFonts w:ascii="Cascadia Mono" w:hAnsi="Cascadia Mono" w:cs="Cascadia Mono"/>
                <w:color w:val="000000"/>
                <w:sz w:val="19"/>
                <w:szCs w:val="19"/>
              </w:rPr>
              <w:t xml:space="preserve">&gt; </w:t>
            </w:r>
            <w:r>
              <w:rPr>
                <w:rFonts w:ascii="Cascadia Mono" w:hAnsi="Cascadia Mono" w:cs="Cascadia Mono"/>
                <w:color w:val="800000"/>
                <w:sz w:val="19"/>
                <w:szCs w:val="19"/>
              </w:rPr>
              <w:t>&lt;?php</w:t>
            </w:r>
            <w:r>
              <w:rPr>
                <w:rFonts w:ascii="Cascadia Mono" w:hAnsi="Cascadia Mono" w:cs="Cascadia Mono"/>
                <w:color w:val="000000"/>
                <w:sz w:val="19"/>
                <w:szCs w:val="19"/>
              </w:rPr>
              <w:t xml:space="preserve"> </w:t>
            </w:r>
            <w:r>
              <w:rPr>
                <w:rFonts w:ascii="Cascadia Mono" w:hAnsi="Cascadia Mono" w:cs="Cascadia Mono"/>
                <w:color w:val="0000FF"/>
                <w:sz w:val="19"/>
                <w:szCs w:val="19"/>
              </w:rPr>
              <w:t>echo</w:t>
            </w:r>
            <w:r>
              <w:rPr>
                <w:rFonts w:ascii="Cascadia Mono" w:hAnsi="Cascadia Mono" w:cs="Cascadia Mono"/>
                <w:color w:val="000000"/>
                <w:sz w:val="19"/>
                <w:szCs w:val="19"/>
              </w:rPr>
              <w:t xml:space="preserve"> $userName ; </w:t>
            </w:r>
            <w:r>
              <w:rPr>
                <w:rFonts w:ascii="Cascadia Mono" w:hAnsi="Cascadia Mono" w:cs="Cascadia Mono"/>
                <w:color w:val="800000"/>
                <w:sz w:val="19"/>
                <w:szCs w:val="19"/>
              </w:rPr>
              <w:t>?&gt;</w:t>
            </w:r>
            <w:r>
              <w:rPr>
                <w:rFonts w:ascii="Cascadia Mono" w:hAnsi="Cascadia Mono" w:cs="Cascadia Mono"/>
                <w:color w:val="000000"/>
                <w:sz w:val="19"/>
                <w:szCs w:val="19"/>
              </w:rPr>
              <w:t>&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tn_add"</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PROFILE ; </w:t>
            </w:r>
            <w:r>
              <w:rPr>
                <w:rFonts w:ascii="Cascadia Mono" w:hAnsi="Cascadia Mono" w:cs="Cascadia Mono"/>
                <w:color w:val="800000"/>
                <w:sz w:val="19"/>
                <w:szCs w:val="19"/>
              </w:rPr>
              <w:t>?&gt;</w:t>
            </w:r>
            <w:r>
              <w:rPr>
                <w:rFonts w:ascii="Cascadia Mono" w:hAnsi="Cascadia Mono" w:cs="Cascadia Mono"/>
                <w:color w:val="0000FF"/>
                <w:sz w:val="19"/>
                <w:szCs w:val="19"/>
              </w:rPr>
              <w:t>/profile/?sort=login"</w:t>
            </w:r>
            <w:r>
              <w:rPr>
                <w:rFonts w:ascii="Cascadia Mono" w:hAnsi="Cascadia Mono" w:cs="Cascadia Mono"/>
                <w:color w:val="800000"/>
                <w:sz w:val="19"/>
                <w:szCs w:val="19"/>
              </w:rPr>
              <w:t xml:space="preserve"> </w:t>
            </w:r>
            <w:r>
              <w:rPr>
                <w:rFonts w:ascii="Cascadia Mono" w:hAnsi="Cascadia Mono" w:cs="Cascadia Mono"/>
                <w:color w:val="FF0000"/>
                <w:sz w:val="19"/>
                <w:szCs w:val="19"/>
              </w:rPr>
              <w:t>title</w:t>
            </w:r>
            <w:r>
              <w:rPr>
                <w:rFonts w:ascii="Cascadia Mono" w:hAnsi="Cascadia Mono" w:cs="Cascadia Mono"/>
                <w:color w:val="800000"/>
                <w:sz w:val="19"/>
                <w:szCs w:val="19"/>
              </w:rPr>
              <w:t>=</w:t>
            </w:r>
            <w:r>
              <w:rPr>
                <w:rFonts w:ascii="Cascadia Mono" w:hAnsi="Cascadia Mono" w:cs="Cascadia Mono"/>
                <w:color w:val="0000FF"/>
                <w:sz w:val="19"/>
                <w:szCs w:val="19"/>
              </w:rPr>
              <w:t>"dashboard"</w:t>
            </w:r>
            <w:r>
              <w:rPr>
                <w:rFonts w:ascii="Cascadia Mono" w:hAnsi="Cascadia Mono" w:cs="Cascadia Mono"/>
                <w:color w:val="000000"/>
                <w:sz w:val="19"/>
                <w:szCs w:val="19"/>
              </w:rPr>
              <w:t>&gt;Dashboard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t;</w:t>
            </w:r>
            <w:r>
              <w:rPr>
                <w:rFonts w:ascii="Cascadia Mono" w:hAnsi="Cascadia Mono" w:cs="Cascadia Mono"/>
                <w:color w:val="800000"/>
                <w:sz w:val="19"/>
                <w:szCs w:val="19"/>
              </w:rPr>
              <w:t>li</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tn_add"</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SITE_URL_SPF ; </w:t>
            </w:r>
            <w:r>
              <w:rPr>
                <w:rFonts w:ascii="Cascadia Mono" w:hAnsi="Cascadia Mono" w:cs="Cascadia Mono"/>
                <w:color w:val="800000"/>
                <w:sz w:val="19"/>
                <w:szCs w:val="19"/>
              </w:rPr>
              <w:t>?&gt;</w:t>
            </w:r>
            <w:r>
              <w:rPr>
                <w:rFonts w:ascii="Cascadia Mono" w:hAnsi="Cascadia Mono" w:cs="Cascadia Mono"/>
                <w:color w:val="0000FF"/>
                <w:sz w:val="19"/>
                <w:szCs w:val="19"/>
              </w:rPr>
              <w:t>/logout.php"</w:t>
            </w:r>
            <w:r>
              <w:rPr>
                <w:rFonts w:ascii="Cascadia Mono" w:hAnsi="Cascadia Mono" w:cs="Cascadia Mono"/>
                <w:color w:val="800000"/>
                <w:sz w:val="19"/>
                <w:szCs w:val="19"/>
              </w:rPr>
              <w:t xml:space="preserve"> </w:t>
            </w:r>
            <w:r>
              <w:rPr>
                <w:rFonts w:ascii="Cascadia Mono" w:hAnsi="Cascadia Mono" w:cs="Cascadia Mono"/>
                <w:color w:val="FF0000"/>
                <w:sz w:val="19"/>
                <w:szCs w:val="19"/>
              </w:rPr>
              <w:t>title</w:t>
            </w:r>
            <w:r>
              <w:rPr>
                <w:rFonts w:ascii="Cascadia Mono" w:hAnsi="Cascadia Mono" w:cs="Cascadia Mono"/>
                <w:color w:val="800000"/>
                <w:sz w:val="19"/>
                <w:szCs w:val="19"/>
              </w:rPr>
              <w:t>=</w:t>
            </w:r>
            <w:r>
              <w:rPr>
                <w:rFonts w:ascii="Cascadia Mono" w:hAnsi="Cascadia Mono" w:cs="Cascadia Mono"/>
                <w:color w:val="0000FF"/>
                <w:sz w:val="19"/>
                <w:szCs w:val="19"/>
              </w:rPr>
              <w:t>"Logout"</w:t>
            </w:r>
            <w:r>
              <w:rPr>
                <w:rFonts w:ascii="Cascadia Mono" w:hAnsi="Cascadia Mono" w:cs="Cascadia Mono"/>
                <w:color w:val="000000"/>
                <w:sz w:val="19"/>
                <w:szCs w:val="19"/>
              </w:rPr>
              <w:t>&gt; Logout&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800000"/>
                <w:sz w:val="19"/>
                <w:szCs w:val="19"/>
              </w:rPr>
              <w:t>&lt;?php</w:t>
            </w:r>
            <w:r>
              <w:rPr>
                <w:rFonts w:ascii="Cascadia Mono" w:hAnsi="Cascadia Mono" w:cs="Cascadia Mono"/>
                <w:color w:val="000000"/>
                <w:sz w:val="19"/>
                <w:szCs w:val="19"/>
              </w:rPr>
              <w:t xml:space="preserve"> } </w:t>
            </w:r>
            <w:r>
              <w:rPr>
                <w:rFonts w:ascii="Cascadia Mono" w:hAnsi="Cascadia Mono" w:cs="Cascadia Mono"/>
                <w:color w:val="8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ul</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top bar ends--&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tn_mobile"</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menu"</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hamburger hamburger--spin"</w:t>
            </w:r>
            <w:r>
              <w:rPr>
                <w:rFonts w:ascii="Cascadia Mono" w:hAnsi="Cascadia Mono" w:cs="Cascadia Mono"/>
                <w:color w:val="800000"/>
                <w:sz w:val="19"/>
                <w:szCs w:val="19"/>
              </w:rPr>
              <w:t xml:space="preserve">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hamburger"</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hamburger-box"</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hamburger-inner"</w:t>
            </w:r>
            <w:r>
              <w:rPr>
                <w:rFonts w:ascii="Cascadia Mono" w:hAnsi="Cascadia Mono" w:cs="Cascadia Mono"/>
                <w:color w:val="000000"/>
                <w:sz w:val="19"/>
                <w:szCs w:val="19"/>
              </w:rPr>
              <w:t>&gt;&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top nav bar star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na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ain-menu"</w:t>
            </w:r>
            <w:r>
              <w:rPr>
                <w:rFonts w:ascii="Cascadia Mono" w:hAnsi="Cascadia Mono" w:cs="Cascadia Mono"/>
                <w:color w:val="800000"/>
                <w:sz w:val="19"/>
                <w:szCs w:val="19"/>
              </w:rPr>
              <w:t xml:space="preserve">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menu"</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ul</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ome.php"</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active"</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font-size: 1.1rem; color: #007BC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Hom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aboutus.php"</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font-size: 1.1rem; color: #007BC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bout us</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howitworks.php"</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font-size: 1.1rem; color: #007BC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How it works</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font-size: 1.1rem; color: #007BCE;"</w:t>
            </w:r>
            <w:r>
              <w:rPr>
                <w:rFonts w:ascii="Cascadia Mono" w:hAnsi="Cascadia Mono" w:cs="Cascadia Mono"/>
                <w:color w:val="000000"/>
                <w:sz w:val="19"/>
                <w:szCs w:val="19"/>
              </w:rPr>
              <w:t>&gt;Find More&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ul</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Your Senior Team&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SRES Finder&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VA Benefits Finder&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Senior Investment &amp; Finance&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Insure Seniors Finder&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ESPM Finder&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Senior Elder Finder&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 xml:space="preserve">&gt;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ul</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contactus.php"</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font-size: 1.1rem; color: #007BC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ontact us</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ul</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na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top nav bar ends--&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eader</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header ends------------------&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 xml:space="preserve">&lt;!-- login offcanvas </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 =""&gt;&lt;br&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br&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br&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br&gt;&lt;/div&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 ="offset-8 col-4"&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lt;div class="offcanvas offcanvas-start" id="offcanvasLogin" aria-labelledby="offcanvasLoginLabel"&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offcanvas-header border-bottom"&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h5 class="offcanvas-title" id="offcanvasLoginLabel"&gt;Log in&lt;/h5&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button type="button" class="btn-close text-reset" data-bs-dismiss="offcanvas" aria-label="Close"&gt;&lt;/button&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offcanvas-body"&gt;</w:t>
            </w: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form method="post" class="login_form text-justify" action="" id="loginForm" autocomplete="off" &gt;</w:t>
            </w: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input type="hidden" name="sessionId" value="</w:t>
            </w:r>
            <w:r>
              <w:rPr>
                <w:rFonts w:ascii="Cascadia Mono" w:hAnsi="Cascadia Mono" w:cs="Cascadia Mono"/>
                <w:color w:val="800000"/>
                <w:sz w:val="19"/>
                <w:szCs w:val="19"/>
              </w:rPr>
              <w:t>&lt;?php</w:t>
            </w:r>
            <w:r>
              <w:rPr>
                <w:rFonts w:ascii="Cascadia Mono" w:hAnsi="Cascadia Mono" w:cs="Cascadia Mono"/>
                <w:color w:val="008000"/>
                <w:sz w:val="19"/>
                <w:szCs w:val="19"/>
              </w:rPr>
              <w:t xml:space="preserve"> </w:t>
            </w:r>
            <w:r>
              <w:rPr>
                <w:rFonts w:ascii="Cascadia Mono" w:hAnsi="Cascadia Mono" w:cs="Cascadia Mono"/>
                <w:color w:val="0000FF"/>
                <w:sz w:val="19"/>
                <w:szCs w:val="19"/>
              </w:rPr>
              <w:t>echo</w:t>
            </w:r>
            <w:r>
              <w:rPr>
                <w:rFonts w:ascii="Cascadia Mono" w:hAnsi="Cascadia Mono" w:cs="Cascadia Mono"/>
                <w:color w:val="008000"/>
                <w:sz w:val="19"/>
                <w:szCs w:val="19"/>
              </w:rPr>
              <w:t xml:space="preserve"> CURRENT_SESSION_ID ; </w:t>
            </w:r>
            <w:r>
              <w:rPr>
                <w:rFonts w:ascii="Cascadia Mono" w:hAnsi="Cascadia Mono" w:cs="Cascadia Mono"/>
                <w:color w:val="800000"/>
                <w:sz w:val="19"/>
                <w:szCs w:val="19"/>
              </w:rPr>
              <w:t>?&gt;</w:t>
            </w:r>
            <w:r>
              <w:rPr>
                <w:rFonts w:ascii="Cascadia Mono" w:hAnsi="Cascadia Mono" w:cs="Cascadia Mono"/>
                <w:color w:val="008000"/>
                <w:sz w:val="19"/>
                <w:szCs w:val="19"/>
              </w:rPr>
              <w:t>" /&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input type="hidden" name="redirect" value="page_refresh" /&gt;</w:t>
            </w: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input-group mb-3"&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pan class="input-group-text" id="basic-addon1"&gt;&lt;i class="fas fa-address-book" aria-hidden="true"&gt;&lt;/i&gt;&lt;/span&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input type="text" name="username" class="form-control" placeholder="Username" /&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input-group mb-3"&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pan class="input-group-text" id="basic-addon1"&gt;&lt;i class="fas fa-lock" aria-hidden="true"&gt;&lt;/i&gt;&lt;/span&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input type="password" name="password" class="form-control" placeholder="Password" /&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form-group "&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row"&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col-lg-6 custom-control custom-checkbox custom-control-inline"&gt;</w:t>
            </w: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abel class="custom-control-label" &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mall&gt;&lt;input type="checkbox" name="remember" class="custom-control-input" id="liveToastBtn" /&gt; Remember this device&lt;/small&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abel&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col-lg-6 text-end"&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mall&gt;&lt;a href="</w:t>
            </w:r>
            <w:r>
              <w:rPr>
                <w:rFonts w:ascii="Cascadia Mono" w:hAnsi="Cascadia Mono" w:cs="Cascadia Mono"/>
                <w:color w:val="800000"/>
                <w:sz w:val="19"/>
                <w:szCs w:val="19"/>
              </w:rPr>
              <w:t>&lt;?php</w:t>
            </w:r>
            <w:r>
              <w:rPr>
                <w:rFonts w:ascii="Cascadia Mono" w:hAnsi="Cascadia Mono" w:cs="Cascadia Mono"/>
                <w:color w:val="008000"/>
                <w:sz w:val="19"/>
                <w:szCs w:val="19"/>
              </w:rPr>
              <w:t xml:space="preserve"> </w:t>
            </w:r>
            <w:r>
              <w:rPr>
                <w:rFonts w:ascii="Cascadia Mono" w:hAnsi="Cascadia Mono" w:cs="Cascadia Mono"/>
                <w:color w:val="0000FF"/>
                <w:sz w:val="19"/>
                <w:szCs w:val="19"/>
              </w:rPr>
              <w:t>echo</w:t>
            </w:r>
            <w:r>
              <w:rPr>
                <w:rFonts w:ascii="Cascadia Mono" w:hAnsi="Cascadia Mono" w:cs="Cascadia Mono"/>
                <w:color w:val="008000"/>
                <w:sz w:val="19"/>
                <w:szCs w:val="19"/>
              </w:rPr>
              <w:t xml:space="preserve"> SITE_URL_PROFILE ; </w:t>
            </w:r>
            <w:r>
              <w:rPr>
                <w:rFonts w:ascii="Cascadia Mono" w:hAnsi="Cascadia Mono" w:cs="Cascadia Mono"/>
                <w:color w:val="800000"/>
                <w:sz w:val="19"/>
                <w:szCs w:val="19"/>
              </w:rPr>
              <w:t>?&gt;</w:t>
            </w:r>
            <w:r>
              <w:rPr>
                <w:rFonts w:ascii="Cascadia Mono" w:hAnsi="Cascadia Mono" w:cs="Cascadia Mono"/>
                <w:color w:val="008000"/>
                <w:sz w:val="19"/>
                <w:szCs w:val="19"/>
              </w:rPr>
              <w:t>/password-forgot/" class="text-danger"&gt;Forgot Password?&lt;/a&gt;&lt;/small&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form-group"&gt;</w:t>
            </w: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collapse" id="processSpan"&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spinner-border text-primary" &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pan class="visually-hidden"&gt;Loading...&lt;/span&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 Processing please wai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mall id="log_result"&gt;&lt;/small&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id="submitBtnsBox"&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button type="submit" class="btn btn-success w-100"&gt;LOGIN&lt;/button&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form&gt;</w:t>
            </w: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text-center mt-3"&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on't have an accoun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 href="</w:t>
            </w:r>
            <w:r>
              <w:rPr>
                <w:rFonts w:ascii="Cascadia Mono" w:hAnsi="Cascadia Mono" w:cs="Cascadia Mono"/>
                <w:color w:val="800000"/>
                <w:sz w:val="19"/>
                <w:szCs w:val="19"/>
              </w:rPr>
              <w:t>&lt;?php</w:t>
            </w:r>
            <w:r>
              <w:rPr>
                <w:rFonts w:ascii="Cascadia Mono" w:hAnsi="Cascadia Mono" w:cs="Cascadia Mono"/>
                <w:color w:val="008000"/>
                <w:sz w:val="19"/>
                <w:szCs w:val="19"/>
              </w:rPr>
              <w:t xml:space="preserve"> </w:t>
            </w:r>
            <w:r>
              <w:rPr>
                <w:rFonts w:ascii="Cascadia Mono" w:hAnsi="Cascadia Mono" w:cs="Cascadia Mono"/>
                <w:color w:val="0000FF"/>
                <w:sz w:val="19"/>
                <w:szCs w:val="19"/>
              </w:rPr>
              <w:t>echo</w:t>
            </w:r>
            <w:r>
              <w:rPr>
                <w:rFonts w:ascii="Cascadia Mono" w:hAnsi="Cascadia Mono" w:cs="Cascadia Mono"/>
                <w:color w:val="008000"/>
                <w:sz w:val="19"/>
                <w:szCs w:val="19"/>
              </w:rPr>
              <w:t xml:space="preserve"> SITE_URL_PROFILE ; </w:t>
            </w:r>
            <w:r>
              <w:rPr>
                <w:rFonts w:ascii="Cascadia Mono" w:hAnsi="Cascadia Mono" w:cs="Cascadia Mono"/>
                <w:color w:val="800000"/>
                <w:sz w:val="19"/>
                <w:szCs w:val="19"/>
              </w:rPr>
              <w:t>?&gt;</w:t>
            </w:r>
            <w:r>
              <w:rPr>
                <w:rFonts w:ascii="Cascadia Mono" w:hAnsi="Cascadia Mono" w:cs="Cascadia Mono"/>
                <w:color w:val="008000"/>
                <w:sz w:val="19"/>
                <w:szCs w:val="19"/>
              </w:rPr>
              <w:t>/register/?domain=spf" class="text-primary" &gt;Register Now&lt;/a&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lt;/div&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lt;/div&gt;</w:t>
            </w: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lt;script type="text/javascript"&g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document).ready(function() {</w:t>
            </w: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ab/>
              <w:t>$(document).on('submit', '#loginForm', function(e) {</w:t>
            </w: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ocument.getElementById('processSpan').style.display = 'block';</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ocument.getElementById('submitBtnsBox').style.display = 'none';</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ocument.getElementById("log_result").innerHTML = "" ;</w:t>
            </w: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ab/>
            </w:r>
            <w:r>
              <w:rPr>
                <w:rFonts w:ascii="Cascadia Mono" w:hAnsi="Cascadia Mono" w:cs="Cascadia Mono"/>
                <w:color w:val="008000"/>
                <w:sz w:val="19"/>
                <w:szCs w:val="19"/>
              </w:rPr>
              <w:tab/>
              <w:t>var data = $(this).serialize();</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ab/>
            </w:r>
            <w:r>
              <w:rPr>
                <w:rFonts w:ascii="Cascadia Mono" w:hAnsi="Cascadia Mono" w:cs="Cascadia Mono"/>
                <w:color w:val="008000"/>
                <w:sz w:val="19"/>
                <w:szCs w:val="19"/>
              </w:rPr>
              <w:tab/>
              <w:t>//var val = $("input[type=submit][clicked=true]").val();</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ab/>
            </w:r>
            <w:r>
              <w:rPr>
                <w:rFonts w:ascii="Cascadia Mono" w:hAnsi="Cascadia Mono" w:cs="Cascadia Mono"/>
                <w:color w:val="008000"/>
                <w:sz w:val="19"/>
                <w:szCs w:val="19"/>
              </w:rPr>
              <w:tab/>
              <w:t>var url_red = "</w:t>
            </w:r>
            <w:r>
              <w:rPr>
                <w:rFonts w:ascii="Cascadia Mono" w:hAnsi="Cascadia Mono" w:cs="Cascadia Mono"/>
                <w:color w:val="800000"/>
                <w:sz w:val="19"/>
                <w:szCs w:val="19"/>
              </w:rPr>
              <w:t>&lt;?php</w:t>
            </w:r>
            <w:r>
              <w:rPr>
                <w:rFonts w:ascii="Cascadia Mono" w:hAnsi="Cascadia Mono" w:cs="Cascadia Mono"/>
                <w:color w:val="008000"/>
                <w:sz w:val="19"/>
                <w:szCs w:val="19"/>
              </w:rPr>
              <w:t xml:space="preserve"> </w:t>
            </w:r>
            <w:r>
              <w:rPr>
                <w:rFonts w:ascii="Cascadia Mono" w:hAnsi="Cascadia Mono" w:cs="Cascadia Mono"/>
                <w:color w:val="0000FF"/>
                <w:sz w:val="19"/>
                <w:szCs w:val="19"/>
              </w:rPr>
              <w:t>echo</w:t>
            </w:r>
            <w:r>
              <w:rPr>
                <w:rFonts w:ascii="Cascadia Mono" w:hAnsi="Cascadia Mono" w:cs="Cascadia Mono"/>
                <w:color w:val="008000"/>
                <w:sz w:val="19"/>
                <w:szCs w:val="19"/>
              </w:rPr>
              <w:t xml:space="preserve"> SITE_URL_PROFILE ; </w:t>
            </w:r>
            <w:r>
              <w:rPr>
                <w:rFonts w:ascii="Cascadia Mono" w:hAnsi="Cascadia Mono" w:cs="Cascadia Mono"/>
                <w:color w:val="800000"/>
                <w:sz w:val="19"/>
                <w:szCs w:val="19"/>
              </w:rPr>
              <w:t>?&gt;</w:t>
            </w:r>
            <w:r>
              <w:rPr>
                <w:rFonts w:ascii="Cascadia Mono" w:hAnsi="Cascadia Mono" w:cs="Cascadia Mono"/>
                <w:color w:val="008000"/>
                <w:sz w:val="19"/>
                <w:szCs w:val="19"/>
              </w:rPr>
              <w:t>/profile/login_process.php";</w:t>
            </w: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ab/>
            </w:r>
            <w:r>
              <w:rPr>
                <w:rFonts w:ascii="Cascadia Mono" w:hAnsi="Cascadia Mono" w:cs="Cascadia Mono"/>
                <w:color w:val="008000"/>
                <w:sz w:val="19"/>
                <w:szCs w:val="19"/>
              </w:rPr>
              <w:tab/>
              <w:t>$.ajax({</w:t>
            </w: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ab/>
            </w:r>
            <w:r>
              <w:rPr>
                <w:rFonts w:ascii="Cascadia Mono" w:hAnsi="Cascadia Mono" w:cs="Cascadia Mono"/>
                <w:color w:val="008000"/>
                <w:sz w:val="19"/>
                <w:szCs w:val="19"/>
              </w:rPr>
              <w:tab/>
              <w:t>type : 'POS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lastRenderedPageBreak/>
              <w:tab/>
            </w:r>
            <w:r>
              <w:rPr>
                <w:rFonts w:ascii="Cascadia Mono" w:hAnsi="Cascadia Mono" w:cs="Cascadia Mono"/>
                <w:color w:val="008000"/>
                <w:sz w:val="19"/>
                <w:szCs w:val="19"/>
              </w:rPr>
              <w:tab/>
              <w:t>url  : url_red,</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ab/>
            </w:r>
            <w:r>
              <w:rPr>
                <w:rFonts w:ascii="Cascadia Mono" w:hAnsi="Cascadia Mono" w:cs="Cascadia Mono"/>
                <w:color w:val="008000"/>
                <w:sz w:val="19"/>
                <w:szCs w:val="19"/>
              </w:rPr>
              <w:tab/>
              <w:t>data : data,</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ab/>
            </w:r>
            <w:r>
              <w:rPr>
                <w:rFonts w:ascii="Cascadia Mono" w:hAnsi="Cascadia Mono" w:cs="Cascadia Mono"/>
                <w:color w:val="008000"/>
                <w:sz w:val="19"/>
                <w:szCs w:val="19"/>
              </w:rPr>
              <w:tab/>
              <w:t>success :  function(data){</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ocument.getElementById('submitBtnsBox').style.display = 'block';</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ocument.getElementById('processSpan').style.display = 'none';</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 without hiding whole form..</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r>
              <w:rPr>
                <w:rFonts w:ascii="Cascadia Mono" w:hAnsi="Cascadia Mono" w:cs="Cascadia Mono"/>
                <w:color w:val="008000"/>
                <w:sz w:val="19"/>
                <w:szCs w:val="19"/>
              </w:rPr>
              <w:tab/>
            </w:r>
            <w:r>
              <w:rPr>
                <w:rFonts w:ascii="Cascadia Mono" w:hAnsi="Cascadia Mono" w:cs="Cascadia Mono"/>
                <w:color w:val="008000"/>
                <w:sz w:val="19"/>
                <w:szCs w:val="19"/>
              </w:rPr>
              <w:tab/>
              <w:t>$("#log_result").fadeIn(500).show(function(){</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og_result").html(data);</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r>
              <w:rPr>
                <w:rFonts w:ascii="Cascadia Mono" w:hAnsi="Cascadia Mono" w:cs="Cascadia Mono"/>
                <w:color w:val="008000"/>
                <w:sz w:val="19"/>
                <w:szCs w:val="19"/>
              </w:rPr>
              <w:tab/>
            </w:r>
            <w:r>
              <w:rPr>
                <w:rFonts w:ascii="Cascadia Mono" w:hAnsi="Cascadia Mono" w:cs="Cascadia Mono"/>
                <w:color w:val="008000"/>
                <w:sz w:val="19"/>
                <w:szCs w:val="19"/>
              </w:rPr>
              <w:tab/>
              <w: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ocument.getElementById('submitBtnBox').style.display = 'none';</w:t>
            </w: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ab/>
            </w:r>
            <w:r>
              <w:rPr>
                <w:rFonts w:ascii="Cascadia Mono" w:hAnsi="Cascadia Mono" w:cs="Cascadia Mono"/>
                <w:color w:val="008000"/>
                <w:sz w:val="19"/>
                <w:szCs w:val="19"/>
              </w:rPr>
              <w:tab/>
              <w: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ab/>
            </w:r>
            <w:r>
              <w:rPr>
                <w:rFonts w:ascii="Cascadia Mono" w:hAnsi="Cascadia Mono" w:cs="Cascadia Mono"/>
                <w:color w:val="008000"/>
                <w:sz w:val="19"/>
                <w:szCs w:val="19"/>
              </w:rPr>
              <w:tab/>
              <w:t>return false;</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ab/>
              <w: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ab/>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ocument).on('click', '#btnDonateMonthly', function(e) {</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ab/>
            </w:r>
            <w:r>
              <w:rPr>
                <w:rFonts w:ascii="Cascadia Mono" w:hAnsi="Cascadia Mono" w:cs="Cascadia Mono"/>
                <w:color w:val="008000"/>
                <w:sz w:val="19"/>
                <w:szCs w:val="19"/>
              </w:rPr>
              <w:tab/>
              <w:t>$(this).closest('form').attr('clicked','btnDonateMonthly');</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ab/>
              <w: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ab/>
              <w:t>$(document).on('click', '#btnDonateOneTime', function(e) {</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ab/>
            </w:r>
            <w:r>
              <w:rPr>
                <w:rFonts w:ascii="Cascadia Mono" w:hAnsi="Cascadia Mono" w:cs="Cascadia Mono"/>
                <w:color w:val="008000"/>
                <w:sz w:val="19"/>
                <w:szCs w:val="19"/>
              </w:rPr>
              <w:tab/>
              <w:t>$(this).closest('form').attr('clicked','btnDonateOneTime');</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ab/>
              <w:t>});</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w:t>
            </w:r>
          </w:p>
          <w:p w:rsidR="0048012D" w:rsidRDefault="0048012D" w:rsidP="0048012D">
            <w:pPr>
              <w:autoSpaceDE w:val="0"/>
              <w:autoSpaceDN w:val="0"/>
              <w:adjustRightInd w:val="0"/>
              <w:rPr>
                <w:rFonts w:ascii="Cascadia Mono" w:hAnsi="Cascadia Mono" w:cs="Cascadia Mono"/>
                <w:color w:val="008000"/>
                <w:sz w:val="19"/>
                <w:szCs w:val="19"/>
              </w:rPr>
            </w:pP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lt;/scrip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gt;</w:t>
            </w:r>
          </w:p>
          <w:p w:rsidR="0048012D" w:rsidRDefault="0048012D" w:rsidP="0048012D">
            <w:r>
              <w:rPr>
                <w:rFonts w:ascii="Cascadia Mono" w:hAnsi="Cascadia Mono" w:cs="Cascadia Mono"/>
                <w:color w:val="000000"/>
                <w:sz w:val="19"/>
                <w:szCs w:val="19"/>
              </w:rPr>
              <w:t xml:space="preserve">            </w:t>
            </w:r>
          </w:p>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r>
              <w:object w:dxaOrig="1745" w:dyaOrig="4320">
                <v:shape id="_x0000_i1026" type="#_x0000_t75" style="width:456.8pt;height:3in" o:ole="">
                  <v:imagedata r:id="rId11" o:title=""/>
                </v:shape>
                <o:OLEObject Type="Embed" ProgID="PBrush" ShapeID="_x0000_i1026" DrawAspect="Content" ObjectID="_1729694185" r:id="rId12"/>
              </w:object>
            </w:r>
          </w:p>
        </w:tc>
      </w:tr>
      <w:tr w:rsidR="0048012D" w:rsidTr="0048012D">
        <w:tc>
          <w:tcPr>
            <w:tcW w:w="9576" w:type="dxa"/>
          </w:tcPr>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mai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lt;!--------------------senior place finder starts------------------&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lastRenderedPageBreak/>
              <w:t>&lt;!--img slider --&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section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hero_single version_2"</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wrapper"</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enior Place Finder</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onnecting you directly to senior living and car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form </w:t>
            </w:r>
            <w:r>
              <w:rPr>
                <w:rFonts w:ascii="Cascadia Mono" w:hAnsi="Cascadia Mono" w:cs="Cascadia Mono"/>
                <w:color w:val="FF0000"/>
                <w:sz w:val="19"/>
                <w:szCs w:val="19"/>
              </w:rPr>
              <w:t>action</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method</w:t>
            </w:r>
            <w:r>
              <w:rPr>
                <w:rFonts w:ascii="Cascadia Mono" w:hAnsi="Cascadia Mono" w:cs="Cascadia Mono"/>
                <w:color w:val="800000"/>
                <w:sz w:val="19"/>
                <w:szCs w:val="19"/>
              </w:rPr>
              <w:t>=</w:t>
            </w:r>
            <w:r>
              <w:rPr>
                <w:rFonts w:ascii="Cascadia Mono" w:hAnsi="Cascadia Mono" w:cs="Cascadia Mono"/>
                <w:color w:val="0000FF"/>
                <w:sz w:val="19"/>
                <w:szCs w:val="19"/>
              </w:rPr>
              <w:t>"pos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 no-gutters custom-search-input-2"</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4"</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group"</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nput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control"</w:t>
            </w:r>
            <w:r>
              <w:rPr>
                <w:rFonts w:ascii="Cascadia Mono" w:hAnsi="Cascadia Mono" w:cs="Cascadia Mono"/>
                <w:color w:val="800000"/>
                <w:sz w:val="19"/>
                <w:szCs w:val="19"/>
              </w:rPr>
              <w:t xml:space="preserve"> </w:t>
            </w:r>
            <w:r>
              <w:rPr>
                <w:rFonts w:ascii="Cascadia Mono" w:hAnsi="Cascadia Mono" w:cs="Cascadia Mono"/>
                <w:color w:val="FF0000"/>
                <w:sz w:val="19"/>
                <w:szCs w:val="19"/>
              </w:rPr>
              <w:t>placeholder</w:t>
            </w:r>
            <w:r>
              <w:rPr>
                <w:rFonts w:ascii="Cascadia Mono" w:hAnsi="Cascadia Mono" w:cs="Cascadia Mono"/>
                <w:color w:val="800000"/>
                <w:sz w:val="19"/>
                <w:szCs w:val="19"/>
              </w:rPr>
              <w:t>=</w:t>
            </w:r>
            <w:r>
              <w:rPr>
                <w:rFonts w:ascii="Cascadia Mono" w:hAnsi="Cascadia Mono" w:cs="Cascadia Mono"/>
                <w:color w:val="0000FF"/>
                <w:sz w:val="19"/>
                <w:szCs w:val="19"/>
              </w:rPr>
              <w:t>"City or Zip code to search..."</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w:t>
            </w:r>
            <w:r>
              <w:rPr>
                <w:rFonts w:ascii="Cascadia Mono" w:hAnsi="Cascadia Mono" w:cs="Cascadia Mono"/>
                <w:color w:val="800000"/>
                <w:sz w:val="19"/>
                <w:szCs w:val="19"/>
              </w:rPr>
              <w:t xml:space="preserve">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txtLoca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lt;img alt="pin" src="svg/pin.png" width="10" height="10"&g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nput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hidden"</w:t>
            </w:r>
            <w:r>
              <w:rPr>
                <w:rFonts w:ascii="Cascadia Mono" w:hAnsi="Cascadia Mono" w:cs="Cascadia Mono"/>
                <w:color w:val="800000"/>
                <w:sz w:val="19"/>
                <w:szCs w:val="19"/>
              </w:rPr>
              <w:t xml:space="preserve">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txtZipCod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process star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4"</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group"</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select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control"</w:t>
            </w:r>
            <w:r>
              <w:rPr>
                <w:rFonts w:ascii="Cascadia Mono" w:hAnsi="Cascadia Mono" w:cs="Cascadia Mono"/>
                <w:color w:val="800000"/>
                <w:sz w:val="19"/>
                <w:szCs w:val="19"/>
              </w:rPr>
              <w:t xml:space="preserve">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ddlResidenceTyp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multiple</w:t>
            </w:r>
            <w:r>
              <w:rPr>
                <w:rFonts w:ascii="Cascadia Mono" w:hAnsi="Cascadia Mono" w:cs="Cascadia Mono"/>
                <w:color w:val="800000"/>
                <w:sz w:val="19"/>
                <w:szCs w:val="19"/>
              </w:rPr>
              <w:t>=</w:t>
            </w:r>
            <w:r>
              <w:rPr>
                <w:rFonts w:ascii="Cascadia Mono" w:hAnsi="Cascadia Mono" w:cs="Cascadia Mono"/>
                <w:color w:val="0000FF"/>
                <w:sz w:val="19"/>
                <w:szCs w:val="19"/>
              </w:rPr>
              <w:t>"multipl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independen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Independent 55+</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assisted_living"</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ssisted Living</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memory_car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Memory Car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board_car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Board &amp;amp; Car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ccrc"</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CRC</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respit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espit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elec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2"</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group"</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select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control"</w:t>
            </w:r>
            <w:r>
              <w:rPr>
                <w:rFonts w:ascii="Cascadia Mono" w:hAnsi="Cascadia Mono" w:cs="Cascadia Mono"/>
                <w:color w:val="800000"/>
                <w:sz w:val="19"/>
                <w:szCs w:val="19"/>
              </w:rPr>
              <w:t xml:space="preserve">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ddlPriceRang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Price Range&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500-1499"</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500 to $1,499</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1500-2499"</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1,500 to $2,499</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2500-3499"</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2,500 to $3,499</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3500-4499"</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3,500 to $4,499</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4500-5499"</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4,500 to $5,499</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5500-6499"</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5,500 to $6,499</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6500-7499"</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6,500 to $7,499</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7500-8499"</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7,500 to $8,499</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8500-9499"</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8,500 to $9,499</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9500-10499"</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9,500 to $10,499</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10500-11499"</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10,500 to $11,499</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11500-12499"</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11,500 to $12,499</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12500-13499"</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12,500 to $13,499</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13500-14499"</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13,500 to $14,499</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option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14500-15000"</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14,500 to $15,000</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opti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elec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   &lt;img alt="pin" src="svg/pin.png" width="20" height="10"&g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2"</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button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button"</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submit"</w:t>
            </w:r>
            <w:r>
              <w:rPr>
                <w:rFonts w:ascii="Cascadia Mono" w:hAnsi="Cascadia Mono" w:cs="Cascadia Mono"/>
                <w:color w:val="800000"/>
                <w:sz w:val="19"/>
                <w:szCs w:val="19"/>
              </w:rPr>
              <w:t xml:space="preserve">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btnSearchResidence"</w:t>
            </w:r>
            <w:r>
              <w:rPr>
                <w:rFonts w:ascii="Cascadia Mono" w:hAnsi="Cascadia Mono" w:cs="Cascadia Mono"/>
                <w:color w:val="000000"/>
                <w:sz w:val="19"/>
                <w:szCs w:val="19"/>
              </w:rPr>
              <w:t>&gt;Search&lt;/</w:t>
            </w:r>
            <w:r>
              <w:rPr>
                <w:rFonts w:ascii="Cascadia Mono" w:hAnsi="Cascadia Mono" w:cs="Cascadia Mono"/>
                <w:color w:val="800000"/>
                <w:sz w:val="19"/>
                <w:szCs w:val="19"/>
              </w:rPr>
              <w:t>butto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 no-gutters mt-1"</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12 text-left"</w:t>
            </w:r>
            <w:r>
              <w:rPr>
                <w:rFonts w:ascii="Cascadia Mono" w:hAnsi="Cascadia Mono" w:cs="Cascadia Mono"/>
                <w:color w:val="800000"/>
                <w:sz w:val="19"/>
                <w:szCs w:val="19"/>
              </w:rPr>
              <w:t xml:space="preserve">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divLocations"</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min-height: 32px;"</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form</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 xml:space="preserve">ul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unter"</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00"/>
                <w:sz w:val="19"/>
                <w:szCs w:val="19"/>
              </w:rPr>
              <w:tab/>
            </w:r>
            <w:r>
              <w:rPr>
                <w:rFonts w:ascii="Cascadia Mono" w:hAnsi="Cascadia Mono" w:cs="Cascadia Mono"/>
                <w:color w:val="000000"/>
                <w:sz w:val="19"/>
                <w:szCs w:val="19"/>
              </w:rPr>
              <w:tab/>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         </w:t>
            </w:r>
            <w:r>
              <w:rPr>
                <w:rFonts w:ascii="Cascadia Mono" w:hAnsi="Cascadia Mono" w:cs="Cascadia Mono"/>
                <w:color w:val="800000"/>
                <w:sz w:val="19"/>
                <w:szCs w:val="19"/>
              </w:rPr>
              <w:t>&lt;?php</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     </w:t>
            </w:r>
            <w:r>
              <w:rPr>
                <w:rFonts w:ascii="Cascadia Mono" w:hAnsi="Cascadia Mono" w:cs="Cascadia Mono"/>
                <w:color w:val="000000"/>
                <w:sz w:val="19"/>
                <w:szCs w:val="19"/>
              </w:rPr>
              <w:tab/>
              <w:t xml:space="preserve">$stmt12    = </w:t>
            </w:r>
            <w:r>
              <w:rPr>
                <w:rFonts w:ascii="Cascadia Mono" w:hAnsi="Cascadia Mono" w:cs="Cascadia Mono"/>
                <w:color w:val="A31515"/>
                <w:sz w:val="19"/>
                <w:szCs w:val="19"/>
              </w:rPr>
              <w:t xml:space="preserve">"SELECT </w:t>
            </w:r>
            <w:r>
              <w:rPr>
                <w:rFonts w:ascii="Cascadia Mono" w:hAnsi="Cascadia Mono" w:cs="Cascadia Mono"/>
                <w:color w:val="000000"/>
                <w:sz w:val="19"/>
                <w:szCs w:val="19"/>
              </w:rPr>
              <w:t>*</w:t>
            </w:r>
            <w:r>
              <w:rPr>
                <w:rFonts w:ascii="Cascadia Mono" w:hAnsi="Cascadia Mono" w:cs="Cascadia Mono"/>
                <w:color w:val="A31515"/>
                <w:sz w:val="19"/>
                <w:szCs w:val="19"/>
              </w:rPr>
              <w:t xml:space="preserve"> FROM `slg_properties` "</w:t>
            </w: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00"/>
                <w:sz w:val="19"/>
                <w:szCs w:val="19"/>
              </w:rPr>
              <w:tab/>
            </w:r>
            <w:r>
              <w:rPr>
                <w:rFonts w:ascii="Cascadia Mono" w:hAnsi="Cascadia Mono" w:cs="Cascadia Mono"/>
                <w:color w:val="000000"/>
                <w:sz w:val="19"/>
                <w:szCs w:val="19"/>
              </w:rPr>
              <w:tab/>
              <w:t>$stmt13   = $db-&gt;prepare($stmt12);</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00"/>
                <w:sz w:val="19"/>
                <w:szCs w:val="19"/>
              </w:rPr>
              <w:tab/>
            </w:r>
            <w:r>
              <w:rPr>
                <w:rFonts w:ascii="Cascadia Mono" w:hAnsi="Cascadia Mono" w:cs="Cascadia Mono"/>
                <w:color w:val="000000"/>
                <w:sz w:val="19"/>
                <w:szCs w:val="19"/>
              </w:rPr>
              <w:tab/>
              <w:t>$stmt13-&gt;execut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00"/>
                <w:sz w:val="19"/>
                <w:szCs w:val="19"/>
              </w:rPr>
              <w:tab/>
            </w:r>
            <w:r>
              <w:rPr>
                <w:rFonts w:ascii="Cascadia Mono" w:hAnsi="Cascadia Mono" w:cs="Cascadia Mono"/>
                <w:color w:val="000000"/>
                <w:sz w:val="19"/>
                <w:szCs w:val="19"/>
              </w:rPr>
              <w:tab/>
              <w:t xml:space="preserve">$rows_count_value = $stmt13-&gt;rowCount();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00"/>
                <w:sz w:val="19"/>
                <w:szCs w:val="19"/>
              </w:rPr>
              <w:tab/>
            </w:r>
            <w:r>
              <w:rPr>
                <w:rFonts w:ascii="Cascadia Mono" w:hAnsi="Cascadia Mono" w:cs="Cascadia Mono"/>
                <w:color w:val="000000"/>
                <w:sz w:val="19"/>
                <w:szCs w:val="19"/>
              </w:rPr>
              <w:tab/>
              <w:t xml:space="preserve">        </w:t>
            </w:r>
            <w:r>
              <w:rPr>
                <w:rFonts w:ascii="Cascadia Mono" w:hAnsi="Cascadia Mono" w:cs="Cascadia Mono"/>
                <w:color w:val="8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strong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dometer"</w:t>
            </w:r>
            <w:r>
              <w:rPr>
                <w:rFonts w:ascii="Cascadia Mono" w:hAnsi="Cascadia Mono" w:cs="Cascadia Mono"/>
                <w:color w:val="800000"/>
                <w:sz w:val="19"/>
                <w:szCs w:val="19"/>
              </w:rPr>
              <w:t xml:space="preserve"> </w:t>
            </w:r>
            <w:r>
              <w:rPr>
                <w:rFonts w:ascii="Cascadia Mono" w:hAnsi="Cascadia Mono" w:cs="Cascadia Mono"/>
                <w:color w:val="FF0000"/>
                <w:sz w:val="19"/>
                <w:szCs w:val="19"/>
              </w:rPr>
              <w:t>data-value</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w:t>
            </w:r>
            <w:r>
              <w:rPr>
                <w:rFonts w:ascii="Cascadia Mono" w:hAnsi="Cascadia Mono" w:cs="Cascadia Mono"/>
                <w:color w:val="000000"/>
                <w:sz w:val="19"/>
                <w:szCs w:val="19"/>
              </w:rPr>
              <w:t>$rows_count_value</w:t>
            </w:r>
            <w:r>
              <w:rPr>
                <w:rFonts w:ascii="Cascadia Mono" w:hAnsi="Cascadia Mono" w:cs="Cascadia Mono"/>
                <w:color w:val="0000FF"/>
                <w:sz w:val="19"/>
                <w:szCs w:val="19"/>
              </w:rPr>
              <w:t xml:space="preserve">; </w:t>
            </w:r>
            <w:r>
              <w:rPr>
                <w:rFonts w:ascii="Cascadia Mono" w:hAnsi="Cascadia Mono" w:cs="Cascadia Mono"/>
                <w:color w:val="800000"/>
                <w:sz w:val="19"/>
                <w:szCs w:val="19"/>
              </w:rPr>
              <w:t>?&gt;</w:t>
            </w:r>
            <w:r>
              <w:rPr>
                <w:rFonts w:ascii="Cascadia Mono" w:hAnsi="Cascadia Mono" w:cs="Cascadia Mono"/>
                <w:color w:val="0000FF"/>
                <w:sz w:val="19"/>
                <w:szCs w:val="19"/>
              </w:rPr>
              <w:t>"</w:t>
            </w:r>
            <w:r>
              <w:rPr>
                <w:rFonts w:ascii="Cascadia Mono" w:hAnsi="Cascadia Mono" w:cs="Cascadia Mono"/>
                <w:color w:val="000000"/>
                <w:sz w:val="19"/>
                <w:szCs w:val="19"/>
              </w:rPr>
              <w:t>&gt;&lt;/</w:t>
            </w:r>
            <w:r>
              <w:rPr>
                <w:rFonts w:ascii="Cascadia Mono" w:hAnsi="Cascadia Mono" w:cs="Cascadia Mono"/>
                <w:color w:val="800000"/>
                <w:sz w:val="19"/>
                <w:szCs w:val="19"/>
              </w:rPr>
              <w:t>strong</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esidences</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strong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dometer"</w:t>
            </w:r>
            <w:r>
              <w:rPr>
                <w:rFonts w:ascii="Cascadia Mono" w:hAnsi="Cascadia Mono" w:cs="Cascadia Mono"/>
                <w:color w:val="800000"/>
                <w:sz w:val="19"/>
                <w:szCs w:val="19"/>
              </w:rPr>
              <w:t xml:space="preserve"> </w:t>
            </w:r>
            <w:r>
              <w:rPr>
                <w:rFonts w:ascii="Cascadia Mono" w:hAnsi="Cascadia Mono" w:cs="Cascadia Mono"/>
                <w:color w:val="FF0000"/>
                <w:sz w:val="19"/>
                <w:szCs w:val="19"/>
              </w:rPr>
              <w:t>data-value</w:t>
            </w:r>
            <w:r>
              <w:rPr>
                <w:rFonts w:ascii="Cascadia Mono" w:hAnsi="Cascadia Mono" w:cs="Cascadia Mono"/>
                <w:color w:val="800000"/>
                <w:sz w:val="19"/>
                <w:szCs w:val="19"/>
              </w:rPr>
              <w:t>=</w:t>
            </w:r>
            <w:r>
              <w:rPr>
                <w:rFonts w:ascii="Cascadia Mono" w:hAnsi="Cascadia Mono" w:cs="Cascadia Mono"/>
                <w:color w:val="0000FF"/>
                <w:sz w:val="19"/>
                <w:szCs w:val="19"/>
              </w:rPr>
              <w:t>"462"</w:t>
            </w:r>
            <w:r>
              <w:rPr>
                <w:rFonts w:ascii="Cascadia Mono" w:hAnsi="Cascadia Mono" w:cs="Cascadia Mono"/>
                <w:color w:val="000000"/>
                <w:sz w:val="19"/>
                <w:szCs w:val="19"/>
              </w:rPr>
              <w:t>&gt;&lt;/</w:t>
            </w:r>
            <w:r>
              <w:rPr>
                <w:rFonts w:ascii="Cascadia Mono" w:hAnsi="Cascadia Mono" w:cs="Cascadia Mono"/>
                <w:color w:val="800000"/>
                <w:sz w:val="19"/>
                <w:szCs w:val="19"/>
              </w:rPr>
              <w:t>strong</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ctive users</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ul</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ection</w:t>
            </w:r>
            <w:r>
              <w:rPr>
                <w:rFonts w:ascii="Cascadia Mono" w:hAnsi="Cascadia Mono" w:cs="Cascadia Mono"/>
                <w:color w:val="000000"/>
                <w:sz w:val="19"/>
                <w:szCs w:val="19"/>
              </w:rPr>
              <w:t>&gt;</w:t>
            </w:r>
          </w:p>
          <w:p w:rsidR="0048012D" w:rsidRDefault="0048012D" w:rsidP="0048012D">
            <w:r>
              <w:rPr>
                <w:rFonts w:ascii="Cascadia Mono" w:hAnsi="Cascadia Mono" w:cs="Cascadia Mono"/>
                <w:color w:val="000000"/>
                <w:sz w:val="19"/>
                <w:szCs w:val="19"/>
              </w:rPr>
              <w:t xml:space="preserve">     </w:t>
            </w:r>
            <w:r>
              <w:rPr>
                <w:rFonts w:ascii="Cascadia Mono" w:hAnsi="Cascadia Mono" w:cs="Cascadia Mono"/>
                <w:color w:val="008000"/>
                <w:sz w:val="19"/>
                <w:szCs w:val="19"/>
              </w:rPr>
              <w:t>&lt;!--process end--&gt;</w:t>
            </w:r>
          </w:p>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r>
              <w:object w:dxaOrig="4320" w:dyaOrig="1836">
                <v:shape id="_x0000_i1027" type="#_x0000_t75" style="width:446.4pt;height:92pt" o:ole="">
                  <v:imagedata r:id="rId13" o:title=""/>
                </v:shape>
                <o:OLEObject Type="Embed" ProgID="PBrush" ShapeID="_x0000_i1027" DrawAspect="Content" ObjectID="_1729694186" r:id="rId14"/>
              </w:object>
            </w:r>
          </w:p>
        </w:tc>
      </w:tr>
      <w:tr w:rsidR="0048012D" w:rsidTr="0048012D">
        <w:tc>
          <w:tcPr>
            <w:tcW w:w="9576" w:type="dxa"/>
          </w:tcPr>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lt;!--services star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ain_categories"</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ul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learfix"</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 </w:t>
            </w:r>
            <w:r>
              <w:rPr>
                <w:rFonts w:ascii="Cascadia Mono" w:hAnsi="Cascadia Mono" w:cs="Cascadia Mono"/>
                <w:color w:val="FF0000"/>
                <w:sz w:val="19"/>
                <w:szCs w:val="19"/>
              </w:rPr>
              <w:t>data-toggle</w:t>
            </w:r>
            <w:r>
              <w:rPr>
                <w:rFonts w:ascii="Cascadia Mono" w:hAnsi="Cascadia Mono" w:cs="Cascadia Mono"/>
                <w:color w:val="800000"/>
                <w:sz w:val="19"/>
                <w:szCs w:val="19"/>
              </w:rPr>
              <w:t>=</w:t>
            </w:r>
            <w:r>
              <w:rPr>
                <w:rFonts w:ascii="Cascadia Mono" w:hAnsi="Cascadia Mono" w:cs="Cascadia Mono"/>
                <w:color w:val="0000FF"/>
                <w:sz w:val="19"/>
                <w:szCs w:val="19"/>
              </w:rPr>
              <w:t>"popover"</w:t>
            </w:r>
            <w:r>
              <w:rPr>
                <w:rFonts w:ascii="Cascadia Mono" w:hAnsi="Cascadia Mono" w:cs="Cascadia Mono"/>
                <w:color w:val="800000"/>
                <w:sz w:val="19"/>
                <w:szCs w:val="19"/>
              </w:rPr>
              <w:t xml:space="preserve"> </w:t>
            </w:r>
            <w:r>
              <w:rPr>
                <w:rFonts w:ascii="Cascadia Mono" w:hAnsi="Cascadia Mono" w:cs="Cascadia Mono"/>
                <w:color w:val="FF0000"/>
                <w:sz w:val="19"/>
                <w:szCs w:val="19"/>
              </w:rPr>
              <w:t>data-trigger</w:t>
            </w:r>
            <w:r>
              <w:rPr>
                <w:rFonts w:ascii="Cascadia Mono" w:hAnsi="Cascadia Mono" w:cs="Cascadia Mono"/>
                <w:color w:val="800000"/>
                <w:sz w:val="19"/>
                <w:szCs w:val="19"/>
              </w:rPr>
              <w:t>=</w:t>
            </w:r>
            <w:r>
              <w:rPr>
                <w:rFonts w:ascii="Cascadia Mono" w:hAnsi="Cascadia Mono" w:cs="Cascadia Mono"/>
                <w:color w:val="0000FF"/>
                <w:sz w:val="19"/>
                <w:szCs w:val="19"/>
              </w:rPr>
              <w:t>"hover"</w:t>
            </w:r>
            <w:r>
              <w:rPr>
                <w:rFonts w:ascii="Cascadia Mono" w:hAnsi="Cascadia Mono" w:cs="Cascadia Mono"/>
                <w:color w:val="800000"/>
                <w:sz w:val="19"/>
                <w:szCs w:val="19"/>
              </w:rPr>
              <w:t xml:space="preserve"> </w:t>
            </w:r>
            <w:r>
              <w:rPr>
                <w:rFonts w:ascii="Cascadia Mono" w:hAnsi="Cascadia Mono" w:cs="Cascadia Mono"/>
                <w:color w:val="FF0000"/>
                <w:sz w:val="19"/>
                <w:szCs w:val="19"/>
              </w:rPr>
              <w:t>data-placement</w:t>
            </w:r>
            <w:r>
              <w:rPr>
                <w:rFonts w:ascii="Cascadia Mono" w:hAnsi="Cascadia Mono" w:cs="Cascadia Mono"/>
                <w:color w:val="800000"/>
                <w:sz w:val="19"/>
                <w:szCs w:val="19"/>
              </w:rPr>
              <w:t>=</w:t>
            </w:r>
            <w:r>
              <w:rPr>
                <w:rFonts w:ascii="Cascadia Mono" w:hAnsi="Cascadia Mono" w:cs="Cascadia Mono"/>
                <w:color w:val="0000FF"/>
                <w:sz w:val="19"/>
                <w:szCs w:val="19"/>
              </w:rPr>
              <w:t>"top"</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data-content</w:t>
            </w:r>
            <w:r>
              <w:rPr>
                <w:rFonts w:ascii="Cascadia Mono" w:hAnsi="Cascadia Mono" w:cs="Cascadia Mono"/>
                <w:color w:val="800000"/>
                <w:sz w:val="19"/>
                <w:szCs w:val="19"/>
              </w:rPr>
              <w:t>=</w:t>
            </w:r>
            <w:r>
              <w:rPr>
                <w:rFonts w:ascii="Cascadia Mono" w:hAnsi="Cascadia Mono" w:cs="Cascadia Mono"/>
                <w:color w:val="0000FF"/>
                <w:sz w:val="19"/>
                <w:szCs w:val="19"/>
              </w:rPr>
              <w:t>"Communities for active living, social and lifestyle options, and may include dining, laundry and housekeeping services."</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independent-55-plus.php"</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pf/img/services/icon/independent-55-plus.png"</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 mb-2"</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8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80"</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Independent 55+</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 </w:t>
            </w:r>
            <w:r>
              <w:rPr>
                <w:rFonts w:ascii="Cascadia Mono" w:hAnsi="Cascadia Mono" w:cs="Cascadia Mono"/>
                <w:color w:val="FF0000"/>
                <w:sz w:val="19"/>
                <w:szCs w:val="19"/>
              </w:rPr>
              <w:t>data-toggle</w:t>
            </w:r>
            <w:r>
              <w:rPr>
                <w:rFonts w:ascii="Cascadia Mono" w:hAnsi="Cascadia Mono" w:cs="Cascadia Mono"/>
                <w:color w:val="800000"/>
                <w:sz w:val="19"/>
                <w:szCs w:val="19"/>
              </w:rPr>
              <w:t>=</w:t>
            </w:r>
            <w:r>
              <w:rPr>
                <w:rFonts w:ascii="Cascadia Mono" w:hAnsi="Cascadia Mono" w:cs="Cascadia Mono"/>
                <w:color w:val="0000FF"/>
                <w:sz w:val="19"/>
                <w:szCs w:val="19"/>
              </w:rPr>
              <w:t>"popover"</w:t>
            </w:r>
            <w:r>
              <w:rPr>
                <w:rFonts w:ascii="Cascadia Mono" w:hAnsi="Cascadia Mono" w:cs="Cascadia Mono"/>
                <w:color w:val="800000"/>
                <w:sz w:val="19"/>
                <w:szCs w:val="19"/>
              </w:rPr>
              <w:t xml:space="preserve"> </w:t>
            </w:r>
            <w:r>
              <w:rPr>
                <w:rFonts w:ascii="Cascadia Mono" w:hAnsi="Cascadia Mono" w:cs="Cascadia Mono"/>
                <w:color w:val="FF0000"/>
                <w:sz w:val="19"/>
                <w:szCs w:val="19"/>
              </w:rPr>
              <w:t>data-trigger</w:t>
            </w:r>
            <w:r>
              <w:rPr>
                <w:rFonts w:ascii="Cascadia Mono" w:hAnsi="Cascadia Mono" w:cs="Cascadia Mono"/>
                <w:color w:val="800000"/>
                <w:sz w:val="19"/>
                <w:szCs w:val="19"/>
              </w:rPr>
              <w:t>=</w:t>
            </w:r>
            <w:r>
              <w:rPr>
                <w:rFonts w:ascii="Cascadia Mono" w:hAnsi="Cascadia Mono" w:cs="Cascadia Mono"/>
                <w:color w:val="0000FF"/>
                <w:sz w:val="19"/>
                <w:szCs w:val="19"/>
              </w:rPr>
              <w:t>"hover"</w:t>
            </w:r>
            <w:r>
              <w:rPr>
                <w:rFonts w:ascii="Cascadia Mono" w:hAnsi="Cascadia Mono" w:cs="Cascadia Mono"/>
                <w:color w:val="800000"/>
                <w:sz w:val="19"/>
                <w:szCs w:val="19"/>
              </w:rPr>
              <w:t xml:space="preserve"> </w:t>
            </w:r>
            <w:r>
              <w:rPr>
                <w:rFonts w:ascii="Cascadia Mono" w:hAnsi="Cascadia Mono" w:cs="Cascadia Mono"/>
                <w:color w:val="FF0000"/>
                <w:sz w:val="19"/>
                <w:szCs w:val="19"/>
              </w:rPr>
              <w:t>data-placement</w:t>
            </w:r>
            <w:r>
              <w:rPr>
                <w:rFonts w:ascii="Cascadia Mono" w:hAnsi="Cascadia Mono" w:cs="Cascadia Mono"/>
                <w:color w:val="800000"/>
                <w:sz w:val="19"/>
                <w:szCs w:val="19"/>
              </w:rPr>
              <w:t>=</w:t>
            </w:r>
            <w:r>
              <w:rPr>
                <w:rFonts w:ascii="Cascadia Mono" w:hAnsi="Cascadia Mono" w:cs="Cascadia Mono"/>
                <w:color w:val="0000FF"/>
                <w:sz w:val="19"/>
                <w:szCs w:val="19"/>
              </w:rPr>
              <w:t>"top"</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data-content</w:t>
            </w:r>
            <w:r>
              <w:rPr>
                <w:rFonts w:ascii="Cascadia Mono" w:hAnsi="Cascadia Mono" w:cs="Cascadia Mono"/>
                <w:color w:val="800000"/>
                <w:sz w:val="19"/>
                <w:szCs w:val="19"/>
              </w:rPr>
              <w:t>=</w:t>
            </w:r>
            <w:r>
              <w:rPr>
                <w:rFonts w:ascii="Cascadia Mono" w:hAnsi="Cascadia Mono" w:cs="Cascadia Mono"/>
                <w:color w:val="0000FF"/>
                <w:sz w:val="19"/>
                <w:szCs w:val="19"/>
              </w:rPr>
              <w:t>"Communities for independent living, licensed for activities of daily care services, offering transportation, laundry, housekeeping, social, lifestyle and dining services."</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assisted-living.php"</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pf/img/services/icon/assisted-living.png"</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 mb-2"</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8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80"</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ssisted Living</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 </w:t>
            </w:r>
            <w:r>
              <w:rPr>
                <w:rFonts w:ascii="Cascadia Mono" w:hAnsi="Cascadia Mono" w:cs="Cascadia Mono"/>
                <w:color w:val="FF0000"/>
                <w:sz w:val="19"/>
                <w:szCs w:val="19"/>
              </w:rPr>
              <w:t>data-toggle</w:t>
            </w:r>
            <w:r>
              <w:rPr>
                <w:rFonts w:ascii="Cascadia Mono" w:hAnsi="Cascadia Mono" w:cs="Cascadia Mono"/>
                <w:color w:val="800000"/>
                <w:sz w:val="19"/>
                <w:szCs w:val="19"/>
              </w:rPr>
              <w:t>=</w:t>
            </w:r>
            <w:r>
              <w:rPr>
                <w:rFonts w:ascii="Cascadia Mono" w:hAnsi="Cascadia Mono" w:cs="Cascadia Mono"/>
                <w:color w:val="0000FF"/>
                <w:sz w:val="19"/>
                <w:szCs w:val="19"/>
              </w:rPr>
              <w:t>"popover"</w:t>
            </w:r>
            <w:r>
              <w:rPr>
                <w:rFonts w:ascii="Cascadia Mono" w:hAnsi="Cascadia Mono" w:cs="Cascadia Mono"/>
                <w:color w:val="800000"/>
                <w:sz w:val="19"/>
                <w:szCs w:val="19"/>
              </w:rPr>
              <w:t xml:space="preserve"> </w:t>
            </w:r>
            <w:r>
              <w:rPr>
                <w:rFonts w:ascii="Cascadia Mono" w:hAnsi="Cascadia Mono" w:cs="Cascadia Mono"/>
                <w:color w:val="FF0000"/>
                <w:sz w:val="19"/>
                <w:szCs w:val="19"/>
              </w:rPr>
              <w:t>data-trigger</w:t>
            </w:r>
            <w:r>
              <w:rPr>
                <w:rFonts w:ascii="Cascadia Mono" w:hAnsi="Cascadia Mono" w:cs="Cascadia Mono"/>
                <w:color w:val="800000"/>
                <w:sz w:val="19"/>
                <w:szCs w:val="19"/>
              </w:rPr>
              <w:t>=</w:t>
            </w:r>
            <w:r>
              <w:rPr>
                <w:rFonts w:ascii="Cascadia Mono" w:hAnsi="Cascadia Mono" w:cs="Cascadia Mono"/>
                <w:color w:val="0000FF"/>
                <w:sz w:val="19"/>
                <w:szCs w:val="19"/>
              </w:rPr>
              <w:t>"hover"</w:t>
            </w:r>
            <w:r>
              <w:rPr>
                <w:rFonts w:ascii="Cascadia Mono" w:hAnsi="Cascadia Mono" w:cs="Cascadia Mono"/>
                <w:color w:val="800000"/>
                <w:sz w:val="19"/>
                <w:szCs w:val="19"/>
              </w:rPr>
              <w:t xml:space="preserve"> </w:t>
            </w:r>
            <w:r>
              <w:rPr>
                <w:rFonts w:ascii="Cascadia Mono" w:hAnsi="Cascadia Mono" w:cs="Cascadia Mono"/>
                <w:color w:val="FF0000"/>
                <w:sz w:val="19"/>
                <w:szCs w:val="19"/>
              </w:rPr>
              <w:t>data-placement</w:t>
            </w:r>
            <w:r>
              <w:rPr>
                <w:rFonts w:ascii="Cascadia Mono" w:hAnsi="Cascadia Mono" w:cs="Cascadia Mono"/>
                <w:color w:val="800000"/>
                <w:sz w:val="19"/>
                <w:szCs w:val="19"/>
              </w:rPr>
              <w:t>=</w:t>
            </w:r>
            <w:r>
              <w:rPr>
                <w:rFonts w:ascii="Cascadia Mono" w:hAnsi="Cascadia Mono" w:cs="Cascadia Mono"/>
                <w:color w:val="0000FF"/>
                <w:sz w:val="19"/>
                <w:szCs w:val="19"/>
              </w:rPr>
              <w:t>"top"</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data-content</w:t>
            </w:r>
            <w:r>
              <w:rPr>
                <w:rFonts w:ascii="Cascadia Mono" w:hAnsi="Cascadia Mono" w:cs="Cascadia Mono"/>
                <w:color w:val="800000"/>
                <w:sz w:val="19"/>
                <w:szCs w:val="19"/>
              </w:rPr>
              <w:t>=</w:t>
            </w:r>
            <w:r>
              <w:rPr>
                <w:rFonts w:ascii="Cascadia Mono" w:hAnsi="Cascadia Mono" w:cs="Cascadia Mono"/>
                <w:color w:val="0000FF"/>
                <w:sz w:val="19"/>
                <w:szCs w:val="19"/>
              </w:rPr>
              <w:t>"Communities and residences licensed for providing assisted living, dementia and Alzheimer&amp;#039;s car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memory-care.php"</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pf/img/services/icon/memory-care.png"</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 mb-2"</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8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80"</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Memory Car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 </w:t>
            </w:r>
            <w:r>
              <w:rPr>
                <w:rFonts w:ascii="Cascadia Mono" w:hAnsi="Cascadia Mono" w:cs="Cascadia Mono"/>
                <w:color w:val="FF0000"/>
                <w:sz w:val="19"/>
                <w:szCs w:val="19"/>
              </w:rPr>
              <w:t>data-toggle</w:t>
            </w:r>
            <w:r>
              <w:rPr>
                <w:rFonts w:ascii="Cascadia Mono" w:hAnsi="Cascadia Mono" w:cs="Cascadia Mono"/>
                <w:color w:val="800000"/>
                <w:sz w:val="19"/>
                <w:szCs w:val="19"/>
              </w:rPr>
              <w:t>=</w:t>
            </w:r>
            <w:r>
              <w:rPr>
                <w:rFonts w:ascii="Cascadia Mono" w:hAnsi="Cascadia Mono" w:cs="Cascadia Mono"/>
                <w:color w:val="0000FF"/>
                <w:sz w:val="19"/>
                <w:szCs w:val="19"/>
              </w:rPr>
              <w:t>"popover"</w:t>
            </w:r>
            <w:r>
              <w:rPr>
                <w:rFonts w:ascii="Cascadia Mono" w:hAnsi="Cascadia Mono" w:cs="Cascadia Mono"/>
                <w:color w:val="800000"/>
                <w:sz w:val="19"/>
                <w:szCs w:val="19"/>
              </w:rPr>
              <w:t xml:space="preserve"> </w:t>
            </w:r>
            <w:r>
              <w:rPr>
                <w:rFonts w:ascii="Cascadia Mono" w:hAnsi="Cascadia Mono" w:cs="Cascadia Mono"/>
                <w:color w:val="FF0000"/>
                <w:sz w:val="19"/>
                <w:szCs w:val="19"/>
              </w:rPr>
              <w:t>data-trigger</w:t>
            </w:r>
            <w:r>
              <w:rPr>
                <w:rFonts w:ascii="Cascadia Mono" w:hAnsi="Cascadia Mono" w:cs="Cascadia Mono"/>
                <w:color w:val="800000"/>
                <w:sz w:val="19"/>
                <w:szCs w:val="19"/>
              </w:rPr>
              <w:t>=</w:t>
            </w:r>
            <w:r>
              <w:rPr>
                <w:rFonts w:ascii="Cascadia Mono" w:hAnsi="Cascadia Mono" w:cs="Cascadia Mono"/>
                <w:color w:val="0000FF"/>
                <w:sz w:val="19"/>
                <w:szCs w:val="19"/>
              </w:rPr>
              <w:t>"hover"</w:t>
            </w:r>
            <w:r>
              <w:rPr>
                <w:rFonts w:ascii="Cascadia Mono" w:hAnsi="Cascadia Mono" w:cs="Cascadia Mono"/>
                <w:color w:val="800000"/>
                <w:sz w:val="19"/>
                <w:szCs w:val="19"/>
              </w:rPr>
              <w:t xml:space="preserve"> </w:t>
            </w:r>
            <w:r>
              <w:rPr>
                <w:rFonts w:ascii="Cascadia Mono" w:hAnsi="Cascadia Mono" w:cs="Cascadia Mono"/>
                <w:color w:val="FF0000"/>
                <w:sz w:val="19"/>
                <w:szCs w:val="19"/>
              </w:rPr>
              <w:t>data-placement</w:t>
            </w:r>
            <w:r>
              <w:rPr>
                <w:rFonts w:ascii="Cascadia Mono" w:hAnsi="Cascadia Mono" w:cs="Cascadia Mono"/>
                <w:color w:val="800000"/>
                <w:sz w:val="19"/>
                <w:szCs w:val="19"/>
              </w:rPr>
              <w:t>=</w:t>
            </w:r>
            <w:r>
              <w:rPr>
                <w:rFonts w:ascii="Cascadia Mono" w:hAnsi="Cascadia Mono" w:cs="Cascadia Mono"/>
                <w:color w:val="0000FF"/>
                <w:sz w:val="19"/>
                <w:szCs w:val="19"/>
              </w:rPr>
              <w:t>"top"</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data-content</w:t>
            </w:r>
            <w:r>
              <w:rPr>
                <w:rFonts w:ascii="Cascadia Mono" w:hAnsi="Cascadia Mono" w:cs="Cascadia Mono"/>
                <w:color w:val="800000"/>
                <w:sz w:val="19"/>
                <w:szCs w:val="19"/>
              </w:rPr>
              <w:t>=</w:t>
            </w:r>
            <w:r>
              <w:rPr>
                <w:rFonts w:ascii="Cascadia Mono" w:hAnsi="Cascadia Mono" w:cs="Cascadia Mono"/>
                <w:color w:val="0000FF"/>
                <w:sz w:val="19"/>
                <w:szCs w:val="19"/>
              </w:rPr>
              <w:t>"Single Family Residences modified and licensed for assisted living and memory care, limited to 6 residents per household."</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residential-board.php"</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pf/img/services/icon/residential-board.png"</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 mb-2"</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8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80"</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Board &amp;amp; Car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 </w:t>
            </w:r>
            <w:r>
              <w:rPr>
                <w:rFonts w:ascii="Cascadia Mono" w:hAnsi="Cascadia Mono" w:cs="Cascadia Mono"/>
                <w:color w:val="FF0000"/>
                <w:sz w:val="19"/>
                <w:szCs w:val="19"/>
              </w:rPr>
              <w:t>data-toggle</w:t>
            </w:r>
            <w:r>
              <w:rPr>
                <w:rFonts w:ascii="Cascadia Mono" w:hAnsi="Cascadia Mono" w:cs="Cascadia Mono"/>
                <w:color w:val="800000"/>
                <w:sz w:val="19"/>
                <w:szCs w:val="19"/>
              </w:rPr>
              <w:t>=</w:t>
            </w:r>
            <w:r>
              <w:rPr>
                <w:rFonts w:ascii="Cascadia Mono" w:hAnsi="Cascadia Mono" w:cs="Cascadia Mono"/>
                <w:color w:val="0000FF"/>
                <w:sz w:val="19"/>
                <w:szCs w:val="19"/>
              </w:rPr>
              <w:t>"popover"</w:t>
            </w:r>
            <w:r>
              <w:rPr>
                <w:rFonts w:ascii="Cascadia Mono" w:hAnsi="Cascadia Mono" w:cs="Cascadia Mono"/>
                <w:color w:val="800000"/>
                <w:sz w:val="19"/>
                <w:szCs w:val="19"/>
              </w:rPr>
              <w:t xml:space="preserve"> </w:t>
            </w:r>
            <w:r>
              <w:rPr>
                <w:rFonts w:ascii="Cascadia Mono" w:hAnsi="Cascadia Mono" w:cs="Cascadia Mono"/>
                <w:color w:val="FF0000"/>
                <w:sz w:val="19"/>
                <w:szCs w:val="19"/>
              </w:rPr>
              <w:t>data-trigger</w:t>
            </w:r>
            <w:r>
              <w:rPr>
                <w:rFonts w:ascii="Cascadia Mono" w:hAnsi="Cascadia Mono" w:cs="Cascadia Mono"/>
                <w:color w:val="800000"/>
                <w:sz w:val="19"/>
                <w:szCs w:val="19"/>
              </w:rPr>
              <w:t>=</w:t>
            </w:r>
            <w:r>
              <w:rPr>
                <w:rFonts w:ascii="Cascadia Mono" w:hAnsi="Cascadia Mono" w:cs="Cascadia Mono"/>
                <w:color w:val="0000FF"/>
                <w:sz w:val="19"/>
                <w:szCs w:val="19"/>
              </w:rPr>
              <w:t>"hover"</w:t>
            </w:r>
            <w:r>
              <w:rPr>
                <w:rFonts w:ascii="Cascadia Mono" w:hAnsi="Cascadia Mono" w:cs="Cascadia Mono"/>
                <w:color w:val="800000"/>
                <w:sz w:val="19"/>
                <w:szCs w:val="19"/>
              </w:rPr>
              <w:t xml:space="preserve"> </w:t>
            </w:r>
            <w:r>
              <w:rPr>
                <w:rFonts w:ascii="Cascadia Mono" w:hAnsi="Cascadia Mono" w:cs="Cascadia Mono"/>
                <w:color w:val="FF0000"/>
                <w:sz w:val="19"/>
                <w:szCs w:val="19"/>
              </w:rPr>
              <w:t>data-placement</w:t>
            </w:r>
            <w:r>
              <w:rPr>
                <w:rFonts w:ascii="Cascadia Mono" w:hAnsi="Cascadia Mono" w:cs="Cascadia Mono"/>
                <w:color w:val="800000"/>
                <w:sz w:val="19"/>
                <w:szCs w:val="19"/>
              </w:rPr>
              <w:t>=</w:t>
            </w:r>
            <w:r>
              <w:rPr>
                <w:rFonts w:ascii="Cascadia Mono" w:hAnsi="Cascadia Mono" w:cs="Cascadia Mono"/>
                <w:color w:val="0000FF"/>
                <w:sz w:val="19"/>
                <w:szCs w:val="19"/>
              </w:rPr>
              <w:t>"top"</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data-content</w:t>
            </w:r>
            <w:r>
              <w:rPr>
                <w:rFonts w:ascii="Cascadia Mono" w:hAnsi="Cascadia Mono" w:cs="Cascadia Mono"/>
                <w:color w:val="800000"/>
                <w:sz w:val="19"/>
                <w:szCs w:val="19"/>
              </w:rPr>
              <w:t>=</w:t>
            </w:r>
            <w:r>
              <w:rPr>
                <w:rFonts w:ascii="Cascadia Mono" w:hAnsi="Cascadia Mono" w:cs="Cascadia Mono"/>
                <w:color w:val="0000FF"/>
                <w:sz w:val="19"/>
                <w:szCs w:val="19"/>
              </w:rPr>
              <w:t>"Continuing Care Retirement Communities include active Independent Living, assisted living, memory care sometimes skilled nursing and rehab facilities, all in the community and available to its residents."</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ccrc.php"</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pf/img/services/icon/ccrc.png"</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 mb-2"</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8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80"</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CRC</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li </w:t>
            </w:r>
            <w:r>
              <w:rPr>
                <w:rFonts w:ascii="Cascadia Mono" w:hAnsi="Cascadia Mono" w:cs="Cascadia Mono"/>
                <w:color w:val="FF0000"/>
                <w:sz w:val="19"/>
                <w:szCs w:val="19"/>
              </w:rPr>
              <w:t>data-toggle</w:t>
            </w:r>
            <w:r>
              <w:rPr>
                <w:rFonts w:ascii="Cascadia Mono" w:hAnsi="Cascadia Mono" w:cs="Cascadia Mono"/>
                <w:color w:val="800000"/>
                <w:sz w:val="19"/>
                <w:szCs w:val="19"/>
              </w:rPr>
              <w:t>=</w:t>
            </w:r>
            <w:r>
              <w:rPr>
                <w:rFonts w:ascii="Cascadia Mono" w:hAnsi="Cascadia Mono" w:cs="Cascadia Mono"/>
                <w:color w:val="0000FF"/>
                <w:sz w:val="19"/>
                <w:szCs w:val="19"/>
              </w:rPr>
              <w:t>"popover"</w:t>
            </w:r>
            <w:r>
              <w:rPr>
                <w:rFonts w:ascii="Cascadia Mono" w:hAnsi="Cascadia Mono" w:cs="Cascadia Mono"/>
                <w:color w:val="800000"/>
                <w:sz w:val="19"/>
                <w:szCs w:val="19"/>
              </w:rPr>
              <w:t xml:space="preserve"> </w:t>
            </w:r>
            <w:r>
              <w:rPr>
                <w:rFonts w:ascii="Cascadia Mono" w:hAnsi="Cascadia Mono" w:cs="Cascadia Mono"/>
                <w:color w:val="FF0000"/>
                <w:sz w:val="19"/>
                <w:szCs w:val="19"/>
              </w:rPr>
              <w:t>data-trigger</w:t>
            </w:r>
            <w:r>
              <w:rPr>
                <w:rFonts w:ascii="Cascadia Mono" w:hAnsi="Cascadia Mono" w:cs="Cascadia Mono"/>
                <w:color w:val="800000"/>
                <w:sz w:val="19"/>
                <w:szCs w:val="19"/>
              </w:rPr>
              <w:t>=</w:t>
            </w:r>
            <w:r>
              <w:rPr>
                <w:rFonts w:ascii="Cascadia Mono" w:hAnsi="Cascadia Mono" w:cs="Cascadia Mono"/>
                <w:color w:val="0000FF"/>
                <w:sz w:val="19"/>
                <w:szCs w:val="19"/>
              </w:rPr>
              <w:t>"hover"</w:t>
            </w:r>
            <w:r>
              <w:rPr>
                <w:rFonts w:ascii="Cascadia Mono" w:hAnsi="Cascadia Mono" w:cs="Cascadia Mono"/>
                <w:color w:val="800000"/>
                <w:sz w:val="19"/>
                <w:szCs w:val="19"/>
              </w:rPr>
              <w:t xml:space="preserve"> </w:t>
            </w:r>
            <w:r>
              <w:rPr>
                <w:rFonts w:ascii="Cascadia Mono" w:hAnsi="Cascadia Mono" w:cs="Cascadia Mono"/>
                <w:color w:val="FF0000"/>
                <w:sz w:val="19"/>
                <w:szCs w:val="19"/>
              </w:rPr>
              <w:t>data-placement</w:t>
            </w:r>
            <w:r>
              <w:rPr>
                <w:rFonts w:ascii="Cascadia Mono" w:hAnsi="Cascadia Mono" w:cs="Cascadia Mono"/>
                <w:color w:val="800000"/>
                <w:sz w:val="19"/>
                <w:szCs w:val="19"/>
              </w:rPr>
              <w:t>=</w:t>
            </w:r>
            <w:r>
              <w:rPr>
                <w:rFonts w:ascii="Cascadia Mono" w:hAnsi="Cascadia Mono" w:cs="Cascadia Mono"/>
                <w:color w:val="0000FF"/>
                <w:sz w:val="19"/>
                <w:szCs w:val="19"/>
              </w:rPr>
              <w:t>"top"</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data-content</w:t>
            </w:r>
            <w:r>
              <w:rPr>
                <w:rFonts w:ascii="Cascadia Mono" w:hAnsi="Cascadia Mono" w:cs="Cascadia Mono"/>
                <w:color w:val="800000"/>
                <w:sz w:val="19"/>
                <w:szCs w:val="19"/>
              </w:rPr>
              <w:t>=</w:t>
            </w:r>
            <w:r>
              <w:rPr>
                <w:rFonts w:ascii="Cascadia Mono" w:hAnsi="Cascadia Mono" w:cs="Cascadia Mono"/>
                <w:color w:val="0000FF"/>
                <w:sz w:val="19"/>
                <w:szCs w:val="19"/>
              </w:rPr>
              <w:t>"Two to four week stay at an Assisted Living for hospitality, social, lifestyle, and activities of daily living care services."</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respite.php"</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pf/img/services/icon/respite.png"</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 mb-2"</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8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80"</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espit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i</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ul</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r>
              <w:object w:dxaOrig="4320" w:dyaOrig="2550">
                <v:shape id="_x0000_i1028" type="#_x0000_t75" style="width:456.8pt;height:127.2pt" o:ole="">
                  <v:imagedata r:id="rId15" o:title=""/>
                </v:shape>
                <o:OLEObject Type="Embed" ProgID="PBrush" ShapeID="_x0000_i1028" DrawAspect="Content" ObjectID="_1729694187" r:id="rId16"/>
              </w:object>
            </w:r>
          </w:p>
        </w:tc>
      </w:tr>
      <w:tr w:rsidR="0048012D" w:rsidTr="0048012D">
        <w:tc>
          <w:tcPr>
            <w:tcW w:w="9576" w:type="dxa"/>
          </w:tcPr>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Recent Selections star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selections"</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 margin_60_35"</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ain_title_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2</w:t>
            </w:r>
            <w:r>
              <w:rPr>
                <w:rFonts w:ascii="Cascadia Mono" w:hAnsi="Cascadia Mono" w:cs="Cascadia Mono"/>
                <w:color w:val="000000"/>
                <w:sz w:val="19"/>
                <w:szCs w:val="19"/>
              </w:rPr>
              <w:t>&gt;Recent Views&lt;/</w:t>
            </w:r>
            <w:r>
              <w:rPr>
                <w:rFonts w:ascii="Cascadia Mono" w:hAnsi="Cascadia Mono" w:cs="Cascadia Mono"/>
                <w:color w:val="800000"/>
                <w:sz w:val="19"/>
                <w:szCs w:val="19"/>
              </w:rPr>
              <w:t>h2</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Click for the community, residence &amp; contact information.&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recent-selections-all.php"</w:t>
            </w:r>
            <w:r>
              <w:rPr>
                <w:rFonts w:ascii="Cascadia Mono" w:hAnsi="Cascadia Mono" w:cs="Cascadia Mono"/>
                <w:color w:val="000000"/>
                <w:sz w:val="19"/>
                <w:szCs w:val="19"/>
              </w:rPr>
              <w:t>&gt;See all&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 add_bottom_30"</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800000"/>
                <w:sz w:val="19"/>
                <w:szCs w:val="19"/>
              </w:rPr>
              <w:t>&lt;?php</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SQL    = </w:t>
            </w:r>
            <w:r>
              <w:rPr>
                <w:rFonts w:ascii="Cascadia Mono" w:hAnsi="Cascadia Mono" w:cs="Cascadia Mono"/>
                <w:color w:val="A31515"/>
                <w:sz w:val="19"/>
                <w:szCs w:val="19"/>
              </w:rPr>
              <w:t xml:space="preserve">"SELECT </w:t>
            </w:r>
            <w:r>
              <w:rPr>
                <w:rFonts w:ascii="Cascadia Mono" w:hAnsi="Cascadia Mono" w:cs="Cascadia Mono"/>
                <w:color w:val="000000"/>
                <w:sz w:val="19"/>
                <w:szCs w:val="19"/>
              </w:rPr>
              <w:t>*</w:t>
            </w:r>
            <w:r>
              <w:rPr>
                <w:rFonts w:ascii="Cascadia Mono" w:hAnsi="Cascadia Mono" w:cs="Cascadia Mono"/>
                <w:color w:val="A31515"/>
                <w:sz w:val="19"/>
                <w:szCs w:val="19"/>
              </w:rPr>
              <w:t xml:space="preserve"> FROM slg_properties_visitors as vist join slg_properties as pro on pro.id </w:t>
            </w:r>
            <w:r>
              <w:rPr>
                <w:rFonts w:ascii="Cascadia Mono" w:hAnsi="Cascadia Mono" w:cs="Cascadia Mono"/>
                <w:color w:val="000000"/>
                <w:sz w:val="19"/>
                <w:szCs w:val="19"/>
              </w:rPr>
              <w:t>=</w:t>
            </w:r>
            <w:r>
              <w:rPr>
                <w:rFonts w:ascii="Cascadia Mono" w:hAnsi="Cascadia Mono" w:cs="Cascadia Mono"/>
                <w:color w:val="A31515"/>
                <w:sz w:val="19"/>
                <w:szCs w:val="19"/>
              </w:rPr>
              <w:t xml:space="preserve"> vist.spv_ref_p_id  group by id  ORDER BY id limit </w:t>
            </w:r>
            <w:r>
              <w:rPr>
                <w:rFonts w:ascii="Cascadia Mono" w:hAnsi="Cascadia Mono" w:cs="Cascadia Mono"/>
                <w:color w:val="000000"/>
                <w:sz w:val="19"/>
                <w:szCs w:val="19"/>
              </w:rPr>
              <w:t>4</w:t>
            </w:r>
            <w:r>
              <w:rPr>
                <w:rFonts w:ascii="Cascadia Mono" w:hAnsi="Cascadia Mono" w:cs="Cascadia Mono"/>
                <w:color w:val="A31515"/>
                <w:sz w:val="19"/>
                <w:szCs w:val="19"/>
              </w:rPr>
              <w:t xml:space="preserve"> "</w:t>
            </w: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stmt   = $db-&gt;prepare($SQL);</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stmt-&gt;execut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rowCount = $stmt-&gt;rowCount() ;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while</w:t>
            </w:r>
            <w:r>
              <w:rPr>
                <w:rFonts w:ascii="Cascadia Mono" w:hAnsi="Cascadia Mono" w:cs="Cascadia Mono"/>
                <w:color w:val="000000"/>
                <w:sz w:val="19"/>
                <w:szCs w:val="19"/>
              </w:rPr>
              <w:t xml:space="preserve"> ($row = $stmt-&gt;fetch(</w:t>
            </w:r>
            <w:r>
              <w:rPr>
                <w:rFonts w:ascii="Cascadia Mono" w:hAnsi="Cascadia Mono" w:cs="Cascadia Mono"/>
                <w:color w:val="2B91AF"/>
                <w:sz w:val="19"/>
                <w:szCs w:val="19"/>
              </w:rPr>
              <w:t>PDO</w:t>
            </w:r>
            <w:r>
              <w:rPr>
                <w:rFonts w:ascii="Cascadia Mono" w:hAnsi="Cascadia Mono" w:cs="Cascadia Mono"/>
                <w:color w:val="000000"/>
                <w:sz w:val="19"/>
                <w:szCs w:val="19"/>
              </w:rPr>
              <w:t xml:space="preserve">::FETCH_ASSOC)) {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photolength = </w:t>
            </w:r>
            <w:r>
              <w:rPr>
                <w:rFonts w:ascii="Cascadia Mono" w:hAnsi="Cascadia Mono" w:cs="Cascadia Mono"/>
                <w:color w:val="0000FF"/>
                <w:sz w:val="19"/>
                <w:szCs w:val="19"/>
              </w:rPr>
              <w:t>strlen</w:t>
            </w:r>
            <w:r>
              <w:rPr>
                <w:rFonts w:ascii="Cascadia Mono" w:hAnsi="Cascadia Mono" w:cs="Cascadia Mono"/>
                <w:color w:val="000000"/>
                <w:sz w:val="19"/>
                <w:szCs w:val="19"/>
              </w:rPr>
              <w:t>($row[</w:t>
            </w:r>
            <w:r>
              <w:rPr>
                <w:rFonts w:ascii="Cascadia Mono" w:hAnsi="Cascadia Mono" w:cs="Cascadia Mono"/>
                <w:color w:val="A31515"/>
                <w:sz w:val="19"/>
                <w:szCs w:val="19"/>
              </w:rPr>
              <w:t>'photo1'</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photolength == 0)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photoUrl = SITE_URL_MAIN . </w:t>
            </w:r>
            <w:r>
              <w:rPr>
                <w:rFonts w:ascii="Cascadia Mono" w:hAnsi="Cascadia Mono" w:cs="Cascadia Mono"/>
                <w:color w:val="A31515"/>
                <w:sz w:val="19"/>
                <w:szCs w:val="19"/>
              </w:rPr>
              <w:t>'/uploads/slg/properties/no-image_No_Photo.png'</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 </w:t>
            </w:r>
            <w:r>
              <w:rPr>
                <w:rFonts w:ascii="Cascadia Mono" w:hAnsi="Cascadia Mono" w:cs="Cascadia Mono"/>
                <w:color w:val="0000FF"/>
                <w:sz w:val="19"/>
                <w:szCs w:val="19"/>
              </w:rPr>
              <w:t>else</w:t>
            </w: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photolength &lt;= 15)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photoUrl = SITE_URL_MAIN . </w:t>
            </w:r>
            <w:r>
              <w:rPr>
                <w:rFonts w:ascii="Cascadia Mono" w:hAnsi="Cascadia Mono" w:cs="Cascadia Mono"/>
                <w:color w:val="A31515"/>
                <w:sz w:val="19"/>
                <w:szCs w:val="19"/>
              </w:rPr>
              <w:t>'/uploads/slg/properties/'</w:t>
            </w:r>
            <w:r>
              <w:rPr>
                <w:rFonts w:ascii="Cascadia Mono" w:hAnsi="Cascadia Mono" w:cs="Cascadia Mono"/>
                <w:color w:val="000000"/>
                <w:sz w:val="19"/>
                <w:szCs w:val="19"/>
              </w:rPr>
              <w:t xml:space="preserve"> .$row[</w:t>
            </w:r>
            <w:r>
              <w:rPr>
                <w:rFonts w:ascii="Cascadia Mono" w:hAnsi="Cascadia Mono" w:cs="Cascadia Mono"/>
                <w:color w:val="A31515"/>
                <w:sz w:val="19"/>
                <w:szCs w:val="19"/>
              </w:rPr>
              <w:t>'photo1'</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 </w:t>
            </w:r>
            <w:r>
              <w:rPr>
                <w:rFonts w:ascii="Cascadia Mono" w:hAnsi="Cascadia Mono" w:cs="Cascadia Mono"/>
                <w:color w:val="0000FF"/>
                <w:sz w:val="19"/>
                <w:szCs w:val="19"/>
              </w:rPr>
              <w:t>else</w:t>
            </w: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photoUrl = $row[</w:t>
            </w:r>
            <w:r>
              <w:rPr>
                <w:rFonts w:ascii="Cascadia Mono" w:hAnsi="Cascadia Mono" w:cs="Cascadia Mono"/>
                <w:color w:val="A31515"/>
                <w:sz w:val="19"/>
                <w:szCs w:val="19"/>
              </w:rPr>
              <w:t>'photo1'</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8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3 col-sm-6"</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grid_item small"</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ab/>
            </w:r>
            <w:r>
              <w:rPr>
                <w:rFonts w:ascii="Cascadia Mono" w:hAnsi="Cascadia Mono" w:cs="Cascadia Mono"/>
                <w:color w:val="800000"/>
                <w:sz w:val="19"/>
                <w:szCs w:val="19"/>
              </w:rPr>
              <w:tab/>
            </w:r>
            <w:r>
              <w:rPr>
                <w:rFonts w:ascii="Cascadia Mono" w:hAnsi="Cascadia Mono" w:cs="Cascadia Mono"/>
                <w:color w:val="800000"/>
                <w:sz w:val="19"/>
                <w:szCs w:val="19"/>
              </w:rPr>
              <w:tab/>
            </w:r>
            <w:r>
              <w:rPr>
                <w:rFonts w:ascii="Cascadia Mono" w:hAnsi="Cascadia Mono" w:cs="Cascadia Mono"/>
                <w:color w:val="800000"/>
                <w:sz w:val="19"/>
                <w:szCs w:val="19"/>
              </w:rPr>
              <w:tab/>
            </w:r>
            <w:r>
              <w:rPr>
                <w:rFonts w:ascii="Cascadia Mono" w:hAnsi="Cascadia Mono" w:cs="Cascadia Mono"/>
                <w:color w:val="800000"/>
                <w:sz w:val="19"/>
                <w:szCs w:val="19"/>
              </w:rPr>
              <w:tab/>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property-details.php?id=</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w:t>
            </w:r>
            <w:r>
              <w:rPr>
                <w:rFonts w:ascii="Cascadia Mono" w:hAnsi="Cascadia Mono" w:cs="Cascadia Mono"/>
                <w:color w:val="000000"/>
                <w:sz w:val="19"/>
                <w:szCs w:val="19"/>
              </w:rPr>
              <w:t>$row</w:t>
            </w:r>
            <w:r>
              <w:rPr>
                <w:rFonts w:ascii="Cascadia Mono" w:hAnsi="Cascadia Mono" w:cs="Cascadia Mono"/>
                <w:color w:val="0000FF"/>
                <w:sz w:val="19"/>
                <w:szCs w:val="19"/>
              </w:rPr>
              <w:t>['id'];</w:t>
            </w:r>
            <w:r>
              <w:rPr>
                <w:rFonts w:ascii="Cascadia Mono" w:hAnsi="Cascadia Mono" w:cs="Cascadia Mono"/>
                <w:color w:val="800000"/>
                <w:sz w:val="19"/>
                <w:szCs w:val="19"/>
              </w:rPr>
              <w:t>?&gt;</w:t>
            </w:r>
            <w:r>
              <w:rPr>
                <w:rFonts w:ascii="Cascadia Mono" w:hAnsi="Cascadia Mono" w:cs="Cascadia Mono"/>
                <w:color w:val="0000FF"/>
                <w:sz w:val="19"/>
                <w:szCs w:val="19"/>
              </w:rPr>
              <w: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t;</w:t>
            </w:r>
            <w:r>
              <w:rPr>
                <w:rFonts w:ascii="Cascadia Mono" w:hAnsi="Cascadia Mono" w:cs="Cascadia Mono"/>
                <w:color w:val="800000"/>
                <w:sz w:val="19"/>
                <w:szCs w:val="19"/>
              </w:rPr>
              <w:t>figur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lastRenderedPageBreak/>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ab/>
            </w:r>
            <w:r>
              <w:rPr>
                <w:rFonts w:ascii="Cascadia Mono" w:hAnsi="Cascadia Mono" w:cs="Cascadia Mono"/>
                <w:color w:val="800000"/>
                <w:sz w:val="19"/>
                <w:szCs w:val="19"/>
              </w:rPr>
              <w:tab/>
            </w:r>
            <w:r>
              <w:rPr>
                <w:rFonts w:ascii="Cascadia Mono" w:hAnsi="Cascadia Mono" w:cs="Cascadia Mono"/>
                <w:color w:val="800000"/>
                <w:sz w:val="19"/>
                <w:szCs w:val="19"/>
              </w:rPr>
              <w:tab/>
            </w:r>
            <w:r>
              <w:rPr>
                <w:rFonts w:ascii="Cascadia Mono" w:hAnsi="Cascadia Mono" w:cs="Cascadia Mono"/>
                <w:color w:val="800000"/>
                <w:sz w:val="19"/>
                <w:szCs w:val="19"/>
              </w:rPr>
              <w:tab/>
            </w:r>
            <w:r>
              <w:rPr>
                <w:rFonts w:ascii="Cascadia Mono" w:hAnsi="Cascadia Mono" w:cs="Cascadia Mono"/>
                <w:color w:val="800000"/>
                <w:sz w:val="19"/>
                <w:szCs w:val="19"/>
              </w:rPr>
              <w:tab/>
            </w:r>
            <w:r>
              <w:rPr>
                <w:rFonts w:ascii="Cascadia Mono" w:hAnsi="Cascadia Mono" w:cs="Cascadia Mono"/>
                <w:color w:val="800000"/>
                <w:sz w:val="19"/>
                <w:szCs w:val="19"/>
              </w:rPr>
              <w:tab/>
            </w:r>
            <w:r>
              <w:rPr>
                <w:rFonts w:ascii="Cascadia Mono" w:hAnsi="Cascadia Mono" w:cs="Cascadia Mono"/>
                <w:color w:val="800000"/>
                <w:sz w:val="19"/>
                <w:szCs w:val="19"/>
              </w:rPr>
              <w:tab/>
            </w:r>
            <w:r>
              <w:rPr>
                <w:rFonts w:ascii="Cascadia Mono" w:hAnsi="Cascadia Mono" w:cs="Cascadia Mono"/>
                <w:color w:val="800000"/>
                <w:sz w:val="19"/>
                <w:szCs w:val="19"/>
              </w:rPr>
              <w:tab/>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w:t>
            </w:r>
            <w:r>
              <w:rPr>
                <w:rFonts w:ascii="Cascadia Mono" w:hAnsi="Cascadia Mono" w:cs="Cascadia Mono"/>
                <w:color w:val="000000"/>
                <w:sz w:val="19"/>
                <w:szCs w:val="19"/>
              </w:rPr>
              <w:t>$photoUrl</w:t>
            </w:r>
            <w:r>
              <w:rPr>
                <w:rFonts w:ascii="Cascadia Mono" w:hAnsi="Cascadia Mono" w:cs="Cascadia Mono"/>
                <w:color w:val="0000FF"/>
                <w:sz w:val="19"/>
                <w:szCs w:val="19"/>
              </w:rPr>
              <w:t>;</w:t>
            </w:r>
            <w:r>
              <w:rPr>
                <w:rFonts w:ascii="Cascadia Mono" w:hAnsi="Cascadia Mono" w:cs="Cascadia Mono"/>
                <w:color w:val="800000"/>
                <w:sz w:val="19"/>
                <w:szCs w:val="19"/>
              </w:rPr>
              <w:t>?&gt;</w:t>
            </w:r>
            <w:r>
              <w:rPr>
                <w:rFonts w:ascii="Cascadia Mono" w:hAnsi="Cascadia Mono" w:cs="Cascadia Mono"/>
                <w:color w:val="0000FF"/>
                <w:sz w:val="19"/>
                <w:szCs w:val="19"/>
              </w:rPr>
              <w: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nfo"</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t;</w:t>
            </w:r>
            <w:r>
              <w:rPr>
                <w:rFonts w:ascii="Cascadia Mono" w:hAnsi="Cascadia Mono" w:cs="Cascadia Mono"/>
                <w:color w:val="800000"/>
                <w:sz w:val="19"/>
                <w:szCs w:val="19"/>
              </w:rPr>
              <w:t>h3</w:t>
            </w:r>
            <w:r>
              <w:rPr>
                <w:rFonts w:ascii="Cascadia Mono" w:hAnsi="Cascadia Mono" w:cs="Cascadia Mono"/>
                <w:color w:val="000000"/>
                <w:sz w:val="19"/>
                <w:szCs w:val="19"/>
              </w:rPr>
              <w:t>&gt;</w:t>
            </w:r>
            <w:r>
              <w:rPr>
                <w:rFonts w:ascii="Cascadia Mono" w:hAnsi="Cascadia Mono" w:cs="Cascadia Mono"/>
                <w:color w:val="800000"/>
                <w:sz w:val="19"/>
                <w:szCs w:val="19"/>
              </w:rPr>
              <w:t>&lt;?php</w:t>
            </w:r>
            <w:r>
              <w:rPr>
                <w:rFonts w:ascii="Cascadia Mono" w:hAnsi="Cascadia Mono" w:cs="Cascadia Mono"/>
                <w:color w:val="000000"/>
                <w:sz w:val="19"/>
                <w:szCs w:val="19"/>
              </w:rPr>
              <w:t xml:space="preserve"> </w:t>
            </w:r>
            <w:r>
              <w:rPr>
                <w:rFonts w:ascii="Cascadia Mono" w:hAnsi="Cascadia Mono" w:cs="Cascadia Mono"/>
                <w:color w:val="0000FF"/>
                <w:sz w:val="19"/>
                <w:szCs w:val="19"/>
              </w:rPr>
              <w:t>echo</w:t>
            </w:r>
            <w:r>
              <w:rPr>
                <w:rFonts w:ascii="Cascadia Mono" w:hAnsi="Cascadia Mono" w:cs="Cascadia Mono"/>
                <w:color w:val="000000"/>
                <w:sz w:val="19"/>
                <w:szCs w:val="19"/>
              </w:rPr>
              <w:t xml:space="preserve"> $row[</w:t>
            </w:r>
            <w:r>
              <w:rPr>
                <w:rFonts w:ascii="Cascadia Mono" w:hAnsi="Cascadia Mono" w:cs="Cascadia Mono"/>
                <w:color w:val="A31515"/>
                <w:sz w:val="19"/>
                <w:szCs w:val="19"/>
              </w:rPr>
              <w:t>'title'</w:t>
            </w:r>
            <w:r>
              <w:rPr>
                <w:rFonts w:ascii="Cascadia Mono" w:hAnsi="Cascadia Mono" w:cs="Cascadia Mono"/>
                <w:color w:val="000000"/>
                <w:sz w:val="19"/>
                <w:szCs w:val="19"/>
              </w:rPr>
              <w:t>];</w:t>
            </w:r>
            <w:r>
              <w:rPr>
                <w:rFonts w:ascii="Cascadia Mono" w:hAnsi="Cascadia Mono" w:cs="Cascadia Mono"/>
                <w:color w:val="800000"/>
                <w:sz w:val="19"/>
                <w:szCs w:val="19"/>
              </w:rPr>
              <w:t>?&gt;</w:t>
            </w:r>
            <w:r>
              <w:rPr>
                <w:rFonts w:ascii="Cascadia Mono" w:hAnsi="Cascadia Mono" w:cs="Cascadia Mono"/>
                <w:color w:val="000000"/>
                <w:sz w:val="19"/>
                <w:szCs w:val="19"/>
              </w:rPr>
              <w:t>&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t;/</w:t>
            </w:r>
            <w:r>
              <w:rPr>
                <w:rFonts w:ascii="Cascadia Mono" w:hAnsi="Cascadia Mono" w:cs="Cascadia Mono"/>
                <w:color w:val="800000"/>
                <w:sz w:val="19"/>
                <w:szCs w:val="19"/>
              </w:rPr>
              <w:t>figur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t;/</w:t>
            </w:r>
            <w:r>
              <w:rPr>
                <w:rFonts w:ascii="Cascadia Mono" w:hAnsi="Cascadia Mono" w:cs="Cascadia Mono"/>
                <w:color w:val="800000"/>
                <w:sz w:val="19"/>
                <w:szCs w:val="19"/>
              </w:rPr>
              <w:t>div</w:t>
            </w:r>
            <w:r>
              <w:rPr>
                <w:rFonts w:ascii="Cascadia Mono" w:hAnsi="Cascadia Mono" w:cs="Cascadia Mono"/>
                <w:color w:val="000000"/>
                <w:sz w:val="19"/>
                <w:szCs w:val="19"/>
              </w:rPr>
              <w:t xml:space="preserve">&gt;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800000"/>
                <w:sz w:val="19"/>
                <w:szCs w:val="19"/>
              </w:rPr>
              <w:t>&lt;?php</w:t>
            </w:r>
            <w:r>
              <w:rPr>
                <w:rFonts w:ascii="Cascadia Mono" w:hAnsi="Cascadia Mono" w:cs="Cascadia Mono"/>
                <w:color w:val="000000"/>
                <w:sz w:val="19"/>
                <w:szCs w:val="19"/>
              </w:rPr>
              <w:t xml:space="preserve"> } </w:t>
            </w:r>
            <w:r>
              <w:rPr>
                <w:rFonts w:ascii="Cascadia Mono" w:hAnsi="Cascadia Mono" w:cs="Cascadia Mono"/>
                <w:color w:val="800000"/>
                <w:sz w:val="19"/>
                <w:szCs w:val="19"/>
              </w:rPr>
              <w:t>?&gt;</w:t>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8000"/>
                <w:sz w:val="19"/>
                <w:szCs w:val="19"/>
              </w:rPr>
              <w:t>&lt;!--Recent Selections end--&gt;</w:t>
            </w:r>
          </w:p>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r>
              <w:object w:dxaOrig="4320" w:dyaOrig="3783">
                <v:shape id="_x0000_i1029" type="#_x0000_t75" style="width:461.6pt;height:188.8pt" o:ole="">
                  <v:imagedata r:id="rId17" o:title=""/>
                </v:shape>
                <o:OLEObject Type="Embed" ProgID="PBrush" ShapeID="_x0000_i1029" DrawAspect="Content" ObjectID="_1729694188" r:id="rId18"/>
              </w:object>
            </w:r>
          </w:p>
        </w:tc>
      </w:tr>
      <w:tr w:rsidR="0048012D" w:rsidTr="0048012D">
        <w:tc>
          <w:tcPr>
            <w:tcW w:w="9576" w:type="dxa"/>
          </w:tcPr>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lt;!--Newest Additions star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ain_title_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2</w:t>
            </w:r>
            <w:r>
              <w:rPr>
                <w:rFonts w:ascii="Cascadia Mono" w:hAnsi="Cascadia Mono" w:cs="Cascadia Mono"/>
                <w:color w:val="000000"/>
                <w:sz w:val="19"/>
                <w:szCs w:val="19"/>
              </w:rPr>
              <w:t>&gt;Newest Additions&lt;/</w:t>
            </w:r>
            <w:r>
              <w:rPr>
                <w:rFonts w:ascii="Cascadia Mono" w:hAnsi="Cascadia Mono" w:cs="Cascadia Mono"/>
                <w:color w:val="800000"/>
                <w:sz w:val="19"/>
                <w:szCs w:val="19"/>
              </w:rPr>
              <w:t>h2</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Communities &amp; Residences a click away.&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newest-additions-all.php"</w:t>
            </w:r>
            <w:r>
              <w:rPr>
                <w:rFonts w:ascii="Cascadia Mono" w:hAnsi="Cascadia Mono" w:cs="Cascadia Mono"/>
                <w:color w:val="000000"/>
                <w:sz w:val="19"/>
                <w:szCs w:val="19"/>
              </w:rPr>
              <w:t>&gt;See all&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 add_bottom_30"</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800000"/>
                <w:sz w:val="19"/>
                <w:szCs w:val="19"/>
              </w:rPr>
              <w:t>&lt;?php</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SQL    = </w:t>
            </w:r>
            <w:r>
              <w:rPr>
                <w:rFonts w:ascii="Cascadia Mono" w:hAnsi="Cascadia Mono" w:cs="Cascadia Mono"/>
                <w:color w:val="A31515"/>
                <w:sz w:val="19"/>
                <w:szCs w:val="19"/>
              </w:rPr>
              <w:t xml:space="preserve">"SELECT </w:t>
            </w:r>
            <w:r>
              <w:rPr>
                <w:rFonts w:ascii="Cascadia Mono" w:hAnsi="Cascadia Mono" w:cs="Cascadia Mono"/>
                <w:color w:val="000000"/>
                <w:sz w:val="19"/>
                <w:szCs w:val="19"/>
              </w:rPr>
              <w:t>*</w:t>
            </w:r>
            <w:r>
              <w:rPr>
                <w:rFonts w:ascii="Cascadia Mono" w:hAnsi="Cascadia Mono" w:cs="Cascadia Mono"/>
                <w:color w:val="A31515"/>
                <w:sz w:val="19"/>
                <w:szCs w:val="19"/>
              </w:rPr>
              <w:t xml:space="preserve"> FROM slg_properties ORDER BY id DESC limit </w:t>
            </w:r>
            <w:r>
              <w:rPr>
                <w:rFonts w:ascii="Cascadia Mono" w:hAnsi="Cascadia Mono" w:cs="Cascadia Mono"/>
                <w:color w:val="000000"/>
                <w:sz w:val="19"/>
                <w:szCs w:val="19"/>
              </w:rPr>
              <w:t>4</w:t>
            </w:r>
            <w:r>
              <w:rPr>
                <w:rFonts w:ascii="Cascadia Mono" w:hAnsi="Cascadia Mono" w:cs="Cascadia Mono"/>
                <w:color w:val="A31515"/>
                <w:sz w:val="19"/>
                <w:szCs w:val="19"/>
              </w:rPr>
              <w:t>"</w:t>
            </w: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stmt   = $db-&gt;prepare($SQL);</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stmt-&gt;execut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rowCount = $stmt-&gt;rowCount() ;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while</w:t>
            </w:r>
            <w:r>
              <w:rPr>
                <w:rFonts w:ascii="Cascadia Mono" w:hAnsi="Cascadia Mono" w:cs="Cascadia Mono"/>
                <w:color w:val="000000"/>
                <w:sz w:val="19"/>
                <w:szCs w:val="19"/>
              </w:rPr>
              <w:t xml:space="preserve"> ($row = $stmt-&gt;fetch(</w:t>
            </w:r>
            <w:r>
              <w:rPr>
                <w:rFonts w:ascii="Cascadia Mono" w:hAnsi="Cascadia Mono" w:cs="Cascadia Mono"/>
                <w:color w:val="2B91AF"/>
                <w:sz w:val="19"/>
                <w:szCs w:val="19"/>
              </w:rPr>
              <w:t>PDO</w:t>
            </w:r>
            <w:r>
              <w:rPr>
                <w:rFonts w:ascii="Cascadia Mono" w:hAnsi="Cascadia Mono" w:cs="Cascadia Mono"/>
                <w:color w:val="000000"/>
                <w:sz w:val="19"/>
                <w:szCs w:val="19"/>
              </w:rPr>
              <w:t xml:space="preserve">::FETCH_ASSOC)) {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photolength = </w:t>
            </w:r>
            <w:r>
              <w:rPr>
                <w:rFonts w:ascii="Cascadia Mono" w:hAnsi="Cascadia Mono" w:cs="Cascadia Mono"/>
                <w:color w:val="0000FF"/>
                <w:sz w:val="19"/>
                <w:szCs w:val="19"/>
              </w:rPr>
              <w:t>strlen</w:t>
            </w:r>
            <w:r>
              <w:rPr>
                <w:rFonts w:ascii="Cascadia Mono" w:hAnsi="Cascadia Mono" w:cs="Cascadia Mono"/>
                <w:color w:val="000000"/>
                <w:sz w:val="19"/>
                <w:szCs w:val="19"/>
              </w:rPr>
              <w:t>($row[</w:t>
            </w:r>
            <w:r>
              <w:rPr>
                <w:rFonts w:ascii="Cascadia Mono" w:hAnsi="Cascadia Mono" w:cs="Cascadia Mono"/>
                <w:color w:val="A31515"/>
                <w:sz w:val="19"/>
                <w:szCs w:val="19"/>
              </w:rPr>
              <w:t>'photo1'</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photolength == 0)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photoUrl = SITE_URL_MAIN . </w:t>
            </w:r>
            <w:r>
              <w:rPr>
                <w:rFonts w:ascii="Cascadia Mono" w:hAnsi="Cascadia Mono" w:cs="Cascadia Mono"/>
                <w:color w:val="A31515"/>
                <w:sz w:val="19"/>
                <w:szCs w:val="19"/>
              </w:rPr>
              <w:t>'/uploads/slg/properties/no-image_No_Photo.png'</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 </w:t>
            </w:r>
            <w:r>
              <w:rPr>
                <w:rFonts w:ascii="Cascadia Mono" w:hAnsi="Cascadia Mono" w:cs="Cascadia Mono"/>
                <w:color w:val="0000FF"/>
                <w:sz w:val="19"/>
                <w:szCs w:val="19"/>
              </w:rPr>
              <w:t>else</w:t>
            </w: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photolength &lt;= 15)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photoUrl = SITE_URL_MAIN . </w:t>
            </w:r>
            <w:r>
              <w:rPr>
                <w:rFonts w:ascii="Cascadia Mono" w:hAnsi="Cascadia Mono" w:cs="Cascadia Mono"/>
                <w:color w:val="A31515"/>
                <w:sz w:val="19"/>
                <w:szCs w:val="19"/>
              </w:rPr>
              <w:t>'/uploads/slg/properties/'</w:t>
            </w:r>
            <w:r>
              <w:rPr>
                <w:rFonts w:ascii="Cascadia Mono" w:hAnsi="Cascadia Mono" w:cs="Cascadia Mono"/>
                <w:color w:val="000000"/>
                <w:sz w:val="19"/>
                <w:szCs w:val="19"/>
              </w:rPr>
              <w:t xml:space="preserve"> .$row[</w:t>
            </w:r>
            <w:r>
              <w:rPr>
                <w:rFonts w:ascii="Cascadia Mono" w:hAnsi="Cascadia Mono" w:cs="Cascadia Mono"/>
                <w:color w:val="A31515"/>
                <w:sz w:val="19"/>
                <w:szCs w:val="19"/>
              </w:rPr>
              <w:t>'photo1'</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 </w:t>
            </w:r>
            <w:r>
              <w:rPr>
                <w:rFonts w:ascii="Cascadia Mono" w:hAnsi="Cascadia Mono" w:cs="Cascadia Mono"/>
                <w:color w:val="0000FF"/>
                <w:sz w:val="19"/>
                <w:szCs w:val="19"/>
              </w:rPr>
              <w:t>else</w:t>
            </w: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photoUrl = $row[</w:t>
            </w:r>
            <w:r>
              <w:rPr>
                <w:rFonts w:ascii="Cascadia Mono" w:hAnsi="Cascadia Mono" w:cs="Cascadia Mono"/>
                <w:color w:val="A31515"/>
                <w:sz w:val="19"/>
                <w:szCs w:val="19"/>
              </w:rPr>
              <w:t>'photo1'</w:t>
            </w:r>
            <w:r>
              <w:rPr>
                <w:rFonts w:ascii="Cascadia Mono" w:hAnsi="Cascadia Mono" w:cs="Cascadia Mono"/>
                <w:color w:val="000000"/>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8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3 col-sm-6"</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grid_item small"</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ab/>
            </w:r>
            <w:r>
              <w:rPr>
                <w:rFonts w:ascii="Cascadia Mono" w:hAnsi="Cascadia Mono" w:cs="Cascadia Mono"/>
                <w:color w:val="800000"/>
                <w:sz w:val="19"/>
                <w:szCs w:val="19"/>
              </w:rPr>
              <w:tab/>
            </w:r>
            <w:r>
              <w:rPr>
                <w:rFonts w:ascii="Cascadia Mono" w:hAnsi="Cascadia Mono" w:cs="Cascadia Mono"/>
                <w:color w:val="800000"/>
                <w:sz w:val="19"/>
                <w:szCs w:val="19"/>
              </w:rPr>
              <w:tab/>
            </w:r>
            <w:r>
              <w:rPr>
                <w:rFonts w:ascii="Cascadia Mono" w:hAnsi="Cascadia Mono" w:cs="Cascadia Mono"/>
                <w:color w:val="800000"/>
                <w:sz w:val="19"/>
                <w:szCs w:val="19"/>
              </w:rPr>
              <w:tab/>
            </w:r>
            <w:r>
              <w:rPr>
                <w:rFonts w:ascii="Cascadia Mono" w:hAnsi="Cascadia Mono" w:cs="Cascadia Mono"/>
                <w:color w:val="800000"/>
                <w:sz w:val="19"/>
                <w:szCs w:val="19"/>
              </w:rPr>
              <w:tab/>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property-details.php?id=</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w:t>
            </w:r>
            <w:r>
              <w:rPr>
                <w:rFonts w:ascii="Cascadia Mono" w:hAnsi="Cascadia Mono" w:cs="Cascadia Mono"/>
                <w:color w:val="000000"/>
                <w:sz w:val="19"/>
                <w:szCs w:val="19"/>
              </w:rPr>
              <w:t>$row</w:t>
            </w:r>
            <w:r>
              <w:rPr>
                <w:rFonts w:ascii="Cascadia Mono" w:hAnsi="Cascadia Mono" w:cs="Cascadia Mono"/>
                <w:color w:val="0000FF"/>
                <w:sz w:val="19"/>
                <w:szCs w:val="19"/>
              </w:rPr>
              <w:t>['id'];</w:t>
            </w:r>
            <w:r>
              <w:rPr>
                <w:rFonts w:ascii="Cascadia Mono" w:hAnsi="Cascadia Mono" w:cs="Cascadia Mono"/>
                <w:color w:val="800000"/>
                <w:sz w:val="19"/>
                <w:szCs w:val="19"/>
              </w:rPr>
              <w:t>?&gt;</w:t>
            </w:r>
            <w:r>
              <w:rPr>
                <w:rFonts w:ascii="Cascadia Mono" w:hAnsi="Cascadia Mono" w:cs="Cascadia Mono"/>
                <w:color w:val="0000FF"/>
                <w:sz w:val="19"/>
                <w:szCs w:val="19"/>
              </w:rPr>
              <w: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t;</w:t>
            </w:r>
            <w:r>
              <w:rPr>
                <w:rFonts w:ascii="Cascadia Mono" w:hAnsi="Cascadia Mono" w:cs="Cascadia Mono"/>
                <w:color w:val="800000"/>
                <w:sz w:val="19"/>
                <w:szCs w:val="19"/>
              </w:rPr>
              <w:t>figur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ab/>
            </w:r>
            <w:r>
              <w:rPr>
                <w:rFonts w:ascii="Cascadia Mono" w:hAnsi="Cascadia Mono" w:cs="Cascadia Mono"/>
                <w:color w:val="800000"/>
                <w:sz w:val="19"/>
                <w:szCs w:val="19"/>
              </w:rPr>
              <w:tab/>
            </w:r>
            <w:r>
              <w:rPr>
                <w:rFonts w:ascii="Cascadia Mono" w:hAnsi="Cascadia Mono" w:cs="Cascadia Mono"/>
                <w:color w:val="800000"/>
                <w:sz w:val="19"/>
                <w:szCs w:val="19"/>
              </w:rPr>
              <w:tab/>
            </w:r>
            <w:r>
              <w:rPr>
                <w:rFonts w:ascii="Cascadia Mono" w:hAnsi="Cascadia Mono" w:cs="Cascadia Mono"/>
                <w:color w:val="800000"/>
                <w:sz w:val="19"/>
                <w:szCs w:val="19"/>
              </w:rPr>
              <w:tab/>
            </w:r>
            <w:r>
              <w:rPr>
                <w:rFonts w:ascii="Cascadia Mono" w:hAnsi="Cascadia Mono" w:cs="Cascadia Mono"/>
                <w:color w:val="800000"/>
                <w:sz w:val="19"/>
                <w:szCs w:val="19"/>
              </w:rPr>
              <w:tab/>
            </w:r>
            <w:r>
              <w:rPr>
                <w:rFonts w:ascii="Cascadia Mono" w:hAnsi="Cascadia Mono" w:cs="Cascadia Mono"/>
                <w:color w:val="800000"/>
                <w:sz w:val="19"/>
                <w:szCs w:val="19"/>
              </w:rPr>
              <w:tab/>
            </w:r>
            <w:r>
              <w:rPr>
                <w:rFonts w:ascii="Cascadia Mono" w:hAnsi="Cascadia Mono" w:cs="Cascadia Mono"/>
                <w:color w:val="800000"/>
                <w:sz w:val="19"/>
                <w:szCs w:val="19"/>
              </w:rPr>
              <w:tab/>
            </w:r>
            <w:r>
              <w:rPr>
                <w:rFonts w:ascii="Cascadia Mono" w:hAnsi="Cascadia Mono" w:cs="Cascadia Mono"/>
                <w:color w:val="800000"/>
                <w:sz w:val="19"/>
                <w:szCs w:val="19"/>
              </w:rPr>
              <w:tab/>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lt;?php</w:t>
            </w:r>
            <w:r>
              <w:rPr>
                <w:rFonts w:ascii="Cascadia Mono" w:hAnsi="Cascadia Mono" w:cs="Cascadia Mono"/>
                <w:color w:val="0000FF"/>
                <w:sz w:val="19"/>
                <w:szCs w:val="19"/>
              </w:rPr>
              <w:t xml:space="preserve"> echo </w:t>
            </w:r>
            <w:r>
              <w:rPr>
                <w:rFonts w:ascii="Cascadia Mono" w:hAnsi="Cascadia Mono" w:cs="Cascadia Mono"/>
                <w:color w:val="000000"/>
                <w:sz w:val="19"/>
                <w:szCs w:val="19"/>
              </w:rPr>
              <w:t>$photoUrl</w:t>
            </w:r>
            <w:r>
              <w:rPr>
                <w:rFonts w:ascii="Cascadia Mono" w:hAnsi="Cascadia Mono" w:cs="Cascadia Mono"/>
                <w:color w:val="0000FF"/>
                <w:sz w:val="19"/>
                <w:szCs w:val="19"/>
              </w:rPr>
              <w:t>;</w:t>
            </w:r>
            <w:r>
              <w:rPr>
                <w:rFonts w:ascii="Cascadia Mono" w:hAnsi="Cascadia Mono" w:cs="Cascadia Mono"/>
                <w:color w:val="800000"/>
                <w:sz w:val="19"/>
                <w:szCs w:val="19"/>
              </w:rPr>
              <w:t>?&gt;</w:t>
            </w:r>
            <w:r>
              <w:rPr>
                <w:rFonts w:ascii="Cascadia Mono" w:hAnsi="Cascadia Mono" w:cs="Cascadia Mono"/>
                <w:color w:val="0000FF"/>
                <w:sz w:val="19"/>
                <w:szCs w:val="19"/>
              </w:rPr>
              <w:t>"</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nfo"</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t;</w:t>
            </w:r>
            <w:r>
              <w:rPr>
                <w:rFonts w:ascii="Cascadia Mono" w:hAnsi="Cascadia Mono" w:cs="Cascadia Mono"/>
                <w:color w:val="800000"/>
                <w:sz w:val="19"/>
                <w:szCs w:val="19"/>
              </w:rPr>
              <w:t>h3</w:t>
            </w:r>
            <w:r>
              <w:rPr>
                <w:rFonts w:ascii="Cascadia Mono" w:hAnsi="Cascadia Mono" w:cs="Cascadia Mono"/>
                <w:color w:val="000000"/>
                <w:sz w:val="19"/>
                <w:szCs w:val="19"/>
              </w:rPr>
              <w:t>&gt;</w:t>
            </w:r>
            <w:r>
              <w:rPr>
                <w:rFonts w:ascii="Cascadia Mono" w:hAnsi="Cascadia Mono" w:cs="Cascadia Mono"/>
                <w:color w:val="800000"/>
                <w:sz w:val="19"/>
                <w:szCs w:val="19"/>
              </w:rPr>
              <w:t>&lt;?php</w:t>
            </w:r>
            <w:r>
              <w:rPr>
                <w:rFonts w:ascii="Cascadia Mono" w:hAnsi="Cascadia Mono" w:cs="Cascadia Mono"/>
                <w:color w:val="000000"/>
                <w:sz w:val="19"/>
                <w:szCs w:val="19"/>
              </w:rPr>
              <w:t xml:space="preserve"> </w:t>
            </w:r>
            <w:r>
              <w:rPr>
                <w:rFonts w:ascii="Cascadia Mono" w:hAnsi="Cascadia Mono" w:cs="Cascadia Mono"/>
                <w:color w:val="0000FF"/>
                <w:sz w:val="19"/>
                <w:szCs w:val="19"/>
              </w:rPr>
              <w:t>echo</w:t>
            </w:r>
            <w:r>
              <w:rPr>
                <w:rFonts w:ascii="Cascadia Mono" w:hAnsi="Cascadia Mono" w:cs="Cascadia Mono"/>
                <w:color w:val="000000"/>
                <w:sz w:val="19"/>
                <w:szCs w:val="19"/>
              </w:rPr>
              <w:t xml:space="preserve"> $row[</w:t>
            </w:r>
            <w:r>
              <w:rPr>
                <w:rFonts w:ascii="Cascadia Mono" w:hAnsi="Cascadia Mono" w:cs="Cascadia Mono"/>
                <w:color w:val="A31515"/>
                <w:sz w:val="19"/>
                <w:szCs w:val="19"/>
              </w:rPr>
              <w:t>'title'</w:t>
            </w:r>
            <w:r>
              <w:rPr>
                <w:rFonts w:ascii="Cascadia Mono" w:hAnsi="Cascadia Mono" w:cs="Cascadia Mono"/>
                <w:color w:val="000000"/>
                <w:sz w:val="19"/>
                <w:szCs w:val="19"/>
              </w:rPr>
              <w:t>];</w:t>
            </w:r>
            <w:r>
              <w:rPr>
                <w:rFonts w:ascii="Cascadia Mono" w:hAnsi="Cascadia Mono" w:cs="Cascadia Mono"/>
                <w:color w:val="800000"/>
                <w:sz w:val="19"/>
                <w:szCs w:val="19"/>
              </w:rPr>
              <w:t>?&gt;</w:t>
            </w:r>
            <w:r>
              <w:rPr>
                <w:rFonts w:ascii="Cascadia Mono" w:hAnsi="Cascadia Mono" w:cs="Cascadia Mono"/>
                <w:color w:val="000000"/>
                <w:sz w:val="19"/>
                <w:szCs w:val="19"/>
              </w:rPr>
              <w:t>&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t;/</w:t>
            </w:r>
            <w:r>
              <w:rPr>
                <w:rFonts w:ascii="Cascadia Mono" w:hAnsi="Cascadia Mono" w:cs="Cascadia Mono"/>
                <w:color w:val="800000"/>
                <w:sz w:val="19"/>
                <w:szCs w:val="19"/>
              </w:rPr>
              <w:t>figur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800000"/>
                <w:sz w:val="19"/>
                <w:szCs w:val="19"/>
              </w:rPr>
              <w:t>&lt;?php</w:t>
            </w:r>
            <w:r>
              <w:rPr>
                <w:rFonts w:ascii="Cascadia Mono" w:hAnsi="Cascadia Mono" w:cs="Cascadia Mono"/>
                <w:color w:val="000000"/>
                <w:sz w:val="19"/>
                <w:szCs w:val="19"/>
              </w:rPr>
              <w:t xml:space="preserve"> } </w:t>
            </w:r>
            <w:r>
              <w:rPr>
                <w:rFonts w:ascii="Cascadia Mono" w:hAnsi="Cascadia Mono" w:cs="Cascadia Mono"/>
                <w:color w:val="800000"/>
                <w:sz w:val="19"/>
                <w:szCs w:val="19"/>
              </w:rPr>
              <w:t>?&gt;</w:t>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Newest Additions end--&gt;</w:t>
            </w:r>
          </w:p>
          <w:p w:rsidR="0048012D" w:rsidRDefault="0048012D" w:rsidP="0048012D">
            <w:r>
              <w:rPr>
                <w:rFonts w:ascii="Cascadia Mono" w:hAnsi="Cascadia Mono" w:cs="Cascadia Mono"/>
                <w:color w:val="000000"/>
                <w:sz w:val="19"/>
                <w:szCs w:val="19"/>
              </w:rPr>
              <w:t xml:space="preserve">    </w:t>
            </w:r>
          </w:p>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r>
              <w:object w:dxaOrig="4320" w:dyaOrig="3933">
                <v:shape id="_x0000_i1030" type="#_x0000_t75" style="width:454.4pt;height:196.8pt" o:ole="">
                  <v:imagedata r:id="rId19" o:title=""/>
                </v:shape>
                <o:OLEObject Type="Embed" ProgID="PBrush" ShapeID="_x0000_i1030" DrawAspect="Content" ObjectID="_1729694189" r:id="rId20"/>
              </w:object>
            </w:r>
          </w:p>
        </w:tc>
      </w:tr>
      <w:tr w:rsidR="0048012D" w:rsidTr="0048012D">
        <w:tc>
          <w:tcPr>
            <w:tcW w:w="9576" w:type="dxa"/>
          </w:tcPr>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lt;!--Categories section star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800000"/>
                <w:sz w:val="19"/>
                <w:szCs w:val="19"/>
              </w:rPr>
              <w:t>&lt;?php</w:t>
            </w:r>
          </w:p>
          <w:p w:rsidR="0048012D" w:rsidRDefault="0048012D" w:rsidP="0048012D">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8000"/>
                <w:sz w:val="19"/>
                <w:szCs w:val="19"/>
              </w:rPr>
              <w:t>//assisted_living,independent,memory_care,board_care,ccrc,respit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SQL    = </w:t>
            </w:r>
            <w:r>
              <w:rPr>
                <w:rFonts w:ascii="Cascadia Mono" w:hAnsi="Cascadia Mono" w:cs="Cascadia Mono"/>
                <w:color w:val="A31515"/>
                <w:sz w:val="19"/>
                <w:szCs w:val="19"/>
              </w:rPr>
              <w:t xml:space="preserve">"SELECT </w:t>
            </w:r>
            <w:r>
              <w:rPr>
                <w:rFonts w:ascii="Cascadia Mono" w:hAnsi="Cascadia Mono" w:cs="Cascadia Mono"/>
                <w:color w:val="000000"/>
                <w:sz w:val="19"/>
                <w:szCs w:val="19"/>
              </w:rPr>
              <w:t>*</w:t>
            </w:r>
            <w:r>
              <w:rPr>
                <w:rFonts w:ascii="Cascadia Mono" w:hAnsi="Cascadia Mono" w:cs="Cascadia Mono"/>
                <w:color w:val="A31515"/>
                <w:sz w:val="19"/>
                <w:szCs w:val="19"/>
              </w:rPr>
              <w:t xml:space="preserve"> FROM `slg_properties` WHERE `residence` like '%assisted_living%'"</w:t>
            </w: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stmt   = $db-&gt;prepare($SQL);</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stmt-&gt;execut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assisted_living = $stmt-&gt;rowCount();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SQL    = </w:t>
            </w:r>
            <w:r>
              <w:rPr>
                <w:rFonts w:ascii="Cascadia Mono" w:hAnsi="Cascadia Mono" w:cs="Cascadia Mono"/>
                <w:color w:val="A31515"/>
                <w:sz w:val="19"/>
                <w:szCs w:val="19"/>
              </w:rPr>
              <w:t xml:space="preserve">"SELECT </w:t>
            </w:r>
            <w:r>
              <w:rPr>
                <w:rFonts w:ascii="Cascadia Mono" w:hAnsi="Cascadia Mono" w:cs="Cascadia Mono"/>
                <w:color w:val="000000"/>
                <w:sz w:val="19"/>
                <w:szCs w:val="19"/>
              </w:rPr>
              <w:t>*</w:t>
            </w:r>
            <w:r>
              <w:rPr>
                <w:rFonts w:ascii="Cascadia Mono" w:hAnsi="Cascadia Mono" w:cs="Cascadia Mono"/>
                <w:color w:val="A31515"/>
                <w:sz w:val="19"/>
                <w:szCs w:val="19"/>
              </w:rPr>
              <w:t xml:space="preserve"> FROM `slg_properties` WHERE `residence` like </w:t>
            </w:r>
            <w:r>
              <w:rPr>
                <w:rFonts w:ascii="Cascadia Mono" w:hAnsi="Cascadia Mono" w:cs="Cascadia Mono"/>
                <w:color w:val="A31515"/>
                <w:sz w:val="19"/>
                <w:szCs w:val="19"/>
              </w:rPr>
              <w:lastRenderedPageBreak/>
              <w:t>'%independent%'"</w:t>
            </w: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stmt   = $db-&gt;prepare($SQL);</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stmt-&gt;execut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independent = $stmt-&gt;rowCount();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SQL    = </w:t>
            </w:r>
            <w:r>
              <w:rPr>
                <w:rFonts w:ascii="Cascadia Mono" w:hAnsi="Cascadia Mono" w:cs="Cascadia Mono"/>
                <w:color w:val="A31515"/>
                <w:sz w:val="19"/>
                <w:szCs w:val="19"/>
              </w:rPr>
              <w:t xml:space="preserve">"SELECT </w:t>
            </w:r>
            <w:r>
              <w:rPr>
                <w:rFonts w:ascii="Cascadia Mono" w:hAnsi="Cascadia Mono" w:cs="Cascadia Mono"/>
                <w:color w:val="000000"/>
                <w:sz w:val="19"/>
                <w:szCs w:val="19"/>
              </w:rPr>
              <w:t>*</w:t>
            </w:r>
            <w:r>
              <w:rPr>
                <w:rFonts w:ascii="Cascadia Mono" w:hAnsi="Cascadia Mono" w:cs="Cascadia Mono"/>
                <w:color w:val="A31515"/>
                <w:sz w:val="19"/>
                <w:szCs w:val="19"/>
              </w:rPr>
              <w:t xml:space="preserve"> FROM `slg_properties` WHERE `residence` like '%memory_care%'"</w:t>
            </w: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stmt   = $db-&gt;prepare($SQL);</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stmt-&gt;execut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memory_care = $stmt-&gt;rowCount();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SQL    = </w:t>
            </w:r>
            <w:r>
              <w:rPr>
                <w:rFonts w:ascii="Cascadia Mono" w:hAnsi="Cascadia Mono" w:cs="Cascadia Mono"/>
                <w:color w:val="A31515"/>
                <w:sz w:val="19"/>
                <w:szCs w:val="19"/>
              </w:rPr>
              <w:t xml:space="preserve">"SELECT </w:t>
            </w:r>
            <w:r>
              <w:rPr>
                <w:rFonts w:ascii="Cascadia Mono" w:hAnsi="Cascadia Mono" w:cs="Cascadia Mono"/>
                <w:color w:val="000000"/>
                <w:sz w:val="19"/>
                <w:szCs w:val="19"/>
              </w:rPr>
              <w:t>*</w:t>
            </w:r>
            <w:r>
              <w:rPr>
                <w:rFonts w:ascii="Cascadia Mono" w:hAnsi="Cascadia Mono" w:cs="Cascadia Mono"/>
                <w:color w:val="A31515"/>
                <w:sz w:val="19"/>
                <w:szCs w:val="19"/>
              </w:rPr>
              <w:t xml:space="preserve"> FROM `slg_properties` WHERE `residence` like '%board_care%'"</w:t>
            </w: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stmt   = $db-&gt;prepare($SQL);</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stmt-&gt;execut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board_care = $stmt-&gt;rowCount();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SQL    = </w:t>
            </w:r>
            <w:r>
              <w:rPr>
                <w:rFonts w:ascii="Cascadia Mono" w:hAnsi="Cascadia Mono" w:cs="Cascadia Mono"/>
                <w:color w:val="A31515"/>
                <w:sz w:val="19"/>
                <w:szCs w:val="19"/>
              </w:rPr>
              <w:t xml:space="preserve">"SELECT </w:t>
            </w:r>
            <w:r>
              <w:rPr>
                <w:rFonts w:ascii="Cascadia Mono" w:hAnsi="Cascadia Mono" w:cs="Cascadia Mono"/>
                <w:color w:val="000000"/>
                <w:sz w:val="19"/>
                <w:szCs w:val="19"/>
              </w:rPr>
              <w:t>*</w:t>
            </w:r>
            <w:r>
              <w:rPr>
                <w:rFonts w:ascii="Cascadia Mono" w:hAnsi="Cascadia Mono" w:cs="Cascadia Mono"/>
                <w:color w:val="A31515"/>
                <w:sz w:val="19"/>
                <w:szCs w:val="19"/>
              </w:rPr>
              <w:t xml:space="preserve"> FROM `slg_properties` WHERE `residence` like '%ccrc%'"</w:t>
            </w: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stmt   = $db-&gt;prepare($SQL);</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stmt-&gt;execute();</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ccrc = $stmt-&gt;rowCount();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800000"/>
                <w:sz w:val="19"/>
                <w:szCs w:val="19"/>
              </w:rPr>
              <w:t>?&gt;</w:t>
            </w:r>
            <w:r>
              <w:rPr>
                <w:rFonts w:ascii="Cascadia Mono" w:hAnsi="Cascadia Mono" w:cs="Cascadia Mono"/>
                <w:color w:val="000000"/>
                <w:sz w:val="19"/>
                <w:szCs w:val="19"/>
              </w:rPr>
              <w:t xml:space="preserve"> </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g_color"</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 margin_80_55"</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ain_title_2"</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2</w:t>
            </w:r>
            <w:r>
              <w:rPr>
                <w:rFonts w:ascii="Cascadia Mono" w:hAnsi="Cascadia Mono" w:cs="Cascadia Mono"/>
                <w:color w:val="000000"/>
                <w:sz w:val="19"/>
                <w:szCs w:val="19"/>
              </w:rPr>
              <w:t>&gt;Categories&lt;/</w:t>
            </w:r>
            <w:r>
              <w:rPr>
                <w:rFonts w:ascii="Cascadia Mono" w:hAnsi="Cascadia Mono" w:cs="Cascadia Mono"/>
                <w:color w:val="800000"/>
                <w:sz w:val="19"/>
                <w:szCs w:val="19"/>
              </w:rPr>
              <w:t>h2</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Communities, Residences &amp; Care for Seniors&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 justify-content-center"</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4 col-sm-6"</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grid_item"</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assisted-living.php"</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figur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img/slg/assisted-living.png"</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nfo"</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mall</w:t>
            </w:r>
            <w:r>
              <w:rPr>
                <w:rFonts w:ascii="Cascadia Mono" w:hAnsi="Cascadia Mono" w:cs="Cascadia Mono"/>
                <w:color w:val="000000"/>
                <w:sz w:val="19"/>
                <w:szCs w:val="19"/>
              </w:rPr>
              <w:t>&gt;</w:t>
            </w:r>
            <w:r>
              <w:rPr>
                <w:rFonts w:ascii="Cascadia Mono" w:hAnsi="Cascadia Mono" w:cs="Cascadia Mono"/>
                <w:color w:val="800000"/>
                <w:sz w:val="19"/>
                <w:szCs w:val="19"/>
              </w:rPr>
              <w:t>&lt;?php</w:t>
            </w:r>
            <w:r>
              <w:rPr>
                <w:rFonts w:ascii="Cascadia Mono" w:hAnsi="Cascadia Mono" w:cs="Cascadia Mono"/>
                <w:color w:val="000000"/>
                <w:sz w:val="19"/>
                <w:szCs w:val="19"/>
              </w:rPr>
              <w:t xml:space="preserve"> </w:t>
            </w:r>
            <w:r>
              <w:rPr>
                <w:rFonts w:ascii="Cascadia Mono" w:hAnsi="Cascadia Mono" w:cs="Cascadia Mono"/>
                <w:color w:val="0000FF"/>
                <w:sz w:val="19"/>
                <w:szCs w:val="19"/>
              </w:rPr>
              <w:t>echo</w:t>
            </w:r>
            <w:r>
              <w:rPr>
                <w:rFonts w:ascii="Cascadia Mono" w:hAnsi="Cascadia Mono" w:cs="Cascadia Mono"/>
                <w:color w:val="000000"/>
                <w:sz w:val="19"/>
                <w:szCs w:val="19"/>
              </w:rPr>
              <w:t xml:space="preserve"> $assisted_living; </w:t>
            </w:r>
            <w:r>
              <w:rPr>
                <w:rFonts w:ascii="Cascadia Mono" w:hAnsi="Cascadia Mono" w:cs="Cascadia Mono"/>
                <w:color w:val="800000"/>
                <w:sz w:val="19"/>
                <w:szCs w:val="19"/>
              </w:rPr>
              <w:t>?&gt;</w:t>
            </w:r>
            <w:r>
              <w:rPr>
                <w:rFonts w:ascii="Cascadia Mono" w:hAnsi="Cascadia Mono" w:cs="Cascadia Mono"/>
                <w:color w:val="000000"/>
                <w:sz w:val="19"/>
                <w:szCs w:val="19"/>
              </w:rPr>
              <w:t xml:space="preserve"> Residences&lt;/</w:t>
            </w:r>
            <w:r>
              <w:rPr>
                <w:rFonts w:ascii="Cascadia Mono" w:hAnsi="Cascadia Mono" w:cs="Cascadia Mono"/>
                <w:color w:val="800000"/>
                <w:sz w:val="19"/>
                <w:szCs w:val="19"/>
              </w:rPr>
              <w:t>small</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Assisted Living&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figur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4 col-sm-6"</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grid_item"</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residential-board.php"</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figur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img/slg/residential-board.png"</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nfo"</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mall</w:t>
            </w:r>
            <w:r>
              <w:rPr>
                <w:rFonts w:ascii="Cascadia Mono" w:hAnsi="Cascadia Mono" w:cs="Cascadia Mono"/>
                <w:color w:val="000000"/>
                <w:sz w:val="19"/>
                <w:szCs w:val="19"/>
              </w:rPr>
              <w:t>&gt;</w:t>
            </w:r>
            <w:r>
              <w:rPr>
                <w:rFonts w:ascii="Cascadia Mono" w:hAnsi="Cascadia Mono" w:cs="Cascadia Mono"/>
                <w:color w:val="800000"/>
                <w:sz w:val="19"/>
                <w:szCs w:val="19"/>
              </w:rPr>
              <w:t>&lt;?php</w:t>
            </w:r>
            <w:r>
              <w:rPr>
                <w:rFonts w:ascii="Cascadia Mono" w:hAnsi="Cascadia Mono" w:cs="Cascadia Mono"/>
                <w:color w:val="000000"/>
                <w:sz w:val="19"/>
                <w:szCs w:val="19"/>
              </w:rPr>
              <w:t xml:space="preserve"> </w:t>
            </w:r>
            <w:r>
              <w:rPr>
                <w:rFonts w:ascii="Cascadia Mono" w:hAnsi="Cascadia Mono" w:cs="Cascadia Mono"/>
                <w:color w:val="0000FF"/>
                <w:sz w:val="19"/>
                <w:szCs w:val="19"/>
              </w:rPr>
              <w:t>echo</w:t>
            </w:r>
            <w:r>
              <w:rPr>
                <w:rFonts w:ascii="Cascadia Mono" w:hAnsi="Cascadia Mono" w:cs="Cascadia Mono"/>
                <w:color w:val="000000"/>
                <w:sz w:val="19"/>
                <w:szCs w:val="19"/>
              </w:rPr>
              <w:t xml:space="preserve"> $board_care; </w:t>
            </w:r>
            <w:r>
              <w:rPr>
                <w:rFonts w:ascii="Cascadia Mono" w:hAnsi="Cascadia Mono" w:cs="Cascadia Mono"/>
                <w:color w:val="800000"/>
                <w:sz w:val="19"/>
                <w:szCs w:val="19"/>
              </w:rPr>
              <w:t>?&gt;</w:t>
            </w:r>
            <w:r>
              <w:rPr>
                <w:rFonts w:ascii="Cascadia Mono" w:hAnsi="Cascadia Mono" w:cs="Cascadia Mono"/>
                <w:color w:val="000000"/>
                <w:sz w:val="19"/>
                <w:szCs w:val="19"/>
              </w:rPr>
              <w:t xml:space="preserve"> Residences&lt;/</w:t>
            </w:r>
            <w:r>
              <w:rPr>
                <w:rFonts w:ascii="Cascadia Mono" w:hAnsi="Cascadia Mono" w:cs="Cascadia Mono"/>
                <w:color w:val="800000"/>
                <w:sz w:val="19"/>
                <w:szCs w:val="19"/>
              </w:rPr>
              <w:t>small</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Board &amp;amp; Care&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figur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4 col-sm-6"</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grid_item"</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memory-care.php"</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figur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img/slg/memory-care.png"</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nfo"</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mall</w:t>
            </w:r>
            <w:r>
              <w:rPr>
                <w:rFonts w:ascii="Cascadia Mono" w:hAnsi="Cascadia Mono" w:cs="Cascadia Mono"/>
                <w:color w:val="000000"/>
                <w:sz w:val="19"/>
                <w:szCs w:val="19"/>
              </w:rPr>
              <w:t>&gt;</w:t>
            </w:r>
            <w:r>
              <w:rPr>
                <w:rFonts w:ascii="Cascadia Mono" w:hAnsi="Cascadia Mono" w:cs="Cascadia Mono"/>
                <w:color w:val="800000"/>
                <w:sz w:val="19"/>
                <w:szCs w:val="19"/>
              </w:rPr>
              <w:t>&lt;?php</w:t>
            </w:r>
            <w:r>
              <w:rPr>
                <w:rFonts w:ascii="Cascadia Mono" w:hAnsi="Cascadia Mono" w:cs="Cascadia Mono"/>
                <w:color w:val="000000"/>
                <w:sz w:val="19"/>
                <w:szCs w:val="19"/>
              </w:rPr>
              <w:t xml:space="preserve"> </w:t>
            </w:r>
            <w:r>
              <w:rPr>
                <w:rFonts w:ascii="Cascadia Mono" w:hAnsi="Cascadia Mono" w:cs="Cascadia Mono"/>
                <w:color w:val="0000FF"/>
                <w:sz w:val="19"/>
                <w:szCs w:val="19"/>
              </w:rPr>
              <w:t>echo</w:t>
            </w:r>
            <w:r>
              <w:rPr>
                <w:rFonts w:ascii="Cascadia Mono" w:hAnsi="Cascadia Mono" w:cs="Cascadia Mono"/>
                <w:color w:val="000000"/>
                <w:sz w:val="19"/>
                <w:szCs w:val="19"/>
              </w:rPr>
              <w:t xml:space="preserve"> $memory_care; </w:t>
            </w:r>
            <w:r>
              <w:rPr>
                <w:rFonts w:ascii="Cascadia Mono" w:hAnsi="Cascadia Mono" w:cs="Cascadia Mono"/>
                <w:color w:val="800000"/>
                <w:sz w:val="19"/>
                <w:szCs w:val="19"/>
              </w:rPr>
              <w:t>?&gt;</w:t>
            </w:r>
            <w:r>
              <w:rPr>
                <w:rFonts w:ascii="Cascadia Mono" w:hAnsi="Cascadia Mono" w:cs="Cascadia Mono"/>
                <w:color w:val="000000"/>
                <w:sz w:val="19"/>
                <w:szCs w:val="19"/>
              </w:rPr>
              <w:t xml:space="preserve"> Residences&lt;/</w:t>
            </w:r>
            <w:r>
              <w:rPr>
                <w:rFonts w:ascii="Cascadia Mono" w:hAnsi="Cascadia Mono" w:cs="Cascadia Mono"/>
                <w:color w:val="800000"/>
                <w:sz w:val="19"/>
                <w:szCs w:val="19"/>
              </w:rPr>
              <w:t>small</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Memory Care&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figur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4 col-sm-6"</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grid_item"</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ccrc.php"</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figur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img/slg/ccrc.png"</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nfo"</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mall</w:t>
            </w:r>
            <w:r>
              <w:rPr>
                <w:rFonts w:ascii="Cascadia Mono" w:hAnsi="Cascadia Mono" w:cs="Cascadia Mono"/>
                <w:color w:val="000000"/>
                <w:sz w:val="19"/>
                <w:szCs w:val="19"/>
              </w:rPr>
              <w:t>&gt;</w:t>
            </w:r>
            <w:r>
              <w:rPr>
                <w:rFonts w:ascii="Cascadia Mono" w:hAnsi="Cascadia Mono" w:cs="Cascadia Mono"/>
                <w:color w:val="800000"/>
                <w:sz w:val="19"/>
                <w:szCs w:val="19"/>
              </w:rPr>
              <w:t>&lt;?php</w:t>
            </w:r>
            <w:r>
              <w:rPr>
                <w:rFonts w:ascii="Cascadia Mono" w:hAnsi="Cascadia Mono" w:cs="Cascadia Mono"/>
                <w:color w:val="000000"/>
                <w:sz w:val="19"/>
                <w:szCs w:val="19"/>
              </w:rPr>
              <w:t xml:space="preserve"> </w:t>
            </w:r>
            <w:r>
              <w:rPr>
                <w:rFonts w:ascii="Cascadia Mono" w:hAnsi="Cascadia Mono" w:cs="Cascadia Mono"/>
                <w:color w:val="0000FF"/>
                <w:sz w:val="19"/>
                <w:szCs w:val="19"/>
              </w:rPr>
              <w:t>echo</w:t>
            </w:r>
            <w:r>
              <w:rPr>
                <w:rFonts w:ascii="Cascadia Mono" w:hAnsi="Cascadia Mono" w:cs="Cascadia Mono"/>
                <w:color w:val="000000"/>
                <w:sz w:val="19"/>
                <w:szCs w:val="19"/>
              </w:rPr>
              <w:t xml:space="preserve"> $ccrc; </w:t>
            </w:r>
            <w:r>
              <w:rPr>
                <w:rFonts w:ascii="Cascadia Mono" w:hAnsi="Cascadia Mono" w:cs="Cascadia Mono"/>
                <w:color w:val="800000"/>
                <w:sz w:val="19"/>
                <w:szCs w:val="19"/>
              </w:rPr>
              <w:t>?&gt;</w:t>
            </w:r>
            <w:r>
              <w:rPr>
                <w:rFonts w:ascii="Cascadia Mono" w:hAnsi="Cascadia Mono" w:cs="Cascadia Mono"/>
                <w:color w:val="000000"/>
                <w:sz w:val="19"/>
                <w:szCs w:val="19"/>
              </w:rPr>
              <w:t xml:space="preserve"> Residences&lt;/</w:t>
            </w:r>
            <w:r>
              <w:rPr>
                <w:rFonts w:ascii="Cascadia Mono" w:hAnsi="Cascadia Mono" w:cs="Cascadia Mono"/>
                <w:color w:val="800000"/>
                <w:sz w:val="19"/>
                <w:szCs w:val="19"/>
              </w:rPr>
              <w:t>small</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CCRC&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figur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4 col-sm-6"</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grid_item"</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independent-55-plus.php"</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figur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img/slg/independent-55-plus.png"</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nfo"</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mall</w:t>
            </w:r>
            <w:r>
              <w:rPr>
                <w:rFonts w:ascii="Cascadia Mono" w:hAnsi="Cascadia Mono" w:cs="Cascadia Mono"/>
                <w:color w:val="000000"/>
                <w:sz w:val="19"/>
                <w:szCs w:val="19"/>
              </w:rPr>
              <w:t>&gt;</w:t>
            </w:r>
            <w:r>
              <w:rPr>
                <w:rFonts w:ascii="Cascadia Mono" w:hAnsi="Cascadia Mono" w:cs="Cascadia Mono"/>
                <w:color w:val="800000"/>
                <w:sz w:val="19"/>
                <w:szCs w:val="19"/>
              </w:rPr>
              <w:t>&lt;?php</w:t>
            </w:r>
            <w:r>
              <w:rPr>
                <w:rFonts w:ascii="Cascadia Mono" w:hAnsi="Cascadia Mono" w:cs="Cascadia Mono"/>
                <w:color w:val="000000"/>
                <w:sz w:val="19"/>
                <w:szCs w:val="19"/>
              </w:rPr>
              <w:t xml:space="preserve"> </w:t>
            </w:r>
            <w:r>
              <w:rPr>
                <w:rFonts w:ascii="Cascadia Mono" w:hAnsi="Cascadia Mono" w:cs="Cascadia Mono"/>
                <w:color w:val="0000FF"/>
                <w:sz w:val="19"/>
                <w:szCs w:val="19"/>
              </w:rPr>
              <w:t>echo</w:t>
            </w:r>
            <w:r>
              <w:rPr>
                <w:rFonts w:ascii="Cascadia Mono" w:hAnsi="Cascadia Mono" w:cs="Cascadia Mono"/>
                <w:color w:val="000000"/>
                <w:sz w:val="19"/>
                <w:szCs w:val="19"/>
              </w:rPr>
              <w:t xml:space="preserve"> $independent; </w:t>
            </w:r>
            <w:r>
              <w:rPr>
                <w:rFonts w:ascii="Cascadia Mono" w:hAnsi="Cascadia Mono" w:cs="Cascadia Mono"/>
                <w:color w:val="800000"/>
                <w:sz w:val="19"/>
                <w:szCs w:val="19"/>
              </w:rPr>
              <w:t>?&gt;</w:t>
            </w:r>
            <w:r>
              <w:rPr>
                <w:rFonts w:ascii="Cascadia Mono" w:hAnsi="Cascadia Mono" w:cs="Cascadia Mono"/>
                <w:color w:val="000000"/>
                <w:sz w:val="19"/>
                <w:szCs w:val="19"/>
              </w:rPr>
              <w:t xml:space="preserve"> Residences&lt;/</w:t>
            </w:r>
            <w:r>
              <w:rPr>
                <w:rFonts w:ascii="Cascadia Mono" w:hAnsi="Cascadia Mono" w:cs="Cascadia Mono"/>
                <w:color w:val="800000"/>
                <w:sz w:val="19"/>
                <w:szCs w:val="19"/>
              </w:rPr>
              <w:t>small</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Independent 55+&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figure</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Categories section ends--&gt;</w:t>
            </w:r>
          </w:p>
          <w:p w:rsidR="0048012D" w:rsidRDefault="0048012D" w:rsidP="0048012D">
            <w:r>
              <w:rPr>
                <w:rFonts w:ascii="Cascadia Mono" w:hAnsi="Cascadia Mono" w:cs="Cascadia Mono"/>
                <w:color w:val="008000"/>
                <w:sz w:val="19"/>
                <w:szCs w:val="19"/>
              </w:rPr>
              <w:t>&lt;!--------------------senior placefinder ends------------------&gt;</w:t>
            </w:r>
          </w:p>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r>
              <w:object w:dxaOrig="4320" w:dyaOrig="3708">
                <v:shape id="_x0000_i1031" type="#_x0000_t75" style="width:444.8pt;height:185.6pt" o:ole="">
                  <v:imagedata r:id="rId21" o:title=""/>
                </v:shape>
                <o:OLEObject Type="Embed" ProgID="PBrush" ShapeID="_x0000_i1031" DrawAspect="Content" ObjectID="_1729694190" r:id="rId22"/>
              </w:object>
            </w:r>
          </w:p>
        </w:tc>
      </w:tr>
      <w:tr w:rsidR="0048012D" w:rsidTr="0048012D">
        <w:tc>
          <w:tcPr>
            <w:tcW w:w="9576" w:type="dxa"/>
          </w:tcPr>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lt;!--------------------voucher starts------------------&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 margin_80_55"</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ain_title_2"</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2</w:t>
            </w:r>
            <w:r>
              <w:rPr>
                <w:rFonts w:ascii="Cascadia Mono" w:hAnsi="Cascadia Mono" w:cs="Cascadia Mono"/>
                <w:color w:val="000000"/>
                <w:sz w:val="19"/>
                <w:szCs w:val="19"/>
              </w:rPr>
              <w:t>&gt;Senior Living Cash Voucher&lt;/</w:t>
            </w:r>
            <w:r>
              <w:rPr>
                <w:rFonts w:ascii="Cascadia Mono" w:hAnsi="Cascadia Mono" w:cs="Cascadia Mono"/>
                <w:color w:val="800000"/>
                <w:sz w:val="19"/>
                <w:szCs w:val="19"/>
              </w:rPr>
              <w:t>h2</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Register here to get yours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 d-flex justify-content-center align-items-center"</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md-4"</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pf/img/slv-logo.png"</w:t>
            </w:r>
            <w:r>
              <w:rPr>
                <w:rFonts w:ascii="Cascadia Mono" w:hAnsi="Cascadia Mono" w:cs="Cascadia Mono"/>
                <w:color w:val="800000"/>
                <w:sz w:val="19"/>
                <w:szCs w:val="19"/>
              </w:rPr>
              <w:t xml:space="preserve">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md-8"</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h5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nt-weight-normal mb-3"</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line-height: 35px;"</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Use Your Requests to Find a Place. When You Decide to Move-in, Redeem Your Voucher Here for &lt;</w:t>
            </w:r>
            <w:r>
              <w:rPr>
                <w:rFonts w:ascii="Cascadia Mono" w:hAnsi="Cascadia Mono" w:cs="Cascadia Mono"/>
                <w:color w:val="800000"/>
                <w:sz w:val="19"/>
                <w:szCs w:val="19"/>
              </w:rPr>
              <w:t>b</w:t>
            </w:r>
            <w:r>
              <w:rPr>
                <w:rFonts w:ascii="Cascadia Mono" w:hAnsi="Cascadia Mono" w:cs="Cascadia Mono"/>
                <w:color w:val="000000"/>
                <w:sz w:val="19"/>
                <w:szCs w:val="19"/>
              </w:rPr>
              <w:t>&gt;$200.00&lt;/</w:t>
            </w:r>
            <w:r>
              <w:rPr>
                <w:rFonts w:ascii="Cascadia Mono" w:hAnsi="Cascadia Mono" w:cs="Cascadia Mono"/>
                <w:color w:val="800000"/>
                <w:sz w:val="19"/>
                <w:szCs w:val="19"/>
              </w:rPr>
              <w:t>b</w:t>
            </w:r>
            <w:r>
              <w:rPr>
                <w:rFonts w:ascii="Cascadia Mono" w:hAnsi="Cascadia Mono" w:cs="Cascadia Mono"/>
                <w:color w:val="000000"/>
                <w:sz w:val="19"/>
                <w:szCs w:val="19"/>
              </w:rPr>
              <w:t>&gt; Cash</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5</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tn btn-lg btn-outline-success rounded-pill"</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voucher.php"</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Get Your $200 Voucher</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tn btn-lg btn-outline-primary rounded-pill ml-3"</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voucher.php"</w:t>
            </w:r>
            <w:r>
              <w:rPr>
                <w:rFonts w:ascii="Cascadia Mono" w:hAnsi="Cascadia Mono" w:cs="Cascadia Mono"/>
                <w:color w:val="800000"/>
                <w:sz w:val="19"/>
                <w:szCs w:val="19"/>
              </w:rPr>
              <w:t xml:space="preserve"> </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Validate Your Voucher</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48012D" w:rsidP="0048012D">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voucher ends------------------&gt;</w:t>
            </w:r>
          </w:p>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201CC5" w:rsidP="0048012D">
            <w:r>
              <w:object w:dxaOrig="3629" w:dyaOrig="4320">
                <v:shape id="_x0000_i1032" type="#_x0000_t75" style="width:455.2pt;height:3in" o:ole="">
                  <v:imagedata r:id="rId23" o:title=""/>
                </v:shape>
                <o:OLEObject Type="Embed" ProgID="PBrush" ShapeID="_x0000_i1032" DrawAspect="Content" ObjectID="_1729694191" r:id="rId24"/>
              </w:object>
            </w:r>
          </w:p>
        </w:tc>
      </w:tr>
      <w:tr w:rsidR="0048012D" w:rsidTr="0048012D">
        <w:tc>
          <w:tcPr>
            <w:tcW w:w="9576" w:type="dxa"/>
          </w:tcPr>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how it works starts------------------&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all_section"</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wrappe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 margin_80_55"</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ain_title_2"</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2</w:t>
            </w:r>
            <w:r>
              <w:rPr>
                <w:rFonts w:ascii="Cascadia Mono" w:hAnsi="Cascadia Mono" w:cs="Cascadia Mono"/>
                <w:color w:val="000000"/>
                <w:sz w:val="19"/>
                <w:szCs w:val="19"/>
              </w:rPr>
              <w:t>&gt;How it Works&lt;/</w:t>
            </w:r>
            <w:r>
              <w:rPr>
                <w:rFonts w:ascii="Cascadia Mono" w:hAnsi="Cascadia Mono" w:cs="Cascadia Mono"/>
                <w:color w:val="800000"/>
                <w:sz w:val="19"/>
                <w:szCs w:val="19"/>
              </w:rPr>
              <w:t>h2</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3 easy steps to qualify &amp; save your places to a list.&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md-4"</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ox_how"</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dollar"</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vg/pin.png"</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6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60"</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Search Locations&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left;"</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nter city or zip code, type of place and a budget range to receive a list that can be</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efined, narrowed and saved.</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md-4"</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ox_how"</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street-view-doll"</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vg/street-view-doll.png"</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6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60"</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View Location Info&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left;"</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Includes photos, features, description, accommodations, care levels, diet, lifestyle</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ith contact's name and phone number.</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md-4"</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ox_how"</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edit"</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vg/edit.png"</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6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60"</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Save to your list&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lt;p style="text-align:left;"&gt;</w:t>
            </w:r>
          </w:p>
          <w:p w:rsidR="00201CC5" w:rsidRDefault="00201CC5" w:rsidP="00201CC5">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Compile a list of places by clicking save &amp; save the list by name for future access and</w:t>
            </w:r>
          </w:p>
          <w:p w:rsidR="00201CC5" w:rsidRDefault="00201CC5" w:rsidP="00201CC5">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to make comparison with other lists.</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lt;/p&g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left;"</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Get direct contact of the executive at the location&lt;</w:t>
            </w:r>
            <w:r>
              <w:rPr>
                <w:rFonts w:ascii="Cascadia Mono" w:hAnsi="Cascadia Mono" w:cs="Cascadia Mono"/>
                <w:color w:val="800000"/>
                <w:sz w:val="19"/>
                <w:szCs w:val="19"/>
              </w:rPr>
              <w:t>br</w:t>
            </w:r>
            <w:r>
              <w:rPr>
                <w:rFonts w:ascii="Cascadia Mono" w:hAnsi="Cascadia Mono" w:cs="Cascadia Mono"/>
                <w:color w:val="000000"/>
                <w:sz w:val="19"/>
                <w:szCs w:val="19"/>
              </w:rPr>
              <w:t>&gt; and save to your lis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xt-center add_top_30 wow bounceIn"</w:t>
            </w:r>
            <w:r>
              <w:rPr>
                <w:rFonts w:ascii="Cascadia Mono" w:hAnsi="Cascadia Mono" w:cs="Cascadia Mono"/>
                <w:color w:val="800000"/>
                <w:sz w:val="19"/>
                <w:szCs w:val="19"/>
              </w:rPr>
              <w:t xml:space="preserve"> </w:t>
            </w:r>
            <w:r>
              <w:rPr>
                <w:rFonts w:ascii="Cascadia Mono" w:hAnsi="Cascadia Mono" w:cs="Cascadia Mono"/>
                <w:color w:val="FF0000"/>
                <w:sz w:val="19"/>
                <w:szCs w:val="19"/>
              </w:rPr>
              <w:t>data-wow-delay</w:t>
            </w:r>
            <w:r>
              <w:rPr>
                <w:rFonts w:ascii="Cascadia Mono" w:hAnsi="Cascadia Mono" w:cs="Cascadia Mono"/>
                <w:color w:val="800000"/>
                <w:sz w:val="19"/>
                <w:szCs w:val="19"/>
              </w:rPr>
              <w:t>=</w:t>
            </w:r>
            <w:r>
              <w:rPr>
                <w:rFonts w:ascii="Cascadia Mono" w:hAnsi="Cascadia Mono" w:cs="Cascadia Mono"/>
                <w:color w:val="0000FF"/>
                <w:sz w:val="19"/>
                <w:szCs w:val="19"/>
              </w:rPr>
              <w:t>"0.5s"</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tn_1 rounded"</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search.php"</w:t>
            </w:r>
            <w:r>
              <w:rPr>
                <w:rFonts w:ascii="Cascadia Mono" w:hAnsi="Cascadia Mono" w:cs="Cascadia Mono"/>
                <w:color w:val="000000"/>
                <w:sz w:val="19"/>
                <w:szCs w:val="19"/>
              </w:rPr>
              <w:t>&gt;Get Started&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canvas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1080"</w:t>
            </w:r>
            <w:r>
              <w:rPr>
                <w:rFonts w:ascii="Cascadia Mono" w:hAnsi="Cascadia Mono" w:cs="Cascadia Mono"/>
                <w:color w:val="800000"/>
                <w:sz w:val="19"/>
                <w:szCs w:val="19"/>
              </w:rPr>
              <w:t xml:space="preserve">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canvas"</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1920"</w:t>
            </w:r>
            <w:r>
              <w:rPr>
                <w:rFonts w:ascii="Cascadia Mono" w:hAnsi="Cascadia Mono" w:cs="Cascadia Mono"/>
                <w:color w:val="000000"/>
                <w:sz w:val="19"/>
                <w:szCs w:val="19"/>
              </w:rPr>
              <w:t>&gt;&lt;/</w:t>
            </w:r>
            <w:r>
              <w:rPr>
                <w:rFonts w:ascii="Cascadia Mono" w:hAnsi="Cascadia Mono" w:cs="Cascadia Mono"/>
                <w:color w:val="800000"/>
                <w:sz w:val="19"/>
                <w:szCs w:val="19"/>
              </w:rPr>
              <w:t>canvas</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how it works ends------------------&gt;</w:t>
            </w:r>
          </w:p>
          <w:p w:rsidR="0048012D" w:rsidRDefault="00201CC5" w:rsidP="00201CC5">
            <w:r>
              <w:rPr>
                <w:rFonts w:ascii="Cascadia Mono" w:hAnsi="Cascadia Mono" w:cs="Cascadia Mono"/>
                <w:color w:val="000000"/>
                <w:sz w:val="19"/>
                <w:szCs w:val="19"/>
              </w:rPr>
              <w:t xml:space="preserve">            &lt;/</w:t>
            </w:r>
            <w:r>
              <w:rPr>
                <w:rFonts w:ascii="Cascadia Mono" w:hAnsi="Cascadia Mono" w:cs="Cascadia Mono"/>
                <w:color w:val="800000"/>
                <w:sz w:val="19"/>
                <w:szCs w:val="19"/>
              </w:rPr>
              <w:t>main</w:t>
            </w:r>
            <w:r>
              <w:rPr>
                <w:rFonts w:ascii="Cascadia Mono" w:hAnsi="Cascadia Mono" w:cs="Cascadia Mono"/>
                <w:color w:val="000000"/>
                <w:sz w:val="19"/>
                <w:szCs w:val="19"/>
              </w:rPr>
              <w:t>&gt;</w:t>
            </w:r>
          </w:p>
        </w:tc>
      </w:tr>
    </w:tbl>
    <w:p w:rsidR="0048012D" w:rsidRDefault="0048012D" w:rsidP="0048012D"/>
    <w:p w:rsidR="0048012D" w:rsidRDefault="00201CC5" w:rsidP="0048012D">
      <w:r>
        <w:t>Aboutus.php</w:t>
      </w:r>
    </w:p>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201CC5" w:rsidP="0048012D">
            <w:r>
              <w:object w:dxaOrig="4320" w:dyaOrig="3710">
                <v:shape id="_x0000_i1035" type="#_x0000_t75" style="width:463.2pt;height:185.6pt" o:ole="">
                  <v:imagedata r:id="rId25" o:title=""/>
                </v:shape>
                <o:OLEObject Type="Embed" ProgID="PBrush" ShapeID="_x0000_i1035" DrawAspect="Content" ObjectID="_1729694192" r:id="rId26"/>
              </w:object>
            </w:r>
          </w:p>
        </w:tc>
      </w:tr>
      <w:tr w:rsidR="0048012D" w:rsidTr="0048012D">
        <w:tc>
          <w:tcPr>
            <w:tcW w:w="9576" w:type="dxa"/>
          </w:tcPr>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lt;!--------------------body starts------------------&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sub_header_in sticky_heade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1</w:t>
            </w:r>
            <w:r>
              <w:rPr>
                <w:rFonts w:ascii="Cascadia Mono" w:hAnsi="Cascadia Mono" w:cs="Cascadia Mono"/>
                <w:color w:val="000000"/>
                <w:sz w:val="19"/>
                <w:szCs w:val="19"/>
              </w:rPr>
              <w:t>&gt;About us&lt;/</w:t>
            </w:r>
            <w:r>
              <w:rPr>
                <w:rFonts w:ascii="Cascadia Mono" w:hAnsi="Cascadia Mono" w:cs="Cascadia Mono"/>
                <w:color w:val="800000"/>
                <w:sz w:val="19"/>
                <w:szCs w:val="19"/>
              </w:rPr>
              <w:t>h1</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main</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About senior place finder starts--------------- --&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 margin_80_55"</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ain_title_2"</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2</w:t>
            </w:r>
            <w:r>
              <w:rPr>
                <w:rFonts w:ascii="Cascadia Mono" w:hAnsi="Cascadia Mono" w:cs="Cascadia Mono"/>
                <w:color w:val="000000"/>
                <w:sz w:val="19"/>
                <w:szCs w:val="19"/>
              </w:rPr>
              <w:t>&gt;Why Choose Senior Place Finder&lt;/</w:t>
            </w:r>
            <w:r>
              <w:rPr>
                <w:rFonts w:ascii="Cascadia Mono" w:hAnsi="Cascadia Mono" w:cs="Cascadia Mono"/>
                <w:color w:val="800000"/>
                <w:sz w:val="19"/>
                <w:szCs w:val="19"/>
              </w:rPr>
              <w:t>h2</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xt-capitalize"</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he Power to find the right Assisted Living.</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4 col-md-6"</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ox_feat"</w:t>
            </w:r>
            <w:r>
              <w:rPr>
                <w:rFonts w:ascii="Cascadia Mono" w:hAnsi="Cascadia Mono" w:cs="Cascadia Mono"/>
                <w:color w:val="800000"/>
                <w:sz w:val="19"/>
                <w:szCs w:val="19"/>
              </w:rPr>
              <w:t xml:space="preserve"> </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street-view-doll"</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vg/delivery.png"</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4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40"</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Freedom to Act - 24/7&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left;"</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Find answers, choices, and selec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ho you want to contact for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your reasons and when you're ready</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4 col-md-6"</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ox_feat"</w:t>
            </w:r>
            <w:r>
              <w:rPr>
                <w:rFonts w:ascii="Cascadia Mono" w:hAnsi="Cascadia Mono" w:cs="Cascadia Mono"/>
                <w:color w:val="800000"/>
                <w:sz w:val="19"/>
                <w:szCs w:val="19"/>
              </w:rPr>
              <w:t xml:space="preserve"> </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accessibility"</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vg/accessibility.png"</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4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40"</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Access to know&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left;"</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Information about the places</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re provided by the companies</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hemselves, and kept accurate</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4 col-md-6"</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ox_feat"</w:t>
            </w:r>
            <w:r>
              <w:rPr>
                <w:rFonts w:ascii="Cascadia Mono" w:hAnsi="Cascadia Mono" w:cs="Cascadia Mono"/>
                <w:color w:val="800000"/>
                <w:sz w:val="19"/>
                <w:szCs w:val="19"/>
              </w:rPr>
              <w:t xml:space="preserve"> </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accessibility"</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vg/dashboard.png"</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4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40"</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Private Dashboard&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left;"</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Your email is your account to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manage searches, compile lists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for review, contacts, and update</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4 col-md-6"</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ox_feat"</w:t>
            </w:r>
            <w:r>
              <w:rPr>
                <w:rFonts w:ascii="Cascadia Mono" w:hAnsi="Cascadia Mono" w:cs="Cascadia Mono"/>
                <w:color w:val="800000"/>
                <w:sz w:val="19"/>
                <w:szCs w:val="19"/>
              </w:rPr>
              <w:t xml:space="preserve"> </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headphone-symbol"</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vg/headphone-symbol.png"</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4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40"</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Direct Line&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left;"</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You get direct access to call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and email the representatives at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he places 24/7 to get things done</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4 col-md-6"</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ox_feat"</w:t>
            </w:r>
            <w:r>
              <w:rPr>
                <w:rFonts w:ascii="Cascadia Mono" w:hAnsi="Cascadia Mono" w:cs="Cascadia Mono"/>
                <w:color w:val="800000"/>
                <w:sz w:val="19"/>
                <w:szCs w:val="19"/>
              </w:rPr>
              <w:t xml:space="preserve"> </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headphone-symbol"</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vg/phone-book.png"</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4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40"</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Update Efficiency&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left;"</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nyone you choose to contact, the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ystem sends update requests tha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offer options to indicate status</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4 col-md-6"</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ox_feat"</w:t>
            </w:r>
            <w:r>
              <w:rPr>
                <w:rFonts w:ascii="Cascadia Mono" w:hAnsi="Cascadia Mono" w:cs="Cascadia Mono"/>
                <w:color w:val="800000"/>
                <w:sz w:val="19"/>
                <w:szCs w:val="19"/>
              </w:rPr>
              <w:t xml:space="preserve"> </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headphone-symbol"</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vg/user (2).png"</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4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40"</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Your Senior Team&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left;"</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Your account here includes quick access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o the entire supply chain of businesses</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nd professionals serving seniors</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201CC5" w:rsidP="00201CC5">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tc>
      </w:tr>
    </w:tbl>
    <w:p w:rsidR="0048012D" w:rsidRDefault="0048012D" w:rsidP="0048012D"/>
    <w:p w:rsidR="00201CC5" w:rsidRDefault="00201CC5" w:rsidP="0048012D"/>
    <w:p w:rsidR="00201CC5" w:rsidRDefault="00201CC5" w:rsidP="0048012D"/>
    <w:p w:rsidR="00201CC5" w:rsidRDefault="00201CC5" w:rsidP="0048012D"/>
    <w:p w:rsidR="00201CC5" w:rsidRDefault="00201CC5" w:rsidP="0048012D"/>
    <w:p w:rsidR="00201CC5" w:rsidRDefault="00201CC5" w:rsidP="0048012D"/>
    <w:p w:rsidR="00201CC5" w:rsidRDefault="00201CC5" w:rsidP="0048012D"/>
    <w:p w:rsidR="00201CC5" w:rsidRDefault="00201CC5" w:rsidP="0048012D"/>
    <w:p w:rsidR="00201CC5" w:rsidRDefault="00201CC5" w:rsidP="0048012D"/>
    <w:p w:rsidR="00201CC5" w:rsidRDefault="00201CC5" w:rsidP="0048012D"/>
    <w:p w:rsidR="00201CC5" w:rsidRDefault="00201CC5"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201CC5" w:rsidP="0048012D">
            <w:r>
              <w:object w:dxaOrig="2664" w:dyaOrig="4320">
                <v:shape id="_x0000_i1036" type="#_x0000_t75" style="width:452pt;height:3in" o:ole="">
                  <v:imagedata r:id="rId27" o:title=""/>
                </v:shape>
                <o:OLEObject Type="Embed" ProgID="PBrush" ShapeID="_x0000_i1036" DrawAspect="Content" ObjectID="_1729694193" r:id="rId28"/>
              </w:object>
            </w:r>
          </w:p>
        </w:tc>
      </w:tr>
      <w:tr w:rsidR="0048012D" w:rsidTr="0048012D">
        <w:tc>
          <w:tcPr>
            <w:tcW w:w="9576" w:type="dxa"/>
          </w:tcPr>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g_colo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 margin_80_55"</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ain_title_2"</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2</w:t>
            </w:r>
            <w:r>
              <w:rPr>
                <w:rFonts w:ascii="Cascadia Mono" w:hAnsi="Cascadia Mono" w:cs="Cascadia Mono"/>
                <w:color w:val="000000"/>
                <w:sz w:val="19"/>
                <w:szCs w:val="19"/>
              </w:rPr>
              <w:t>&gt;Our Genesis&lt;/</w:t>
            </w:r>
            <w:r>
              <w:rPr>
                <w:rFonts w:ascii="Cascadia Mono" w:hAnsi="Cascadia Mono" w:cs="Cascadia Mono"/>
                <w:color w:val="800000"/>
                <w:sz w:val="19"/>
                <w:szCs w:val="19"/>
              </w:rPr>
              <w:t>h2</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Our vision is forged by experience</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 justify-content-between"</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6 wow"</w:t>
            </w:r>
            <w:r>
              <w:rPr>
                <w:rFonts w:ascii="Cascadia Mono" w:hAnsi="Cascadia Mono" w:cs="Cascadia Mono"/>
                <w:color w:val="800000"/>
                <w:sz w:val="19"/>
                <w:szCs w:val="19"/>
              </w:rPr>
              <w:t xml:space="preserve"> </w:t>
            </w:r>
            <w:r>
              <w:rPr>
                <w:rFonts w:ascii="Cascadia Mono" w:hAnsi="Cascadia Mono" w:cs="Cascadia Mono"/>
                <w:color w:val="FF0000"/>
                <w:sz w:val="19"/>
                <w:szCs w:val="19"/>
              </w:rPr>
              <w:t>data-wow-offset</w:t>
            </w:r>
            <w:r>
              <w:rPr>
                <w:rFonts w:ascii="Cascadia Mono" w:hAnsi="Cascadia Mono" w:cs="Cascadia Mono"/>
                <w:color w:val="800000"/>
                <w:sz w:val="19"/>
                <w:szCs w:val="19"/>
              </w:rPr>
              <w:t>=</w:t>
            </w:r>
            <w:r>
              <w:rPr>
                <w:rFonts w:ascii="Cascadia Mono" w:hAnsi="Cascadia Mono" w:cs="Cascadia Mono"/>
                <w:color w:val="0000FF"/>
                <w:sz w:val="19"/>
                <w:szCs w:val="19"/>
              </w:rPr>
              <w:t>"50"</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figur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lock-reveal"</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pf/img/slider/20.jpg"</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figure</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6"</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b-3"</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e have worked with so many seniors and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families who so often were caught up in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he confusion and uncertainty when shopping</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for a place to live with care and assistance</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b-3"</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Our vision was to make it easier by giving</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hoppers access to direct knowledge and the</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24/7 ability to reach the source and ac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b-3"</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e also saw the barriers by not having</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other answers and solutions so we have</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onnect the entire supply chain of businesses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erving seniors and families</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b-3"</w:t>
            </w:r>
            <w:r>
              <w:rPr>
                <w:rFonts w:ascii="Cascadia Mono" w:hAnsi="Cascadia Mono" w:cs="Cascadia Mono"/>
                <w:color w:val="800000"/>
                <w:sz w:val="19"/>
                <w:szCs w:val="19"/>
              </w:rPr>
              <w:t xml:space="preserve"> </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o, now after you find a place to live, you can</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find a senior real estate speialist, elder law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awyer, estate seller, packer, mover,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investment advisor, and other professionals and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pecialists right from your Dashboard</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b-3"</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It's your senior team for all the facets</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of your senior life</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201CC5" w:rsidP="00201CC5">
            <w:r>
              <w:rPr>
                <w:rFonts w:ascii="Cascadia Mono" w:hAnsi="Cascadia Mono" w:cs="Cascadia Mono"/>
                <w:color w:val="000000"/>
                <w:sz w:val="19"/>
                <w:szCs w:val="19"/>
              </w:rPr>
              <w:t xml:space="preserve">    </w:t>
            </w:r>
            <w:r>
              <w:rPr>
                <w:rFonts w:ascii="Cascadia Mono" w:hAnsi="Cascadia Mono" w:cs="Cascadia Mono"/>
                <w:color w:val="008000"/>
                <w:sz w:val="19"/>
                <w:szCs w:val="19"/>
              </w:rPr>
              <w:t>&lt;!---------------about senior placefinder ends--------------- --&gt;</w:t>
            </w:r>
          </w:p>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201CC5" w:rsidP="0048012D">
            <w:r>
              <w:rPr>
                <w:noProof/>
              </w:rPr>
              <w:drawing>
                <wp:inline distT="0" distB="0" distL="0" distR="0" wp14:anchorId="6899C36F" wp14:editId="78E2186B">
                  <wp:extent cx="5943600" cy="334137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
                          <a:stretch>
                            <a:fillRect/>
                          </a:stretch>
                        </pic:blipFill>
                        <pic:spPr>
                          <a:xfrm>
                            <a:off x="0" y="0"/>
                            <a:ext cx="5943600" cy="3341370"/>
                          </a:xfrm>
                          <a:prstGeom prst="rect">
                            <a:avLst/>
                          </a:prstGeom>
                        </pic:spPr>
                      </pic:pic>
                    </a:graphicData>
                  </a:graphic>
                </wp:inline>
              </w:drawing>
            </w:r>
          </w:p>
        </w:tc>
      </w:tr>
      <w:tr w:rsidR="0048012D" w:rsidTr="0048012D">
        <w:tc>
          <w:tcPr>
            <w:tcW w:w="9576" w:type="dxa"/>
          </w:tcPr>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lt;!---- Leadership Team star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 margin_80_55"</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ain_title_2"</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2</w:t>
            </w:r>
            <w:r>
              <w:rPr>
                <w:rFonts w:ascii="Cascadia Mono" w:hAnsi="Cascadia Mono" w:cs="Cascadia Mono"/>
                <w:color w:val="000000"/>
                <w:sz w:val="19"/>
                <w:szCs w:val="19"/>
              </w:rPr>
              <w:t>&gt;Leadership Team&lt;/</w:t>
            </w:r>
            <w:r>
              <w:rPr>
                <w:rFonts w:ascii="Cascadia Mono" w:hAnsi="Cascadia Mono" w:cs="Cascadia Mono"/>
                <w:color w:val="800000"/>
                <w:sz w:val="19"/>
                <w:szCs w:val="19"/>
              </w:rPr>
              <w:t>h2</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Meet the team working behind the screen to make the bridge between</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elderly people and the senior living</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ommunity.&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800000"/>
                <w:sz w:val="19"/>
                <w:szCs w:val="19"/>
              </w:rPr>
              <w:t xml:space="preserve"> </w:t>
            </w:r>
            <w:r>
              <w:rPr>
                <w:rFonts w:ascii="Cascadia Mono" w:hAnsi="Cascadia Mono" w:cs="Cascadia Mono"/>
                <w:color w:val="FF0000"/>
                <w:sz w:val="19"/>
                <w:szCs w:val="19"/>
              </w:rPr>
              <w:t>align</w:t>
            </w:r>
            <w:r>
              <w:rPr>
                <w:rFonts w:ascii="Cascadia Mono" w:hAnsi="Cascadia Mono" w:cs="Cascadia Mono"/>
                <w:color w:val="800000"/>
                <w:sz w:val="19"/>
                <w:szCs w:val="19"/>
              </w:rPr>
              <w:t>=</w:t>
            </w:r>
            <w:r>
              <w:rPr>
                <w:rFonts w:ascii="Cascadia Mono" w:hAnsi="Cascadia Mono" w:cs="Cascadia Mono"/>
                <w:color w:val="0000FF"/>
                <w:sz w:val="19"/>
                <w:szCs w:val="19"/>
              </w:rPr>
              <w:t>"cente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3 "</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pf/img/team/01.jpg"</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25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250"</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itle"</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color:grey;"</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4</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teve Fecske</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4</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lt;</w:t>
            </w:r>
            <w:r>
              <w:rPr>
                <w:rFonts w:ascii="Cascadia Mono" w:hAnsi="Cascadia Mono" w:cs="Cascadia Mono"/>
                <w:color w:val="800000"/>
                <w:sz w:val="19"/>
                <w:szCs w:val="19"/>
              </w:rPr>
              <w:t>strong</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hief Executive Officer &amp; Founder</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trong</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 &lt;p style="text-align:center;"&gt;</w:t>
            </w:r>
          </w:p>
          <w:p w:rsidR="00201CC5" w:rsidRDefault="00201CC5" w:rsidP="00201CC5">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 id="myBtn3"&gt;Click here to view profile</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lt;/a&gt;&lt;/p&gt; --&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 left"</w:t>
            </w:r>
            <w:r>
              <w:rPr>
                <w:rFonts w:ascii="Cascadia Mono" w:hAnsi="Cascadia Mono" w:cs="Cascadia Mono"/>
                <w:color w:val="800000"/>
                <w:sz w:val="19"/>
                <w:szCs w:val="19"/>
              </w:rPr>
              <w:t xml:space="preserve"> </w:t>
            </w:r>
            <w:r>
              <w:rPr>
                <w:rFonts w:ascii="Cascadia Mono" w:hAnsi="Cascadia Mono" w:cs="Cascadia Mono"/>
                <w:color w:val="0000FF"/>
                <w:sz w:val="19"/>
                <w:szCs w:val="19"/>
              </w:rPr>
              <w:t>"color:black;"</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he Senior Team, Inc. founder has experience working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ith senior living residences and communities, seniors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nd families. He is a Senior Real Estate Specialis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Built and operated a tech company, which he scaled and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ed for 14 years, and exited successfully.</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Marketing Director for Brookdale, Emeritus Senior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iving, and Right At Home, home care.</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tarted Placement Company and contracted with Assisted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iving  Companies for referral fees</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icensed real estate agent, with the SRES designation.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He is the author of the successful book How to Capture</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he Senior Real Estate Market for SRES Professionals,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o  understand the elder care industry as a source for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business.</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He works under the business model he developed as a real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state agent and senior advisor, which he has now automated</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hrough the Your Senior Team Internet platform.</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He partners with Keller Williams VIP Properties under its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broker services for his practice and the SREP Club.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ffset-1 col-lg-3"</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pf/img/team/02d.jpg"</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25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250"</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itle"</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color:grey;"</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4</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ju Philips</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4</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lt;</w:t>
            </w:r>
            <w:r>
              <w:rPr>
                <w:rFonts w:ascii="Cascadia Mono" w:hAnsi="Cascadia Mono" w:cs="Cascadia Mono"/>
                <w:color w:val="800000"/>
                <w:sz w:val="19"/>
                <w:szCs w:val="19"/>
              </w:rPr>
              <w:t>strong</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hief Technology Officer</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trong</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lt;p style="text-align:center;"&gt;</w:t>
            </w:r>
          </w:p>
          <w:p w:rsidR="00201CC5" w:rsidRDefault="00201CC5" w:rsidP="00201CC5">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 id="myBtn4"&gt;Click here to view profile</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lt;/a&gt;&lt;/p&gt; --&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 left"</w:t>
            </w:r>
            <w:r>
              <w:rPr>
                <w:rFonts w:ascii="Cascadia Mono" w:hAnsi="Cascadia Mono" w:cs="Cascadia Mono"/>
                <w:color w:val="800000"/>
                <w:sz w:val="19"/>
                <w:szCs w:val="19"/>
              </w:rPr>
              <w:t xml:space="preserve"> </w:t>
            </w:r>
            <w:r>
              <w:rPr>
                <w:rFonts w:ascii="Cascadia Mono" w:hAnsi="Cascadia Mono" w:cs="Cascadia Mono"/>
                <w:color w:val="0000FF"/>
                <w:sz w:val="19"/>
                <w:szCs w:val="19"/>
              </w:rPr>
              <w:t>"color:black;"</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An accomplished technology executive with a</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record of achievement in corporate growth through his strategic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the leadership of technical initiatives and operations.</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Strategic Planning, Business/IT Alignment, Business Relationship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Managemen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Enterprise Architecture, ERP systems (SAP, BI),  Application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Development, System Integration Global Implementation and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Global operations Team Building &amp; Leadership, Process Design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mp; Improvemen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Budgeting &amp; Forecasting, Vendor, Contract Managemen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IT Transformation, Change Management, Program/Project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Management</w:t>
            </w:r>
          </w:p>
          <w:p w:rsidR="00201CC5" w:rsidRDefault="00201CC5" w:rsidP="00201CC5">
            <w:pPr>
              <w:autoSpaceDE w:val="0"/>
              <w:autoSpaceDN w:val="0"/>
              <w:adjustRightInd w:val="0"/>
              <w:rPr>
                <w:rFonts w:ascii="Cascadia Mono" w:hAnsi="Cascadia Mono" w:cs="Cascadia Mono"/>
                <w:color w:val="000000"/>
                <w:sz w:val="19"/>
                <w:szCs w:val="19"/>
              </w:rPr>
            </w:pP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ffset-1 col-lg-3 "</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pf/img/team/03.jpg"</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25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250"</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itle"</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color:grey;"</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4</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Bill Wang</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4</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lt;</w:t>
            </w:r>
            <w:r>
              <w:rPr>
                <w:rFonts w:ascii="Cascadia Mono" w:hAnsi="Cascadia Mono" w:cs="Cascadia Mono"/>
                <w:color w:val="800000"/>
                <w:sz w:val="19"/>
                <w:szCs w:val="19"/>
              </w:rPr>
              <w:t>strong</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hief Financial Officer</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trong</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lt;p style="text-align:center;"&gt;</w:t>
            </w:r>
          </w:p>
          <w:p w:rsidR="00201CC5" w:rsidRDefault="00201CC5" w:rsidP="00201CC5">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 id="myBtn5"&gt;Click here to view profile</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lt;/a&gt;&lt;/p&gt; --&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 left;"</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Having earned a Ph.D. in financial paradigms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Served as a senior actuary for fortune 500 Companies</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as an expert in building financial models and forecasts.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He has vast experience setting up startup operations.</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He has successfully implemented strategic fundraising</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Most recently he has taken a start-up to generate</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more than $6 million in revenue a year.</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He has managed digital loyalty and reward programs</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Operated as the financial planner and finance manager</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for start-up.</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He has the leading position in communicating with</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investors and making sure they are kept up to date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with the Corporation's progress and developments. </w:t>
            </w:r>
          </w:p>
          <w:p w:rsidR="00201CC5" w:rsidRDefault="00201CC5" w:rsidP="00201CC5">
            <w:pPr>
              <w:autoSpaceDE w:val="0"/>
              <w:autoSpaceDN w:val="0"/>
              <w:adjustRightInd w:val="0"/>
              <w:rPr>
                <w:rFonts w:ascii="Cascadia Mono" w:hAnsi="Cascadia Mono" w:cs="Cascadia Mono"/>
                <w:color w:val="000000"/>
                <w:sz w:val="19"/>
                <w:szCs w:val="19"/>
              </w:rPr>
            </w:pP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lt;/</w:t>
            </w:r>
            <w:r>
              <w:rPr>
                <w:rFonts w:ascii="Cascadia Mono" w:hAnsi="Cascadia Mono" w:cs="Cascadia Mono"/>
                <w:color w:val="800000"/>
                <w:sz w:val="19"/>
                <w:szCs w:val="19"/>
              </w:rPr>
              <w:t>main</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lt;!--main end--&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 Leadership Team end--&gt;</w:t>
            </w:r>
          </w:p>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201CC5" w:rsidP="0048012D">
            <w:r w:rsidRPr="00201CC5">
              <w:rPr>
                <w:highlight w:val="yellow"/>
              </w:rPr>
              <w:t>Howitworks.php</w:t>
            </w:r>
          </w:p>
        </w:tc>
      </w:tr>
      <w:tr w:rsidR="0048012D" w:rsidTr="0048012D">
        <w:tc>
          <w:tcPr>
            <w:tcW w:w="9576" w:type="dxa"/>
          </w:tcPr>
          <w:p w:rsidR="0048012D" w:rsidRDefault="00201CC5" w:rsidP="0048012D">
            <w:r>
              <w:object w:dxaOrig="3844" w:dyaOrig="4320">
                <v:shape id="_x0000_i1037" type="#_x0000_t75" style="width:451.2pt;height:3in" o:ole="">
                  <v:imagedata r:id="rId30" o:title=""/>
                </v:shape>
                <o:OLEObject Type="Embed" ProgID="PBrush" ShapeID="_x0000_i1037" DrawAspect="Content" ObjectID="_1729694194" r:id="rId31"/>
              </w:object>
            </w:r>
          </w:p>
        </w:tc>
      </w:tr>
      <w:tr w:rsidR="0048012D" w:rsidTr="0048012D">
        <w:tc>
          <w:tcPr>
            <w:tcW w:w="9576" w:type="dxa"/>
          </w:tcPr>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sub_header_in sticky_heade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1</w:t>
            </w:r>
            <w:r>
              <w:rPr>
                <w:rFonts w:ascii="Cascadia Mono" w:hAnsi="Cascadia Mono" w:cs="Cascadia Mono"/>
                <w:color w:val="000000"/>
                <w:sz w:val="19"/>
                <w:szCs w:val="19"/>
              </w:rPr>
              <w:t>&gt;&lt;</w:t>
            </w:r>
            <w:r>
              <w:rPr>
                <w:rFonts w:ascii="Cascadia Mono" w:hAnsi="Cascadia Mono" w:cs="Cascadia Mono"/>
                <w:color w:val="800000"/>
                <w:sz w:val="19"/>
                <w:szCs w:val="19"/>
              </w:rPr>
              <w:t>b</w:t>
            </w:r>
            <w:r>
              <w:rPr>
                <w:rFonts w:ascii="Cascadia Mono" w:hAnsi="Cascadia Mono" w:cs="Cascadia Mono"/>
                <w:color w:val="000000"/>
                <w:sz w:val="19"/>
                <w:szCs w:val="19"/>
              </w:rPr>
              <w:t>&gt;How it Works&lt;/</w:t>
            </w:r>
            <w:r>
              <w:rPr>
                <w:rFonts w:ascii="Cascadia Mono" w:hAnsi="Cascadia Mono" w:cs="Cascadia Mono"/>
                <w:color w:val="800000"/>
                <w:sz w:val="19"/>
                <w:szCs w:val="19"/>
              </w:rPr>
              <w:t>b</w:t>
            </w:r>
            <w:r>
              <w:rPr>
                <w:rFonts w:ascii="Cascadia Mono" w:hAnsi="Cascadia Mono" w:cs="Cascadia Mono"/>
                <w:color w:val="000000"/>
                <w:sz w:val="19"/>
                <w:szCs w:val="19"/>
              </w:rPr>
              <w:t>&gt;&lt;/</w:t>
            </w:r>
            <w:r>
              <w:rPr>
                <w:rFonts w:ascii="Cascadia Mono" w:hAnsi="Cascadia Mono" w:cs="Cascadia Mono"/>
                <w:color w:val="800000"/>
                <w:sz w:val="19"/>
                <w:szCs w:val="19"/>
              </w:rPr>
              <w:t>h1</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main</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all_section"</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wrappe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 margin_80_55"</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ain_title_2"</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2</w:t>
            </w:r>
            <w:r>
              <w:rPr>
                <w:rFonts w:ascii="Cascadia Mono" w:hAnsi="Cascadia Mono" w:cs="Cascadia Mono"/>
                <w:color w:val="000000"/>
                <w:sz w:val="19"/>
                <w:szCs w:val="19"/>
              </w:rPr>
              <w:t>&gt;How it Works&lt;/</w:t>
            </w:r>
            <w:r>
              <w:rPr>
                <w:rFonts w:ascii="Cascadia Mono" w:hAnsi="Cascadia Mono" w:cs="Cascadia Mono"/>
                <w:color w:val="800000"/>
                <w:sz w:val="19"/>
                <w:szCs w:val="19"/>
              </w:rPr>
              <w:t>h2</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3 easy steps to qualify &amp; save your places to a list.&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md-4"</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ox_how"</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dollar"</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vg/pin.png"</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6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60"</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Search Locations&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left;"</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nter city or zip code, type of place and a budget range to receive a list that can be</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efined, narrowed and saved.</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md-4"</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ox_how"</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street-view-doll"</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vg/street-view-doll.png"</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6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60"</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View Location Info&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left;"</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Includes photos, features, description, accommodations, care levels, diet, lifestyle</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ith contact's name and phone number.</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md-4"</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ox_how"</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edit"</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vg/edit.png"</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6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60"</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Save &amp; Modify&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lt;p style="text-align:left;"&gt;</w:t>
            </w:r>
          </w:p>
          <w:p w:rsidR="00201CC5" w:rsidRDefault="00201CC5" w:rsidP="00201CC5">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Compile a list of places by clicking save &amp; save the list by name for future access and</w:t>
            </w:r>
          </w:p>
          <w:p w:rsidR="00201CC5" w:rsidRDefault="00201CC5" w:rsidP="00201CC5">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to make comparison with other lists.</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lt;/p&g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text-align:left;"</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Get direct contact of the executive at the location&lt;</w:t>
            </w:r>
            <w:r>
              <w:rPr>
                <w:rFonts w:ascii="Cascadia Mono" w:hAnsi="Cascadia Mono" w:cs="Cascadia Mono"/>
                <w:color w:val="800000"/>
                <w:sz w:val="19"/>
                <w:szCs w:val="19"/>
              </w:rPr>
              <w:t>br</w:t>
            </w:r>
            <w:r>
              <w:rPr>
                <w:rFonts w:ascii="Cascadia Mono" w:hAnsi="Cascadia Mono" w:cs="Cascadia Mono"/>
                <w:color w:val="000000"/>
                <w:sz w:val="19"/>
                <w:szCs w:val="19"/>
              </w:rPr>
              <w:t>&gt; and save to your lis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xt-center add_top_30 wow bounceIn"</w:t>
            </w:r>
            <w:r>
              <w:rPr>
                <w:rFonts w:ascii="Cascadia Mono" w:hAnsi="Cascadia Mono" w:cs="Cascadia Mono"/>
                <w:color w:val="800000"/>
                <w:sz w:val="19"/>
                <w:szCs w:val="19"/>
              </w:rPr>
              <w:t xml:space="preserve"> </w:t>
            </w:r>
            <w:r>
              <w:rPr>
                <w:rFonts w:ascii="Cascadia Mono" w:hAnsi="Cascadia Mono" w:cs="Cascadia Mono"/>
                <w:color w:val="FF0000"/>
                <w:sz w:val="19"/>
                <w:szCs w:val="19"/>
              </w:rPr>
              <w:t>data-wow-delay</w:t>
            </w:r>
            <w:r>
              <w:rPr>
                <w:rFonts w:ascii="Cascadia Mono" w:hAnsi="Cascadia Mono" w:cs="Cascadia Mono"/>
                <w:color w:val="800000"/>
                <w:sz w:val="19"/>
                <w:szCs w:val="19"/>
              </w:rPr>
              <w:t>=</w:t>
            </w:r>
            <w:r>
              <w:rPr>
                <w:rFonts w:ascii="Cascadia Mono" w:hAnsi="Cascadia Mono" w:cs="Cascadia Mono"/>
                <w:color w:val="0000FF"/>
                <w:sz w:val="19"/>
                <w:szCs w:val="19"/>
              </w:rPr>
              <w:t>"0.5s"</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tn_1 rounded"</w:t>
            </w:r>
            <w:r>
              <w:rPr>
                <w:rFonts w:ascii="Cascadia Mono" w:hAnsi="Cascadia Mono" w:cs="Cascadia Mono"/>
                <w:color w:val="800000"/>
                <w:sz w:val="19"/>
                <w:szCs w:val="19"/>
              </w:rPr>
              <w:t xml:space="preserve">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search.php"</w:t>
            </w:r>
            <w:r>
              <w:rPr>
                <w:rFonts w:ascii="Cascadia Mono" w:hAnsi="Cascadia Mono" w:cs="Cascadia Mono"/>
                <w:color w:val="000000"/>
                <w:sz w:val="19"/>
                <w:szCs w:val="19"/>
              </w:rPr>
              <w:t>&gt;Get Started&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canvas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1080"</w:t>
            </w:r>
            <w:r>
              <w:rPr>
                <w:rFonts w:ascii="Cascadia Mono" w:hAnsi="Cascadia Mono" w:cs="Cascadia Mono"/>
                <w:color w:val="800000"/>
                <w:sz w:val="19"/>
                <w:szCs w:val="19"/>
              </w:rPr>
              <w:t xml:space="preserve">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canvas"</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1920"</w:t>
            </w:r>
            <w:r>
              <w:rPr>
                <w:rFonts w:ascii="Cascadia Mono" w:hAnsi="Cascadia Mono" w:cs="Cascadia Mono"/>
                <w:color w:val="000000"/>
                <w:sz w:val="19"/>
                <w:szCs w:val="19"/>
              </w:rPr>
              <w:t>&gt;&lt;/</w:t>
            </w:r>
            <w:r>
              <w:rPr>
                <w:rFonts w:ascii="Cascadia Mono" w:hAnsi="Cascadia Mono" w:cs="Cascadia Mono"/>
                <w:color w:val="800000"/>
                <w:sz w:val="19"/>
                <w:szCs w:val="19"/>
              </w:rPr>
              <w:t>canvas</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201CC5" w:rsidRDefault="00201CC5" w:rsidP="00201CC5">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main</w:t>
            </w:r>
            <w:r>
              <w:rPr>
                <w:rFonts w:ascii="Cascadia Mono" w:hAnsi="Cascadia Mono" w:cs="Cascadia Mono"/>
                <w:color w:val="000000"/>
                <w:sz w:val="19"/>
                <w:szCs w:val="19"/>
              </w:rPr>
              <w:t>&gt;</w:t>
            </w:r>
          </w:p>
          <w:p w:rsidR="0048012D" w:rsidRDefault="00201CC5" w:rsidP="00201CC5">
            <w:r>
              <w:rPr>
                <w:rFonts w:ascii="Cascadia Mono" w:hAnsi="Cascadia Mono" w:cs="Cascadia Mono"/>
                <w:color w:val="000000"/>
                <w:sz w:val="19"/>
                <w:szCs w:val="19"/>
              </w:rPr>
              <w:t xml:space="preserve"> </w:t>
            </w:r>
            <w:r>
              <w:rPr>
                <w:rFonts w:ascii="Cascadia Mono" w:hAnsi="Cascadia Mono" w:cs="Cascadia Mono"/>
                <w:color w:val="008000"/>
                <w:sz w:val="19"/>
                <w:szCs w:val="19"/>
              </w:rPr>
              <w:t>&lt;!--how it works section end--&gt;</w:t>
            </w:r>
          </w:p>
        </w:tc>
      </w:tr>
    </w:tbl>
    <w:p w:rsidR="0048012D" w:rsidRDefault="0048012D" w:rsidP="0048012D"/>
    <w:p w:rsidR="0048012D" w:rsidRDefault="0048012D" w:rsidP="0048012D"/>
    <w:p w:rsidR="00201CC5" w:rsidRDefault="00201CC5" w:rsidP="0048012D"/>
    <w:p w:rsidR="00201CC5" w:rsidRDefault="00201CC5" w:rsidP="0048012D"/>
    <w:p w:rsidR="00201CC5" w:rsidRDefault="00201CC5" w:rsidP="0048012D"/>
    <w:p w:rsidR="00201CC5" w:rsidRDefault="00201CC5" w:rsidP="0048012D"/>
    <w:p w:rsidR="00201CC5" w:rsidRDefault="00201CC5"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201CC5" w:rsidP="0048012D">
            <w:r>
              <w:t>Contact.php</w:t>
            </w:r>
          </w:p>
        </w:tc>
      </w:tr>
      <w:tr w:rsidR="0048012D" w:rsidTr="0048012D">
        <w:tc>
          <w:tcPr>
            <w:tcW w:w="9576" w:type="dxa"/>
          </w:tcPr>
          <w:p w:rsidR="0048012D" w:rsidRDefault="00E00CF6" w:rsidP="0048012D">
            <w:r>
              <w:object w:dxaOrig="4320" w:dyaOrig="3493">
                <v:shape id="_x0000_i1038" type="#_x0000_t75" style="width:447.2pt;height:174.4pt" o:ole="">
                  <v:imagedata r:id="rId32" o:title=""/>
                </v:shape>
                <o:OLEObject Type="Embed" ProgID="PBrush" ShapeID="_x0000_i1038" DrawAspect="Content" ObjectID="_1729694195" r:id="rId33"/>
              </w:object>
            </w:r>
          </w:p>
        </w:tc>
      </w:tr>
      <w:tr w:rsidR="0048012D" w:rsidTr="0048012D">
        <w:tc>
          <w:tcPr>
            <w:tcW w:w="9576" w:type="dxa"/>
          </w:tcPr>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lt;!--------------------body starts------------------&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sub_header_in sticky_header"</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1</w:t>
            </w:r>
            <w:r>
              <w:rPr>
                <w:rFonts w:ascii="Cascadia Mono" w:hAnsi="Cascadia Mono" w:cs="Cascadia Mono"/>
                <w:color w:val="000000"/>
                <w:sz w:val="19"/>
                <w:szCs w:val="19"/>
              </w:rPr>
              <w:t>&gt;Contact us&lt;/</w:t>
            </w:r>
            <w:r>
              <w:rPr>
                <w:rFonts w:ascii="Cascadia Mono" w:hAnsi="Cascadia Mono" w:cs="Cascadia Mono"/>
                <w:color w:val="800000"/>
                <w:sz w:val="19"/>
                <w:szCs w:val="19"/>
              </w:rPr>
              <w:t>h1</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main</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lt;!--contact us section star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 margin_60_35"</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 justify-content-center"</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xl-5 col-lg-6 pr-xl-5"</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ain_title_3"</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2</w:t>
            </w:r>
            <w:r>
              <w:rPr>
                <w:rFonts w:ascii="Cascadia Mono" w:hAnsi="Cascadia Mono" w:cs="Cascadia Mono"/>
                <w:color w:val="000000"/>
                <w:sz w:val="19"/>
                <w:szCs w:val="19"/>
              </w:rPr>
              <w:t>&gt;Send us a message&lt;/</w:t>
            </w:r>
            <w:r>
              <w:rPr>
                <w:rFonts w:ascii="Cascadia Mono" w:hAnsi="Cascadia Mono" w:cs="Cascadia Mono"/>
                <w:color w:val="800000"/>
                <w:sz w:val="19"/>
                <w:szCs w:val="19"/>
              </w:rPr>
              <w:t>h2</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rite us your queries and complaints if any to improve our service.</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message-contact"</w:t>
            </w:r>
            <w:r>
              <w:rPr>
                <w:rFonts w:ascii="Cascadia Mono" w:hAnsi="Cascadia Mono" w:cs="Cascadia Mono"/>
                <w:color w:val="000000"/>
                <w:sz w:val="19"/>
                <w:szCs w:val="19"/>
              </w:rPr>
              <w:t>&gt;&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form </w:t>
            </w:r>
            <w:r>
              <w:rPr>
                <w:rFonts w:ascii="Cascadia Mono" w:hAnsi="Cascadia Mono" w:cs="Cascadia Mono"/>
                <w:color w:val="FF0000"/>
                <w:sz w:val="19"/>
                <w:szCs w:val="19"/>
              </w:rPr>
              <w:t>action</w:t>
            </w:r>
            <w:r>
              <w:rPr>
                <w:rFonts w:ascii="Cascadia Mono" w:hAnsi="Cascadia Mono" w:cs="Cascadia Mono"/>
                <w:color w:val="800000"/>
                <w:sz w:val="19"/>
                <w:szCs w:val="19"/>
              </w:rPr>
              <w:t>=</w:t>
            </w:r>
            <w:r>
              <w:rPr>
                <w:rFonts w:ascii="Cascadia Mono" w:hAnsi="Cascadia Mono" w:cs="Cascadia Mono"/>
                <w:color w:val="0000FF"/>
                <w:sz w:val="19"/>
                <w:szCs w:val="19"/>
              </w:rPr>
              <w:t>"contactus2.php"</w:t>
            </w:r>
            <w:r>
              <w:rPr>
                <w:rFonts w:ascii="Cascadia Mono" w:hAnsi="Cascadia Mono" w:cs="Cascadia Mono"/>
                <w:color w:val="800000"/>
                <w:sz w:val="19"/>
                <w:szCs w:val="19"/>
              </w:rPr>
              <w:t xml:space="preserve">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form"</w:t>
            </w:r>
            <w:r>
              <w:rPr>
                <w:rFonts w:ascii="Cascadia Mono" w:hAnsi="Cascadia Mono" w:cs="Cascadia Mono"/>
                <w:color w:val="800000"/>
                <w:sz w:val="19"/>
                <w:szCs w:val="19"/>
              </w:rPr>
              <w:t xml:space="preserve"> </w:t>
            </w:r>
            <w:r>
              <w:rPr>
                <w:rFonts w:ascii="Cascadia Mono" w:hAnsi="Cascadia Mono" w:cs="Cascadia Mono"/>
                <w:color w:val="FF0000"/>
                <w:sz w:val="19"/>
                <w:szCs w:val="19"/>
              </w:rPr>
              <w:t>method</w:t>
            </w:r>
            <w:r>
              <w:rPr>
                <w:rFonts w:ascii="Cascadia Mono" w:hAnsi="Cascadia Mono" w:cs="Cascadia Mono"/>
                <w:color w:val="800000"/>
                <w:sz w:val="19"/>
                <w:szCs w:val="19"/>
              </w:rPr>
              <w:t>=</w:t>
            </w:r>
            <w:r>
              <w:rPr>
                <w:rFonts w:ascii="Cascadia Mono" w:hAnsi="Cascadia Mono" w:cs="Cascadia Mono"/>
                <w:color w:val="0000FF"/>
                <w:sz w:val="19"/>
                <w:szCs w:val="19"/>
              </w:rPr>
              <w:t>"post"</w:t>
            </w:r>
            <w:r>
              <w:rPr>
                <w:rFonts w:ascii="Cascadia Mono" w:hAnsi="Cascadia Mono" w:cs="Cascadia Mono"/>
                <w:color w:val="800000"/>
                <w:sz w:val="19"/>
                <w:szCs w:val="19"/>
              </w:rPr>
              <w:t xml:space="preserve">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form"</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md-6"</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group"</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abel</w:t>
            </w:r>
            <w:r>
              <w:rPr>
                <w:rFonts w:ascii="Cascadia Mono" w:hAnsi="Cascadia Mono" w:cs="Cascadia Mono"/>
                <w:color w:val="000000"/>
                <w:sz w:val="19"/>
                <w:szCs w:val="19"/>
              </w:rPr>
              <w:t>&gt;First Name&lt;/</w:t>
            </w:r>
            <w:r>
              <w:rPr>
                <w:rFonts w:ascii="Cascadia Mono" w:hAnsi="Cascadia Mono" w:cs="Cascadia Mono"/>
                <w:color w:val="800000"/>
                <w:sz w:val="19"/>
                <w:szCs w:val="19"/>
              </w:rPr>
              <w:t>label</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nput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control"</w:t>
            </w:r>
            <w:r>
              <w:rPr>
                <w:rFonts w:ascii="Cascadia Mono" w:hAnsi="Cascadia Mono" w:cs="Cascadia Mono"/>
                <w:color w:val="800000"/>
                <w:sz w:val="19"/>
                <w:szCs w:val="19"/>
              </w:rPr>
              <w:t xml:space="preserve">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vfname"</w:t>
            </w:r>
            <w:r>
              <w:rPr>
                <w:rFonts w:ascii="Cascadia Mono" w:hAnsi="Cascadia Mono" w:cs="Cascadia Mono"/>
                <w:color w:val="800000"/>
                <w:sz w:val="19"/>
                <w:szCs w:val="19"/>
              </w:rPr>
              <w:t xml:space="preserve"> </w:t>
            </w:r>
            <w:r>
              <w:rPr>
                <w:rFonts w:ascii="Cascadia Mono" w:hAnsi="Cascadia Mono" w:cs="Cascadia Mono"/>
                <w:color w:val="FF0000"/>
                <w:sz w:val="19"/>
                <w:szCs w:val="19"/>
              </w:rPr>
              <w:t>placeholder</w:t>
            </w:r>
            <w:r>
              <w:rPr>
                <w:rFonts w:ascii="Cascadia Mono" w:hAnsi="Cascadia Mono" w:cs="Cascadia Mono"/>
                <w:color w:val="800000"/>
                <w:sz w:val="19"/>
                <w:szCs w:val="19"/>
              </w:rPr>
              <w:t>=</w:t>
            </w:r>
            <w:r>
              <w:rPr>
                <w:rFonts w:ascii="Cascadia Mono" w:hAnsi="Cascadia Mono" w:cs="Cascadia Mono"/>
                <w:color w:val="0000FF"/>
                <w:sz w:val="19"/>
                <w:szCs w:val="19"/>
              </w:rPr>
              <w:t>"Your First Name"</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w:t>
            </w:r>
            <w:r>
              <w:rPr>
                <w:rFonts w:ascii="Cascadia Mono" w:hAnsi="Cascadia Mono" w:cs="Cascadia Mono"/>
                <w:color w:val="800000"/>
                <w:sz w:val="19"/>
                <w:szCs w:val="19"/>
              </w:rPr>
              <w:t xml:space="preserve">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md-6"</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group"</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abel</w:t>
            </w:r>
            <w:r>
              <w:rPr>
                <w:rFonts w:ascii="Cascadia Mono" w:hAnsi="Cascadia Mono" w:cs="Cascadia Mono"/>
                <w:color w:val="000000"/>
                <w:sz w:val="19"/>
                <w:szCs w:val="19"/>
              </w:rPr>
              <w:t>&gt;Last Name&lt;/</w:t>
            </w:r>
            <w:r>
              <w:rPr>
                <w:rFonts w:ascii="Cascadia Mono" w:hAnsi="Cascadia Mono" w:cs="Cascadia Mono"/>
                <w:color w:val="800000"/>
                <w:sz w:val="19"/>
                <w:szCs w:val="19"/>
              </w:rPr>
              <w:t>label</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nput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control"</w:t>
            </w:r>
            <w:r>
              <w:rPr>
                <w:rFonts w:ascii="Cascadia Mono" w:hAnsi="Cascadia Mono" w:cs="Cascadia Mono"/>
                <w:color w:val="800000"/>
                <w:sz w:val="19"/>
                <w:szCs w:val="19"/>
              </w:rPr>
              <w:t xml:space="preserve">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vlname"</w:t>
            </w:r>
            <w:r>
              <w:rPr>
                <w:rFonts w:ascii="Cascadia Mono" w:hAnsi="Cascadia Mono" w:cs="Cascadia Mono"/>
                <w:color w:val="800000"/>
                <w:sz w:val="19"/>
                <w:szCs w:val="19"/>
              </w:rPr>
              <w:t xml:space="preserve"> </w:t>
            </w:r>
            <w:r>
              <w:rPr>
                <w:rFonts w:ascii="Cascadia Mono" w:hAnsi="Cascadia Mono" w:cs="Cascadia Mono"/>
                <w:color w:val="FF0000"/>
                <w:sz w:val="19"/>
                <w:szCs w:val="19"/>
              </w:rPr>
              <w:t>placeholder</w:t>
            </w:r>
            <w:r>
              <w:rPr>
                <w:rFonts w:ascii="Cascadia Mono" w:hAnsi="Cascadia Mono" w:cs="Cascadia Mono"/>
                <w:color w:val="800000"/>
                <w:sz w:val="19"/>
                <w:szCs w:val="19"/>
              </w:rPr>
              <w:t>=</w:t>
            </w:r>
            <w:r>
              <w:rPr>
                <w:rFonts w:ascii="Cascadia Mono" w:hAnsi="Cascadia Mono" w:cs="Cascadia Mono"/>
                <w:color w:val="0000FF"/>
                <w:sz w:val="19"/>
                <w:szCs w:val="19"/>
              </w:rPr>
              <w:t>"Your Last Name"</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w:t>
            </w:r>
            <w:r>
              <w:rPr>
                <w:rFonts w:ascii="Cascadia Mono" w:hAnsi="Cascadia Mono" w:cs="Cascadia Mono"/>
                <w:color w:val="800000"/>
                <w:sz w:val="19"/>
                <w:szCs w:val="19"/>
              </w:rPr>
              <w:t xml:space="preserve">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md-12"</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group"</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abel</w:t>
            </w:r>
            <w:r>
              <w:rPr>
                <w:rFonts w:ascii="Cascadia Mono" w:hAnsi="Cascadia Mono" w:cs="Cascadia Mono"/>
                <w:color w:val="000000"/>
                <w:sz w:val="19"/>
                <w:szCs w:val="19"/>
              </w:rPr>
              <w:t>&gt;Email&lt;/</w:t>
            </w:r>
            <w:r>
              <w:rPr>
                <w:rFonts w:ascii="Cascadia Mono" w:hAnsi="Cascadia Mono" w:cs="Cascadia Mono"/>
                <w:color w:val="800000"/>
                <w:sz w:val="19"/>
                <w:szCs w:val="19"/>
              </w:rPr>
              <w:t>label</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nput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control"</w:t>
            </w:r>
            <w:r>
              <w:rPr>
                <w:rFonts w:ascii="Cascadia Mono" w:hAnsi="Cascadia Mono" w:cs="Cascadia Mono"/>
                <w:color w:val="800000"/>
                <w:sz w:val="19"/>
                <w:szCs w:val="19"/>
              </w:rPr>
              <w:t xml:space="preserve">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vemail"</w:t>
            </w:r>
            <w:r>
              <w:rPr>
                <w:rFonts w:ascii="Cascadia Mono" w:hAnsi="Cascadia Mono" w:cs="Cascadia Mono"/>
                <w:color w:val="800000"/>
                <w:sz w:val="19"/>
                <w:szCs w:val="19"/>
              </w:rPr>
              <w:t xml:space="preserve"> </w:t>
            </w:r>
            <w:r>
              <w:rPr>
                <w:rFonts w:ascii="Cascadia Mono" w:hAnsi="Cascadia Mono" w:cs="Cascadia Mono"/>
                <w:color w:val="FF0000"/>
                <w:sz w:val="19"/>
                <w:szCs w:val="19"/>
              </w:rPr>
              <w:t>placeholder</w:t>
            </w:r>
            <w:r>
              <w:rPr>
                <w:rFonts w:ascii="Cascadia Mono" w:hAnsi="Cascadia Mono" w:cs="Cascadia Mono"/>
                <w:color w:val="800000"/>
                <w:sz w:val="19"/>
                <w:szCs w:val="19"/>
              </w:rPr>
              <w:t>=</w:t>
            </w:r>
            <w:r>
              <w:rPr>
                <w:rFonts w:ascii="Cascadia Mono" w:hAnsi="Cascadia Mono" w:cs="Cascadia Mono"/>
                <w:color w:val="0000FF"/>
                <w:sz w:val="19"/>
                <w:szCs w:val="19"/>
              </w:rPr>
              <w:t>"Your Email"</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text"</w:t>
            </w:r>
            <w:r>
              <w:rPr>
                <w:rFonts w:ascii="Cascadia Mono" w:hAnsi="Cascadia Mono" w:cs="Cascadia Mono"/>
                <w:color w:val="800000"/>
                <w:sz w:val="19"/>
                <w:szCs w:val="19"/>
              </w:rPr>
              <w:t xml:space="preserve">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md-12"</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group"</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abel</w:t>
            </w:r>
            <w:r>
              <w:rPr>
                <w:rFonts w:ascii="Cascadia Mono" w:hAnsi="Cascadia Mono" w:cs="Cascadia Mono"/>
                <w:color w:val="000000"/>
                <w:sz w:val="19"/>
                <w:szCs w:val="19"/>
              </w:rPr>
              <w:t>&gt;Telephone&lt;/</w:t>
            </w:r>
            <w:r>
              <w:rPr>
                <w:rFonts w:ascii="Cascadia Mono" w:hAnsi="Cascadia Mono" w:cs="Cascadia Mono"/>
                <w:color w:val="800000"/>
                <w:sz w:val="19"/>
                <w:szCs w:val="19"/>
              </w:rPr>
              <w:t>label</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nput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control"</w:t>
            </w:r>
            <w:r>
              <w:rPr>
                <w:rFonts w:ascii="Cascadia Mono" w:hAnsi="Cascadia Mono" w:cs="Cascadia Mono"/>
                <w:color w:val="800000"/>
                <w:sz w:val="19"/>
                <w:szCs w:val="19"/>
              </w:rPr>
              <w:t xml:space="preserve">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vmobile"</w:t>
            </w:r>
            <w:r>
              <w:rPr>
                <w:rFonts w:ascii="Cascadia Mono" w:hAnsi="Cascadia Mono" w:cs="Cascadia Mono"/>
                <w:color w:val="800000"/>
                <w:sz w:val="19"/>
                <w:szCs w:val="19"/>
              </w:rPr>
              <w:t xml:space="preserve"> </w:t>
            </w:r>
            <w:r>
              <w:rPr>
                <w:rFonts w:ascii="Cascadia Mono" w:hAnsi="Cascadia Mono" w:cs="Cascadia Mono"/>
                <w:color w:val="FF0000"/>
                <w:sz w:val="19"/>
                <w:szCs w:val="19"/>
              </w:rPr>
              <w:t>placeholder</w:t>
            </w:r>
            <w:r>
              <w:rPr>
                <w:rFonts w:ascii="Cascadia Mono" w:hAnsi="Cascadia Mono" w:cs="Cascadia Mono"/>
                <w:color w:val="800000"/>
                <w:sz w:val="19"/>
                <w:szCs w:val="19"/>
              </w:rPr>
              <w:t>=</w:t>
            </w:r>
            <w:r>
              <w:rPr>
                <w:rFonts w:ascii="Cascadia Mono" w:hAnsi="Cascadia Mono" w:cs="Cascadia Mono"/>
                <w:color w:val="0000FF"/>
                <w:sz w:val="19"/>
                <w:szCs w:val="19"/>
              </w:rPr>
              <w:t>"Your Mobile Number (numbers only)"</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number"</w:t>
            </w:r>
            <w:r>
              <w:rPr>
                <w:rFonts w:ascii="Cascadia Mono" w:hAnsi="Cascadia Mono" w:cs="Cascadia Mono"/>
                <w:color w:val="800000"/>
                <w:sz w:val="19"/>
                <w:szCs w:val="19"/>
              </w:rPr>
              <w:t xml:space="preserve"> </w:t>
            </w:r>
            <w:r>
              <w:rPr>
                <w:rFonts w:ascii="Cascadia Mono" w:hAnsi="Cascadia Mono" w:cs="Cascadia Mono"/>
                <w:color w:val="FF0000"/>
                <w:sz w:val="19"/>
                <w:szCs w:val="19"/>
              </w:rPr>
              <w:t>value</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size</w:t>
            </w:r>
            <w:r>
              <w:rPr>
                <w:rFonts w:ascii="Cascadia Mono" w:hAnsi="Cascadia Mono" w:cs="Cascadia Mono"/>
                <w:color w:val="800000"/>
                <w:sz w:val="19"/>
                <w:szCs w:val="19"/>
              </w:rPr>
              <w:t>=</w:t>
            </w:r>
            <w:r>
              <w:rPr>
                <w:rFonts w:ascii="Cascadia Mono" w:hAnsi="Cascadia Mono" w:cs="Cascadia Mono"/>
                <w:color w:val="0000FF"/>
                <w:sz w:val="19"/>
                <w:szCs w:val="19"/>
              </w:rPr>
              <w:t>"10"</w:t>
            </w:r>
            <w:r>
              <w:rPr>
                <w:rFonts w:ascii="Cascadia Mono" w:hAnsi="Cascadia Mono" w:cs="Cascadia Mono"/>
                <w:color w:val="800000"/>
                <w:sz w:val="19"/>
                <w:szCs w:val="19"/>
              </w:rPr>
              <w:t xml:space="preserve"> </w:t>
            </w:r>
            <w:r>
              <w:rPr>
                <w:rFonts w:ascii="Cascadia Mono" w:hAnsi="Cascadia Mono" w:cs="Cascadia Mono"/>
                <w:color w:val="FF0000"/>
                <w:sz w:val="19"/>
                <w:szCs w:val="19"/>
              </w:rPr>
              <w:t>maxlength</w:t>
            </w:r>
            <w:r>
              <w:rPr>
                <w:rFonts w:ascii="Cascadia Mono" w:hAnsi="Cascadia Mono" w:cs="Cascadia Mono"/>
                <w:color w:val="800000"/>
                <w:sz w:val="19"/>
                <w:szCs w:val="19"/>
              </w:rPr>
              <w:t>=</w:t>
            </w:r>
            <w:r>
              <w:rPr>
                <w:rFonts w:ascii="Cascadia Mono" w:hAnsi="Cascadia Mono" w:cs="Cascadia Mono"/>
                <w:color w:val="0000FF"/>
                <w:sz w:val="19"/>
                <w:szCs w:val="19"/>
              </w:rPr>
              <w:t>"10"</w:t>
            </w:r>
            <w:r>
              <w:rPr>
                <w:rFonts w:ascii="Cascadia Mono" w:hAnsi="Cascadia Mono" w:cs="Cascadia Mono"/>
                <w:color w:val="800000"/>
                <w:sz w:val="19"/>
                <w:szCs w:val="19"/>
              </w:rPr>
              <w:t xml:space="preserve"> </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oninput</w:t>
            </w:r>
            <w:r>
              <w:rPr>
                <w:rFonts w:ascii="Cascadia Mono" w:hAnsi="Cascadia Mono" w:cs="Cascadia Mono"/>
                <w:color w:val="800000"/>
                <w:sz w:val="19"/>
                <w:szCs w:val="19"/>
              </w:rPr>
              <w:t>=</w:t>
            </w:r>
            <w:r>
              <w:rPr>
                <w:rFonts w:ascii="Cascadia Mono" w:hAnsi="Cascadia Mono" w:cs="Cascadia Mono"/>
                <w:color w:val="0000FF"/>
                <w:sz w:val="19"/>
                <w:szCs w:val="19"/>
              </w:rPr>
              <w:t>"javascript: if (this.value.length &gt; this.maxLength) this.value = this.value.slice(0, this.maxLength);"</w:t>
            </w:r>
            <w:r>
              <w:rPr>
                <w:rFonts w:ascii="Cascadia Mono" w:hAnsi="Cascadia Mono" w:cs="Cascadia Mono"/>
                <w:color w:val="800000"/>
                <w:sz w:val="19"/>
                <w:szCs w:val="19"/>
              </w:rPr>
              <w:t xml:space="preserve">  </w:t>
            </w:r>
            <w:r>
              <w:rPr>
                <w:rFonts w:ascii="Cascadia Mono" w:hAnsi="Cascadia Mono" w:cs="Cascadia Mono"/>
                <w:color w:val="000000"/>
                <w:sz w:val="19"/>
                <w:szCs w:val="19"/>
              </w:rPr>
              <w:t xml:space="preserve"> /&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group"</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label</w:t>
            </w:r>
            <w:r>
              <w:rPr>
                <w:rFonts w:ascii="Cascadia Mono" w:hAnsi="Cascadia Mono" w:cs="Cascadia Mono"/>
                <w:color w:val="000000"/>
                <w:sz w:val="19"/>
                <w:szCs w:val="19"/>
              </w:rPr>
              <w:t>&gt;Message&lt;/</w:t>
            </w:r>
            <w:r>
              <w:rPr>
                <w:rFonts w:ascii="Cascadia Mono" w:hAnsi="Cascadia Mono" w:cs="Cascadia Mono"/>
                <w:color w:val="800000"/>
                <w:sz w:val="19"/>
                <w:szCs w:val="19"/>
              </w:rPr>
              <w:t>label</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textarea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control"</w:t>
            </w:r>
            <w:r>
              <w:rPr>
                <w:rFonts w:ascii="Cascadia Mono" w:hAnsi="Cascadia Mono" w:cs="Cascadia Mono"/>
                <w:color w:val="800000"/>
                <w:sz w:val="19"/>
                <w:szCs w:val="19"/>
              </w:rPr>
              <w:t xml:space="preserve">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msg"</w:t>
            </w:r>
            <w:r>
              <w:rPr>
                <w:rFonts w:ascii="Cascadia Mono" w:hAnsi="Cascadia Mono" w:cs="Cascadia Mono"/>
                <w:color w:val="800000"/>
                <w:sz w:val="19"/>
                <w:szCs w:val="19"/>
              </w:rPr>
              <w:t xml:space="preserve"> </w:t>
            </w:r>
            <w:r>
              <w:rPr>
                <w:rFonts w:ascii="Cascadia Mono" w:hAnsi="Cascadia Mono" w:cs="Cascadia Mono"/>
                <w:color w:val="FF0000"/>
                <w:sz w:val="19"/>
                <w:szCs w:val="19"/>
              </w:rPr>
              <w:t>placeholder</w:t>
            </w:r>
            <w:r>
              <w:rPr>
                <w:rFonts w:ascii="Cascadia Mono" w:hAnsi="Cascadia Mono" w:cs="Cascadia Mono"/>
                <w:color w:val="800000"/>
                <w:sz w:val="19"/>
                <w:szCs w:val="19"/>
              </w:rPr>
              <w:t>=</w:t>
            </w:r>
            <w:r>
              <w:rPr>
                <w:rFonts w:ascii="Cascadia Mono" w:hAnsi="Cascadia Mono" w:cs="Cascadia Mono"/>
                <w:color w:val="0000FF"/>
                <w:sz w:val="19"/>
                <w:szCs w:val="19"/>
              </w:rPr>
              <w:t>"Type your text here..."</w:t>
            </w:r>
            <w:r>
              <w:rPr>
                <w:rFonts w:ascii="Cascadia Mono" w:hAnsi="Cascadia Mono" w:cs="Cascadia Mono"/>
                <w:color w:val="000000"/>
                <w:sz w:val="19"/>
                <w:szCs w:val="19"/>
              </w:rPr>
              <w:t>&gt;&lt;/</w:t>
            </w:r>
            <w:r>
              <w:rPr>
                <w:rFonts w:ascii="Cascadia Mono" w:hAnsi="Cascadia Mono" w:cs="Cascadia Mono"/>
                <w:color w:val="800000"/>
                <w:sz w:val="19"/>
                <w:szCs w:val="19"/>
              </w:rPr>
              <w:t>textarea</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md-6"</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orm-group"</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add_top_30"</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button </w:t>
            </w:r>
            <w:r>
              <w:rPr>
                <w:rFonts w:ascii="Cascadia Mono" w:hAnsi="Cascadia Mono" w:cs="Cascadia Mono"/>
                <w:color w:val="FF0000"/>
                <w:sz w:val="19"/>
                <w:szCs w:val="19"/>
              </w:rPr>
              <w:t>input</w:t>
            </w:r>
            <w:r>
              <w:rPr>
                <w:rFonts w:ascii="Cascadia Mono" w:hAnsi="Cascadia Mono" w:cs="Cascadia Mono"/>
                <w:color w:val="800000"/>
                <w:sz w:val="19"/>
                <w:szCs w:val="19"/>
              </w:rPr>
              <w:t xml:space="preserve">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send"</w:t>
            </w:r>
            <w:r>
              <w:rPr>
                <w:rFonts w:ascii="Cascadia Mono" w:hAnsi="Cascadia Mono" w:cs="Cascadia Mono"/>
                <w:color w:val="800000"/>
                <w:sz w:val="19"/>
                <w:szCs w:val="19"/>
              </w:rPr>
              <w:t xml:space="preserve"> </w:t>
            </w:r>
            <w:r>
              <w:rPr>
                <w:rFonts w:ascii="Cascadia Mono" w:hAnsi="Cascadia Mono" w:cs="Cascadia Mono"/>
                <w:color w:val="FF0000"/>
                <w:sz w:val="19"/>
                <w:szCs w:val="19"/>
              </w:rPr>
              <w:t>name</w:t>
            </w:r>
            <w:r>
              <w:rPr>
                <w:rFonts w:ascii="Cascadia Mono" w:hAnsi="Cascadia Mono" w:cs="Cascadia Mono"/>
                <w:color w:val="800000"/>
                <w:sz w:val="19"/>
                <w:szCs w:val="19"/>
              </w:rPr>
              <w:t>=</w:t>
            </w:r>
            <w:r>
              <w:rPr>
                <w:rFonts w:ascii="Cascadia Mono" w:hAnsi="Cascadia Mono" w:cs="Cascadia Mono"/>
                <w:color w:val="0000FF"/>
                <w:sz w:val="19"/>
                <w:szCs w:val="19"/>
              </w:rPr>
              <w:t>"submit"</w:t>
            </w:r>
            <w:r>
              <w:rPr>
                <w:rFonts w:ascii="Cascadia Mono" w:hAnsi="Cascadia Mono" w:cs="Cascadia Mono"/>
                <w:color w:val="800000"/>
                <w:sz w:val="19"/>
                <w:szCs w:val="19"/>
              </w:rPr>
              <w:t xml:space="preserve"> </w:t>
            </w:r>
            <w:r>
              <w:rPr>
                <w:rFonts w:ascii="Cascadia Mono" w:hAnsi="Cascadia Mono" w:cs="Cascadia Mono"/>
                <w:color w:val="FF0000"/>
                <w:sz w:val="19"/>
                <w:szCs w:val="19"/>
              </w:rPr>
              <w:t>type</w:t>
            </w:r>
            <w:r>
              <w:rPr>
                <w:rFonts w:ascii="Cascadia Mono" w:hAnsi="Cascadia Mono" w:cs="Cascadia Mono"/>
                <w:color w:val="800000"/>
                <w:sz w:val="19"/>
                <w:szCs w:val="19"/>
              </w:rPr>
              <w:t>=</w:t>
            </w:r>
            <w:r>
              <w:rPr>
                <w:rFonts w:ascii="Cascadia Mono" w:hAnsi="Cascadia Mono" w:cs="Cascadia Mono"/>
                <w:color w:val="0000FF"/>
                <w:sz w:val="19"/>
                <w:szCs w:val="19"/>
              </w:rPr>
              <w:t>"submi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tn btn-primary"</w:t>
            </w:r>
            <w:r>
              <w:rPr>
                <w:rFonts w:ascii="Cascadia Mono" w:hAnsi="Cascadia Mono" w:cs="Cascadia Mono"/>
                <w:color w:val="000000"/>
                <w:sz w:val="19"/>
                <w:szCs w:val="19"/>
              </w:rPr>
              <w:t>&gt;Submit Request &lt;/</w:t>
            </w:r>
            <w:r>
              <w:rPr>
                <w:rFonts w:ascii="Cascadia Mono" w:hAnsi="Cascadia Mono" w:cs="Cascadia Mono"/>
                <w:color w:val="800000"/>
                <w:sz w:val="19"/>
                <w:szCs w:val="19"/>
              </w:rPr>
              <w:t>button</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form</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3</w:t>
            </w:r>
            <w:r>
              <w:rPr>
                <w:rFonts w:ascii="Cascadia Mono" w:hAnsi="Cascadia Mono" w:cs="Cascadia Mono"/>
                <w:color w:val="000000"/>
                <w:sz w:val="19"/>
                <w:szCs w:val="19"/>
              </w:rPr>
              <w:t>&gt;&lt;/</w:t>
            </w:r>
            <w:r>
              <w:rPr>
                <w:rFonts w:ascii="Cascadia Mono" w:hAnsi="Cascadia Mono" w:cs="Cascadia Mono"/>
                <w:color w:val="800000"/>
                <w:sz w:val="19"/>
                <w:szCs w:val="19"/>
              </w:rPr>
              <w:t>h3</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xl-5 col-lg-6 pl-xl-5"</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ox_contacts"</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phone"</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vg/phone.png"</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4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40"</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2</w:t>
            </w:r>
            <w:r>
              <w:rPr>
                <w:rFonts w:ascii="Cascadia Mono" w:hAnsi="Cascadia Mono" w:cs="Cascadia Mono"/>
                <w:color w:val="000000"/>
                <w:sz w:val="19"/>
                <w:szCs w:val="19"/>
              </w:rPr>
              <w:t>&gt;Need Help?&lt;/</w:t>
            </w:r>
            <w:r>
              <w:rPr>
                <w:rFonts w:ascii="Cascadia Mono" w:hAnsi="Cascadia Mono" w:cs="Cascadia Mono"/>
                <w:color w:val="800000"/>
                <w:sz w:val="19"/>
                <w:szCs w:val="19"/>
              </w:rPr>
              <w:t>h2</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1) 833-487-7786&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mailto:info@yourseniorteam.com"</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info@yourseniorteam.com&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box_contacts"</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alt</w:t>
            </w:r>
            <w:r>
              <w:rPr>
                <w:rFonts w:ascii="Cascadia Mono" w:hAnsi="Cascadia Mono" w:cs="Cascadia Mono"/>
                <w:color w:val="800000"/>
                <w:sz w:val="19"/>
                <w:szCs w:val="19"/>
              </w:rPr>
              <w:t>=</w:t>
            </w:r>
            <w:r>
              <w:rPr>
                <w:rFonts w:ascii="Cascadia Mono" w:hAnsi="Cascadia Mono" w:cs="Cascadia Mono"/>
                <w:color w:val="0000FF"/>
                <w:sz w:val="19"/>
                <w:szCs w:val="19"/>
              </w:rPr>
              <w:t>"home-address"</w:t>
            </w:r>
            <w:r>
              <w:rPr>
                <w:rFonts w:ascii="Cascadia Mono" w:hAnsi="Cascadia Mono" w:cs="Cascadia Mono"/>
                <w:color w:val="800000"/>
                <w:sz w:val="19"/>
                <w:szCs w:val="19"/>
              </w:rPr>
              <w:t xml:space="preserv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vg/home-address.png"</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4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40"</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2</w:t>
            </w:r>
            <w:r>
              <w:rPr>
                <w:rFonts w:ascii="Cascadia Mono" w:hAnsi="Cascadia Mono" w:cs="Cascadia Mono"/>
                <w:color w:val="000000"/>
                <w:sz w:val="19"/>
                <w:szCs w:val="19"/>
              </w:rPr>
              <w:t>&gt;Address&lt;/</w:t>
            </w:r>
            <w:r>
              <w:rPr>
                <w:rFonts w:ascii="Cascadia Mono" w:hAnsi="Cascadia Mono" w:cs="Cascadia Mono"/>
                <w:color w:val="800000"/>
                <w:sz w:val="19"/>
                <w:szCs w:val="19"/>
              </w:rPr>
              <w:t>h2</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href</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23638 Newhall Ave &lt;</w:t>
            </w:r>
            <w:r>
              <w:rPr>
                <w:rFonts w:ascii="Cascadia Mono" w:hAnsi="Cascadia Mono" w:cs="Cascadia Mono"/>
                <w:color w:val="800000"/>
                <w:sz w:val="19"/>
                <w:szCs w:val="19"/>
              </w:rPr>
              <w:t>br</w:t>
            </w:r>
            <w:r>
              <w:rPr>
                <w:rFonts w:ascii="Cascadia Mono" w:hAnsi="Cascadia Mono" w:cs="Cascadia Mono"/>
                <w:color w:val="000000"/>
                <w:sz w:val="19"/>
                <w:szCs w:val="19"/>
              </w:rPr>
              <w:t>&gt;Ste 6 PMB 1007 &lt;</w:t>
            </w:r>
            <w:r>
              <w:rPr>
                <w:rFonts w:ascii="Cascadia Mono" w:hAnsi="Cascadia Mono" w:cs="Cascadia Mono"/>
                <w:color w:val="800000"/>
                <w:sz w:val="19"/>
                <w:szCs w:val="19"/>
              </w:rPr>
              <w:t>br</w:t>
            </w:r>
            <w:r>
              <w:rPr>
                <w:rFonts w:ascii="Cascadia Mono" w:hAnsi="Cascadia Mono" w:cs="Cascadia Mono"/>
                <w:color w:val="000000"/>
                <w:sz w:val="19"/>
                <w:szCs w:val="19"/>
              </w:rPr>
              <w:t>&gt;Newhall, CA 91321</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E00CF6" w:rsidP="00E00CF6">
            <w:r>
              <w:rPr>
                <w:rFonts w:ascii="Cascadia Mono" w:hAnsi="Cascadia Mono" w:cs="Cascadia Mono"/>
                <w:color w:val="008000"/>
                <w:sz w:val="19"/>
                <w:szCs w:val="19"/>
              </w:rPr>
              <w:t>&lt;!--contact us section ends--&gt;</w:t>
            </w:r>
          </w:p>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E00CF6" w:rsidP="0048012D">
            <w:r>
              <w:object w:dxaOrig="3925" w:dyaOrig="4320">
                <v:shape id="_x0000_i1039" type="#_x0000_t75" style="width:452pt;height:3in" o:ole="">
                  <v:imagedata r:id="rId34" o:title=""/>
                </v:shape>
                <o:OLEObject Type="Embed" ProgID="PBrush" ShapeID="_x0000_i1039" DrawAspect="Content" ObjectID="_1729694196" r:id="rId35"/>
              </w:object>
            </w:r>
          </w:p>
        </w:tc>
      </w:tr>
      <w:tr w:rsidR="0048012D" w:rsidTr="0048012D">
        <w:tc>
          <w:tcPr>
            <w:tcW w:w="9576" w:type="dxa"/>
          </w:tcPr>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lt;!--map section--&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div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background: #ffffff;"</w:t>
            </w: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 justify-content-center"</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h2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t-3"</w:t>
            </w:r>
            <w:r>
              <w:rPr>
                <w:rFonts w:ascii="Cascadia Mono" w:hAnsi="Cascadia Mono" w:cs="Cascadia Mono"/>
                <w:color w:val="000000"/>
                <w:sz w:val="19"/>
                <w:szCs w:val="19"/>
              </w:rPr>
              <w:t>&gt; Map View &lt;/</w:t>
            </w:r>
            <w:r>
              <w:rPr>
                <w:rFonts w:ascii="Cascadia Mono" w:hAnsi="Cascadia Mono" w:cs="Cascadia Mono"/>
                <w:color w:val="800000"/>
                <w:sz w:val="19"/>
                <w:szCs w:val="19"/>
              </w:rPr>
              <w:t>h2</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offset-0"</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frame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https://www.google.com/maps/embed?pb=!1m18!1m12!1m3!1d3293.063451377966!2d-118.53878138413985!3d34.374306408135055!2m3!1f0!2f0!3f0!3m2!1i1024!2i768!4f13.1!3m3!1m2!1s0x80c28688f05d91e1%3A0x3fc7fdd81620c292!2s23235%208th%20St%2C%20Santa%20Clarita%2C%20CA%2091321%2C%20USA!5e0!3m2!1sen!2sin!4v1639403344632!5m2!1sen!2sin"</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130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450"</w:t>
            </w: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border:0;"</w:t>
            </w:r>
            <w:r>
              <w:rPr>
                <w:rFonts w:ascii="Cascadia Mono" w:hAnsi="Cascadia Mono" w:cs="Cascadia Mono"/>
                <w:color w:val="800000"/>
                <w:sz w:val="19"/>
                <w:szCs w:val="19"/>
              </w:rPr>
              <w:t xml:space="preserve"> </w:t>
            </w:r>
            <w:r>
              <w:rPr>
                <w:rFonts w:ascii="Cascadia Mono" w:hAnsi="Cascadia Mono" w:cs="Cascadia Mono"/>
                <w:color w:val="FF0000"/>
                <w:sz w:val="19"/>
                <w:szCs w:val="19"/>
              </w:rPr>
              <w:t>allowfullscreen</w:t>
            </w:r>
            <w:r>
              <w:rPr>
                <w:rFonts w:ascii="Cascadia Mono" w:hAnsi="Cascadia Mono" w:cs="Cascadia Mono"/>
                <w:color w:val="800000"/>
                <w:sz w:val="19"/>
                <w:szCs w:val="19"/>
              </w:rPr>
              <w:t>=</w:t>
            </w:r>
            <w:r>
              <w:rPr>
                <w:rFonts w:ascii="Cascadia Mono" w:hAnsi="Cascadia Mono" w:cs="Cascadia Mono"/>
                <w:color w:val="0000FF"/>
                <w:sz w:val="19"/>
                <w:szCs w:val="19"/>
              </w:rPr>
              <w:t>""</w:t>
            </w:r>
            <w:r>
              <w:rPr>
                <w:rFonts w:ascii="Cascadia Mono" w:hAnsi="Cascadia Mono" w:cs="Cascadia Mono"/>
                <w:color w:val="800000"/>
                <w:sz w:val="19"/>
                <w:szCs w:val="19"/>
              </w:rPr>
              <w:t xml:space="preserve"> </w:t>
            </w:r>
            <w:r>
              <w:rPr>
                <w:rFonts w:ascii="Cascadia Mono" w:hAnsi="Cascadia Mono" w:cs="Cascadia Mono"/>
                <w:color w:val="FF0000"/>
                <w:sz w:val="19"/>
                <w:szCs w:val="19"/>
              </w:rPr>
              <w:t>loading</w:t>
            </w:r>
            <w:r>
              <w:rPr>
                <w:rFonts w:ascii="Cascadia Mono" w:hAnsi="Cascadia Mono" w:cs="Cascadia Mono"/>
                <w:color w:val="800000"/>
                <w:sz w:val="19"/>
                <w:szCs w:val="19"/>
              </w:rPr>
              <w:t>=</w:t>
            </w:r>
            <w:r>
              <w:rPr>
                <w:rFonts w:ascii="Cascadia Mono" w:hAnsi="Cascadia Mono" w:cs="Cascadia Mono"/>
                <w:color w:val="0000FF"/>
                <w:sz w:val="19"/>
                <w:szCs w:val="19"/>
              </w:rPr>
              <w:t>"lazy"</w:t>
            </w:r>
            <w:r>
              <w:rPr>
                <w:rFonts w:ascii="Cascadia Mono" w:hAnsi="Cascadia Mono" w:cs="Cascadia Mono"/>
                <w:color w:val="000000"/>
                <w:sz w:val="19"/>
                <w:szCs w:val="19"/>
              </w:rPr>
              <w:t>&gt;&lt;/</w:t>
            </w:r>
            <w:r>
              <w:rPr>
                <w:rFonts w:ascii="Cascadia Mono" w:hAnsi="Cascadia Mono" w:cs="Cascadia Mono"/>
                <w:color w:val="800000"/>
                <w:sz w:val="19"/>
                <w:szCs w:val="19"/>
              </w:rPr>
              <w:t>iframe</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48012D" w:rsidRDefault="00E00CF6" w:rsidP="00E00CF6">
            <w:r>
              <w:rPr>
                <w:rFonts w:ascii="Cascadia Mono" w:hAnsi="Cascadia Mono" w:cs="Cascadia Mono"/>
                <w:color w:val="000000"/>
                <w:sz w:val="19"/>
                <w:szCs w:val="19"/>
              </w:rPr>
              <w:t xml:space="preserve">    &lt;/</w:t>
            </w:r>
            <w:r>
              <w:rPr>
                <w:rFonts w:ascii="Cascadia Mono" w:hAnsi="Cascadia Mono" w:cs="Cascadia Mono"/>
                <w:color w:val="800000"/>
                <w:sz w:val="19"/>
                <w:szCs w:val="19"/>
              </w:rPr>
              <w:t>main</w:t>
            </w:r>
            <w:r>
              <w:rPr>
                <w:rFonts w:ascii="Cascadia Mono" w:hAnsi="Cascadia Mono" w:cs="Cascadia Mono"/>
                <w:color w:val="000000"/>
                <w:sz w:val="19"/>
                <w:szCs w:val="19"/>
              </w:rPr>
              <w:t>&gt;</w:t>
            </w:r>
          </w:p>
        </w:tc>
      </w:tr>
    </w:tbl>
    <w:p w:rsidR="0048012D" w:rsidRDefault="0048012D" w:rsidP="0048012D"/>
    <w:p w:rsidR="0048012D" w:rsidRDefault="0048012D" w:rsidP="0048012D"/>
    <w:p w:rsidR="00E00CF6" w:rsidRDefault="00E00CF6" w:rsidP="0048012D"/>
    <w:p w:rsidR="00E00CF6" w:rsidRDefault="00E00CF6" w:rsidP="0048012D"/>
    <w:p w:rsidR="00E00CF6" w:rsidRDefault="00E00CF6" w:rsidP="0048012D"/>
    <w:p w:rsidR="00E00CF6" w:rsidRDefault="00E00CF6"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E00CF6" w:rsidP="0048012D">
            <w:r w:rsidRPr="00E00CF6">
              <w:rPr>
                <w:highlight w:val="yellow"/>
              </w:rPr>
              <w:t>Contactus2.php</w:t>
            </w:r>
          </w:p>
        </w:tc>
      </w:tr>
      <w:tr w:rsidR="0048012D" w:rsidTr="0048012D">
        <w:tc>
          <w:tcPr>
            <w:tcW w:w="9576" w:type="dxa"/>
          </w:tcPr>
          <w:p w:rsidR="0048012D" w:rsidRDefault="00E00CF6" w:rsidP="0048012D">
            <w:r>
              <w:object w:dxaOrig="3803" w:dyaOrig="4320">
                <v:shape id="_x0000_i1040" type="#_x0000_t75" style="width:459.2pt;height:102.4pt" o:ole="">
                  <v:imagedata r:id="rId36" o:title=""/>
                </v:shape>
                <o:OLEObject Type="Embed" ProgID="PBrush" ShapeID="_x0000_i1040" DrawAspect="Content" ObjectID="_1729694197" r:id="rId37"/>
              </w:object>
            </w:r>
          </w:p>
        </w:tc>
      </w:tr>
      <w:tr w:rsidR="0048012D" w:rsidTr="0048012D">
        <w:tc>
          <w:tcPr>
            <w:tcW w:w="9576" w:type="dxa"/>
          </w:tcPr>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header ends------------------&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sub_header_in sticky_header"</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p>
          <w:p w:rsidR="00E00CF6" w:rsidRDefault="00E00CF6" w:rsidP="00E00CF6">
            <w:pPr>
              <w:autoSpaceDE w:val="0"/>
              <w:autoSpaceDN w:val="0"/>
              <w:adjustRightInd w:val="0"/>
              <w:rPr>
                <w:rFonts w:ascii="Cascadia Mono" w:hAnsi="Cascadia Mono" w:cs="Cascadia Mono"/>
                <w:color w:val="000000"/>
                <w:sz w:val="19"/>
                <w:szCs w:val="19"/>
              </w:rPr>
            </w:pP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E00CF6" w:rsidRDefault="00E00CF6" w:rsidP="00E00CF6">
            <w:pPr>
              <w:autoSpaceDE w:val="0"/>
              <w:autoSpaceDN w:val="0"/>
              <w:adjustRightInd w:val="0"/>
              <w:rPr>
                <w:rFonts w:ascii="Cascadia Mono" w:hAnsi="Cascadia Mono" w:cs="Cascadia Mono"/>
                <w:color w:val="000000"/>
                <w:sz w:val="19"/>
                <w:szCs w:val="19"/>
              </w:rPr>
            </w:pPr>
          </w:p>
          <w:p w:rsidR="00E00CF6" w:rsidRDefault="00E00CF6" w:rsidP="00E00CF6">
            <w:pPr>
              <w:autoSpaceDE w:val="0"/>
              <w:autoSpaceDN w:val="0"/>
              <w:adjustRightInd w:val="0"/>
              <w:rPr>
                <w:rFonts w:ascii="Cascadia Mono" w:hAnsi="Cascadia Mono" w:cs="Cascadia Mono"/>
                <w:color w:val="000000"/>
                <w:sz w:val="19"/>
                <w:szCs w:val="19"/>
              </w:rPr>
            </w:pPr>
          </w:p>
          <w:p w:rsidR="00E00CF6" w:rsidRDefault="00E00CF6" w:rsidP="00E00CF6">
            <w:pPr>
              <w:autoSpaceDE w:val="0"/>
              <w:autoSpaceDN w:val="0"/>
              <w:adjustRightInd w:val="0"/>
              <w:rPr>
                <w:rFonts w:ascii="Cascadia Mono" w:hAnsi="Cascadia Mono" w:cs="Cascadia Mono"/>
                <w:color w:val="000000"/>
                <w:sz w:val="19"/>
                <w:szCs w:val="19"/>
              </w:rPr>
            </w:pP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t;?php</w:t>
            </w:r>
          </w:p>
          <w:p w:rsidR="00E00CF6" w:rsidRDefault="00E00CF6" w:rsidP="00E00CF6">
            <w:pPr>
              <w:autoSpaceDE w:val="0"/>
              <w:autoSpaceDN w:val="0"/>
              <w:adjustRightInd w:val="0"/>
              <w:rPr>
                <w:rFonts w:ascii="Cascadia Mono" w:hAnsi="Cascadia Mono" w:cs="Cascadia Mono"/>
                <w:color w:val="000000"/>
                <w:sz w:val="19"/>
                <w:szCs w:val="19"/>
              </w:rPr>
            </w:pP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adminEmail = </w:t>
            </w:r>
            <w:r>
              <w:rPr>
                <w:rFonts w:ascii="Cascadia Mono" w:hAnsi="Cascadia Mono" w:cs="Cascadia Mono"/>
                <w:color w:val="A31515"/>
                <w:sz w:val="19"/>
                <w:szCs w:val="19"/>
              </w:rPr>
              <w:t>"bhaktavatsala@ymctechno.com, saisangamesh@ymctechno.com"</w:t>
            </w:r>
            <w:r>
              <w:rPr>
                <w:rFonts w:ascii="Cascadia Mono" w:hAnsi="Cascadia Mono" w:cs="Cascadia Mono"/>
                <w:color w:val="000000"/>
                <w:sz w:val="19"/>
                <w:szCs w:val="19"/>
              </w:rPr>
              <w:t xml:space="preserve"> ;</w:t>
            </w:r>
          </w:p>
          <w:p w:rsidR="00E00CF6" w:rsidRDefault="00E00CF6" w:rsidP="00E00CF6">
            <w:pPr>
              <w:autoSpaceDE w:val="0"/>
              <w:autoSpaceDN w:val="0"/>
              <w:adjustRightInd w:val="0"/>
              <w:rPr>
                <w:rFonts w:ascii="Cascadia Mono" w:hAnsi="Cascadia Mono" w:cs="Cascadia Mono"/>
                <w:color w:val="000000"/>
                <w:sz w:val="19"/>
                <w:szCs w:val="19"/>
              </w:rPr>
            </w:pP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FF"/>
                <w:sz w:val="19"/>
                <w:szCs w:val="19"/>
              </w:rPr>
              <w:t>if</w:t>
            </w:r>
            <w:r>
              <w:rPr>
                <w:rFonts w:ascii="Cascadia Mono" w:hAnsi="Cascadia Mono" w:cs="Cascadia Mono"/>
                <w:color w:val="000000"/>
                <w:sz w:val="19"/>
                <w:szCs w:val="19"/>
              </w:rPr>
              <w:t>(</w:t>
            </w:r>
            <w:r>
              <w:rPr>
                <w:rFonts w:ascii="Cascadia Mono" w:hAnsi="Cascadia Mono" w:cs="Cascadia Mono"/>
                <w:color w:val="0000FF"/>
                <w:sz w:val="19"/>
                <w:szCs w:val="19"/>
              </w:rPr>
              <w:t>isset</w:t>
            </w:r>
            <w:r>
              <w:rPr>
                <w:rFonts w:ascii="Cascadia Mono" w:hAnsi="Cascadia Mono" w:cs="Cascadia Mono"/>
                <w:color w:val="000000"/>
                <w:sz w:val="19"/>
                <w:szCs w:val="19"/>
              </w:rPr>
              <w:t>($_POST[</w:t>
            </w:r>
            <w:r>
              <w:rPr>
                <w:rFonts w:ascii="Cascadia Mono" w:hAnsi="Cascadia Mono" w:cs="Cascadia Mono"/>
                <w:color w:val="A31515"/>
                <w:sz w:val="19"/>
                <w:szCs w:val="19"/>
              </w:rPr>
              <w:t>"submit"</w:t>
            </w:r>
            <w:r>
              <w:rPr>
                <w:rFonts w:ascii="Cascadia Mono" w:hAnsi="Cascadia Mono" w:cs="Cascadia Mono"/>
                <w:color w:val="000000"/>
                <w:sz w:val="19"/>
                <w:szCs w:val="19"/>
              </w:rPr>
              <w:t>])){</w:t>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Checking For Blank Fields..</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FF"/>
                <w:sz w:val="19"/>
                <w:szCs w:val="19"/>
              </w:rPr>
              <w:t>if</w:t>
            </w:r>
            <w:r>
              <w:rPr>
                <w:rFonts w:ascii="Cascadia Mono" w:hAnsi="Cascadia Mono" w:cs="Cascadia Mono"/>
                <w:color w:val="000000"/>
                <w:sz w:val="19"/>
                <w:szCs w:val="19"/>
              </w:rPr>
              <w:t>($_POST[</w:t>
            </w:r>
            <w:r>
              <w:rPr>
                <w:rFonts w:ascii="Cascadia Mono" w:hAnsi="Cascadia Mono" w:cs="Cascadia Mono"/>
                <w:color w:val="A31515"/>
                <w:sz w:val="19"/>
                <w:szCs w:val="19"/>
              </w:rPr>
              <w:t>"vfname"</w:t>
            </w:r>
            <w:r>
              <w:rPr>
                <w:rFonts w:ascii="Cascadia Mono" w:hAnsi="Cascadia Mono" w:cs="Cascadia Mono"/>
                <w:color w:val="000000"/>
                <w:sz w:val="19"/>
                <w:szCs w:val="19"/>
              </w:rPr>
              <w:t>]==</w:t>
            </w:r>
            <w:r>
              <w:rPr>
                <w:rFonts w:ascii="Cascadia Mono" w:hAnsi="Cascadia Mono" w:cs="Cascadia Mono"/>
                <w:color w:val="A31515"/>
                <w:sz w:val="19"/>
                <w:szCs w:val="19"/>
              </w:rPr>
              <w:t>""</w:t>
            </w:r>
            <w:r>
              <w:rPr>
                <w:rFonts w:ascii="Cascadia Mono" w:hAnsi="Cascadia Mono" w:cs="Cascadia Mono"/>
                <w:color w:val="000000"/>
                <w:sz w:val="19"/>
                <w:szCs w:val="19"/>
              </w:rPr>
              <w:t>||$_POST[</w:t>
            </w:r>
            <w:r>
              <w:rPr>
                <w:rFonts w:ascii="Cascadia Mono" w:hAnsi="Cascadia Mono" w:cs="Cascadia Mono"/>
                <w:color w:val="A31515"/>
                <w:sz w:val="19"/>
                <w:szCs w:val="19"/>
              </w:rPr>
              <w:t>"vlname"</w:t>
            </w:r>
            <w:r>
              <w:rPr>
                <w:rFonts w:ascii="Cascadia Mono" w:hAnsi="Cascadia Mono" w:cs="Cascadia Mono"/>
                <w:color w:val="000000"/>
                <w:sz w:val="19"/>
                <w:szCs w:val="19"/>
              </w:rPr>
              <w:t>]==</w:t>
            </w:r>
            <w:r>
              <w:rPr>
                <w:rFonts w:ascii="Cascadia Mono" w:hAnsi="Cascadia Mono" w:cs="Cascadia Mono"/>
                <w:color w:val="A31515"/>
                <w:sz w:val="19"/>
                <w:szCs w:val="19"/>
              </w:rPr>
              <w:t>""</w:t>
            </w:r>
            <w:r>
              <w:rPr>
                <w:rFonts w:ascii="Cascadia Mono" w:hAnsi="Cascadia Mono" w:cs="Cascadia Mono"/>
                <w:color w:val="000000"/>
                <w:sz w:val="19"/>
                <w:szCs w:val="19"/>
              </w:rPr>
              <w:t>||$_POST[</w:t>
            </w:r>
            <w:r>
              <w:rPr>
                <w:rFonts w:ascii="Cascadia Mono" w:hAnsi="Cascadia Mono" w:cs="Cascadia Mono"/>
                <w:color w:val="A31515"/>
                <w:sz w:val="19"/>
                <w:szCs w:val="19"/>
              </w:rPr>
              <w:t>"vmobile"</w:t>
            </w:r>
            <w:r>
              <w:rPr>
                <w:rFonts w:ascii="Cascadia Mono" w:hAnsi="Cascadia Mono" w:cs="Cascadia Mono"/>
                <w:color w:val="000000"/>
                <w:sz w:val="19"/>
                <w:szCs w:val="19"/>
              </w:rPr>
              <w:t>]==</w:t>
            </w:r>
            <w:r>
              <w:rPr>
                <w:rFonts w:ascii="Cascadia Mono" w:hAnsi="Cascadia Mono" w:cs="Cascadia Mono"/>
                <w:color w:val="A31515"/>
                <w:sz w:val="19"/>
                <w:szCs w:val="19"/>
              </w:rPr>
              <w:t>""</w:t>
            </w:r>
            <w:r>
              <w:rPr>
                <w:rFonts w:ascii="Cascadia Mono" w:hAnsi="Cascadia Mono" w:cs="Cascadia Mono"/>
                <w:color w:val="000000"/>
                <w:sz w:val="19"/>
                <w:szCs w:val="19"/>
              </w:rPr>
              <w:t>||$_POST[</w:t>
            </w:r>
            <w:r>
              <w:rPr>
                <w:rFonts w:ascii="Cascadia Mono" w:hAnsi="Cascadia Mono" w:cs="Cascadia Mono"/>
                <w:color w:val="A31515"/>
                <w:sz w:val="19"/>
                <w:szCs w:val="19"/>
              </w:rPr>
              <w:t>"vemail"</w:t>
            </w:r>
            <w:r>
              <w:rPr>
                <w:rFonts w:ascii="Cascadia Mono" w:hAnsi="Cascadia Mono" w:cs="Cascadia Mono"/>
                <w:color w:val="000000"/>
                <w:sz w:val="19"/>
                <w:szCs w:val="19"/>
              </w:rPr>
              <w:t>]==</w:t>
            </w:r>
            <w:r>
              <w:rPr>
                <w:rFonts w:ascii="Cascadia Mono" w:hAnsi="Cascadia Mono" w:cs="Cascadia Mono"/>
                <w:color w:val="A31515"/>
                <w:sz w:val="19"/>
                <w:szCs w:val="19"/>
              </w:rPr>
              <w:t>""</w:t>
            </w:r>
            <w:r>
              <w:rPr>
                <w:rFonts w:ascii="Cascadia Mono" w:hAnsi="Cascadia Mono" w:cs="Cascadia Mono"/>
                <w:color w:val="000000"/>
                <w:sz w:val="19"/>
                <w:szCs w:val="19"/>
              </w:rPr>
              <w:t>||$_POST[</w:t>
            </w:r>
            <w:r>
              <w:rPr>
                <w:rFonts w:ascii="Cascadia Mono" w:hAnsi="Cascadia Mono" w:cs="Cascadia Mono"/>
                <w:color w:val="A31515"/>
                <w:sz w:val="19"/>
                <w:szCs w:val="19"/>
              </w:rPr>
              <w:t>"msg"</w:t>
            </w:r>
            <w:r>
              <w:rPr>
                <w:rFonts w:ascii="Cascadia Mono" w:hAnsi="Cascadia Mono" w:cs="Cascadia Mono"/>
                <w:color w:val="000000"/>
                <w:sz w:val="19"/>
                <w:szCs w:val="19"/>
              </w:rPr>
              <w:t>]==</w:t>
            </w:r>
            <w:r>
              <w:rPr>
                <w:rFonts w:ascii="Cascadia Mono" w:hAnsi="Cascadia Mono" w:cs="Cascadia Mono"/>
                <w:color w:val="A31515"/>
                <w:sz w:val="19"/>
                <w:szCs w:val="19"/>
              </w:rPr>
              <w:t>""</w:t>
            </w:r>
            <w:r>
              <w:rPr>
                <w:rFonts w:ascii="Cascadia Mono" w:hAnsi="Cascadia Mono" w:cs="Cascadia Mono"/>
                <w:color w:val="000000"/>
                <w:sz w:val="19"/>
                <w:szCs w:val="19"/>
              </w:rPr>
              <w:t>)</w:t>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add or remove the form fields above and subject line $_POST["sub"]==""|| is //removed</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FF"/>
                <w:sz w:val="19"/>
                <w:szCs w:val="19"/>
              </w:rPr>
              <w:t>echo</w:t>
            </w:r>
            <w:r>
              <w:rPr>
                <w:rFonts w:ascii="Cascadia Mono" w:hAnsi="Cascadia Mono" w:cs="Cascadia Mono"/>
                <w:color w:val="000000"/>
                <w:sz w:val="19"/>
                <w:szCs w:val="19"/>
              </w:rPr>
              <w:t xml:space="preserve"> </w:t>
            </w:r>
            <w:r>
              <w:rPr>
                <w:rFonts w:ascii="Cascadia Mono" w:hAnsi="Cascadia Mono" w:cs="Cascadia Mono"/>
                <w:color w:val="A31515"/>
                <w:sz w:val="19"/>
                <w:szCs w:val="19"/>
              </w:rPr>
              <w:t>"&amp;emsp;&amp;emsp;&amp;emsp;&lt;h4 &gt;&lt;span&gt;Sorry! you missed entering all the fields, please&lt;a href='contact.php'&gt; &lt;u&gt;click here&lt;/u&gt;&lt;/a&gt; to enter the contact form &lt;/span&gt;&lt;/h4&gt;"</w:t>
            </w:r>
            <w:r>
              <w:rPr>
                <w:rFonts w:ascii="Cascadia Mono" w:hAnsi="Cascadia Mono" w:cs="Cascadia Mono"/>
                <w:color w:val="000000"/>
                <w:sz w:val="19"/>
                <w:szCs w:val="19"/>
              </w:rPr>
              <w:t>;</w:t>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r>
              <w:rPr>
                <w:rFonts w:ascii="Cascadia Mono" w:hAnsi="Cascadia Mono" w:cs="Cascadia Mono"/>
                <w:color w:val="0000FF"/>
                <w:sz w:val="19"/>
                <w:szCs w:val="19"/>
              </w:rPr>
              <w:t>else</w:t>
            </w:r>
            <w:r>
              <w:rPr>
                <w:rFonts w:ascii="Cascadia Mono" w:hAnsi="Cascadia Mono" w:cs="Cascadia Mono"/>
                <w:color w:val="000000"/>
                <w:sz w:val="19"/>
                <w:szCs w:val="19"/>
              </w:rPr>
              <w:t>{</w:t>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Check if the "Sender's Email" input field is filled ou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email=$_POST[</w:t>
            </w:r>
            <w:r>
              <w:rPr>
                <w:rFonts w:ascii="Cascadia Mono" w:hAnsi="Cascadia Mono" w:cs="Cascadia Mono"/>
                <w:color w:val="A31515"/>
                <w:sz w:val="19"/>
                <w:szCs w:val="19"/>
              </w:rPr>
              <w:t>'vemail'</w:t>
            </w:r>
            <w:r>
              <w:rPr>
                <w:rFonts w:ascii="Cascadia Mono" w:hAnsi="Cascadia Mono" w:cs="Cascadia Mono"/>
                <w:color w:val="000000"/>
                <w:sz w:val="19"/>
                <w:szCs w:val="19"/>
              </w:rPr>
              <w:t>];</w:t>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Sanitize E-mail Address</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email =</w:t>
            </w:r>
            <w:r>
              <w:rPr>
                <w:rFonts w:ascii="Cascadia Mono" w:hAnsi="Cascadia Mono" w:cs="Cascadia Mono"/>
                <w:color w:val="0000FF"/>
                <w:sz w:val="19"/>
                <w:szCs w:val="19"/>
              </w:rPr>
              <w:t>filter_var</w:t>
            </w:r>
            <w:r>
              <w:rPr>
                <w:rFonts w:ascii="Cascadia Mono" w:hAnsi="Cascadia Mono" w:cs="Cascadia Mono"/>
                <w:color w:val="000000"/>
                <w:sz w:val="19"/>
                <w:szCs w:val="19"/>
              </w:rPr>
              <w:t>($email, FILTER_SANITIZE_EMAIL);</w:t>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Validate E-mail Address</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email= </w:t>
            </w:r>
            <w:r>
              <w:rPr>
                <w:rFonts w:ascii="Cascadia Mono" w:hAnsi="Cascadia Mono" w:cs="Cascadia Mono"/>
                <w:color w:val="0000FF"/>
                <w:sz w:val="19"/>
                <w:szCs w:val="19"/>
              </w:rPr>
              <w:t>filter_var</w:t>
            </w:r>
            <w:r>
              <w:rPr>
                <w:rFonts w:ascii="Cascadia Mono" w:hAnsi="Cascadia Mono" w:cs="Cascadia Mono"/>
                <w:color w:val="000000"/>
                <w:sz w:val="19"/>
                <w:szCs w:val="19"/>
              </w:rPr>
              <w:t>($email, FILTER_VALIDATE_EMAIL);</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FF"/>
                <w:sz w:val="19"/>
                <w:szCs w:val="19"/>
              </w:rPr>
              <w:t>if</w:t>
            </w:r>
            <w:r>
              <w:rPr>
                <w:rFonts w:ascii="Cascadia Mono" w:hAnsi="Cascadia Mono" w:cs="Cascadia Mono"/>
                <w:color w:val="000000"/>
                <w:sz w:val="19"/>
                <w:szCs w:val="19"/>
              </w:rPr>
              <w:t xml:space="preserve"> (!$email){</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FF"/>
                <w:sz w:val="19"/>
                <w:szCs w:val="19"/>
              </w:rPr>
              <w:t>echo</w:t>
            </w:r>
            <w:r>
              <w:rPr>
                <w:rFonts w:ascii="Cascadia Mono" w:hAnsi="Cascadia Mono" w:cs="Cascadia Mono"/>
                <w:color w:val="000000"/>
                <w:sz w:val="19"/>
                <w:szCs w:val="19"/>
              </w:rPr>
              <w:t xml:space="preserve"> </w:t>
            </w:r>
            <w:r>
              <w:rPr>
                <w:rFonts w:ascii="Cascadia Mono" w:hAnsi="Cascadia Mono" w:cs="Cascadia Mono"/>
                <w:color w:val="A31515"/>
                <w:sz w:val="19"/>
                <w:szCs w:val="19"/>
              </w:rPr>
              <w:t>"Invalid Sender's Email"</w:t>
            </w:r>
            <w:r>
              <w:rPr>
                <w:rFonts w:ascii="Cascadia Mono" w:hAnsi="Cascadia Mono" w:cs="Cascadia Mono"/>
                <w:color w:val="000000"/>
                <w:sz w:val="19"/>
                <w:szCs w:val="19"/>
              </w:rPr>
              <w: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FF"/>
                <w:sz w:val="19"/>
                <w:szCs w:val="19"/>
              </w:rPr>
              <w:t>else</w:t>
            </w:r>
            <w:r>
              <w:rPr>
                <w:rFonts w:ascii="Cascadia Mono" w:hAnsi="Cascadia Mono" w:cs="Cascadia Mono"/>
                <w:color w:val="000000"/>
                <w:sz w:val="19"/>
                <w:szCs w:val="19"/>
              </w:rPr>
              <w: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fname = $_POST[</w:t>
            </w:r>
            <w:r>
              <w:rPr>
                <w:rFonts w:ascii="Cascadia Mono" w:hAnsi="Cascadia Mono" w:cs="Cascadia Mono"/>
                <w:color w:val="A31515"/>
                <w:sz w:val="19"/>
                <w:szCs w:val="19"/>
              </w:rPr>
              <w:t>'vfname'</w:t>
            </w:r>
            <w:r>
              <w:rPr>
                <w:rFonts w:ascii="Cascadia Mono" w:hAnsi="Cascadia Mono" w:cs="Cascadia Mono"/>
                <w:color w:val="000000"/>
                <w:sz w:val="19"/>
                <w:szCs w:val="19"/>
              </w:rPr>
              <w: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name = $_POST[</w:t>
            </w:r>
            <w:r>
              <w:rPr>
                <w:rFonts w:ascii="Cascadia Mono" w:hAnsi="Cascadia Mono" w:cs="Cascadia Mono"/>
                <w:color w:val="A31515"/>
                <w:sz w:val="19"/>
                <w:szCs w:val="19"/>
              </w:rPr>
              <w:t>'vlname'</w:t>
            </w:r>
            <w:r>
              <w:rPr>
                <w:rFonts w:ascii="Cascadia Mono" w:hAnsi="Cascadia Mono" w:cs="Cascadia Mono"/>
                <w:color w:val="000000"/>
                <w:sz w:val="19"/>
                <w:szCs w:val="19"/>
              </w:rPr>
              <w: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mobile = $_POST[</w:t>
            </w:r>
            <w:r>
              <w:rPr>
                <w:rFonts w:ascii="Cascadia Mono" w:hAnsi="Cascadia Mono" w:cs="Cascadia Mono"/>
                <w:color w:val="A31515"/>
                <w:sz w:val="19"/>
                <w:szCs w:val="19"/>
              </w:rPr>
              <w:t>'vmobile'</w:t>
            </w:r>
            <w:r>
              <w:rPr>
                <w:rFonts w:ascii="Cascadia Mono" w:hAnsi="Cascadia Mono" w:cs="Cascadia Mono"/>
                <w:color w:val="000000"/>
                <w:sz w:val="19"/>
                <w:szCs w:val="19"/>
              </w:rPr>
              <w:t>];</w:t>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subject = $_POST['sub']; // subject line not required for Your Senior Team</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message = $_POST[</w:t>
            </w:r>
            <w:r>
              <w:rPr>
                <w:rFonts w:ascii="Cascadia Mono" w:hAnsi="Cascadia Mono" w:cs="Cascadia Mono"/>
                <w:color w:val="A31515"/>
                <w:sz w:val="19"/>
                <w:szCs w:val="19"/>
              </w:rPr>
              <w:t>'msg'</w:t>
            </w:r>
            <w:r>
              <w:rPr>
                <w:rFonts w:ascii="Cascadia Mono" w:hAnsi="Cascadia Mono" w:cs="Cascadia Mono"/>
                <w:color w:val="000000"/>
                <w:sz w:val="19"/>
                <w:szCs w:val="19"/>
              </w:rPr>
              <w:t>];</w:t>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senderEmail = </w:t>
            </w:r>
            <w:r>
              <w:rPr>
                <w:rFonts w:ascii="Cascadia Mono" w:hAnsi="Cascadia Mono" w:cs="Cascadia Mono"/>
                <w:color w:val="A31515"/>
                <w:sz w:val="19"/>
                <w:szCs w:val="19"/>
              </w:rPr>
              <w:t>'&lt;'</w:t>
            </w:r>
            <w:r>
              <w:rPr>
                <w:rFonts w:ascii="Cascadia Mono" w:hAnsi="Cascadia Mono" w:cs="Cascadia Mono"/>
                <w:color w:val="000000"/>
                <w:sz w:val="19"/>
                <w:szCs w:val="19"/>
              </w:rPr>
              <w:t>. $email .</w:t>
            </w:r>
            <w:r>
              <w:rPr>
                <w:rFonts w:ascii="Cascadia Mono" w:hAnsi="Cascadia Mono" w:cs="Cascadia Mono"/>
                <w:color w:val="A31515"/>
                <w:sz w:val="19"/>
                <w:szCs w:val="19"/>
              </w:rPr>
              <w:t>'&gt;'</w:t>
            </w:r>
            <w:r>
              <w:rPr>
                <w:rFonts w:ascii="Cascadia Mono" w:hAnsi="Cascadia Mono" w:cs="Cascadia Mono"/>
                <w:color w:val="000000"/>
                <w:sz w:val="19"/>
                <w:szCs w:val="19"/>
              </w:rPr>
              <w:t xml:space="preserve"> ; </w:t>
            </w:r>
            <w:r>
              <w:rPr>
                <w:rFonts w:ascii="Cascadia Mono" w:hAnsi="Cascadia Mono" w:cs="Cascadia Mono"/>
                <w:color w:val="008000"/>
                <w:sz w:val="19"/>
                <w:szCs w:val="19"/>
              </w:rPr>
              <w:t>//new line added to senders email //YMCT</w:t>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lastRenderedPageBreak/>
              <w:t>//$header = 'From:'. $email2 . "rn"; // Sender's Email //only for checking in //case if the below message and headers doesn't work</w:t>
            </w:r>
          </w:p>
          <w:p w:rsidR="00E00CF6" w:rsidRDefault="00E00CF6" w:rsidP="00E00CF6">
            <w:pPr>
              <w:autoSpaceDE w:val="0"/>
              <w:autoSpaceDN w:val="0"/>
              <w:adjustRightInd w:val="0"/>
              <w:rPr>
                <w:rFonts w:ascii="Cascadia Mono" w:hAnsi="Cascadia Mono" w:cs="Cascadia Mono"/>
                <w:color w:val="000000"/>
                <w:sz w:val="19"/>
                <w:szCs w:val="19"/>
              </w:rPr>
            </w:pP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header .= 'Cc:'. $email2 . "rn"; // Carbon copy to Sender //only for checking //in case if the below message and headers doesn't work</w:t>
            </w:r>
          </w:p>
          <w:p w:rsidR="00E00CF6" w:rsidRDefault="00E00CF6" w:rsidP="00E00CF6">
            <w:pPr>
              <w:autoSpaceDE w:val="0"/>
              <w:autoSpaceDN w:val="0"/>
              <w:adjustRightInd w:val="0"/>
              <w:rPr>
                <w:rFonts w:ascii="Cascadia Mono" w:hAnsi="Cascadia Mono" w:cs="Cascadia Mono"/>
                <w:color w:val="000000"/>
                <w:sz w:val="19"/>
                <w:szCs w:val="19"/>
              </w:rPr>
            </w:pP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Message lines should not exceed 70 characters (PHP rule), so wrap i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message = </w:t>
            </w:r>
            <w:r>
              <w:rPr>
                <w:rFonts w:ascii="Cascadia Mono" w:hAnsi="Cascadia Mono" w:cs="Cascadia Mono"/>
                <w:color w:val="0000FF"/>
                <w:sz w:val="19"/>
                <w:szCs w:val="19"/>
              </w:rPr>
              <w:t>wordwrap</w:t>
            </w:r>
            <w:r>
              <w:rPr>
                <w:rFonts w:ascii="Cascadia Mono" w:hAnsi="Cascadia Mono" w:cs="Cascadia Mono"/>
                <w:color w:val="000000"/>
                <w:sz w:val="19"/>
                <w:szCs w:val="19"/>
              </w:rPr>
              <w:t>($message, 70);</w:t>
            </w:r>
          </w:p>
          <w:p w:rsidR="00E00CF6" w:rsidRDefault="00E00CF6" w:rsidP="00E00CF6">
            <w:pPr>
              <w:autoSpaceDE w:val="0"/>
              <w:autoSpaceDN w:val="0"/>
              <w:adjustRightInd w:val="0"/>
              <w:rPr>
                <w:rFonts w:ascii="Cascadia Mono" w:hAnsi="Cascadia Mono" w:cs="Cascadia Mono"/>
                <w:color w:val="000000"/>
                <w:sz w:val="19"/>
                <w:szCs w:val="19"/>
              </w:rPr>
            </w:pP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Send Mail By PHP Mail Function</w:t>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mail("sbhaktavatsala@gmail.com", $subject, $message, $header); //only for //checking in case if the below message and headers doesn't work</w:t>
            </w:r>
          </w:p>
          <w:p w:rsidR="00E00CF6" w:rsidRDefault="00E00CF6" w:rsidP="00E00CF6">
            <w:pPr>
              <w:autoSpaceDE w:val="0"/>
              <w:autoSpaceDN w:val="0"/>
              <w:adjustRightInd w:val="0"/>
              <w:rPr>
                <w:rFonts w:ascii="Cascadia Mono" w:hAnsi="Cascadia Mono" w:cs="Cascadia Mono"/>
                <w:color w:val="000000"/>
                <w:sz w:val="19"/>
                <w:szCs w:val="19"/>
              </w:rPr>
            </w:pP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 new lines added by ymct--&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fromEmail = </w:t>
            </w:r>
            <w:r>
              <w:rPr>
                <w:rFonts w:ascii="Cascadia Mono" w:hAnsi="Cascadia Mono" w:cs="Cascadia Mono"/>
                <w:color w:val="A31515"/>
                <w:sz w:val="19"/>
                <w:szCs w:val="19"/>
              </w:rPr>
              <w:t>'no-reply@yourseniorteam.com'</w:t>
            </w:r>
            <w:r>
              <w:rPr>
                <w:rFonts w:ascii="Cascadia Mono" w:hAnsi="Cascadia Mono" w:cs="Cascadia Mono"/>
                <w:color w:val="000000"/>
                <w:sz w:val="19"/>
                <w:szCs w:val="19"/>
              </w:rPr>
              <w:t xml:space="preserve"> ; </w:t>
            </w:r>
            <w:r>
              <w:rPr>
                <w:rFonts w:ascii="Cascadia Mono" w:hAnsi="Cascadia Mono" w:cs="Cascadia Mono"/>
                <w:color w:val="008000"/>
                <w:sz w:val="19"/>
                <w:szCs w:val="19"/>
              </w:rPr>
              <w:t>// common for all //YourSeniorteam portals</w:t>
            </w:r>
          </w:p>
          <w:p w:rsidR="00E00CF6" w:rsidRDefault="00E00CF6" w:rsidP="00E00CF6">
            <w:pPr>
              <w:autoSpaceDE w:val="0"/>
              <w:autoSpaceDN w:val="0"/>
              <w:adjustRightInd w:val="0"/>
              <w:rPr>
                <w:rFonts w:ascii="Cascadia Mono" w:hAnsi="Cascadia Mono" w:cs="Cascadia Mono"/>
                <w:color w:val="000000"/>
                <w:sz w:val="19"/>
                <w:szCs w:val="19"/>
              </w:rPr>
            </w:pP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to = $adminEmail  ; </w:t>
            </w:r>
            <w:r>
              <w:rPr>
                <w:rFonts w:ascii="Cascadia Mono" w:hAnsi="Cascadia Mono" w:cs="Cascadia Mono"/>
                <w:color w:val="008000"/>
                <w:sz w:val="19"/>
                <w:szCs w:val="19"/>
              </w:rPr>
              <w:t>//to Site Admin</w:t>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sto = $senderEmail  ; </w:t>
            </w:r>
            <w:r>
              <w:rPr>
                <w:rFonts w:ascii="Cascadia Mono" w:hAnsi="Cascadia Mono" w:cs="Cascadia Mono"/>
                <w:color w:val="008000"/>
                <w:sz w:val="19"/>
                <w:szCs w:val="19"/>
              </w:rPr>
              <w:t>//to Senders mail from YMC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w:t>
            </w:r>
            <w:r>
              <w:rPr>
                <w:rFonts w:ascii="Cascadia Mono" w:hAnsi="Cascadia Mono" w:cs="Cascadia Mono"/>
                <w:color w:val="008000"/>
                <w:sz w:val="19"/>
                <w:szCs w:val="19"/>
              </w:rPr>
              <w:tab/>
              <w:t xml:space="preserve">$subject = '&lt;'.$subject.'&gt;'.date('d-m-Y h:i a') ; // generally followed and //not applicable for yourseniorteam </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ab/>
            </w:r>
            <w:r>
              <w:rPr>
                <w:rFonts w:ascii="Cascadia Mono" w:hAnsi="Cascadia Mono" w:cs="Cascadia Mono"/>
                <w:color w:val="008000"/>
                <w:sz w:val="19"/>
                <w:szCs w:val="19"/>
              </w:rPr>
              <w:t xml:space="preserve">// Start of Subject Heading Line for Admin from YMCT </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ubject = </w:t>
            </w:r>
            <w:r>
              <w:rPr>
                <w:rFonts w:ascii="Cascadia Mono" w:hAnsi="Cascadia Mono" w:cs="Cascadia Mono"/>
                <w:color w:val="A31515"/>
                <w:sz w:val="19"/>
                <w:szCs w:val="19"/>
              </w:rPr>
              <w:t>'Contact Form Received from Senior Place Finder:'</w:t>
            </w:r>
            <w:r>
              <w:rPr>
                <w:rFonts w:ascii="Cascadia Mono" w:hAnsi="Cascadia Mono" w:cs="Cascadia Mono"/>
                <w:color w:val="000000"/>
                <w:sz w:val="19"/>
                <w:szCs w:val="19"/>
              </w:rPr>
              <w:t>.</w:t>
            </w:r>
            <w:r>
              <w:rPr>
                <w:rFonts w:ascii="Cascadia Mono" w:hAnsi="Cascadia Mono" w:cs="Cascadia Mono"/>
                <w:color w:val="0000FF"/>
                <w:sz w:val="19"/>
                <w:szCs w:val="19"/>
              </w:rPr>
              <w:t>date</w:t>
            </w:r>
            <w:r>
              <w:rPr>
                <w:rFonts w:ascii="Cascadia Mono" w:hAnsi="Cascadia Mono" w:cs="Cascadia Mono"/>
                <w:color w:val="000000"/>
                <w:sz w:val="19"/>
                <w:szCs w:val="19"/>
              </w:rPr>
              <w:t>(</w:t>
            </w:r>
            <w:r>
              <w:rPr>
                <w:rFonts w:ascii="Cascadia Mono" w:hAnsi="Cascadia Mono" w:cs="Cascadia Mono"/>
                <w:color w:val="A31515"/>
                <w:sz w:val="19"/>
                <w:szCs w:val="19"/>
              </w:rPr>
              <w:t>'d-m-Y h:i a'</w:t>
            </w:r>
            <w:r>
              <w:rPr>
                <w:rFonts w:ascii="Cascadia Mono" w:hAnsi="Cascadia Mono" w:cs="Cascadia Mono"/>
                <w:color w:val="000000"/>
                <w:sz w:val="19"/>
                <w:szCs w:val="19"/>
              </w:rPr>
              <w:t>) ;</w:t>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 xml:space="preserve">// End of Subject Heading Line for Sender from YMCT </w:t>
            </w:r>
            <w:r>
              <w:rPr>
                <w:rFonts w:ascii="Cascadia Mono" w:hAnsi="Cascadia Mono" w:cs="Cascadia Mono"/>
                <w:color w:val="008000"/>
                <w:sz w:val="19"/>
                <w:szCs w:val="19"/>
              </w:rPr>
              <w:tab/>
            </w:r>
            <w:r>
              <w:rPr>
                <w:rFonts w:ascii="Cascadia Mono" w:hAnsi="Cascadia Mono" w:cs="Cascadia Mono"/>
                <w:color w:val="008000"/>
                <w:sz w:val="19"/>
                <w:szCs w:val="19"/>
              </w:rPr>
              <w:tab/>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ab/>
            </w:r>
            <w:r>
              <w:rPr>
                <w:rFonts w:ascii="Cascadia Mono" w:hAnsi="Cascadia Mono" w:cs="Cascadia Mono"/>
                <w:color w:val="008000"/>
                <w:sz w:val="19"/>
                <w:szCs w:val="19"/>
              </w:rPr>
              <w:t xml:space="preserve">// Start of Subject Heading Line for Sender from YMCT </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ubject1 = </w:t>
            </w:r>
            <w:r>
              <w:rPr>
                <w:rFonts w:ascii="Cascadia Mono" w:hAnsi="Cascadia Mono" w:cs="Cascadia Mono"/>
                <w:color w:val="A31515"/>
                <w:sz w:val="19"/>
                <w:szCs w:val="19"/>
              </w:rPr>
              <w:t>'Contact Form Posted on Senior Place Finder : '</w:t>
            </w:r>
            <w:r>
              <w:rPr>
                <w:rFonts w:ascii="Cascadia Mono" w:hAnsi="Cascadia Mono" w:cs="Cascadia Mono"/>
                <w:color w:val="000000"/>
                <w:sz w:val="19"/>
                <w:szCs w:val="19"/>
              </w:rPr>
              <w:t>.</w:t>
            </w:r>
            <w:r>
              <w:rPr>
                <w:rFonts w:ascii="Cascadia Mono" w:hAnsi="Cascadia Mono" w:cs="Cascadia Mono"/>
                <w:color w:val="0000FF"/>
                <w:sz w:val="19"/>
                <w:szCs w:val="19"/>
              </w:rPr>
              <w:t>date</w:t>
            </w:r>
            <w:r>
              <w:rPr>
                <w:rFonts w:ascii="Cascadia Mono" w:hAnsi="Cascadia Mono" w:cs="Cascadia Mono"/>
                <w:color w:val="000000"/>
                <w:sz w:val="19"/>
                <w:szCs w:val="19"/>
              </w:rPr>
              <w:t>(</w:t>
            </w:r>
            <w:r>
              <w:rPr>
                <w:rFonts w:ascii="Cascadia Mono" w:hAnsi="Cascadia Mono" w:cs="Cascadia Mono"/>
                <w:color w:val="A31515"/>
                <w:sz w:val="19"/>
                <w:szCs w:val="19"/>
              </w:rPr>
              <w:t>'d-m-Y h:i a'</w:t>
            </w:r>
            <w:r>
              <w:rPr>
                <w:rFonts w:ascii="Cascadia Mono" w:hAnsi="Cascadia Mono" w:cs="Cascadia Mono"/>
                <w:color w:val="000000"/>
                <w:sz w:val="19"/>
                <w:szCs w:val="19"/>
              </w:rPr>
              <w:t>) ;</w:t>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ab/>
            </w:r>
            <w:r>
              <w:rPr>
                <w:rFonts w:ascii="Cascadia Mono" w:hAnsi="Cascadia Mono" w:cs="Cascadia Mono"/>
                <w:color w:val="008000"/>
                <w:sz w:val="19"/>
                <w:szCs w:val="19"/>
              </w:rPr>
              <w:t xml:space="preserve">// End of Subject Heading Line for Sender from YMCT </w:t>
            </w:r>
            <w:r>
              <w:rPr>
                <w:rFonts w:ascii="Cascadia Mono" w:hAnsi="Cascadia Mono" w:cs="Cascadia Mono"/>
                <w:color w:val="008000"/>
                <w:sz w:val="19"/>
                <w:szCs w:val="19"/>
              </w:rPr>
              <w:tab/>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 xml:space="preserve">// Start of mail message from YMCT </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000000"/>
                <w:sz w:val="19"/>
                <w:szCs w:val="19"/>
              </w:rPr>
              <w:t xml:space="preserve">    $message2 .= </w:t>
            </w:r>
            <w:r>
              <w:rPr>
                <w:rFonts w:ascii="Cascadia Mono" w:hAnsi="Cascadia Mono" w:cs="Cascadia Mono"/>
                <w:color w:val="A31515"/>
                <w:sz w:val="19"/>
                <w:szCs w:val="19"/>
              </w:rPr>
              <w:t>'&lt;table style="font-family:verdana;font-size:12px" width="700"&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r style="border-bottom: 1px solid silver; "&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d style="width: 30%; border-right: 1px solid silver; border-bottom: 1px solid silver;padding: 5px;" align="right"&gt;Name&lt;/strong&gt;&lt;/td&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d style="border-bottom: 1px solid silver;padding: 5px;" &gt;&lt;strong&gt;'</w:t>
            </w:r>
            <w:r>
              <w:rPr>
                <w:rFonts w:ascii="Cascadia Mono" w:hAnsi="Cascadia Mono" w:cs="Cascadia Mono"/>
                <w:color w:val="000000"/>
                <w:sz w:val="19"/>
                <w:szCs w:val="19"/>
              </w:rPr>
              <w:t xml:space="preserve">. $fname . </w:t>
            </w:r>
            <w:r>
              <w:rPr>
                <w:rFonts w:ascii="Cascadia Mono" w:hAnsi="Cascadia Mono" w:cs="Cascadia Mono"/>
                <w:color w:val="A31515"/>
                <w:sz w:val="19"/>
                <w:szCs w:val="19"/>
              </w:rPr>
              <w:t>'&amp;ensp;'</w:t>
            </w:r>
            <w:r>
              <w:rPr>
                <w:rFonts w:ascii="Cascadia Mono" w:hAnsi="Cascadia Mono" w:cs="Cascadia Mono"/>
                <w:color w:val="000000"/>
                <w:sz w:val="19"/>
                <w:szCs w:val="19"/>
              </w:rPr>
              <w:t xml:space="preserve">. $lname . </w:t>
            </w:r>
            <w:r>
              <w:rPr>
                <w:rFonts w:ascii="Cascadia Mono" w:hAnsi="Cascadia Mono" w:cs="Cascadia Mono"/>
                <w:color w:val="A31515"/>
                <w:sz w:val="19"/>
                <w:szCs w:val="19"/>
              </w:rPr>
              <w:t>'&lt;/strong&gt;&lt;/td&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r&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r style="border-bottom: 1px solid silver; "&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d style="width: 30%; border-right: 1px solid silver; border-bottom: 1px solid silver;padding: 5px;" align="right"&gt;Tel&lt;/strong&gt;&lt;/td&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d style="border-bottom: 1px solid silver;padding: 5px;" &gt;&lt;strong&gt;'</w:t>
            </w:r>
            <w:r>
              <w:rPr>
                <w:rFonts w:ascii="Cascadia Mono" w:hAnsi="Cascadia Mono" w:cs="Cascadia Mono"/>
                <w:color w:val="000000"/>
                <w:sz w:val="19"/>
                <w:szCs w:val="19"/>
              </w:rPr>
              <w:t>. $mobile .</w:t>
            </w:r>
            <w:r>
              <w:rPr>
                <w:rFonts w:ascii="Cascadia Mono" w:hAnsi="Cascadia Mono" w:cs="Cascadia Mono"/>
                <w:color w:val="A31515"/>
                <w:sz w:val="19"/>
                <w:szCs w:val="19"/>
              </w:rPr>
              <w:t>'&lt;/strong&gt;&lt;/td&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r&gt; </w:t>
            </w:r>
          </w:p>
          <w:p w:rsidR="00E00CF6" w:rsidRDefault="00E00CF6" w:rsidP="00E00CF6">
            <w:pPr>
              <w:autoSpaceDE w:val="0"/>
              <w:autoSpaceDN w:val="0"/>
              <w:adjustRightInd w:val="0"/>
              <w:rPr>
                <w:rFonts w:ascii="Cascadia Mono" w:hAnsi="Cascadia Mono" w:cs="Cascadia Mono"/>
                <w:color w:val="A31515"/>
                <w:sz w:val="19"/>
                <w:szCs w:val="19"/>
              </w:rPr>
            </w:pP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r style="border-bottom: 1px solid silver; "&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d style="width: 30%; border-right: 1px solid silver; border-bottom: 1px solid silver;padding: 5px;" </w:t>
            </w:r>
            <w:r>
              <w:rPr>
                <w:rFonts w:ascii="Cascadia Mono" w:hAnsi="Cascadia Mono" w:cs="Cascadia Mono"/>
                <w:color w:val="A31515"/>
                <w:sz w:val="19"/>
                <w:szCs w:val="19"/>
              </w:rPr>
              <w:lastRenderedPageBreak/>
              <w:t>align="right"&gt;Email &lt;/strong&gt;&lt;/td&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d style="border-bottom: 1px solid silver;padding: 5px;" &gt;&lt;strong&gt;'</w:t>
            </w:r>
            <w:r>
              <w:rPr>
                <w:rFonts w:ascii="Cascadia Mono" w:hAnsi="Cascadia Mono" w:cs="Cascadia Mono"/>
                <w:color w:val="000000"/>
                <w:sz w:val="19"/>
                <w:szCs w:val="19"/>
              </w:rPr>
              <w:t>. $email .</w:t>
            </w:r>
            <w:r>
              <w:rPr>
                <w:rFonts w:ascii="Cascadia Mono" w:hAnsi="Cascadia Mono" w:cs="Cascadia Mono"/>
                <w:color w:val="A31515"/>
                <w:sz w:val="19"/>
                <w:szCs w:val="19"/>
              </w:rPr>
              <w:t>'&lt;/strong&gt;&lt;/td&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r&gt;</w:t>
            </w:r>
          </w:p>
          <w:p w:rsidR="00E00CF6" w:rsidRDefault="00E00CF6" w:rsidP="00E00CF6">
            <w:pPr>
              <w:autoSpaceDE w:val="0"/>
              <w:autoSpaceDN w:val="0"/>
              <w:adjustRightInd w:val="0"/>
              <w:rPr>
                <w:rFonts w:ascii="Cascadia Mono" w:hAnsi="Cascadia Mono" w:cs="Cascadia Mono"/>
                <w:color w:val="A31515"/>
                <w:sz w:val="19"/>
                <w:szCs w:val="19"/>
              </w:rPr>
            </w:pP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r style="border-bottom: 1px solid silver; "&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d style="width: 30%; border-right: 1px solid silver; border-bottom: 1px solid silver,;padding: 5px;" align="right"&gt;Message &lt;/strong&gt;&lt;/td&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d style="border-bottom: 1px solid silver;padding: 5px;" &gt;'</w:t>
            </w:r>
            <w:r>
              <w:rPr>
                <w:rFonts w:ascii="Cascadia Mono" w:hAnsi="Cascadia Mono" w:cs="Cascadia Mono"/>
                <w:color w:val="000000"/>
                <w:sz w:val="19"/>
                <w:szCs w:val="19"/>
              </w:rPr>
              <w:t>. $message .</w:t>
            </w:r>
            <w:r>
              <w:rPr>
                <w:rFonts w:ascii="Cascadia Mono" w:hAnsi="Cascadia Mono" w:cs="Cascadia Mono"/>
                <w:color w:val="A31515"/>
                <w:sz w:val="19"/>
                <w:szCs w:val="19"/>
              </w:rPr>
              <w:t>'&lt;/strong&gt;&lt;/td&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 xml:space="preserve">   &lt;/tr&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r>
            <w:r>
              <w:rPr>
                <w:rFonts w:ascii="Cascadia Mono" w:hAnsi="Cascadia Mono" w:cs="Cascadia Mono"/>
                <w:color w:val="A31515"/>
                <w:sz w:val="19"/>
                <w:szCs w:val="19"/>
              </w:rPr>
              <w:tab/>
              <w:t>&lt;/table&gt;'</w:t>
            </w:r>
            <w:r>
              <w:rPr>
                <w:rFonts w:ascii="Cascadia Mono" w:hAnsi="Cascadia Mono" w:cs="Cascadia Mono"/>
                <w:color w:val="000000"/>
                <w:sz w:val="19"/>
                <w:szCs w:val="19"/>
              </w:rPr>
              <w:t>;</w:t>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 xml:space="preserve">// End of mail message from YMCT </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 xml:space="preserve">// Start of message for Senders mail from YMCT </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000000"/>
                <w:sz w:val="19"/>
                <w:szCs w:val="19"/>
              </w:rPr>
              <w:t xml:space="preserve">    </w:t>
            </w:r>
            <w:r>
              <w:rPr>
                <w:rFonts w:ascii="Cascadia Mono" w:hAnsi="Cascadia Mono" w:cs="Cascadia Mono"/>
                <w:color w:val="000000"/>
                <w:sz w:val="19"/>
                <w:szCs w:val="19"/>
              </w:rPr>
              <w:tab/>
              <w:t xml:space="preserve">$message1 =  </w:t>
            </w:r>
            <w:r>
              <w:rPr>
                <w:rFonts w:ascii="Cascadia Mono" w:hAnsi="Cascadia Mono" w:cs="Cascadia Mono"/>
                <w:color w:val="A31515"/>
                <w:sz w:val="19"/>
                <w:szCs w:val="19"/>
              </w:rPr>
              <w:t>"&lt;div style='font-size:12px;font-family:Verdana;'&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Greetings &lt;strong&gt; </w:t>
            </w:r>
            <w:r>
              <w:rPr>
                <w:rFonts w:ascii="Cascadia Mono" w:hAnsi="Cascadia Mono" w:cs="Cascadia Mono"/>
                <w:color w:val="000000"/>
                <w:sz w:val="19"/>
                <w:szCs w:val="19"/>
              </w:rPr>
              <w:t>$fname</w:t>
            </w:r>
            <w:r>
              <w:rPr>
                <w:rFonts w:ascii="Cascadia Mono" w:hAnsi="Cascadia Mono" w:cs="Cascadia Mono"/>
                <w:color w:val="A31515"/>
                <w:sz w:val="19"/>
                <w:szCs w:val="19"/>
              </w:rPr>
              <w:t xml:space="preserve"> &amp;ensp; </w:t>
            </w:r>
            <w:r>
              <w:rPr>
                <w:rFonts w:ascii="Cascadia Mono" w:hAnsi="Cascadia Mono" w:cs="Cascadia Mono"/>
                <w:color w:val="000000"/>
                <w:sz w:val="19"/>
                <w:szCs w:val="19"/>
              </w:rPr>
              <w:t>$lname</w:t>
            </w:r>
            <w:r>
              <w:rPr>
                <w:rFonts w:ascii="Cascadia Mono" w:hAnsi="Cascadia Mono" w:cs="Cascadia Mono"/>
                <w:color w:val="A31515"/>
                <w:sz w:val="19"/>
                <w:szCs w:val="19"/>
              </w:rPr>
              <w:t>&lt;/strong&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lt;br /&gt;&lt;br /&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You have successfully posted your request, and will be contacted soon from Your Senior Team (Senior Place Finder)</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lt;br /&gt;&lt;br /&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w:t>
            </w:r>
            <w:r>
              <w:rPr>
                <w:rFonts w:ascii="Cascadia Mono" w:hAnsi="Cascadia Mono" w:cs="Cascadia Mono"/>
                <w:color w:val="000000"/>
                <w:sz w:val="19"/>
                <w:szCs w:val="19"/>
              </w:rPr>
              <w:t>$message2</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lt;br /&gt;&lt;br /&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Thanks for your time and visiting Senior Place Finder website of Your Senior Team. &lt;br /&gt;&lt;br /&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lt;strong&gt;Admin,&lt;/strong&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lt;br&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Your Senior Team (Senior Place Finder)</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A31515"/>
                <w:sz w:val="19"/>
                <w:szCs w:val="19"/>
              </w:rPr>
              <w:tab/>
            </w:r>
            <w:r>
              <w:rPr>
                <w:rFonts w:ascii="Cascadia Mono" w:hAnsi="Cascadia Mono" w:cs="Cascadia Mono"/>
                <w:color w:val="A31515"/>
                <w:sz w:val="19"/>
                <w:szCs w:val="19"/>
              </w:rPr>
              <w:tab/>
              <w:t xml:space="preserve">    "</w:t>
            </w:r>
            <w:r>
              <w:rPr>
                <w:rFonts w:ascii="Cascadia Mono" w:hAnsi="Cascadia Mono" w:cs="Cascadia Mono"/>
                <w:color w:val="000000"/>
                <w:sz w:val="19"/>
                <w:szCs w:val="19"/>
              </w:rPr>
              <w:t xml:space="preserve">; </w:t>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 xml:space="preserve">// End of message for Senders mail from YMCT </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 xml:space="preserve">// Start of message for Admin mail from YMCT </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000000"/>
                <w:sz w:val="19"/>
                <w:szCs w:val="19"/>
              </w:rPr>
              <w:t xml:space="preserve">        $message3 = </w:t>
            </w:r>
            <w:r>
              <w:rPr>
                <w:rFonts w:ascii="Cascadia Mono" w:hAnsi="Cascadia Mono" w:cs="Cascadia Mono"/>
                <w:color w:val="A31515"/>
                <w:sz w:val="19"/>
                <w:szCs w:val="19"/>
              </w:rPr>
              <w:t>"&lt;div style='font-size:12px;font-family:Verdana;'&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br&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Dear Admin,</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br /&gt;&lt;br /&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You have received this message posted on the Contact Page of Senior Place Finder.</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br /&gt;&lt;br /&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Here are the details..</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w:t>
            </w:r>
            <w:r>
              <w:rPr>
                <w:rFonts w:ascii="Cascadia Mono" w:hAnsi="Cascadia Mono" w:cs="Cascadia Mono"/>
                <w:color w:val="A31515"/>
                <w:sz w:val="19"/>
                <w:szCs w:val="19"/>
              </w:rPr>
              <w:tab/>
            </w:r>
            <w:r>
              <w:rPr>
                <w:rFonts w:ascii="Cascadia Mono" w:hAnsi="Cascadia Mono" w:cs="Cascadia Mono"/>
                <w:color w:val="A31515"/>
                <w:sz w:val="19"/>
                <w:szCs w:val="19"/>
              </w:rPr>
              <w:tab/>
              <w:t xml:space="preserve">     &lt;br /&gt;&lt;br /&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w:t>
            </w:r>
            <w:r>
              <w:rPr>
                <w:rFonts w:ascii="Cascadia Mono" w:hAnsi="Cascadia Mono" w:cs="Cascadia Mono"/>
                <w:color w:val="A31515"/>
                <w:sz w:val="19"/>
                <w:szCs w:val="19"/>
              </w:rPr>
              <w:tab/>
            </w:r>
            <w:r>
              <w:rPr>
                <w:rFonts w:ascii="Cascadia Mono" w:hAnsi="Cascadia Mono" w:cs="Cascadia Mono"/>
                <w:color w:val="A31515"/>
                <w:sz w:val="19"/>
                <w:szCs w:val="19"/>
              </w:rPr>
              <w:tab/>
              <w:t xml:space="preserve">    </w:t>
            </w:r>
            <w:r>
              <w:rPr>
                <w:rFonts w:ascii="Cascadia Mono" w:hAnsi="Cascadia Mono" w:cs="Cascadia Mono"/>
                <w:color w:val="000000"/>
                <w:sz w:val="19"/>
                <w:szCs w:val="19"/>
              </w:rPr>
              <w:t>$message2</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w:t>
            </w:r>
            <w:r>
              <w:rPr>
                <w:rFonts w:ascii="Cascadia Mono" w:hAnsi="Cascadia Mono" w:cs="Cascadia Mono"/>
                <w:color w:val="A31515"/>
                <w:sz w:val="19"/>
                <w:szCs w:val="19"/>
              </w:rPr>
              <w:tab/>
            </w:r>
            <w:r>
              <w:rPr>
                <w:rFonts w:ascii="Cascadia Mono" w:hAnsi="Cascadia Mono" w:cs="Cascadia Mono"/>
                <w:color w:val="A31515"/>
                <w:sz w:val="19"/>
                <w:szCs w:val="19"/>
              </w:rPr>
              <w:tab/>
              <w:t xml:space="preserve">     &lt;br /&gt;&lt;br /&gt;</w:t>
            </w:r>
          </w:p>
          <w:p w:rsidR="00E00CF6" w:rsidRDefault="00E00CF6" w:rsidP="00E00CF6">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w:t>
            </w:r>
            <w:r>
              <w:rPr>
                <w:rFonts w:ascii="Cascadia Mono" w:hAnsi="Cascadia Mono" w:cs="Cascadia Mono"/>
                <w:color w:val="A31515"/>
                <w:sz w:val="19"/>
                <w:szCs w:val="19"/>
              </w:rPr>
              <w:tab/>
            </w:r>
            <w:r>
              <w:rPr>
                <w:rFonts w:ascii="Cascadia Mono" w:hAnsi="Cascadia Mono" w:cs="Cascadia Mono"/>
                <w:color w:val="A31515"/>
                <w:sz w:val="19"/>
                <w:szCs w:val="19"/>
              </w:rPr>
              <w:tab/>
              <w:t xml:space="preserve">    System Generated Mail</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A31515"/>
                <w:sz w:val="19"/>
                <w:szCs w:val="19"/>
              </w:rPr>
              <w:t xml:space="preserve">    </w:t>
            </w:r>
            <w:r>
              <w:rPr>
                <w:rFonts w:ascii="Cascadia Mono" w:hAnsi="Cascadia Mono" w:cs="Cascadia Mono"/>
                <w:color w:val="A31515"/>
                <w:sz w:val="19"/>
                <w:szCs w:val="19"/>
              </w:rPr>
              <w:tab/>
            </w:r>
            <w:r>
              <w:rPr>
                <w:rFonts w:ascii="Cascadia Mono" w:hAnsi="Cascadia Mono" w:cs="Cascadia Mono"/>
                <w:color w:val="A31515"/>
                <w:sz w:val="19"/>
                <w:szCs w:val="19"/>
              </w:rPr>
              <w:tab/>
              <w:t xml:space="preserve">    "</w:t>
            </w:r>
            <w:r>
              <w:rPr>
                <w:rFonts w:ascii="Cascadia Mono" w:hAnsi="Cascadia Mono" w:cs="Cascadia Mono"/>
                <w:color w:val="000000"/>
                <w:sz w:val="19"/>
                <w:szCs w:val="19"/>
              </w:rPr>
              <w:t xml:space="preserve">; </w:t>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 xml:space="preserve">// End of message for Receivers mail from YMCT </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headers = </w:t>
            </w:r>
            <w:r>
              <w:rPr>
                <w:rFonts w:ascii="Cascadia Mono" w:hAnsi="Cascadia Mono" w:cs="Cascadia Mono"/>
                <w:color w:val="A31515"/>
                <w:sz w:val="19"/>
                <w:szCs w:val="19"/>
              </w:rPr>
              <w:t>'MIME-Version: 1.0'</w:t>
            </w:r>
            <w:r>
              <w:rPr>
                <w:rFonts w:ascii="Cascadia Mono" w:hAnsi="Cascadia Mono" w:cs="Cascadia Mono"/>
                <w:color w:val="000000"/>
                <w:sz w:val="19"/>
                <w:szCs w:val="19"/>
              </w:rPr>
              <w:t xml:space="preserve"> . </w:t>
            </w:r>
            <w:r>
              <w:rPr>
                <w:rFonts w:ascii="Cascadia Mono" w:hAnsi="Cascadia Mono" w:cs="Cascadia Mono"/>
                <w:color w:val="A31515"/>
                <w:sz w:val="19"/>
                <w:szCs w:val="19"/>
              </w:rPr>
              <w:t>"\r\n"</w:t>
            </w:r>
            <w:r>
              <w:rPr>
                <w:rFonts w:ascii="Cascadia Mono" w:hAnsi="Cascadia Mono" w:cs="Cascadia Mono"/>
                <w:color w:val="000000"/>
                <w:sz w:val="19"/>
                <w:szCs w:val="19"/>
              </w:rPr>
              <w: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t xml:space="preserve">$headers .= </w:t>
            </w:r>
            <w:r>
              <w:rPr>
                <w:rFonts w:ascii="Cascadia Mono" w:hAnsi="Cascadia Mono" w:cs="Cascadia Mono"/>
                <w:color w:val="A31515"/>
                <w:sz w:val="19"/>
                <w:szCs w:val="19"/>
              </w:rPr>
              <w:t>'Content-type: text/html; charset=utf-8'</w:t>
            </w:r>
            <w:r>
              <w:rPr>
                <w:rFonts w:ascii="Cascadia Mono" w:hAnsi="Cascadia Mono" w:cs="Cascadia Mono"/>
                <w:color w:val="000000"/>
                <w:sz w:val="19"/>
                <w:szCs w:val="19"/>
              </w:rPr>
              <w:t xml:space="preserve"> . </w:t>
            </w:r>
            <w:r>
              <w:rPr>
                <w:rFonts w:ascii="Cascadia Mono" w:hAnsi="Cascadia Mono" w:cs="Cascadia Mono"/>
                <w:color w:val="A31515"/>
                <w:sz w:val="19"/>
                <w:szCs w:val="19"/>
              </w:rPr>
              <w:t>"\r\n"</w:t>
            </w:r>
            <w:r>
              <w:rPr>
                <w:rFonts w:ascii="Cascadia Mono" w:hAnsi="Cascadia Mono" w:cs="Cascadia Mono"/>
                <w:color w:val="000000"/>
                <w:sz w:val="19"/>
                <w:szCs w:val="19"/>
              </w:rPr>
              <w: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t xml:space="preserve">$headers .= </w:t>
            </w:r>
            <w:r>
              <w:rPr>
                <w:rFonts w:ascii="Cascadia Mono" w:hAnsi="Cascadia Mono" w:cs="Cascadia Mono"/>
                <w:color w:val="A31515"/>
                <w:sz w:val="19"/>
                <w:szCs w:val="19"/>
              </w:rPr>
              <w:t>'From:  '</w:t>
            </w:r>
            <w:r>
              <w:rPr>
                <w:rFonts w:ascii="Cascadia Mono" w:hAnsi="Cascadia Mono" w:cs="Cascadia Mono"/>
                <w:color w:val="000000"/>
                <w:sz w:val="19"/>
                <w:szCs w:val="19"/>
              </w:rPr>
              <w:t xml:space="preserve"> . $fromName . </w:t>
            </w:r>
            <w:r>
              <w:rPr>
                <w:rFonts w:ascii="Cascadia Mono" w:hAnsi="Cascadia Mono" w:cs="Cascadia Mono"/>
                <w:color w:val="A31515"/>
                <w:sz w:val="19"/>
                <w:szCs w:val="19"/>
              </w:rPr>
              <w:t>' &lt;'</w:t>
            </w:r>
            <w:r>
              <w:rPr>
                <w:rFonts w:ascii="Cascadia Mono" w:hAnsi="Cascadia Mono" w:cs="Cascadia Mono"/>
                <w:color w:val="000000"/>
                <w:sz w:val="19"/>
                <w:szCs w:val="19"/>
              </w:rPr>
              <w:t xml:space="preserve"> . $fromEmail .</w:t>
            </w:r>
            <w:r>
              <w:rPr>
                <w:rFonts w:ascii="Cascadia Mono" w:hAnsi="Cascadia Mono" w:cs="Cascadia Mono"/>
                <w:color w:val="A31515"/>
                <w:sz w:val="19"/>
                <w:szCs w:val="19"/>
              </w:rPr>
              <w:t>'&gt;'</w:t>
            </w:r>
            <w:r>
              <w:rPr>
                <w:rFonts w:ascii="Cascadia Mono" w:hAnsi="Cascadia Mono" w:cs="Cascadia Mono"/>
                <w:color w:val="000000"/>
                <w:sz w:val="19"/>
                <w:szCs w:val="19"/>
              </w:rPr>
              <w:t xml:space="preserve"> . </w:t>
            </w:r>
            <w:r>
              <w:rPr>
                <w:rFonts w:ascii="Cascadia Mono" w:hAnsi="Cascadia Mono" w:cs="Cascadia Mono"/>
                <w:color w:val="A31515"/>
                <w:sz w:val="19"/>
                <w:szCs w:val="19"/>
              </w:rPr>
              <w:t>" \r\n"</w:t>
            </w:r>
            <w:r>
              <w:rPr>
                <w:rFonts w:ascii="Cascadia Mono" w:hAnsi="Cascadia Mono" w:cs="Cascadia Mono"/>
                <w:color w:val="000000"/>
                <w:sz w:val="19"/>
                <w:szCs w:val="19"/>
              </w:rPr>
              <w:t xml:space="preserve"> .</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A31515"/>
                <w:sz w:val="19"/>
                <w:szCs w:val="19"/>
              </w:rPr>
              <w:t>'X-Mailer: PHP/'</w:t>
            </w:r>
            <w:r>
              <w:rPr>
                <w:rFonts w:ascii="Cascadia Mono" w:hAnsi="Cascadia Mono" w:cs="Cascadia Mono"/>
                <w:color w:val="000000"/>
                <w:sz w:val="19"/>
                <w:szCs w:val="19"/>
              </w:rPr>
              <w:t xml:space="preserve"> . </w:t>
            </w:r>
            <w:r>
              <w:rPr>
                <w:rFonts w:ascii="Cascadia Mono" w:hAnsi="Cascadia Mono" w:cs="Cascadia Mono"/>
                <w:color w:val="0000FF"/>
                <w:sz w:val="19"/>
                <w:szCs w:val="19"/>
              </w:rPr>
              <w:t>phpversion</w:t>
            </w:r>
            <w:r>
              <w:rPr>
                <w:rFonts w:ascii="Cascadia Mono" w:hAnsi="Cascadia Mono" w:cs="Cascadia Mono"/>
                <w:color w:val="000000"/>
                <w:sz w:val="19"/>
                <w:szCs w:val="19"/>
              </w:rPr>
              <w: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mail</w:t>
            </w:r>
            <w:r>
              <w:rPr>
                <w:rFonts w:ascii="Cascadia Mono" w:hAnsi="Cascadia Mono" w:cs="Cascadia Mono"/>
                <w:color w:val="000000"/>
                <w:sz w:val="19"/>
                <w:szCs w:val="19"/>
              </w:rPr>
              <w:t>($to, $subject, $message3, $headers);</w:t>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mail</w:t>
            </w:r>
            <w:r>
              <w:rPr>
                <w:rFonts w:ascii="Cascadia Mono" w:hAnsi="Cascadia Mono" w:cs="Cascadia Mono"/>
                <w:color w:val="000000"/>
                <w:sz w:val="19"/>
                <w:szCs w:val="19"/>
              </w:rPr>
              <w:t>($sto, $subject1, $message1, $headers);</w:t>
            </w:r>
            <w:r>
              <w:rPr>
                <w:rFonts w:ascii="Cascadia Mono" w:hAnsi="Cascadia Mono" w:cs="Cascadia Mono"/>
                <w:color w:val="008000"/>
                <w:sz w:val="19"/>
                <w:szCs w:val="19"/>
              </w:rPr>
              <w: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w:t>
            </w:r>
          </w:p>
          <w:p w:rsidR="00E00CF6" w:rsidRDefault="00E00CF6" w:rsidP="00E00CF6">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new lines added till this line --&g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echo</w:t>
            </w:r>
            <w:r>
              <w:rPr>
                <w:rFonts w:ascii="Cascadia Mono" w:hAnsi="Cascadia Mono" w:cs="Cascadia Mono"/>
                <w:color w:val="000000"/>
                <w:sz w:val="19"/>
                <w:szCs w:val="19"/>
              </w:rPr>
              <w:t xml:space="preserve"> </w:t>
            </w:r>
            <w:r>
              <w:rPr>
                <w:rFonts w:ascii="Cascadia Mono" w:hAnsi="Cascadia Mono" w:cs="Cascadia Mono"/>
                <w:color w:val="A31515"/>
                <w:sz w:val="19"/>
                <w:szCs w:val="19"/>
              </w:rPr>
              <w:t>"&lt;h4 &gt;&lt;h4&gt;Your contact form has been submitted successfuly ! Please continue browsing, else close this window&lt;/h4&gt;&lt;/h4&gt;"</w:t>
            </w:r>
            <w:r>
              <w:rPr>
                <w:rFonts w:ascii="Cascadia Mono" w:hAnsi="Cascadia Mono" w:cs="Cascadia Mono"/>
                <w:color w:val="000000"/>
                <w:sz w:val="19"/>
                <w:szCs w:val="19"/>
              </w:rPr>
              <w:t xml:space="preserve">; </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E00CF6" w:rsidRDefault="00E00CF6" w:rsidP="00E00CF6">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gt;</w:t>
            </w:r>
          </w:p>
          <w:p w:rsidR="0048012D" w:rsidRDefault="00E00CF6" w:rsidP="00E00CF6">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lt;</w:t>
            </w:r>
            <w:r>
              <w:rPr>
                <w:rFonts w:ascii="Cascadia Mono" w:hAnsi="Cascadia Mono" w:cs="Cascadia Mono"/>
                <w:color w:val="800000"/>
                <w:sz w:val="19"/>
                <w:szCs w:val="19"/>
              </w:rPr>
              <w:t>br</w:t>
            </w:r>
            <w:r>
              <w:rPr>
                <w:rFonts w:ascii="Cascadia Mono" w:hAnsi="Cascadia Mono" w:cs="Cascadia Mono"/>
                <w:color w:val="000000"/>
                <w:sz w:val="19"/>
                <w:szCs w:val="19"/>
              </w:rPr>
              <w:t>&gt;</w:t>
            </w:r>
          </w:p>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763958" w:rsidP="0048012D">
            <w:r w:rsidRPr="00763958">
              <w:rPr>
                <w:highlight w:val="yellow"/>
              </w:rPr>
              <w:t>independent-55-plus.php</w:t>
            </w:r>
          </w:p>
        </w:tc>
      </w:tr>
      <w:tr w:rsidR="0048012D" w:rsidTr="0048012D">
        <w:tc>
          <w:tcPr>
            <w:tcW w:w="9576" w:type="dxa"/>
          </w:tcPr>
          <w:p w:rsidR="0048012D" w:rsidRDefault="00763958" w:rsidP="0048012D">
            <w:r>
              <w:object w:dxaOrig="4320" w:dyaOrig="1694">
                <v:shape id="_x0000_i1041" type="#_x0000_t75" style="width:466.4pt;height:57.6pt" o:ole="">
                  <v:imagedata r:id="rId38" o:title=""/>
                </v:shape>
                <o:OLEObject Type="Embed" ProgID="PBrush" ShapeID="_x0000_i1041" DrawAspect="Content" ObjectID="_1729694198" r:id="rId39"/>
              </w:object>
            </w:r>
          </w:p>
        </w:tc>
      </w:tr>
      <w:tr w:rsidR="0048012D" w:rsidTr="0048012D">
        <w:tc>
          <w:tcPr>
            <w:tcW w:w="9576" w:type="dxa"/>
          </w:tcPr>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main</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results"</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ntainer"</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br</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3 col-md-4 col-10"</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4</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span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res_count"</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 xml:space="preserve">&gt; </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esidences found</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4</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4"</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color:blue;"</w:t>
            </w:r>
            <w:r>
              <w:rPr>
                <w:rFonts w:ascii="Cascadia Mono" w:hAnsi="Cascadia Mono" w:cs="Cascadia Mono"/>
                <w:color w:val="800000"/>
                <w:sz w:val="19"/>
                <w:szCs w:val="19"/>
              </w:rPr>
              <w:t xml:space="preserve"> </w:t>
            </w:r>
            <w:r>
              <w:rPr>
                <w:rFonts w:ascii="Cascadia Mono" w:hAnsi="Cascadia Mono" w:cs="Cascadia Mono"/>
                <w:color w:val="FF0000"/>
                <w:sz w:val="19"/>
                <w:szCs w:val="19"/>
              </w:rPr>
              <w:t>text-align</w:t>
            </w:r>
            <w:r>
              <w:rPr>
                <w:rFonts w:ascii="Cascadia Mono" w:hAnsi="Cascadia Mono" w:cs="Cascadia Mono"/>
                <w:color w:val="800000"/>
                <w:sz w:val="19"/>
                <w:szCs w:val="19"/>
              </w:rPr>
              <w:t>=</w:t>
            </w:r>
            <w:r>
              <w:rPr>
                <w:rFonts w:ascii="Cascadia Mono" w:hAnsi="Cascadia Mono" w:cs="Cascadia Mono"/>
                <w:color w:val="0000FF"/>
                <w:sz w:val="19"/>
                <w:szCs w:val="19"/>
              </w:rPr>
              <w:t>"center;"</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4</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a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myBtn"</w:t>
            </w:r>
            <w:r>
              <w:rPr>
                <w:rFonts w:ascii="Cascadia Mono" w:hAnsi="Cascadia Mono" w:cs="Cascadia Mono"/>
                <w:color w:val="800000"/>
                <w:sz w:val="19"/>
                <w:szCs w:val="19"/>
              </w:rPr>
              <w:t xml:space="preserve"> </w:t>
            </w:r>
            <w:r>
              <w:rPr>
                <w:rFonts w:ascii="Cascadia Mono" w:hAnsi="Cascadia Mono" w:cs="Cascadia Mono"/>
                <w:color w:val="FF0000"/>
                <w:sz w:val="19"/>
                <w:szCs w:val="19"/>
              </w:rPr>
              <w:t>text-align</w:t>
            </w:r>
            <w:r>
              <w:rPr>
                <w:rFonts w:ascii="Cascadia Mono" w:hAnsi="Cascadia Mono" w:cs="Cascadia Mono"/>
                <w:color w:val="800000"/>
                <w:sz w:val="19"/>
                <w:szCs w:val="19"/>
              </w:rPr>
              <w:t>=</w:t>
            </w:r>
            <w:r>
              <w:rPr>
                <w:rFonts w:ascii="Cascadia Mono" w:hAnsi="Cascadia Mono" w:cs="Cascadia Mono"/>
                <w:color w:val="0000FF"/>
                <w:sz w:val="19"/>
                <w:szCs w:val="19"/>
              </w:rPr>
              <w:t>"center;"</w:t>
            </w:r>
            <w:r>
              <w:rPr>
                <w:rFonts w:ascii="Cascadia Mono" w:hAnsi="Cascadia Mono" w:cs="Cascadia Mono"/>
                <w:color w:val="800000"/>
                <w:sz w:val="19"/>
                <w:szCs w:val="19"/>
              </w:rPr>
              <w:t xml:space="preserve"> </w:t>
            </w:r>
            <w:r>
              <w:rPr>
                <w:rFonts w:ascii="Cascadia Mono" w:hAnsi="Cascadia Mono" w:cs="Cascadia Mono"/>
                <w:color w:val="FF0000"/>
                <w:sz w:val="19"/>
                <w:szCs w:val="19"/>
              </w:rPr>
              <w:t>data-toggle</w:t>
            </w:r>
            <w:r>
              <w:rPr>
                <w:rFonts w:ascii="Cascadia Mono" w:hAnsi="Cascadia Mono" w:cs="Cascadia Mono"/>
                <w:color w:val="800000"/>
                <w:sz w:val="19"/>
                <w:szCs w:val="19"/>
              </w:rPr>
              <w:t>=</w:t>
            </w:r>
            <w:r>
              <w:rPr>
                <w:rFonts w:ascii="Cascadia Mono" w:hAnsi="Cascadia Mono" w:cs="Cascadia Mono"/>
                <w:color w:val="0000FF"/>
                <w:sz w:val="19"/>
                <w:szCs w:val="19"/>
              </w:rPr>
              <w:t>"popover"</w:t>
            </w:r>
            <w:r>
              <w:rPr>
                <w:rFonts w:ascii="Cascadia Mono" w:hAnsi="Cascadia Mono" w:cs="Cascadia Mono"/>
                <w:color w:val="800000"/>
                <w:sz w:val="19"/>
                <w:szCs w:val="19"/>
              </w:rPr>
              <w:t xml:space="preserve"> </w:t>
            </w:r>
            <w:r>
              <w:rPr>
                <w:rFonts w:ascii="Cascadia Mono" w:hAnsi="Cascadia Mono" w:cs="Cascadia Mono"/>
                <w:color w:val="FF0000"/>
                <w:sz w:val="19"/>
                <w:szCs w:val="19"/>
              </w:rPr>
              <w:t>data-trigger</w:t>
            </w:r>
            <w:r>
              <w:rPr>
                <w:rFonts w:ascii="Cascadia Mono" w:hAnsi="Cascadia Mono" w:cs="Cascadia Mono"/>
                <w:color w:val="800000"/>
                <w:sz w:val="19"/>
                <w:szCs w:val="19"/>
              </w:rPr>
              <w:t>=</w:t>
            </w:r>
            <w:r>
              <w:rPr>
                <w:rFonts w:ascii="Cascadia Mono" w:hAnsi="Cascadia Mono" w:cs="Cascadia Mono"/>
                <w:color w:val="0000FF"/>
                <w:sz w:val="19"/>
                <w:szCs w:val="19"/>
              </w:rPr>
              <w:t>"hover"</w:t>
            </w:r>
            <w:r>
              <w:rPr>
                <w:rFonts w:ascii="Cascadia Mono" w:hAnsi="Cascadia Mono" w:cs="Cascadia Mono"/>
                <w:color w:val="800000"/>
                <w:sz w:val="19"/>
                <w:szCs w:val="19"/>
              </w:rPr>
              <w:t xml:space="preserve"> </w:t>
            </w:r>
            <w:r>
              <w:rPr>
                <w:rFonts w:ascii="Cascadia Mono" w:hAnsi="Cascadia Mono" w:cs="Cascadia Mono"/>
                <w:color w:val="FF0000"/>
                <w:sz w:val="19"/>
                <w:szCs w:val="19"/>
              </w:rPr>
              <w:t>data-placement</w:t>
            </w:r>
            <w:r>
              <w:rPr>
                <w:rFonts w:ascii="Cascadia Mono" w:hAnsi="Cascadia Mono" w:cs="Cascadia Mono"/>
                <w:color w:val="800000"/>
                <w:sz w:val="19"/>
                <w:szCs w:val="19"/>
              </w:rPr>
              <w:t>=</w:t>
            </w:r>
            <w:r>
              <w:rPr>
                <w:rFonts w:ascii="Cascadia Mono" w:hAnsi="Cascadia Mono" w:cs="Cascadia Mono"/>
                <w:color w:val="0000FF"/>
                <w:sz w:val="19"/>
                <w:szCs w:val="19"/>
              </w:rPr>
              <w:t>"bottom"</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data-content</w:t>
            </w:r>
            <w:r>
              <w:rPr>
                <w:rFonts w:ascii="Cascadia Mono" w:hAnsi="Cascadia Mono" w:cs="Cascadia Mono"/>
                <w:color w:val="800000"/>
                <w:sz w:val="19"/>
                <w:szCs w:val="19"/>
              </w:rPr>
              <w:t>=</w:t>
            </w:r>
            <w:r>
              <w:rPr>
                <w:rFonts w:ascii="Cascadia Mono" w:hAnsi="Cascadia Mono" w:cs="Cascadia Mono"/>
                <w:color w:val="0000FF"/>
                <w:sz w:val="19"/>
                <w:szCs w:val="19"/>
              </w:rPr>
              <w:t>"Please take a moment to enter your information and further convey your needs and desires for senior living."</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nhance search by desires and needs</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a</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4</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5 col-md-8 col-2"</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lt;form id="frmSearchResidence"&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 class="side_panel btn_search_mobile" href="#"&gt;&lt;/a&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row no-gutters m-0 custom-search-input-2 inner"&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col-lg-11"&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form-group"&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input type="hidden" class="form-control border-0" id="txtSearchTex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placeholder="Search by residence or company name..." type="tex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value=""/&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lastRenderedPageBreak/>
              <w:t xml:space="preserve">                            &lt;div class="col-lg-1"&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lt;!--&lt;button type="submit" class="btn btn-lg btn-block submit"&gt;SUBMIT&lt;/button&gt; --&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lt;/form&gt; --&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lt;div class="filters_listing version_2 sticky_horizonta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container"&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ul class="clearfix"&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i&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switch-field"&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input checked id="all" name="listing_filter" type="radio" value="al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abel for="all"&gt;All&lt;/labe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input id="popular" name="listing_filter" type="radio" value="popular"&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abel for="popular"&gt;Popular&lt;/labe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input id="latest" name="listing_filter" type="radio" value="latest"&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abel for="latest"&gt;Latest&lt;/labe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i&gt;</w:t>
            </w:r>
          </w:p>
          <w:p w:rsidR="00763958" w:rsidRDefault="00763958" w:rsidP="00763958">
            <w:pPr>
              <w:autoSpaceDE w:val="0"/>
              <w:autoSpaceDN w:val="0"/>
              <w:adjustRightInd w:val="0"/>
              <w:rPr>
                <w:rFonts w:ascii="Cascadia Mono" w:hAnsi="Cascadia Mono" w:cs="Cascadia Mono"/>
                <w:color w:val="008000"/>
                <w:sz w:val="19"/>
                <w:szCs w:val="19"/>
              </w:rPr>
            </w:pPr>
          </w:p>
          <w:p w:rsidR="00763958" w:rsidRDefault="00763958" w:rsidP="00763958">
            <w:pPr>
              <w:autoSpaceDE w:val="0"/>
              <w:autoSpaceDN w:val="0"/>
              <w:adjustRightInd w:val="0"/>
              <w:rPr>
                <w:rFonts w:ascii="Cascadia Mono" w:hAnsi="Cascadia Mono" w:cs="Cascadia Mono"/>
                <w:color w:val="008000"/>
                <w:sz w:val="19"/>
                <w:szCs w:val="19"/>
              </w:rPr>
            </w:pP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ul&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lt;/div&gt; --&gt;</w:t>
            </w:r>
          </w:p>
          <w:p w:rsidR="0048012D" w:rsidRDefault="00763958" w:rsidP="00763958">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763958" w:rsidP="0048012D">
            <w:r>
              <w:object w:dxaOrig="6825" w:dyaOrig="10875">
                <v:shape id="_x0000_i1042" type="#_x0000_t75" style="width:341.6pt;height:422.4pt" o:ole="">
                  <v:imagedata r:id="rId40" o:title=""/>
                </v:shape>
                <o:OLEObject Type="Embed" ProgID="PBrush" ShapeID="_x0000_i1042" DrawAspect="Content" ObjectID="_1729694199" r:id="rId41"/>
              </w:object>
            </w:r>
          </w:p>
        </w:tc>
      </w:tr>
      <w:tr w:rsidR="0048012D" w:rsidTr="0048012D">
        <w:tc>
          <w:tcPr>
            <w:tcW w:w="9576" w:type="dxa"/>
          </w:tcPr>
          <w:p w:rsidR="00763958" w:rsidRDefault="00763958" w:rsidP="00763958">
            <w:r>
              <w:t>&lt;!---------------Filter Starts------------------&gt;</w:t>
            </w:r>
          </w:p>
          <w:p w:rsidR="00763958" w:rsidRDefault="00763958" w:rsidP="00763958">
            <w:r>
              <w:t xml:space="preserve">    &lt;div class="container pt-2"&gt;</w:t>
            </w:r>
          </w:p>
          <w:p w:rsidR="00763958" w:rsidRDefault="00763958" w:rsidP="00763958">
            <w:r>
              <w:t xml:space="preserve">        &lt;div class="row"&gt;</w:t>
            </w:r>
          </w:p>
          <w:p w:rsidR="00763958" w:rsidRDefault="00763958" w:rsidP="00763958">
            <w:r>
              <w:t xml:space="preserve">            &lt;aside class="col-lg-3" id="sidebar"&gt;</w:t>
            </w:r>
          </w:p>
          <w:p w:rsidR="00763958" w:rsidRDefault="00763958" w:rsidP="00763958">
            <w:r>
              <w:t xml:space="preserve">                &lt;div id="divPrimaryFilter" class="filter-section" style= "height: 200px; overflow-y: scroll;"&gt;</w:t>
            </w:r>
          </w:p>
          <w:p w:rsidR="00763958" w:rsidRDefault="00763958" w:rsidP="00763958">
            <w:r>
              <w:t xml:space="preserve">    &lt;a aria-controls="collapseFilter" aria-expanded="true" data-toggle="collapse"</w:t>
            </w:r>
          </w:p>
          <w:p w:rsidR="00763958" w:rsidRDefault="00763958" w:rsidP="00763958">
            <w:r>
              <w:t xml:space="preserve">       href="#collapseFilter" class="collapse-toggler"&gt;</w:t>
            </w:r>
          </w:p>
          <w:p w:rsidR="00763958" w:rsidRDefault="00763958" w:rsidP="00763958">
            <w:r>
              <w:t xml:space="preserve">        &lt;b&gt;Expand/Modify Your Search&lt;/b&gt;</w:t>
            </w:r>
          </w:p>
          <w:p w:rsidR="00763958" w:rsidRDefault="00763958" w:rsidP="00763958">
            <w:r>
              <w:t xml:space="preserve">    &lt;/a&gt;</w:t>
            </w:r>
          </w:p>
          <w:p w:rsidR="00763958" w:rsidRDefault="00763958" w:rsidP="00763958">
            <w:r>
              <w:t xml:space="preserve">    &lt;!---------------location Filter Starts------------------&gt;</w:t>
            </w:r>
          </w:p>
          <w:p w:rsidR="00763958" w:rsidRDefault="00763958" w:rsidP="00763958">
            <w:r>
              <w:t xml:space="preserve">    &lt;div class="collapse show" id="collapseFilter"&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Location" aria-expanded="true" data-toggle="collapse" href="#collapseLocation"</w:t>
            </w:r>
          </w:p>
          <w:p w:rsidR="00763958" w:rsidRDefault="00763958" w:rsidP="00763958">
            <w:r>
              <w:t xml:space="preserve">                   class="collapse-toggler"&gt;</w:t>
            </w:r>
          </w:p>
          <w:p w:rsidR="00763958" w:rsidRDefault="00763958" w:rsidP="00763958">
            <w:r>
              <w:lastRenderedPageBreak/>
              <w:t xml:space="preserve">                    Location</w:t>
            </w:r>
          </w:p>
          <w:p w:rsidR="00763958" w:rsidRDefault="00763958" w:rsidP="00763958">
            <w:r>
              <w:t xml:space="preserve">                &lt;/a&gt;</w:t>
            </w:r>
          </w:p>
          <w:p w:rsidR="00763958" w:rsidRDefault="00763958" w:rsidP="00763958">
            <w:r>
              <w:t xml:space="preserve">            &lt;/h6&gt;</w:t>
            </w:r>
          </w:p>
          <w:p w:rsidR="00763958" w:rsidRDefault="00763958" w:rsidP="00763958">
            <w:r>
              <w:t xml:space="preserve">            &lt;div class="collapse show" id="collapseLocation"&gt;</w:t>
            </w:r>
          </w:p>
          <w:p w:rsidR="00763958" w:rsidRDefault="00763958" w:rsidP="00763958">
            <w:r>
              <w:t xml:space="preserve">                &lt;div class="form-group"&gt;</w:t>
            </w:r>
          </w:p>
          <w:p w:rsidR="00763958" w:rsidRDefault="00763958" w:rsidP="00763958">
            <w:r>
              <w:t xml:space="preserve">                    &lt;input class="form-control" placeholder="City or Zip code..."</w:t>
            </w:r>
          </w:p>
          <w:p w:rsidR="00763958" w:rsidRDefault="00763958" w:rsidP="00763958">
            <w:r>
              <w:t xml:space="preserve">                           type="text" id="txtLocation"/&gt;</w:t>
            </w:r>
          </w:p>
          <w:p w:rsidR="00763958" w:rsidRDefault="00763958" w:rsidP="00763958">
            <w:r>
              <w:t xml:space="preserve">                &lt;/div&gt;</w:t>
            </w:r>
          </w:p>
          <w:p w:rsidR="00763958" w:rsidRDefault="00763958" w:rsidP="00763958">
            <w:r>
              <w:t xml:space="preserve">                &lt;div class="text-left" id="divLocations"&gt;</w:t>
            </w:r>
          </w:p>
          <w:p w:rsidR="00763958" w:rsidRDefault="00763958" w:rsidP="00763958">
            <w:r>
              <w:t xml:space="preserve">                &lt;/div&gt;</w:t>
            </w:r>
          </w:p>
          <w:p w:rsidR="00763958" w:rsidRDefault="00763958" w:rsidP="00763958">
            <w:r>
              <w:t xml:space="preserve">                &lt;div id="divRadius" style="display: none;"&gt;</w:t>
            </w:r>
          </w:p>
          <w:p w:rsidR="00763958" w:rsidRDefault="00763958" w:rsidP="00763958">
            <w:r>
              <w:t xml:space="preserve">                    &lt;!--&lt;h6&gt;</w:t>
            </w:r>
          </w:p>
          <w:p w:rsidR="00763958" w:rsidRDefault="00763958" w:rsidP="00763958">
            <w:r>
              <w:t xml:space="preserve">                        Search By</w:t>
            </w:r>
          </w:p>
          <w:p w:rsidR="00763958" w:rsidRDefault="00763958" w:rsidP="00763958">
            <w:r>
              <w:t xml:space="preserve">                    &lt;/h6&gt; --&gt;</w:t>
            </w:r>
          </w:p>
          <w:p w:rsidR="00763958" w:rsidRDefault="00763958" w:rsidP="00763958">
            <w:r>
              <w:t xml:space="preserve">                    &lt;div class="distance"&gt;</w:t>
            </w:r>
          </w:p>
          <w:p w:rsidR="00763958" w:rsidRDefault="00763958" w:rsidP="00763958">
            <w:r>
              <w:t xml:space="preserve">                        &lt;!--Radius</w:t>
            </w:r>
          </w:p>
          <w:p w:rsidR="00763958" w:rsidRDefault="00763958" w:rsidP="00763958">
            <w:r>
              <w:t xml:space="preserve">                        &lt;span&gt;&lt;/span&gt;</w:t>
            </w:r>
          </w:p>
          <w:p w:rsidR="00763958" w:rsidRDefault="00763958" w:rsidP="00763958">
            <w:r>
              <w:t xml:space="preserve">                        miles--&gt;</w:t>
            </w:r>
          </w:p>
          <w:p w:rsidR="00763958" w:rsidRDefault="00763958" w:rsidP="00763958">
            <w:r>
              <w:t xml:space="preserve">                    &lt;/div&gt;</w:t>
            </w:r>
          </w:p>
          <w:p w:rsidR="00763958" w:rsidRDefault="00763958" w:rsidP="00763958">
            <w:r>
              <w:t xml:space="preserve">                    &lt;input type="hidden" data-orientation="horizontal" max="100" min="5" step="5" type="range"</w:t>
            </w:r>
          </w:p>
          <w:p w:rsidR="00763958" w:rsidRDefault="00763958" w:rsidP="00763958">
            <w:r>
              <w:t xml:space="preserve">                           value="5" id="txtRadius"/&gt;</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gt;</w:t>
            </w:r>
          </w:p>
          <w:p w:rsidR="00763958" w:rsidRDefault="00763958" w:rsidP="00763958">
            <w:r>
              <w:t xml:space="preserve">        &lt;!---------------Location Filter ends------------------&gt;</w:t>
            </w:r>
          </w:p>
          <w:p w:rsidR="00763958" w:rsidRDefault="00763958" w:rsidP="00763958"/>
          <w:p w:rsidR="00763958" w:rsidRDefault="00763958" w:rsidP="00763958">
            <w:r>
              <w:t xml:space="preserve">        &lt;!---------------Budget Filter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Budget" aria-expanded="false" data-toggle="collapse" href="#collapseBudget"</w:t>
            </w:r>
          </w:p>
          <w:p w:rsidR="00763958" w:rsidRDefault="00763958" w:rsidP="00763958">
            <w:r>
              <w:t xml:space="preserve">                   class="collapse-toggler collapsed"&gt;</w:t>
            </w:r>
          </w:p>
          <w:p w:rsidR="00763958" w:rsidRDefault="00763958" w:rsidP="00763958">
            <w:r>
              <w:t xml:space="preserve">                    Budget</w:t>
            </w:r>
          </w:p>
          <w:p w:rsidR="00763958" w:rsidRDefault="00763958" w:rsidP="00763958">
            <w:r>
              <w:t xml:space="preserve">                &lt;/a&gt;</w:t>
            </w:r>
          </w:p>
          <w:p w:rsidR="00763958" w:rsidRDefault="00763958" w:rsidP="00763958">
            <w:r>
              <w:t xml:space="preserve">            &lt;/h6&gt;</w:t>
            </w:r>
          </w:p>
          <w:p w:rsidR="00763958" w:rsidRDefault="00763958" w:rsidP="00763958">
            <w:r>
              <w:t xml:space="preserve">            &lt;div class="form-group collapse" id="collapseBudget"&gt;</w:t>
            </w:r>
          </w:p>
          <w:p w:rsidR="00763958" w:rsidRDefault="00763958" w:rsidP="00763958">
            <w:r>
              <w:t xml:space="preserve">                &lt;div id="divBudgetSlider" data-min="0" data-max="15000" data-format="price" data-step="100"</w:t>
            </w:r>
          </w:p>
          <w:p w:rsidR="00763958" w:rsidRDefault="00763958" w:rsidP="00763958">
            <w:r>
              <w:t xml:space="preserve">                     data-target="BudgetRange"</w:t>
            </w:r>
          </w:p>
          <w:p w:rsidR="00763958" w:rsidRDefault="00763958" w:rsidP="00763958">
            <w:r>
              <w:t xml:space="preserve">                     class="slider-xs slider-range mt-4"&gt;&lt;/div&gt;</w:t>
            </w:r>
          </w:p>
          <w:p w:rsidR="00763958" w:rsidRDefault="00763958" w:rsidP="00763958">
            <w:r>
              <w:t xml:space="preserve">                &lt;div class="controls mt-4"&gt;</w:t>
            </w:r>
          </w:p>
          <w:p w:rsidR="00763958" w:rsidRDefault="00763958" w:rsidP="00763958">
            <w:r>
              <w:t xml:space="preserve">                    &lt;div class="input-group input-group-sm"&gt;</w:t>
            </w:r>
          </w:p>
          <w:p w:rsidR="00763958" w:rsidRDefault="00763958" w:rsidP="00763958">
            <w:r>
              <w:t xml:space="preserve">                        &lt;input type="number" class="form-control" id="txtMinBudgetRange"</w:t>
            </w:r>
          </w:p>
          <w:p w:rsidR="00763958" w:rsidRDefault="00763958" w:rsidP="00763958">
            <w:r>
              <w:t xml:space="preserve">                               placeholder="Min Budget" min="0" max="15000" value="0" step="100"/&gt;</w:t>
            </w:r>
          </w:p>
          <w:p w:rsidR="00763958" w:rsidRDefault="00763958" w:rsidP="00763958">
            <w:r>
              <w:t xml:space="preserve">                        &lt;div class="input-group-append"&gt;</w:t>
            </w:r>
          </w:p>
          <w:p w:rsidR="00763958" w:rsidRDefault="00763958" w:rsidP="00763958">
            <w:r>
              <w:t xml:space="preserve">                            &lt;span class="input-group-text"&gt;-&lt;/span&gt;</w:t>
            </w:r>
          </w:p>
          <w:p w:rsidR="00763958" w:rsidRDefault="00763958" w:rsidP="00763958">
            <w:r>
              <w:t xml:space="preserve">                        &lt;/div&gt;</w:t>
            </w:r>
          </w:p>
          <w:p w:rsidR="00763958" w:rsidRDefault="00763958" w:rsidP="00763958">
            <w:r>
              <w:lastRenderedPageBreak/>
              <w:t xml:space="preserve">                        &lt;input type="number" class="form-control" id="txtMaxBudgetRange"</w:t>
            </w:r>
          </w:p>
          <w:p w:rsidR="00763958" w:rsidRDefault="00763958" w:rsidP="00763958">
            <w:r>
              <w:t xml:space="preserve">                               placeholder="Max Budget" min="0" max="15000" value="15000" step="100"/&gt;</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gt;</w:t>
            </w:r>
          </w:p>
          <w:p w:rsidR="00763958" w:rsidRDefault="00763958" w:rsidP="00763958">
            <w:r>
              <w:t xml:space="preserve">        &lt;!---------------Budget Filter ends------------------&gt;</w:t>
            </w:r>
          </w:p>
          <w:p w:rsidR="00763958" w:rsidRDefault="00763958" w:rsidP="00763958">
            <w:r>
              <w:t xml:space="preserve">        &lt;div class="justify-content-center mt-4"&gt;</w:t>
            </w:r>
          </w:p>
          <w:p w:rsidR="00763958" w:rsidRDefault="00763958" w:rsidP="00763958">
            <w:r>
              <w:t xml:space="preserve">            &lt;input type="hidden" id="txtFilterData" value=""/&gt;</w:t>
            </w:r>
          </w:p>
          <w:p w:rsidR="00763958" w:rsidRDefault="00763958" w:rsidP="00763958">
            <w:r>
              <w:t xml:space="preserve">            &lt;a href="#" class="btn btn-sm btn-outline-danger btnClearFilter"&gt;Clear&lt;/a&gt;</w:t>
            </w:r>
          </w:p>
          <w:p w:rsidR="00763958" w:rsidRDefault="00763958" w:rsidP="00763958">
            <w:r>
              <w:t xml:space="preserve">            &lt;a href="#" id="btnApplyFilter" class="btn btn-sm btn-primary float-right"&gt;Apply&lt;/a&gt;</w:t>
            </w:r>
          </w:p>
          <w:p w:rsidR="00763958" w:rsidRDefault="00763958" w:rsidP="00763958">
            <w:r>
              <w:t xml:space="preserve">        &lt;/div&gt;</w:t>
            </w:r>
          </w:p>
          <w:p w:rsidR="00763958" w:rsidRDefault="00763958" w:rsidP="00763958">
            <w:r>
              <w:t xml:space="preserve">    &lt;/div&gt; </w:t>
            </w:r>
          </w:p>
          <w:p w:rsidR="00763958" w:rsidRDefault="00763958" w:rsidP="00763958">
            <w:r>
              <w:t>&lt;/div&gt;</w:t>
            </w:r>
          </w:p>
          <w:p w:rsidR="00763958" w:rsidRDefault="00763958" w:rsidP="00763958">
            <w:r>
              <w:t>&lt;!---------------Additional Filter Starts------------------&gt;</w:t>
            </w:r>
          </w:p>
          <w:p w:rsidR="00763958" w:rsidRDefault="00763958" w:rsidP="00763958">
            <w:r>
              <w:t>&lt;div id="divRefiner" class="filter-section" style= "height: 200px; overflow-y: scroll;"&gt;</w:t>
            </w:r>
          </w:p>
          <w:p w:rsidR="00763958" w:rsidRDefault="00763958" w:rsidP="00763958">
            <w:r>
              <w:t xml:space="preserve">    &lt;a aria-controls="collapseRefiner" aria-expanded="true" data-toggle="collapse"</w:t>
            </w:r>
          </w:p>
          <w:p w:rsidR="00763958" w:rsidRDefault="00763958" w:rsidP="00763958">
            <w:r>
              <w:t xml:space="preserve">       href="#collapseRefiner" class="collapse-toggler"&gt;</w:t>
            </w:r>
          </w:p>
          <w:p w:rsidR="00763958" w:rsidRDefault="00763958" w:rsidP="00763958">
            <w:r>
              <w:t xml:space="preserve">        &lt;b&gt;Additional Search&lt;/b&gt;</w:t>
            </w:r>
          </w:p>
          <w:p w:rsidR="00763958" w:rsidRDefault="00763958" w:rsidP="00763958">
            <w:r>
              <w:t xml:space="preserve">    &lt;/a&gt;</w:t>
            </w:r>
          </w:p>
          <w:p w:rsidR="00763958" w:rsidRDefault="00763958" w:rsidP="00763958">
            <w:r>
              <w:t xml:space="preserve">     &lt;!---------------Residence Types------------------&gt;</w:t>
            </w:r>
          </w:p>
          <w:p w:rsidR="00763958" w:rsidRDefault="00763958" w:rsidP="00763958">
            <w:r>
              <w:t xml:space="preserve">    &lt;div class="collapse show" id="collapseRefiner"&gt;</w:t>
            </w:r>
          </w:p>
          <w:p w:rsidR="00763958" w:rsidRDefault="00763958" w:rsidP="00763958">
            <w:r>
              <w:t xml:space="preserve">        &lt;!--&lt;div class="filter_type"&gt;</w:t>
            </w:r>
          </w:p>
          <w:p w:rsidR="00763958" w:rsidRDefault="00763958" w:rsidP="00763958">
            <w:r>
              <w:t xml:space="preserve">            &lt;h6&gt;</w:t>
            </w:r>
          </w:p>
          <w:p w:rsidR="00763958" w:rsidRDefault="00763958" w:rsidP="00763958">
            <w:r>
              <w:t xml:space="preserve">                &lt;a aria-controls="collapseResidence" aria-expanded="false" data-toggle="collapse"</w:t>
            </w:r>
          </w:p>
          <w:p w:rsidR="00763958" w:rsidRDefault="00763958" w:rsidP="00763958">
            <w:r>
              <w:t xml:space="preserve">                   href="#collapseResidence" class="collapse-toggler collapsed"&gt;</w:t>
            </w:r>
          </w:p>
          <w:p w:rsidR="00763958" w:rsidRDefault="00763958" w:rsidP="00763958">
            <w:r>
              <w:t xml:space="preserve">                    Residence Types</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Residence"&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Independent 55+</w:t>
            </w:r>
          </w:p>
          <w:p w:rsidR="00763958" w:rsidRDefault="00763958" w:rsidP="00763958"/>
          <w:p w:rsidR="00763958" w:rsidRDefault="00763958" w:rsidP="00763958">
            <w:r>
              <w:t xml:space="preserve">                            &lt;input type="checkbox" name="residences[]" value="independent_55"/&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Assisted Living</w:t>
            </w:r>
          </w:p>
          <w:p w:rsidR="00763958" w:rsidRDefault="00763958" w:rsidP="00763958"/>
          <w:p w:rsidR="00763958" w:rsidRDefault="00763958" w:rsidP="00763958">
            <w:r>
              <w:t xml:space="preserve">                            &lt;input type="checkbox" name="residences[]" value="assisted_living"/&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lastRenderedPageBreak/>
              <w:t xml:space="preserve">                            Memory Care</w:t>
            </w:r>
          </w:p>
          <w:p w:rsidR="00763958" w:rsidRDefault="00763958" w:rsidP="00763958"/>
          <w:p w:rsidR="00763958" w:rsidRDefault="00763958" w:rsidP="00763958">
            <w:r>
              <w:t xml:space="preserve">                            &lt;input type="checkbox" name="residences[]" value="memory_care"/&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oard &amp; Care</w:t>
            </w:r>
          </w:p>
          <w:p w:rsidR="00763958" w:rsidRDefault="00763958" w:rsidP="00763958"/>
          <w:p w:rsidR="00763958" w:rsidRDefault="00763958" w:rsidP="00763958">
            <w:r>
              <w:t xml:space="preserve">                            &lt;input type="checkbox" name="residences[]" value="board_care"/&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CCRC</w:t>
            </w:r>
          </w:p>
          <w:p w:rsidR="00763958" w:rsidRDefault="00763958" w:rsidP="00763958"/>
          <w:p w:rsidR="00763958" w:rsidRDefault="00763958" w:rsidP="00763958">
            <w:r>
              <w:t xml:space="preserve">                            &lt;input type="checkbox" name="residences[]" value="ccrc"/&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Respite</w:t>
            </w:r>
          </w:p>
          <w:p w:rsidR="00763958" w:rsidRDefault="00763958" w:rsidP="00763958"/>
          <w:p w:rsidR="00763958" w:rsidRDefault="00763958" w:rsidP="00763958">
            <w:r>
              <w:t xml:space="preserve">                            &lt;input type="checkbox" name="residences[]" value="respite"/&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 --&gt;</w:t>
            </w:r>
          </w:p>
          <w:p w:rsidR="00763958" w:rsidRDefault="00763958" w:rsidP="00763958">
            <w:r>
              <w:t xml:space="preserve">        &lt;!---------------Residence types ends------------------&gt;</w:t>
            </w:r>
          </w:p>
          <w:p w:rsidR="00763958" w:rsidRDefault="00763958" w:rsidP="00763958">
            <w:r>
              <w:t xml:space="preserve">            &lt;div class="collapse show" id="collapseRefiner"&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Accommodation" aria-expanded="false"</w:t>
            </w:r>
          </w:p>
          <w:p w:rsidR="00763958" w:rsidRDefault="00763958" w:rsidP="00763958">
            <w:r>
              <w:t xml:space="preserve">                                            data-toggle="collapse" href="#collapseAccommodation"</w:t>
            </w:r>
          </w:p>
          <w:p w:rsidR="00763958" w:rsidRDefault="00763958" w:rsidP="00763958">
            <w:r>
              <w:t xml:space="preserve">                                            class="collapse-toggler collapsed"&gt;</w:t>
            </w:r>
          </w:p>
          <w:p w:rsidR="00763958" w:rsidRDefault="00763958" w:rsidP="00763958">
            <w:r>
              <w:t xml:space="preserve">                                            Accommodations</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Accommodation"&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hared Room</w:t>
            </w:r>
          </w:p>
          <w:p w:rsidR="00763958" w:rsidRDefault="00763958" w:rsidP="00763958"/>
          <w:p w:rsidR="00763958" w:rsidRDefault="00763958" w:rsidP="00763958">
            <w:r>
              <w:t xml:space="preserve">                                                &lt;input type="checkbox" name="accommodations[]" value="shared_room" /&gt;</w:t>
            </w:r>
          </w:p>
          <w:p w:rsidR="00763958" w:rsidRDefault="00763958" w:rsidP="00763958">
            <w:r>
              <w:lastRenderedPageBreak/>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rivate Room</w:t>
            </w:r>
          </w:p>
          <w:p w:rsidR="00763958" w:rsidRDefault="00763958" w:rsidP="00763958"/>
          <w:p w:rsidR="00763958" w:rsidRDefault="00763958" w:rsidP="00763958">
            <w:r>
              <w:t xml:space="preserve">                                                &lt;input type="checkbox" name="accommodations[]" value="private_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tudio Shared Bathroom</w:t>
            </w:r>
          </w:p>
          <w:p w:rsidR="00763958" w:rsidRDefault="00763958" w:rsidP="00763958"/>
          <w:p w:rsidR="00763958" w:rsidRDefault="00763958" w:rsidP="00763958">
            <w:r>
              <w:t xml:space="preserve">                                                &lt;input type="checkbox" name="accommodations[]"</w:t>
            </w:r>
          </w:p>
          <w:p w:rsidR="00763958" w:rsidRDefault="00763958" w:rsidP="00763958">
            <w:r>
              <w:t xml:space="preserve">                                                    value="studio_shared_bath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tudio Private Bathroom</w:t>
            </w:r>
          </w:p>
          <w:p w:rsidR="00763958" w:rsidRDefault="00763958" w:rsidP="00763958"/>
          <w:p w:rsidR="00763958" w:rsidRDefault="00763958" w:rsidP="00763958">
            <w:r>
              <w:t xml:space="preserve">                                                &lt;input type="checkbox" name="accommodations[]"</w:t>
            </w:r>
          </w:p>
          <w:p w:rsidR="00763958" w:rsidRDefault="00763958" w:rsidP="00763958">
            <w:r>
              <w:t xml:space="preserve">                                                    value="studio_Private_bath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One Bedroom One Bathroom</w:t>
            </w:r>
          </w:p>
          <w:p w:rsidR="00763958" w:rsidRDefault="00763958" w:rsidP="00763958"/>
          <w:p w:rsidR="00763958" w:rsidRDefault="00763958" w:rsidP="00763958">
            <w:r>
              <w:t xml:space="preserve">                                                &lt;input type="checkbox" name="accommodations[]"</w:t>
            </w:r>
          </w:p>
          <w:p w:rsidR="00763958" w:rsidRDefault="00763958" w:rsidP="00763958">
            <w:r>
              <w:t xml:space="preserve">                                                    value="one_bedroom_one_bath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One Bedroom Two Bathrooms</w:t>
            </w:r>
          </w:p>
          <w:p w:rsidR="00763958" w:rsidRDefault="00763958" w:rsidP="00763958"/>
          <w:p w:rsidR="00763958" w:rsidRDefault="00763958" w:rsidP="00763958">
            <w:r>
              <w:t xml:space="preserve">                                                &lt;input type="checkbox" name="accommodations[]"</w:t>
            </w:r>
          </w:p>
          <w:p w:rsidR="00763958" w:rsidRDefault="00763958" w:rsidP="00763958">
            <w:r>
              <w:t xml:space="preserve">                                                    value="one_bedroom_two_bathroom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lastRenderedPageBreak/>
              <w:t xml:space="preserve">                                            &lt;label class="container_check"&gt;</w:t>
            </w:r>
          </w:p>
          <w:p w:rsidR="00763958" w:rsidRDefault="00763958" w:rsidP="00763958">
            <w:r>
              <w:t xml:space="preserve">                                                Two Bedrooms One Bathroom</w:t>
            </w:r>
          </w:p>
          <w:p w:rsidR="00763958" w:rsidRDefault="00763958" w:rsidP="00763958"/>
          <w:p w:rsidR="00763958" w:rsidRDefault="00763958" w:rsidP="00763958">
            <w:r>
              <w:t xml:space="preserve">                                                &lt;input type="checkbox" name="accommodations[]"</w:t>
            </w:r>
          </w:p>
          <w:p w:rsidR="00763958" w:rsidRDefault="00763958" w:rsidP="00763958">
            <w:r>
              <w:t xml:space="preserve">                                                    value="two_bedrooms_one_bath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Two Bedrooms Two Bathrooms</w:t>
            </w:r>
          </w:p>
          <w:p w:rsidR="00763958" w:rsidRDefault="00763958" w:rsidP="00763958"/>
          <w:p w:rsidR="00763958" w:rsidRDefault="00763958" w:rsidP="00763958">
            <w:r>
              <w:t xml:space="preserve">                                                &lt;input type="checkbox" name="accommodations[]"</w:t>
            </w:r>
          </w:p>
          <w:p w:rsidR="00763958" w:rsidRDefault="00763958" w:rsidP="00763958">
            <w:r>
              <w:t xml:space="preserve">                                                    value="two_bedrooms_two_bathroom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Cottages</w:t>
            </w:r>
          </w:p>
          <w:p w:rsidR="00763958" w:rsidRDefault="00763958" w:rsidP="00763958"/>
          <w:p w:rsidR="00763958" w:rsidRDefault="00763958" w:rsidP="00763958">
            <w:r>
              <w:t xml:space="preserve">                                                &lt;input type="checkbox" name="accommodations[]" value="cottage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ungalows</w:t>
            </w:r>
          </w:p>
          <w:p w:rsidR="00763958" w:rsidRDefault="00763958" w:rsidP="00763958"/>
          <w:p w:rsidR="00763958" w:rsidRDefault="00763958" w:rsidP="00763958">
            <w:r>
              <w:t xml:space="preserve">                                                &lt;input type="checkbox" name="accommodations[]" value="bungalow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Town Homes</w:t>
            </w:r>
          </w:p>
          <w:p w:rsidR="00763958" w:rsidRDefault="00763958" w:rsidP="00763958"/>
          <w:p w:rsidR="00763958" w:rsidRDefault="00763958" w:rsidP="00763958">
            <w:r>
              <w:t xml:space="preserve">                                                &lt;input type="checkbox" name="accommodations[]" value="town_home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Condominium</w:t>
            </w:r>
          </w:p>
          <w:p w:rsidR="00763958" w:rsidRDefault="00763958" w:rsidP="00763958"/>
          <w:p w:rsidR="00763958" w:rsidRDefault="00763958" w:rsidP="00763958">
            <w:r>
              <w:t xml:space="preserve">                                                &lt;input type="checkbox" name="accommodations[]" value="condominiu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lastRenderedPageBreak/>
              <w:t xml:space="preserve">                                        &lt;/li&gt;</w:t>
            </w:r>
          </w:p>
          <w:p w:rsidR="00763958" w:rsidRDefault="00763958" w:rsidP="00763958">
            <w:r>
              <w:t xml:space="preserve">                                    &lt;/ul&gt;</w:t>
            </w:r>
          </w:p>
          <w:p w:rsidR="00763958" w:rsidRDefault="00763958" w:rsidP="00763958">
            <w:r>
              <w:t xml:space="preserve">                                &lt;/div&gt;</w:t>
            </w:r>
          </w:p>
          <w:p w:rsidR="00763958" w:rsidRDefault="00763958" w:rsidP="00763958">
            <w:r>
              <w:t xml:space="preserve">                                &lt;!---------------accomodation ends------------------&gt;</w:t>
            </w:r>
          </w:p>
          <w:p w:rsidR="00763958" w:rsidRDefault="00763958" w:rsidP="00763958"/>
          <w:p w:rsidR="00763958" w:rsidRDefault="00763958" w:rsidP="00763958">
            <w:r>
              <w:t>&lt;!---------------services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Rental" aria-expanded="false" data-toggle="collapse"</w:t>
            </w:r>
          </w:p>
          <w:p w:rsidR="00763958" w:rsidRDefault="00763958" w:rsidP="00763958">
            <w:r>
              <w:t xml:space="preserve">                                            href="#collapseRental" class="collapse-toggler collapsed"&gt;</w:t>
            </w:r>
          </w:p>
          <w:p w:rsidR="00763958" w:rsidRDefault="00763958" w:rsidP="00763958">
            <w:r>
              <w:t xml:space="preserve">                                            Services</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Rental"&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House Keeping</w:t>
            </w:r>
          </w:p>
          <w:p w:rsidR="00763958" w:rsidRDefault="00763958" w:rsidP="00763958"/>
          <w:p w:rsidR="00763958" w:rsidRDefault="00763958" w:rsidP="00763958">
            <w:r>
              <w:t xml:space="preserve">                                                &lt;input type="checkbox" name="rental_services[]" value="housekeep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Transportation</w:t>
            </w:r>
          </w:p>
          <w:p w:rsidR="00763958" w:rsidRDefault="00763958" w:rsidP="00763958"/>
          <w:p w:rsidR="00763958" w:rsidRDefault="00763958" w:rsidP="00763958">
            <w:r>
              <w:t xml:space="preserve">                                                &lt;input type="checkbox" name="rental_services[]"</w:t>
            </w:r>
          </w:p>
          <w:p w:rsidR="00763958" w:rsidRDefault="00763958" w:rsidP="00763958">
            <w:r>
              <w:t xml:space="preserve">                                                    value="transportation"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Laundry</w:t>
            </w:r>
          </w:p>
          <w:p w:rsidR="00763958" w:rsidRDefault="00763958" w:rsidP="00763958"/>
          <w:p w:rsidR="00763958" w:rsidRDefault="00763958" w:rsidP="00763958">
            <w:r>
              <w:t xml:space="preserve">                                                &lt;input type="checkbox" name="rental_services[]" value="laundry"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Room Service</w:t>
            </w:r>
          </w:p>
          <w:p w:rsidR="00763958" w:rsidRDefault="00763958" w:rsidP="00763958"/>
          <w:p w:rsidR="00763958" w:rsidRDefault="00763958" w:rsidP="00763958">
            <w:r>
              <w:t xml:space="preserve">                                                &lt;input type="checkbox" name="rental_services[]" value="room_service"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lastRenderedPageBreak/>
              <w:t xml:space="preserve">                                &lt;/div&gt;</w:t>
            </w:r>
          </w:p>
          <w:p w:rsidR="00763958" w:rsidRDefault="00763958" w:rsidP="00763958">
            <w:r>
              <w:t xml:space="preserve">                                &lt;!---------------services ends------------------&gt;</w:t>
            </w:r>
          </w:p>
          <w:p w:rsidR="00763958" w:rsidRDefault="00763958" w:rsidP="00763958"/>
          <w:p w:rsidR="00763958" w:rsidRDefault="00763958" w:rsidP="00763958">
            <w:r>
              <w:t xml:space="preserve">        &lt;!---------------meals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Meals" aria-expanded="false" data-toggle="collapse"</w:t>
            </w:r>
          </w:p>
          <w:p w:rsidR="00763958" w:rsidRDefault="00763958" w:rsidP="00763958">
            <w:r>
              <w:t xml:space="preserve">                                            href="#collapseMeals" class="collapse-toggler collapsed"&gt;</w:t>
            </w:r>
          </w:p>
          <w:p w:rsidR="00763958" w:rsidRDefault="00763958" w:rsidP="00763958">
            <w:r>
              <w:t xml:space="preserve">                                            Meals</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Meals"&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1 Meal</w:t>
            </w:r>
          </w:p>
          <w:p w:rsidR="00763958" w:rsidRDefault="00763958" w:rsidP="00763958">
            <w:r>
              <w:t xml:space="preserve">                                                &lt;div style="font-size: 11px;" class="text-muted"&gt;</w:t>
            </w:r>
          </w:p>
          <w:p w:rsidR="00763958" w:rsidRDefault="00763958" w:rsidP="00763958">
            <w:r>
              <w:t xml:space="preserve">                                                    Lunch or Dinner</w:t>
            </w:r>
          </w:p>
          <w:p w:rsidR="00763958" w:rsidRDefault="00763958" w:rsidP="00763958">
            <w:r>
              <w:t xml:space="preserve">                                                &lt;/div&gt;</w:t>
            </w:r>
          </w:p>
          <w:p w:rsidR="00763958" w:rsidRDefault="00763958" w:rsidP="00763958"/>
          <w:p w:rsidR="00763958" w:rsidRDefault="00763958" w:rsidP="00763958">
            <w:r>
              <w:t xml:space="preserve">                                                &lt;input type="checkbox" name="meals[]" value="one_meal_lunch_r_dinner"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2 Meal</w:t>
            </w:r>
          </w:p>
          <w:p w:rsidR="00763958" w:rsidRDefault="00763958" w:rsidP="00763958">
            <w:r>
              <w:t xml:space="preserve">                                                &lt;div style="font-size: 11px;" class="text-muted"&gt;</w:t>
            </w:r>
          </w:p>
          <w:p w:rsidR="00763958" w:rsidRDefault="00763958" w:rsidP="00763958">
            <w:r>
              <w:t xml:space="preserve">                                                    Breakfast, Lunch or Dinner</w:t>
            </w:r>
          </w:p>
          <w:p w:rsidR="00763958" w:rsidRDefault="00763958" w:rsidP="00763958">
            <w:r>
              <w:t xml:space="preserve">                                                &lt;/div&gt;</w:t>
            </w:r>
          </w:p>
          <w:p w:rsidR="00763958" w:rsidRDefault="00763958" w:rsidP="00763958"/>
          <w:p w:rsidR="00763958" w:rsidRDefault="00763958" w:rsidP="00763958">
            <w:r>
              <w:t xml:space="preserve">                                                &lt;input type="checkbox" name="meals[]"</w:t>
            </w:r>
          </w:p>
          <w:p w:rsidR="00763958" w:rsidRDefault="00763958" w:rsidP="00763958">
            <w:r>
              <w:t xml:space="preserve">                                                    value="two_meal_breakfast_lunch_r_dinner"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3 Meal</w:t>
            </w:r>
          </w:p>
          <w:p w:rsidR="00763958" w:rsidRDefault="00763958" w:rsidP="00763958">
            <w:r>
              <w:t xml:space="preserve">                                                &lt;div style="font-size: 11px;" class="text-muted"&gt;</w:t>
            </w:r>
          </w:p>
          <w:p w:rsidR="00763958" w:rsidRDefault="00763958" w:rsidP="00763958">
            <w:r>
              <w:t xml:space="preserve">                                                    Breakfast, Lunch &amp;amp; Dinner</w:t>
            </w:r>
          </w:p>
          <w:p w:rsidR="00763958" w:rsidRDefault="00763958" w:rsidP="00763958">
            <w:r>
              <w:t xml:space="preserve">                                                &lt;/div&gt;</w:t>
            </w:r>
          </w:p>
          <w:p w:rsidR="00763958" w:rsidRDefault="00763958" w:rsidP="00763958"/>
          <w:p w:rsidR="00763958" w:rsidRDefault="00763958" w:rsidP="00763958">
            <w:r>
              <w:t xml:space="preserve">                                                &lt;input type="checkbox" name="meals[]"</w:t>
            </w:r>
          </w:p>
          <w:p w:rsidR="00763958" w:rsidRDefault="00763958" w:rsidP="00763958">
            <w:r>
              <w:t xml:space="preserve">                                                    value="three_meal_breakfast_Lunch_a_dinner"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lastRenderedPageBreak/>
              <w:t xml:space="preserve">                                    &lt;/ul&gt;</w:t>
            </w:r>
          </w:p>
          <w:p w:rsidR="00763958" w:rsidRDefault="00763958" w:rsidP="00763958">
            <w:r>
              <w:t xml:space="preserve">                                &lt;/div&gt;</w:t>
            </w:r>
          </w:p>
          <w:p w:rsidR="00763958" w:rsidRDefault="00763958" w:rsidP="00763958"/>
          <w:p w:rsidR="00763958" w:rsidRDefault="00763958" w:rsidP="00763958">
            <w:r>
              <w:t xml:space="preserve">                                &lt;!---------------Meal ends------------------&gt;</w:t>
            </w:r>
          </w:p>
          <w:p w:rsidR="00763958" w:rsidRDefault="00763958" w:rsidP="00763958"/>
          <w:p w:rsidR="00763958" w:rsidRDefault="00763958" w:rsidP="00763958">
            <w:r>
              <w:t xml:space="preserve">                                &lt;!---------------Diet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Diet" aria-expanded="false" data-toggle="collapse"</w:t>
            </w:r>
          </w:p>
          <w:p w:rsidR="00763958" w:rsidRDefault="00763958" w:rsidP="00763958">
            <w:r>
              <w:t xml:space="preserve">                                            href="#collapseDiet" class="collapse-toggler collapsed"&gt;</w:t>
            </w:r>
          </w:p>
          <w:p w:rsidR="00763958" w:rsidRDefault="00763958" w:rsidP="00763958">
            <w:r>
              <w:t xml:space="preserve">                                            Diet</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Diet"&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ugar Free / Diabetic</w:t>
            </w:r>
          </w:p>
          <w:p w:rsidR="00763958" w:rsidRDefault="00763958" w:rsidP="00763958"/>
          <w:p w:rsidR="00763958" w:rsidRDefault="00763958" w:rsidP="00763958">
            <w:r>
              <w:t xml:space="preserve">                                                &lt;input type="checkbox" name="diets[]" value="sugar_free_diabetic"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Vegetarian</w:t>
            </w:r>
          </w:p>
          <w:p w:rsidR="00763958" w:rsidRDefault="00763958" w:rsidP="00763958"/>
          <w:p w:rsidR="00763958" w:rsidRDefault="00763958" w:rsidP="00763958">
            <w:r>
              <w:t xml:space="preserve">                                                &lt;input type="checkbox" name="diets[]" value="vegetarian"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Dairy Free</w:t>
            </w:r>
          </w:p>
          <w:p w:rsidR="00763958" w:rsidRDefault="00763958" w:rsidP="00763958"/>
          <w:p w:rsidR="00763958" w:rsidRDefault="00763958" w:rsidP="00763958">
            <w:r>
              <w:t xml:space="preserve">                                                &lt;input type="checkbox" name="diets[]" value="dairy_free"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Gluten Free</w:t>
            </w:r>
          </w:p>
          <w:p w:rsidR="00763958" w:rsidRDefault="00763958" w:rsidP="00763958"/>
          <w:p w:rsidR="00763958" w:rsidRDefault="00763958" w:rsidP="00763958">
            <w:r>
              <w:t xml:space="preserve">                                                &lt;input type="checkbox" name="diets[]" value="gluten_free"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lastRenderedPageBreak/>
              <w:t xml:space="preserve">                                                Kosher</w:t>
            </w:r>
          </w:p>
          <w:p w:rsidR="00763958" w:rsidRDefault="00763958" w:rsidP="00763958"/>
          <w:p w:rsidR="00763958" w:rsidRDefault="00763958" w:rsidP="00763958">
            <w:r>
              <w:t xml:space="preserve">                                                &lt;input type="checkbox" name="diets[]" value="kosher"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w:t>
            </w:r>
          </w:p>
          <w:p w:rsidR="00763958" w:rsidRDefault="00763958" w:rsidP="00763958">
            <w:r>
              <w:t xml:space="preserve">                                &lt;!---------------diet ends------------------&gt;</w:t>
            </w:r>
          </w:p>
          <w:p w:rsidR="00763958" w:rsidRDefault="00763958" w:rsidP="00763958"/>
          <w:p w:rsidR="00763958" w:rsidRDefault="00763958" w:rsidP="00763958">
            <w:r>
              <w:t xml:space="preserve">        &lt;!---------------care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CareTypes" aria-expanded="false"</w:t>
            </w:r>
          </w:p>
          <w:p w:rsidR="00763958" w:rsidRDefault="00763958" w:rsidP="00763958">
            <w:r>
              <w:t xml:space="preserve">                                            data-toggle="collapse" href="#collapseCareTypes"</w:t>
            </w:r>
          </w:p>
          <w:p w:rsidR="00763958" w:rsidRDefault="00763958" w:rsidP="00763958">
            <w:r>
              <w:t xml:space="preserve">                                            class="collapse-toggler collapsed"&gt;</w:t>
            </w:r>
          </w:p>
          <w:p w:rsidR="00763958" w:rsidRDefault="00763958" w:rsidP="00763958">
            <w:r>
              <w:t xml:space="preserve">                                            Care</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CareTypes"&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athing</w:t>
            </w:r>
          </w:p>
          <w:p w:rsidR="00763958" w:rsidRDefault="00763958" w:rsidP="00763958"/>
          <w:p w:rsidR="00763958" w:rsidRDefault="00763958" w:rsidP="00763958">
            <w:r>
              <w:t xml:space="preserve">                                                &lt;input type="checkbox" name="cares[]" value="bath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Dressing</w:t>
            </w:r>
          </w:p>
          <w:p w:rsidR="00763958" w:rsidRDefault="00763958" w:rsidP="00763958"/>
          <w:p w:rsidR="00763958" w:rsidRDefault="00763958" w:rsidP="00763958">
            <w:r>
              <w:t xml:space="preserve">                                                &lt;input type="checkbox" name="cares[]" value="dress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Grooming</w:t>
            </w:r>
          </w:p>
          <w:p w:rsidR="00763958" w:rsidRDefault="00763958" w:rsidP="00763958"/>
          <w:p w:rsidR="00763958" w:rsidRDefault="00763958" w:rsidP="00763958">
            <w:r>
              <w:t xml:space="preserve">                                                &lt;input type="checkbox" name="cares[]" value="groom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Medication Management</w:t>
            </w:r>
          </w:p>
          <w:p w:rsidR="00763958" w:rsidRDefault="00763958" w:rsidP="00763958"/>
          <w:p w:rsidR="00763958" w:rsidRDefault="00763958" w:rsidP="00763958">
            <w:r>
              <w:lastRenderedPageBreak/>
              <w:t xml:space="preserve">                                                &lt;input type="checkbox" name="cares[]" value="Medication Managemen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Toileting</w:t>
            </w:r>
          </w:p>
          <w:p w:rsidR="00763958" w:rsidRDefault="00763958" w:rsidP="00763958"/>
          <w:p w:rsidR="00763958" w:rsidRDefault="00763958" w:rsidP="00763958">
            <w:r>
              <w:t xml:space="preserve">                                                &lt;input type="checkbox" name="cares[]" value="Toilet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Escorting</w:t>
            </w:r>
          </w:p>
          <w:p w:rsidR="00763958" w:rsidRDefault="00763958" w:rsidP="00763958"/>
          <w:p w:rsidR="00763958" w:rsidRDefault="00763958" w:rsidP="00763958">
            <w:r>
              <w:t xml:space="preserve">                                                &lt;input type="checkbox" name="cares[]" value="escort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Feeding</w:t>
            </w:r>
          </w:p>
          <w:p w:rsidR="00763958" w:rsidRDefault="00763958" w:rsidP="00763958"/>
          <w:p w:rsidR="00763958" w:rsidRDefault="00763958" w:rsidP="00763958">
            <w:r>
              <w:t xml:space="preserve">                                                &lt;input type="checkbox" name="cares[]" value="feed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Hoyer Lift</w:t>
            </w:r>
          </w:p>
          <w:p w:rsidR="00763958" w:rsidRDefault="00763958" w:rsidP="00763958"/>
          <w:p w:rsidR="00763958" w:rsidRDefault="00763958" w:rsidP="00763958">
            <w:r>
              <w:t xml:space="preserve">                                                &lt;input type="checkbox" name="cares[]" value="hoyer_lif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Insulin Injection Assistance</w:t>
            </w:r>
          </w:p>
          <w:p w:rsidR="00763958" w:rsidRDefault="00763958" w:rsidP="00763958"/>
          <w:p w:rsidR="00763958" w:rsidRDefault="00763958" w:rsidP="00763958">
            <w:r>
              <w:t xml:space="preserve">                                                &lt;input type="checkbox" name="cares[]"</w:t>
            </w:r>
          </w:p>
          <w:p w:rsidR="00763958" w:rsidRDefault="00763958" w:rsidP="00763958">
            <w:r>
              <w:t xml:space="preserve">                                                    value="insulin_injection_assistance"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Catheter Assistance</w:t>
            </w:r>
          </w:p>
          <w:p w:rsidR="00763958" w:rsidRDefault="00763958" w:rsidP="00763958"/>
          <w:p w:rsidR="00763958" w:rsidRDefault="00763958" w:rsidP="00763958">
            <w:r>
              <w:t xml:space="preserve">                                                &lt;input type="checkbox" name="cares[]" value="catheter_assistance"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Visiting Podiatrist</w:t>
            </w:r>
          </w:p>
          <w:p w:rsidR="00763958" w:rsidRDefault="00763958" w:rsidP="00763958"/>
          <w:p w:rsidR="00763958" w:rsidRDefault="00763958" w:rsidP="00763958">
            <w:r>
              <w:t xml:space="preserve">                                                &lt;input type="checkbox" name="cares[]" value="visiting_podiatris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Visiting Primary Physician</w:t>
            </w:r>
          </w:p>
          <w:p w:rsidR="00763958" w:rsidRDefault="00763958" w:rsidP="00763958"/>
          <w:p w:rsidR="00763958" w:rsidRDefault="00763958" w:rsidP="00763958">
            <w:r>
              <w:t xml:space="preserve">                                                &lt;input type="checkbox" name="cares[]"</w:t>
            </w:r>
          </w:p>
          <w:p w:rsidR="00763958" w:rsidRDefault="00763958" w:rsidP="00763958">
            <w:r>
              <w:t xml:space="preserve">                                                    value="visiting_primary_physician"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Visiting Nurse Practitioner</w:t>
            </w:r>
          </w:p>
          <w:p w:rsidR="00763958" w:rsidRDefault="00763958" w:rsidP="00763958"/>
          <w:p w:rsidR="00763958" w:rsidRDefault="00763958" w:rsidP="00763958">
            <w:r>
              <w:t xml:space="preserve">                                                &lt;input type="checkbox" name="cares[]"</w:t>
            </w:r>
          </w:p>
          <w:p w:rsidR="00763958" w:rsidRDefault="00763958" w:rsidP="00763958">
            <w:r>
              <w:t xml:space="preserve">                                                    value="visiting_nurse_practioner"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Visiting Physical Therapist</w:t>
            </w:r>
          </w:p>
          <w:p w:rsidR="00763958" w:rsidRDefault="00763958" w:rsidP="00763958"/>
          <w:p w:rsidR="00763958" w:rsidRDefault="00763958" w:rsidP="00763958">
            <w:r>
              <w:t xml:space="preserve">                                                &lt;input type="checkbox" name="cares[]"</w:t>
            </w:r>
          </w:p>
          <w:p w:rsidR="00763958" w:rsidRDefault="00763958" w:rsidP="00763958">
            <w:r>
              <w:t xml:space="preserve">                                                    value="visiting_physical_therapis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w:t>
            </w:r>
          </w:p>
          <w:p w:rsidR="00763958" w:rsidRDefault="00763958" w:rsidP="00763958">
            <w:r>
              <w:t xml:space="preserve">                                &lt;!---------------Care ends------------------&gt;</w:t>
            </w:r>
          </w:p>
          <w:p w:rsidR="00763958" w:rsidRDefault="00763958" w:rsidP="00763958"/>
          <w:p w:rsidR="00763958" w:rsidRDefault="00763958" w:rsidP="00763958">
            <w:r>
              <w:t xml:space="preserve">                                &lt;!---------------amentites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Amenities" aria-expanded="false"</w:t>
            </w:r>
          </w:p>
          <w:p w:rsidR="00763958" w:rsidRDefault="00763958" w:rsidP="00763958">
            <w:r>
              <w:lastRenderedPageBreak/>
              <w:t xml:space="preserve">                                            data-toggle="collapse" href="#collapseAmenities"</w:t>
            </w:r>
          </w:p>
          <w:p w:rsidR="00763958" w:rsidRDefault="00763958" w:rsidP="00763958">
            <w:r>
              <w:t xml:space="preserve">                                            class="collapse-toggler collapsed"&gt;</w:t>
            </w:r>
          </w:p>
          <w:p w:rsidR="00763958" w:rsidRDefault="00763958" w:rsidP="00763958">
            <w:r>
              <w:t xml:space="preserve">                                            Amenities</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Amenities"&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Dining room for Guest</w:t>
            </w:r>
          </w:p>
          <w:p w:rsidR="00763958" w:rsidRDefault="00763958" w:rsidP="00763958"/>
          <w:p w:rsidR="00763958" w:rsidRDefault="00763958" w:rsidP="00763958">
            <w:r>
              <w:t xml:space="preserve">                                                &lt;input type="checkbox" name="amenities[]"</w:t>
            </w:r>
          </w:p>
          <w:p w:rsidR="00763958" w:rsidRDefault="00763958" w:rsidP="00763958">
            <w:r>
              <w:t xml:space="preserve">                                                    value="dining_room_for_gues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Lounge - Common Areas</w:t>
            </w:r>
          </w:p>
          <w:p w:rsidR="00763958" w:rsidRDefault="00763958" w:rsidP="00763958"/>
          <w:p w:rsidR="00763958" w:rsidRDefault="00763958" w:rsidP="00763958">
            <w:r>
              <w:t xml:space="preserve">                                                &lt;input type="checkbox" name="amenities[]" value="lounge_common_area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eauty Salon / Barber Shop</w:t>
            </w:r>
          </w:p>
          <w:p w:rsidR="00763958" w:rsidRDefault="00763958" w:rsidP="00763958"/>
          <w:p w:rsidR="00763958" w:rsidRDefault="00763958" w:rsidP="00763958">
            <w:r>
              <w:t xml:space="preserve">                                                &lt;input type="checkbox" name="amenities[]"</w:t>
            </w:r>
          </w:p>
          <w:p w:rsidR="00763958" w:rsidRDefault="00763958" w:rsidP="00763958">
            <w:r>
              <w:t xml:space="preserve">                                                    value="beauty_salon_barber_shop"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Theater Room</w:t>
            </w:r>
          </w:p>
          <w:p w:rsidR="00763958" w:rsidRDefault="00763958" w:rsidP="00763958"/>
          <w:p w:rsidR="00763958" w:rsidRDefault="00763958" w:rsidP="00763958">
            <w:r>
              <w:t xml:space="preserve">                                                &lt;input type="checkbox" name="amenities[]" value="theater_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Exercise Room</w:t>
            </w:r>
          </w:p>
          <w:p w:rsidR="00763958" w:rsidRDefault="00763958" w:rsidP="00763958"/>
          <w:p w:rsidR="00763958" w:rsidRDefault="00763958" w:rsidP="00763958">
            <w:r>
              <w:t xml:space="preserve">                                                &lt;input type="checkbox" name="amenities[]" value="exercise_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lastRenderedPageBreak/>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hysical Therapy</w:t>
            </w:r>
          </w:p>
          <w:p w:rsidR="00763958" w:rsidRDefault="00763958" w:rsidP="00763958"/>
          <w:p w:rsidR="00763958" w:rsidRDefault="00763958" w:rsidP="00763958">
            <w:r>
              <w:t xml:space="preserve">                                                &lt;input type="checkbox" name="amenities[]" value="physical_therapy"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Library</w:t>
            </w:r>
          </w:p>
          <w:p w:rsidR="00763958" w:rsidRDefault="00763958" w:rsidP="00763958"/>
          <w:p w:rsidR="00763958" w:rsidRDefault="00763958" w:rsidP="00763958">
            <w:r>
              <w:t xml:space="preserve">                                                &lt;input type="checkbox" name="amenities[]" value="library"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ool</w:t>
            </w:r>
          </w:p>
          <w:p w:rsidR="00763958" w:rsidRDefault="00763958" w:rsidP="00763958"/>
          <w:p w:rsidR="00763958" w:rsidRDefault="00763958" w:rsidP="00763958">
            <w:r>
              <w:t xml:space="preserve">                                                &lt;input type="checkbox" name="amenities[]" value="pool"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utting Green</w:t>
            </w:r>
          </w:p>
          <w:p w:rsidR="00763958" w:rsidRDefault="00763958" w:rsidP="00763958"/>
          <w:p w:rsidR="00763958" w:rsidRDefault="00763958" w:rsidP="00763958">
            <w:r>
              <w:t xml:space="preserve">                                                &lt;input type="checkbox" name="amenities[]" value="putting_green"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Golf Course</w:t>
            </w:r>
          </w:p>
          <w:p w:rsidR="00763958" w:rsidRDefault="00763958" w:rsidP="00763958"/>
          <w:p w:rsidR="00763958" w:rsidRDefault="00763958" w:rsidP="00763958">
            <w:r>
              <w:t xml:space="preserve">                                                &lt;input type="checkbox" name="amenities[]" value="100009"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icnic Areas</w:t>
            </w:r>
          </w:p>
          <w:p w:rsidR="00763958" w:rsidRDefault="00763958" w:rsidP="00763958"/>
          <w:p w:rsidR="00763958" w:rsidRDefault="00763958" w:rsidP="00763958">
            <w:r>
              <w:t xml:space="preserve">                                                &lt;input type="checkbox" name="amenities[]" value="100010"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lastRenderedPageBreak/>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arbecues</w:t>
            </w:r>
          </w:p>
          <w:p w:rsidR="00763958" w:rsidRDefault="00763958" w:rsidP="00763958"/>
          <w:p w:rsidR="00763958" w:rsidRDefault="00763958" w:rsidP="00763958">
            <w:r>
              <w:t xml:space="preserve">                                                &lt;input type="checkbox" name="amenities[]" value="barbecue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istro</w:t>
            </w:r>
          </w:p>
          <w:p w:rsidR="00763958" w:rsidRDefault="00763958" w:rsidP="00763958"/>
          <w:p w:rsidR="00763958" w:rsidRDefault="00763958" w:rsidP="00763958">
            <w:r>
              <w:t xml:space="preserve">                                                &lt;input type="checkbox" name="amenities[]" value="bistro"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izza Grotto</w:t>
            </w:r>
          </w:p>
          <w:p w:rsidR="00763958" w:rsidRDefault="00763958" w:rsidP="00763958"/>
          <w:p w:rsidR="00763958" w:rsidRDefault="00763958" w:rsidP="00763958">
            <w:r>
              <w:t xml:space="preserve">                                                &lt;input type="checkbox" name="amenities[]" value="pizza_grotto"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ar</w:t>
            </w:r>
          </w:p>
          <w:p w:rsidR="00763958" w:rsidRDefault="00763958" w:rsidP="00763958"/>
          <w:p w:rsidR="00763958" w:rsidRDefault="00763958" w:rsidP="00763958">
            <w:r>
              <w:t xml:space="preserve">                                                &lt;input type="checkbox" name="amenities[]" value="bar"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Restaurants</w:t>
            </w:r>
          </w:p>
          <w:p w:rsidR="00763958" w:rsidRDefault="00763958" w:rsidP="00763958"/>
          <w:p w:rsidR="00763958" w:rsidRDefault="00763958" w:rsidP="00763958">
            <w:r>
              <w:t xml:space="preserve">                                                &lt;input type="checkbox" name="amenities[]" value="restaurant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Recreation Room</w:t>
            </w:r>
          </w:p>
          <w:p w:rsidR="00763958" w:rsidRDefault="00763958" w:rsidP="00763958"/>
          <w:p w:rsidR="00763958" w:rsidRDefault="00763958" w:rsidP="00763958">
            <w:r>
              <w:t xml:space="preserve">                                                &lt;input type="checkbox" name="amenities[]" value="recreation_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lastRenderedPageBreak/>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Jacuzzi</w:t>
            </w:r>
          </w:p>
          <w:p w:rsidR="00763958" w:rsidRDefault="00763958" w:rsidP="00763958"/>
          <w:p w:rsidR="00763958" w:rsidRDefault="00763958" w:rsidP="00763958">
            <w:r>
              <w:t xml:space="preserve">                                                &lt;input type="checkbox" name="amenities[]" value="jacuzzi"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auna</w:t>
            </w:r>
          </w:p>
          <w:p w:rsidR="00763958" w:rsidRDefault="00763958" w:rsidP="00763958"/>
          <w:p w:rsidR="00763958" w:rsidRDefault="00763958" w:rsidP="00763958">
            <w:r>
              <w:t xml:space="preserve">                                                &lt;input type="checkbox" name="amenities[]" value="sauna"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w:t>
            </w:r>
          </w:p>
          <w:p w:rsidR="00763958" w:rsidRDefault="00763958" w:rsidP="00763958">
            <w:r>
              <w:t xml:space="preserve">                                &lt;!---------------amenities ends------------------&gt;</w:t>
            </w:r>
          </w:p>
          <w:p w:rsidR="00763958" w:rsidRDefault="00763958" w:rsidP="00763958"/>
          <w:p w:rsidR="00763958" w:rsidRDefault="00763958" w:rsidP="00763958">
            <w:r>
              <w:t xml:space="preserve">                                &lt;!---------------Entertainments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Entertainments" aria-expanded="false"</w:t>
            </w:r>
          </w:p>
          <w:p w:rsidR="00763958" w:rsidRDefault="00763958" w:rsidP="00763958">
            <w:r>
              <w:t xml:space="preserve">                                            data-toggle="collapse" href="#collapseEntertainments"</w:t>
            </w:r>
          </w:p>
          <w:p w:rsidR="00763958" w:rsidRDefault="00763958" w:rsidP="00763958">
            <w:r>
              <w:t xml:space="preserve">                                            class="collapse-toggler collapsed"&gt;</w:t>
            </w:r>
          </w:p>
          <w:p w:rsidR="00763958" w:rsidRDefault="00763958" w:rsidP="00763958">
            <w:r>
              <w:t xml:space="preserve">                                            Entertainment</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Entertainments"&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Arts &amp;amp; Crafts</w:t>
            </w:r>
          </w:p>
          <w:p w:rsidR="00763958" w:rsidRDefault="00763958" w:rsidP="00763958"/>
          <w:p w:rsidR="00763958" w:rsidRDefault="00763958" w:rsidP="00763958">
            <w:r>
              <w:t xml:space="preserve">                                                &lt;input type="checkbox" name="entertainments[]" value="arts_craft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Field Trips</w:t>
            </w:r>
          </w:p>
          <w:p w:rsidR="00763958" w:rsidRDefault="00763958" w:rsidP="00763958"/>
          <w:p w:rsidR="00763958" w:rsidRDefault="00763958" w:rsidP="00763958">
            <w:r>
              <w:t xml:space="preserve">                                                &lt;input type="checkbox" name="entertainments[]" value="field_trip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lastRenderedPageBreak/>
              <w:t xml:space="preserve">                                            &lt;label class="container_check"&gt;</w:t>
            </w:r>
          </w:p>
          <w:p w:rsidR="00763958" w:rsidRDefault="00763958" w:rsidP="00763958">
            <w:r>
              <w:t xml:space="preserve">                                                Movie Nights</w:t>
            </w:r>
          </w:p>
          <w:p w:rsidR="00763958" w:rsidRDefault="00763958" w:rsidP="00763958"/>
          <w:p w:rsidR="00763958" w:rsidRDefault="00763958" w:rsidP="00763958">
            <w:r>
              <w:t xml:space="preserve">                                                &lt;input type="checkbox" name="entertainments[]" value="movie_night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Live Entertainment</w:t>
            </w:r>
          </w:p>
          <w:p w:rsidR="00763958" w:rsidRDefault="00763958" w:rsidP="00763958"/>
          <w:p w:rsidR="00763958" w:rsidRDefault="00763958" w:rsidP="00763958">
            <w:r>
              <w:t xml:space="preserve">                                                &lt;input type="checkbox" name="entertainments[]"</w:t>
            </w:r>
          </w:p>
          <w:p w:rsidR="00763958" w:rsidRDefault="00763958" w:rsidP="00763958">
            <w:r>
              <w:t xml:space="preserve">                                                    value="live_entertainmen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ingo</w:t>
            </w:r>
          </w:p>
          <w:p w:rsidR="00763958" w:rsidRDefault="00763958" w:rsidP="00763958"/>
          <w:p w:rsidR="00763958" w:rsidRDefault="00763958" w:rsidP="00763958">
            <w:r>
              <w:t xml:space="preserve">                                                &lt;input type="checkbox" name="entertainments[]" value="bingo"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ocial &amp;amp; Hobby Clubs</w:t>
            </w:r>
          </w:p>
          <w:p w:rsidR="00763958" w:rsidRDefault="00763958" w:rsidP="00763958"/>
          <w:p w:rsidR="00763958" w:rsidRDefault="00763958" w:rsidP="00763958">
            <w:r>
              <w:t xml:space="preserve">                                                &lt;input type="checkbox" name="entertainments[]" value="100005"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Classes for Learning</w:t>
            </w:r>
          </w:p>
          <w:p w:rsidR="00763958" w:rsidRDefault="00763958" w:rsidP="00763958"/>
          <w:p w:rsidR="00763958" w:rsidRDefault="00763958" w:rsidP="00763958">
            <w:r>
              <w:t xml:space="preserve">                                                &lt;input type="checkbox" name="entertainments[]"</w:t>
            </w:r>
          </w:p>
          <w:p w:rsidR="00763958" w:rsidRDefault="00763958" w:rsidP="00763958">
            <w:r>
              <w:t xml:space="preserve">                                                    value="classes_for_learn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Holiday Celebrations</w:t>
            </w:r>
          </w:p>
          <w:p w:rsidR="00763958" w:rsidRDefault="00763958" w:rsidP="00763958"/>
          <w:p w:rsidR="00763958" w:rsidRDefault="00763958" w:rsidP="00763958">
            <w:r>
              <w:t xml:space="preserve">                                                &lt;input type="checkbox" name="entertainments[]"</w:t>
            </w:r>
          </w:p>
          <w:p w:rsidR="00763958" w:rsidRDefault="00763958" w:rsidP="00763958">
            <w:r>
              <w:t xml:space="preserve">                                                    value="holiday_celebrations" /&gt;</w:t>
            </w:r>
          </w:p>
          <w:p w:rsidR="00763958" w:rsidRDefault="00763958" w:rsidP="00763958">
            <w:r>
              <w:t xml:space="preserve">                                                &lt;span class="checkmark"&gt;&lt;/span&gt;</w:t>
            </w:r>
          </w:p>
          <w:p w:rsidR="00763958" w:rsidRDefault="00763958" w:rsidP="00763958">
            <w:r>
              <w:lastRenderedPageBreak/>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Resident Council / Caucus</w:t>
            </w:r>
          </w:p>
          <w:p w:rsidR="00763958" w:rsidRDefault="00763958" w:rsidP="00763958"/>
          <w:p w:rsidR="00763958" w:rsidRDefault="00763958" w:rsidP="00763958">
            <w:r>
              <w:t xml:space="preserve">                                                &lt;input type="checkbox" name="entertainments[]"</w:t>
            </w:r>
          </w:p>
          <w:p w:rsidR="00763958" w:rsidRDefault="00763958" w:rsidP="00763958">
            <w:r>
              <w:t xml:space="preserve">                                                    value="resident_council_caucu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huffleboard</w:t>
            </w:r>
          </w:p>
          <w:p w:rsidR="00763958" w:rsidRDefault="00763958" w:rsidP="00763958"/>
          <w:p w:rsidR="00763958" w:rsidRDefault="00763958" w:rsidP="00763958">
            <w:r>
              <w:t xml:space="preserve">                                                &lt;input type="checkbox" name="entertainments[]" value="shuffleboard"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occe Ball</w:t>
            </w:r>
          </w:p>
          <w:p w:rsidR="00763958" w:rsidRDefault="00763958" w:rsidP="00763958"/>
          <w:p w:rsidR="00763958" w:rsidRDefault="00763958" w:rsidP="00763958">
            <w:r>
              <w:t xml:space="preserve">                                                &lt;input type="checkbox" name="entertainments[]" value="bocce_ball"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Tennis Courts</w:t>
            </w:r>
          </w:p>
          <w:p w:rsidR="00763958" w:rsidRDefault="00763958" w:rsidP="00763958"/>
          <w:p w:rsidR="00763958" w:rsidRDefault="00763958" w:rsidP="00763958">
            <w:r>
              <w:t xml:space="preserve">                                                &lt;input type="checkbox" name="entertainments[]" value="tennis_court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ickle Ball</w:t>
            </w:r>
          </w:p>
          <w:p w:rsidR="00763958" w:rsidRDefault="00763958" w:rsidP="00763958"/>
          <w:p w:rsidR="00763958" w:rsidRDefault="00763958" w:rsidP="00763958">
            <w:r>
              <w:t xml:space="preserve">                                                &lt;input type="checkbox" name="entertainments[]" value="pickle_ball"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ing Pong</w:t>
            </w:r>
          </w:p>
          <w:p w:rsidR="00763958" w:rsidRDefault="00763958" w:rsidP="00763958"/>
          <w:p w:rsidR="00763958" w:rsidRDefault="00763958" w:rsidP="00763958">
            <w:r>
              <w:t xml:space="preserve">                                                &lt;input type="checkbox" name="entertainments[]" value="ping_pong" /&gt;</w:t>
            </w:r>
          </w:p>
          <w:p w:rsidR="00763958" w:rsidRDefault="00763958" w:rsidP="00763958">
            <w:r>
              <w:lastRenderedPageBreak/>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w:t>
            </w:r>
          </w:p>
          <w:p w:rsidR="00763958" w:rsidRDefault="00763958" w:rsidP="00763958">
            <w:r>
              <w:t xml:space="preserve">                                &lt;!---------------Entertainment ends------------------&gt;</w:t>
            </w:r>
          </w:p>
          <w:p w:rsidR="00763958" w:rsidRDefault="00763958" w:rsidP="00763958"/>
          <w:p w:rsidR="00763958" w:rsidRDefault="00763958" w:rsidP="00763958">
            <w:r>
              <w:t xml:space="preserve">                                &lt;!---------------religion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Religions" aria-expanded="false"</w:t>
            </w:r>
          </w:p>
          <w:p w:rsidR="00763958" w:rsidRDefault="00763958" w:rsidP="00763958">
            <w:r>
              <w:t xml:space="preserve">                                            data-toggle="collapse" href="#collapseReligions"</w:t>
            </w:r>
          </w:p>
          <w:p w:rsidR="00763958" w:rsidRDefault="00763958" w:rsidP="00763958">
            <w:r>
              <w:t xml:space="preserve">                                            class="collapse-toggler collapsed"&gt;</w:t>
            </w:r>
          </w:p>
          <w:p w:rsidR="00763958" w:rsidRDefault="00763958" w:rsidP="00763958">
            <w:r>
              <w:t xml:space="preserve">                                            Religious Services</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Religions"&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Christian</w:t>
            </w:r>
          </w:p>
          <w:p w:rsidR="00763958" w:rsidRDefault="00763958" w:rsidP="00763958"/>
          <w:p w:rsidR="00763958" w:rsidRDefault="00763958" w:rsidP="00763958">
            <w:r>
              <w:t xml:space="preserve">                                                &lt;input type="checkbox" name="religions[]" value="christian"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Catholic</w:t>
            </w:r>
          </w:p>
          <w:p w:rsidR="00763958" w:rsidRDefault="00763958" w:rsidP="00763958"/>
          <w:p w:rsidR="00763958" w:rsidRDefault="00763958" w:rsidP="00763958">
            <w:r>
              <w:t xml:space="preserve">                                                &lt;input type="checkbox" name="religions[]" value="catholic"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Jewish</w:t>
            </w:r>
          </w:p>
          <w:p w:rsidR="00763958" w:rsidRDefault="00763958" w:rsidP="00763958"/>
          <w:p w:rsidR="00763958" w:rsidRDefault="00763958" w:rsidP="00763958">
            <w:r>
              <w:t xml:space="preserve">                                                &lt;input type="checkbox" name="religions[]" value="jewish"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Muslim</w:t>
            </w:r>
          </w:p>
          <w:p w:rsidR="00763958" w:rsidRDefault="00763958" w:rsidP="00763958"/>
          <w:p w:rsidR="00763958" w:rsidRDefault="00763958" w:rsidP="00763958">
            <w:r>
              <w:t xml:space="preserve">                                                &lt;input type="checkbox" name="religions[]" value="musli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lastRenderedPageBreak/>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uddhist</w:t>
            </w:r>
          </w:p>
          <w:p w:rsidR="00763958" w:rsidRDefault="00763958" w:rsidP="00763958"/>
          <w:p w:rsidR="00763958" w:rsidRDefault="00763958" w:rsidP="00763958">
            <w:r>
              <w:t xml:space="preserve">                                                &lt;input type="checkbox" name="religions[]" value="buddhis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Hindu</w:t>
            </w:r>
          </w:p>
          <w:p w:rsidR="00763958" w:rsidRDefault="00763958" w:rsidP="00763958"/>
          <w:p w:rsidR="00763958" w:rsidRDefault="00763958" w:rsidP="00763958">
            <w:r>
              <w:t xml:space="preserve">                                                &lt;input type="checkbox" name="religions[]" value="hindu"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w:t>
            </w:r>
          </w:p>
          <w:p w:rsidR="00763958" w:rsidRDefault="00763958" w:rsidP="00763958">
            <w:r>
              <w:t xml:space="preserve">                                &lt;!---------------religion ends------------------&gt;</w:t>
            </w:r>
          </w:p>
          <w:p w:rsidR="00763958" w:rsidRDefault="00763958" w:rsidP="00763958">
            <w:r>
              <w:t xml:space="preserve">                                </w:t>
            </w:r>
          </w:p>
          <w:p w:rsidR="00763958" w:rsidRDefault="00763958" w:rsidP="00763958">
            <w:r>
              <w:t xml:space="preserve">                                &lt;!---------------feature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Features" aria-expanded="false"</w:t>
            </w:r>
          </w:p>
          <w:p w:rsidR="00763958" w:rsidRDefault="00763958" w:rsidP="00763958">
            <w:r>
              <w:t xml:space="preserve">                                            data-toggle="collapse" href="#collapseFeatures"</w:t>
            </w:r>
          </w:p>
          <w:p w:rsidR="00763958" w:rsidRDefault="00763958" w:rsidP="00763958">
            <w:r>
              <w:t xml:space="preserve">                                            class="collapse-toggler collapsed"&gt;</w:t>
            </w:r>
          </w:p>
          <w:p w:rsidR="00763958" w:rsidRDefault="00763958" w:rsidP="00763958">
            <w:r>
              <w:t xml:space="preserve">                                            Features</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Features"&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Electric Wheelchair</w:t>
            </w:r>
          </w:p>
          <w:p w:rsidR="00763958" w:rsidRDefault="00763958" w:rsidP="00763958"/>
          <w:p w:rsidR="00763958" w:rsidRDefault="00763958" w:rsidP="00763958">
            <w:r>
              <w:t xml:space="preserve">                                                &lt;input type="checkbox" name="features[]" value="electric_wheelchair"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1 Bird</w:t>
            </w:r>
          </w:p>
          <w:p w:rsidR="00763958" w:rsidRDefault="00763958" w:rsidP="00763958"/>
          <w:p w:rsidR="00763958" w:rsidRDefault="00763958" w:rsidP="00763958">
            <w:r>
              <w:t xml:space="preserve">                                                &lt;input type="checkbox" name="features[]" value="one_bird"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lastRenderedPageBreak/>
              <w:t xml:space="preserve">                                            &lt;label class="container_check"&gt;</w:t>
            </w:r>
          </w:p>
          <w:p w:rsidR="00763958" w:rsidRDefault="00763958" w:rsidP="00763958">
            <w:r>
              <w:t xml:space="preserve">                                                1 Cat</w:t>
            </w:r>
          </w:p>
          <w:p w:rsidR="00763958" w:rsidRDefault="00763958" w:rsidP="00763958"/>
          <w:p w:rsidR="00763958" w:rsidRDefault="00763958" w:rsidP="00763958">
            <w:r>
              <w:t xml:space="preserve">                                                &lt;input type="checkbox" name="features[]" value="one_ca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1 Dog</w:t>
            </w:r>
          </w:p>
          <w:p w:rsidR="00763958" w:rsidRDefault="00763958" w:rsidP="00763958"/>
          <w:p w:rsidR="00763958" w:rsidRDefault="00763958" w:rsidP="00763958">
            <w:r>
              <w:t xml:space="preserve">                                                &lt;input type="checkbox" name="features[]" value="one_dog_20lb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moking</w:t>
            </w:r>
          </w:p>
          <w:p w:rsidR="00763958" w:rsidRDefault="00763958" w:rsidP="00763958"/>
          <w:p w:rsidR="00763958" w:rsidRDefault="00763958" w:rsidP="00763958">
            <w:r>
              <w:t xml:space="preserve">                                                &lt;input type="checkbox" name="features[]" value="smok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w:t>
            </w:r>
          </w:p>
          <w:p w:rsidR="00763958" w:rsidRDefault="00763958" w:rsidP="00763958">
            <w:r>
              <w:t xml:space="preserve">                                    &lt;/ul&gt;</w:t>
            </w:r>
          </w:p>
          <w:p w:rsidR="00763958" w:rsidRDefault="00763958" w:rsidP="00763958">
            <w:r>
              <w:t xml:space="preserve">                                &lt;/div&gt;</w:t>
            </w:r>
          </w:p>
          <w:p w:rsidR="00763958" w:rsidRDefault="00763958" w:rsidP="00763958">
            <w:r>
              <w:t xml:space="preserve">                                &lt;!--------------feature ends------------------&gt;</w:t>
            </w:r>
          </w:p>
          <w:p w:rsidR="00763958" w:rsidRDefault="00763958" w:rsidP="00763958">
            <w:r>
              <w:t xml:space="preserve">        &lt;input type="hidden" id="txtFeatures" value="[{&amp;quot;residences_id&amp;quot;:100184,&amp;quot;accomodations&amp;quot;:[100002,100006,100007,100008,100009],&amp;quot;rental_services&amp;quot;:[100000,100002],&amp;quot;meals&amp;quot;:[100004],&amp;quot;dietss&amp;quot;:[100000,100001,100004],&amp;quot;cares&amp;quot;:[100006,100012,100013],&amp;quot;entertainments&amp;quot;:[100001,100003,100004,100005,100008,100011,100013],&amp;quot;amenities&amp;quot;:[100001,100005,100007,100008,100009,100010,100011,100013,100014,100017],&amp;quot;religion&amp;quot;:[100000,100002]},{&amp;quot;residences_id&amp;quot;:100153,&amp;quot;accomodations&amp;quot;:[100002,100005,100006,100007,100008],&amp;quot;rental_services&amp;quot;:[100002,100003],&amp;quot;meals&amp;quot;:[100001],&amp;quot;diets&amp;quot;:[100001,100002,100004],&amp;quot;cares&amp;quot;:[100004,100007,100011],&amp;quot;entertainments&amp;quot;:[100000,100001,100003,100008,100010,100011,100013],&amp;quot;amenities&amp;quot;:[100000,100002,100003,100005,100006,100008,100011,100013,100014,100016],&amp;quot;religions&amp;quot;:[100000,100001]},{&amp;quot;residences_id&amp;quot;:100111,&amp;quot;accomodations&amp;quot;:[100001,100004,100006,100008,100011],&amp;quot;rental_services&amp;quot;:[100000,100002],&amp;quot;meals&amp;quot;:[100001],&amp;quot;diets&amp;quot;:[100002,100003,100004],&amp;quot;cares&amp;quot;:[100001,100003,100006],&amp;quot;entertainments&amp;quot;:[100000,100001,100003,100004,100005,100006,100008],&amp;quot;amenities&amp;quot;:[100000,100001,100005,100007,100010,100011,100013,100016,100017,100018],&amp;quot;religions&amp;quot;:[100000,100002]},{&amp;quot;residences_id&amp;quot;:100112,&amp;quot;accomodations&amp;quot;:[100000,100001,100004,100007,100008],&amp;quot;rental_services&amp;quot;:[100000,100002],&amp;quot;meals&amp;quot;:[100001],&amp;quot;diets&amp;quot;:[100002,100003,100004],&amp;quot;cares&amp;quot;:[100001,100007,100013],&amp;quot;entertainments&amp;quot;:[100000,100004,100007,100009,100010,100011,100013],&amp;quot;amenities&amp;quot;:[100000,100001,100002,100004,100008,100011,100012,100013,100014,100016],&amp;quot;religions&amp;quot;:[100002,100004]}]"/&gt;</w:t>
            </w:r>
          </w:p>
          <w:p w:rsidR="00763958" w:rsidRDefault="00763958" w:rsidP="00763958">
            <w:r>
              <w:lastRenderedPageBreak/>
              <w:t xml:space="preserve">    &lt;/div&gt;</w:t>
            </w:r>
          </w:p>
          <w:p w:rsidR="00763958" w:rsidRDefault="00763958" w:rsidP="00763958">
            <w:r>
              <w:t>&lt;/div&gt;</w:t>
            </w:r>
          </w:p>
          <w:p w:rsidR="00763958" w:rsidRDefault="00763958" w:rsidP="00763958">
            <w:r>
              <w:t>&lt;!---------------Filter ends------------------&gt;</w:t>
            </w:r>
          </w:p>
          <w:p w:rsidR="00763958" w:rsidRDefault="00763958" w:rsidP="00763958">
            <w:r>
              <w:t xml:space="preserve">                    </w:t>
            </w:r>
          </w:p>
          <w:p w:rsidR="00763958" w:rsidRDefault="00763958" w:rsidP="00763958">
            <w:r>
              <w:t>&lt;!---------------Filter Validation Starts------------------&gt;</w:t>
            </w:r>
          </w:p>
          <w:p w:rsidR="00763958" w:rsidRDefault="00763958" w:rsidP="00763958">
            <w:r>
              <w:t>&lt;script type="text/javascript"&gt;</w:t>
            </w:r>
          </w:p>
          <w:p w:rsidR="00763958" w:rsidRDefault="00763958" w:rsidP="00763958">
            <w:r>
              <w:t xml:space="preserve">                        var placeSearch, autoComplete;</w:t>
            </w:r>
          </w:p>
          <w:p w:rsidR="00763958" w:rsidRDefault="00763958" w:rsidP="00763958">
            <w:r>
              <w:t xml:space="preserve">                        var filter = {};</w:t>
            </w:r>
          </w:p>
          <w:p w:rsidR="00763958" w:rsidRDefault="00763958" w:rsidP="00763958">
            <w:r>
              <w:t xml:space="preserve">                        /*$(window).on("load", function () {</w:t>
            </w:r>
          </w:p>
          <w:p w:rsidR="00763958" w:rsidRDefault="00763958" w:rsidP="00763958">
            <w:r>
              <w:t xml:space="preserve">                            geoLocate();</w:t>
            </w:r>
          </w:p>
          <w:p w:rsidR="00763958" w:rsidRDefault="00763958" w:rsidP="00763958">
            <w:r>
              <w:t xml:space="preserve">                        });*/</w:t>
            </w:r>
          </w:p>
          <w:p w:rsidR="00763958" w:rsidRDefault="00763958" w:rsidP="00763958">
            <w:r>
              <w:t xml:space="preserve">                        $(document).ready(function() {</w:t>
            </w:r>
          </w:p>
          <w:p w:rsidR="00763958" w:rsidRDefault="00763958" w:rsidP="00763958">
            <w:r>
              <w:t xml:space="preserve">                            filter = fnParseFilter("");</w:t>
            </w:r>
          </w:p>
          <w:p w:rsidR="00763958" w:rsidRDefault="00763958" w:rsidP="00763958"/>
          <w:p w:rsidR="00763958" w:rsidRDefault="00763958" w:rsidP="00763958">
            <w:r>
              <w:t xml:space="preserve">                            $('input[type="range"]').rangeslider({</w:t>
            </w:r>
          </w:p>
          <w:p w:rsidR="00763958" w:rsidRDefault="00763958" w:rsidP="00763958">
            <w:r>
              <w:t xml:space="preserve">                                polyfill: false,</w:t>
            </w:r>
          </w:p>
          <w:p w:rsidR="00763958" w:rsidRDefault="00763958" w:rsidP="00763958">
            <w:r>
              <w:t xml:space="preserve">                                onInit: function() {</w:t>
            </w:r>
          </w:p>
          <w:p w:rsidR="00763958" w:rsidRDefault="00763958" w:rsidP="00763958">
            <w:r>
              <w:t xml:space="preserve">                                    this.output = $('.distance span').html(this.$element.val())</w:t>
            </w:r>
          </w:p>
          <w:p w:rsidR="00763958" w:rsidRDefault="00763958" w:rsidP="00763958">
            <w:r>
              <w:t xml:space="preserve">                                },</w:t>
            </w:r>
          </w:p>
          <w:p w:rsidR="00763958" w:rsidRDefault="00763958" w:rsidP="00763958">
            <w:r>
              <w:t xml:space="preserve">                                onSlide: function(i, e) {</w:t>
            </w:r>
          </w:p>
          <w:p w:rsidR="00763958" w:rsidRDefault="00763958" w:rsidP="00763958">
            <w:r>
              <w:t xml:space="preserve">                                    this.output.html(e)</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slider-range").each(function() {</w:t>
            </w:r>
          </w:p>
          <w:p w:rsidR="00763958" w:rsidRDefault="00763958" w:rsidP="00763958">
            <w:r>
              <w:t xml:space="preserve">                                var instance = this;</w:t>
            </w:r>
          </w:p>
          <w:p w:rsidR="00763958" w:rsidRDefault="00763958" w:rsidP="00763958">
            <w:r>
              <w:t xml:space="preserve">                                var data = $(this).data();</w:t>
            </w:r>
          </w:p>
          <w:p w:rsidR="00763958" w:rsidRDefault="00763958" w:rsidP="00763958">
            <w:r>
              <w:t xml:space="preserve">                                var formatter = {</w:t>
            </w:r>
          </w:p>
          <w:p w:rsidR="00763958" w:rsidRDefault="00763958" w:rsidP="00763958">
            <w:r>
              <w:t xml:space="preserve">                                    decimals: 0</w:t>
            </w:r>
          </w:p>
          <w:p w:rsidR="00763958" w:rsidRDefault="00763958" w:rsidP="00763958">
            <w:r>
              <w:t xml:space="preserve">                                };</w:t>
            </w:r>
          </w:p>
          <w:p w:rsidR="00763958" w:rsidRDefault="00763958" w:rsidP="00763958">
            <w:r>
              <w:t xml:space="preserve">                                var minTarget = $("#txtMin" + data.target);</w:t>
            </w:r>
          </w:p>
          <w:p w:rsidR="00763958" w:rsidRDefault="00763958" w:rsidP="00763958">
            <w:r>
              <w:t xml:space="preserve">                                var maxTarget = $("#txtMax" + data.target);</w:t>
            </w:r>
          </w:p>
          <w:p w:rsidR="00763958" w:rsidRDefault="00763958" w:rsidP="00763958">
            <w:r>
              <w:t xml:space="preserve">                                if (data.format === "price") {</w:t>
            </w:r>
          </w:p>
          <w:p w:rsidR="00763958" w:rsidRDefault="00763958" w:rsidP="00763958">
            <w:r>
              <w:t xml:space="preserve">                                    formatter["thousand"] = ',';</w:t>
            </w:r>
          </w:p>
          <w:p w:rsidR="00763958" w:rsidRDefault="00763958" w:rsidP="00763958">
            <w:r>
              <w:t xml:space="preserve">                                    formatter["prefix"] = '$ ';</w:t>
            </w:r>
          </w:p>
          <w:p w:rsidR="00763958" w:rsidRDefault="00763958" w:rsidP="00763958">
            <w:r>
              <w:t xml:space="preserve">                                }</w:t>
            </w:r>
          </w:p>
          <w:p w:rsidR="00763958" w:rsidRDefault="00763958" w:rsidP="00763958">
            <w:r>
              <w:t xml:space="preserve">                                data.start = minTarget.val() || data.min;</w:t>
            </w:r>
          </w:p>
          <w:p w:rsidR="00763958" w:rsidRDefault="00763958" w:rsidP="00763958">
            <w:r>
              <w:t xml:space="preserve">                                data.end = maxTarget.val() || data.max;</w:t>
            </w:r>
          </w:p>
          <w:p w:rsidR="00763958" w:rsidRDefault="00763958" w:rsidP="00763958">
            <w:r>
              <w:t xml:space="preserve">                                noUiSlider.create(this, {</w:t>
            </w:r>
          </w:p>
          <w:p w:rsidR="00763958" w:rsidRDefault="00763958" w:rsidP="00763958">
            <w:r>
              <w:t xml:space="preserve">                                    start: [data.start, data.end],</w:t>
            </w:r>
          </w:p>
          <w:p w:rsidR="00763958" w:rsidRDefault="00763958" w:rsidP="00763958">
            <w:r>
              <w:t xml:space="preserve">                                    connect: true,</w:t>
            </w:r>
          </w:p>
          <w:p w:rsidR="00763958" w:rsidRDefault="00763958" w:rsidP="00763958">
            <w:r>
              <w:t xml:space="preserve">                                    step: data.step,</w:t>
            </w:r>
          </w:p>
          <w:p w:rsidR="00763958" w:rsidRDefault="00763958" w:rsidP="00763958">
            <w:r>
              <w:t xml:space="preserve">                                    /*tooltips: [wNumb(formatter), wNumb(formatter)],*/</w:t>
            </w:r>
          </w:p>
          <w:p w:rsidR="00763958" w:rsidRDefault="00763958" w:rsidP="00763958">
            <w:r>
              <w:t xml:space="preserve">                                    range: {</w:t>
            </w:r>
          </w:p>
          <w:p w:rsidR="00763958" w:rsidRDefault="00763958" w:rsidP="00763958">
            <w:r>
              <w:t xml:space="preserve">                                        'min': data.min,</w:t>
            </w:r>
          </w:p>
          <w:p w:rsidR="00763958" w:rsidRDefault="00763958" w:rsidP="00763958">
            <w:r>
              <w:t xml:space="preserve">                                        'max': data.max</w:t>
            </w:r>
          </w:p>
          <w:p w:rsidR="00763958" w:rsidRDefault="00763958" w:rsidP="00763958">
            <w:r>
              <w:t xml:space="preserve">                                    }</w:t>
            </w:r>
          </w:p>
          <w:p w:rsidR="00763958" w:rsidRDefault="00763958" w:rsidP="00763958">
            <w:r>
              <w:t xml:space="preserve">                                }).on('update', function(values) {</w:t>
            </w:r>
          </w:p>
          <w:p w:rsidR="00763958" w:rsidRDefault="00763958" w:rsidP="00763958">
            <w:r>
              <w:lastRenderedPageBreak/>
              <w:t xml:space="preserve">                                    minTarget.val(parseInt(values[0]));</w:t>
            </w:r>
          </w:p>
          <w:p w:rsidR="00763958" w:rsidRDefault="00763958" w:rsidP="00763958">
            <w:r>
              <w:t xml:space="preserve">                                    maxTarget.val(parseInt(values[1]));</w:t>
            </w:r>
          </w:p>
          <w:p w:rsidR="00763958" w:rsidRDefault="00763958" w:rsidP="00763958">
            <w:r>
              <w:t xml:space="preserve">                                });</w:t>
            </w:r>
          </w:p>
          <w:p w:rsidR="00763958" w:rsidRDefault="00763958" w:rsidP="00763958"/>
          <w:p w:rsidR="00763958" w:rsidRDefault="00763958" w:rsidP="00763958">
            <w:r>
              <w:t xml:space="preserve">                                minTarget.on('change', function() {</w:t>
            </w:r>
          </w:p>
          <w:p w:rsidR="00763958" w:rsidRDefault="00763958" w:rsidP="00763958">
            <w:r>
              <w:t xml:space="preserve">                                    instance.noUiSlider.set([this.value, null]);</w:t>
            </w:r>
          </w:p>
          <w:p w:rsidR="00763958" w:rsidRDefault="00763958" w:rsidP="00763958">
            <w:r>
              <w:t xml:space="preserve">                                });</w:t>
            </w:r>
          </w:p>
          <w:p w:rsidR="00763958" w:rsidRDefault="00763958" w:rsidP="00763958"/>
          <w:p w:rsidR="00763958" w:rsidRDefault="00763958" w:rsidP="00763958">
            <w:r>
              <w:t xml:space="preserve">                                maxTarget.on('change', function() {</w:t>
            </w:r>
          </w:p>
          <w:p w:rsidR="00763958" w:rsidRDefault="00763958" w:rsidP="00763958">
            <w:r>
              <w:t xml:space="preserve">                                    instance.noUiSlider.set([null, this.value]);</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document.body).on("click", ".remove-item", function(e) {</w:t>
            </w:r>
          </w:p>
          <w:p w:rsidR="00763958" w:rsidRDefault="00763958" w:rsidP="00763958">
            <w:r>
              <w:t xml:space="preserve">                                e.preventDefault();</w:t>
            </w:r>
          </w:p>
          <w:p w:rsidR="00763958" w:rsidRDefault="00763958" w:rsidP="00763958">
            <w:r>
              <w:t xml:space="preserve">                                var item = $(this).parents("button");</w:t>
            </w:r>
          </w:p>
          <w:p w:rsidR="00763958" w:rsidRDefault="00763958" w:rsidP="00763958">
            <w:r>
              <w:t xml:space="preserve">                                if (item.attr("title") === "Your Location") {</w:t>
            </w:r>
          </w:p>
          <w:p w:rsidR="00763958" w:rsidRDefault="00763958" w:rsidP="00763958">
            <w:r>
              <w:t xml:space="preserve">                                    swal.fire({</w:t>
            </w:r>
          </w:p>
          <w:p w:rsidR="00763958" w:rsidRDefault="00763958" w:rsidP="00763958">
            <w:r>
              <w:t xml:space="preserve">                                        title: 'Are you sure?',</w:t>
            </w:r>
          </w:p>
          <w:p w:rsidR="00763958" w:rsidRDefault="00763958" w:rsidP="00763958">
            <w:r>
              <w:t xml:space="preserve">                                        text: "You are removing your location that was detected by the system. If you choose to remove, you will not be shown with your location automatically, until you clear this preference manually.",</w:t>
            </w:r>
          </w:p>
          <w:p w:rsidR="00763958" w:rsidRDefault="00763958" w:rsidP="00763958">
            <w:r>
              <w:t xml:space="preserve">                                        icon: 'warning',</w:t>
            </w:r>
          </w:p>
          <w:p w:rsidR="00763958" w:rsidRDefault="00763958" w:rsidP="00763958">
            <w:r>
              <w:t xml:space="preserve">                                        showCancelButton: true,</w:t>
            </w:r>
          </w:p>
          <w:p w:rsidR="00763958" w:rsidRDefault="00763958" w:rsidP="00763958">
            <w:r>
              <w:t xml:space="preserve">                                        confirmButtonColor: '#0CC27E',</w:t>
            </w:r>
          </w:p>
          <w:p w:rsidR="00763958" w:rsidRDefault="00763958" w:rsidP="00763958">
            <w:r>
              <w:t xml:space="preserve">                                        cancelButtonColor: '#FF586B',</w:t>
            </w:r>
          </w:p>
          <w:p w:rsidR="00763958" w:rsidRDefault="00763958" w:rsidP="00763958">
            <w:r>
              <w:t xml:space="preserve">                                        confirmButtonText: 'Yes, Remove',</w:t>
            </w:r>
          </w:p>
          <w:p w:rsidR="00763958" w:rsidRDefault="00763958" w:rsidP="00763958">
            <w:r>
              <w:t xml:space="preserve">                                        cancelButtonText: 'Let it be',</w:t>
            </w:r>
          </w:p>
          <w:p w:rsidR="00763958" w:rsidRDefault="00763958" w:rsidP="00763958">
            <w:r>
              <w:t xml:space="preserve">                                        showLoaderOnConfirm: true,</w:t>
            </w:r>
          </w:p>
          <w:p w:rsidR="00763958" w:rsidRDefault="00763958" w:rsidP="00763958">
            <w:r>
              <w:t xml:space="preserve">                                        reverseButtons: true</w:t>
            </w:r>
          </w:p>
          <w:p w:rsidR="00763958" w:rsidRDefault="00763958" w:rsidP="00763958">
            <w:r>
              <w:t xml:space="preserve">                                    }).then((result) =&gt; {</w:t>
            </w:r>
          </w:p>
          <w:p w:rsidR="00763958" w:rsidRDefault="00763958" w:rsidP="00763958">
            <w:r>
              <w:t xml:space="preserve">                                        if (result.value) {</w:t>
            </w:r>
          </w:p>
          <w:p w:rsidR="00763958" w:rsidRDefault="00763958" w:rsidP="00763958">
            <w:r>
              <w:t xml:space="preserve">                                            lscache.set("auto_location_off", 1, (7 * 24 * 60));</w:t>
            </w:r>
          </w:p>
          <w:p w:rsidR="00763958" w:rsidRDefault="00763958" w:rsidP="00763958">
            <w:r>
              <w:t xml:space="preserve">                                            item.remove();</w:t>
            </w:r>
          </w:p>
          <w:p w:rsidR="00763958" w:rsidRDefault="00763958" w:rsidP="00763958">
            <w:r>
              <w:t xml:space="preserve">                                            noty("success",</w:t>
            </w:r>
          </w:p>
          <w:p w:rsidR="00763958" w:rsidRDefault="00763958" w:rsidP="00763958">
            <w:r>
              <w:t xml:space="preserve">                                                "Your preference has been updated!!",</w:t>
            </w:r>
          </w:p>
          <w:p w:rsidR="00763958" w:rsidRDefault="00763958" w:rsidP="00763958">
            <w:r>
              <w:t xml:space="preserve">                                                "You will not be shown with your location for the next 7 days.",</w:t>
            </w:r>
          </w:p>
          <w:p w:rsidR="00763958" w:rsidRDefault="00763958" w:rsidP="00763958">
            <w:r>
              <w:t xml:space="preserve">                                                5000, "top-right");</w:t>
            </w:r>
          </w:p>
          <w:p w:rsidR="00763958" w:rsidRDefault="00763958" w:rsidP="00763958">
            <w:r>
              <w:t xml:space="preserve">                                            /*Swal.fire({</w:t>
            </w:r>
          </w:p>
          <w:p w:rsidR="00763958" w:rsidRDefault="00763958" w:rsidP="00763958">
            <w:r>
              <w:t xml:space="preserve">                                                title: "Your preference has been updated!!",</w:t>
            </w:r>
          </w:p>
          <w:p w:rsidR="00763958" w:rsidRDefault="00763958" w:rsidP="00763958">
            <w:r>
              <w:t xml:space="preserve">                                                text: "You will not be shown with your location for the next 7 days.",</w:t>
            </w:r>
          </w:p>
          <w:p w:rsidR="00763958" w:rsidRDefault="00763958" w:rsidP="00763958">
            <w:r>
              <w:t xml:space="preserve">                                                icon: "success",</w:t>
            </w:r>
          </w:p>
          <w:p w:rsidR="00763958" w:rsidRDefault="00763958" w:rsidP="00763958">
            <w:r>
              <w:t xml:space="preserve">                                                confirmButtonText: "Ok, Got it!!"</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t xml:space="preserve">                                } else {</w:t>
            </w:r>
          </w:p>
          <w:p w:rsidR="00763958" w:rsidRDefault="00763958" w:rsidP="00763958">
            <w:r>
              <w:t xml:space="preserve">                                    item.remove();</w:t>
            </w:r>
          </w:p>
          <w:p w:rsidR="00763958" w:rsidRDefault="00763958" w:rsidP="00763958">
            <w:r>
              <w:lastRenderedPageBreak/>
              <w:t xml:space="preserve">                                }</w:t>
            </w:r>
          </w:p>
          <w:p w:rsidR="00763958" w:rsidRDefault="00763958" w:rsidP="00763958">
            <w:r>
              <w:t xml:space="preserve">                                var eLocations = [...new Set($("#divLocations button").map(function() {</w:t>
            </w:r>
          </w:p>
          <w:p w:rsidR="00763958" w:rsidRDefault="00763958" w:rsidP="00763958">
            <w:r>
              <w:t xml:space="preserve">                                    return $(this).data("location");</w:t>
            </w:r>
          </w:p>
          <w:p w:rsidR="00763958" w:rsidRDefault="00763958" w:rsidP="00763958">
            <w:r>
              <w:t xml:space="preserve">                                }).get())];</w:t>
            </w:r>
          </w:p>
          <w:p w:rsidR="00763958" w:rsidRDefault="00763958" w:rsidP="00763958">
            <w:r>
              <w:t xml:space="preserve">                                if (eLocations.find(item =&gt; item.startsWith("zip_code"))) {</w:t>
            </w:r>
          </w:p>
          <w:p w:rsidR="00763958" w:rsidRDefault="00763958" w:rsidP="00763958">
            <w:r>
              <w:t xml:space="preserve">                                    $("#divRadius").show();</w:t>
            </w:r>
          </w:p>
          <w:p w:rsidR="00763958" w:rsidRDefault="00763958" w:rsidP="00763958">
            <w:r>
              <w:t xml:space="preserve">                                } else {</w:t>
            </w:r>
          </w:p>
          <w:p w:rsidR="00763958" w:rsidRDefault="00763958" w:rsidP="00763958">
            <w:r>
              <w:t xml:space="preserve">                                    $("#divRadius").hide();</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fnInitFilter();</w:t>
            </w:r>
          </w:p>
          <w:p w:rsidR="00763958" w:rsidRDefault="00763958" w:rsidP="00763958"/>
          <w:p w:rsidR="00763958" w:rsidRDefault="00763958" w:rsidP="00763958">
            <w:r>
              <w:t xml:space="preserve">                            $(document.body).on("click", "#btnApplyFilter", function(e) {</w:t>
            </w:r>
          </w:p>
          <w:p w:rsidR="00763958" w:rsidRDefault="00763958" w:rsidP="00763958">
            <w:r>
              <w:t xml:space="preserve">                                e.preventDefault();</w:t>
            </w:r>
          </w:p>
          <w:p w:rsidR="00763958" w:rsidRDefault="00763958" w:rsidP="00763958">
            <w:r>
              <w:t xml:space="preserve">                                $(this).attr("disabled", "disabled");</w:t>
            </w:r>
          </w:p>
          <w:p w:rsidR="00763958" w:rsidRDefault="00763958" w:rsidP="00763958">
            <w:r>
              <w:t xml:space="preserve">                                fnApplyFilter();</w:t>
            </w:r>
          </w:p>
          <w:p w:rsidR="00763958" w:rsidRDefault="00763958" w:rsidP="00763958">
            <w:r>
              <w:t xml:space="preserve">                            });</w:t>
            </w:r>
          </w:p>
          <w:p w:rsidR="00763958" w:rsidRDefault="00763958" w:rsidP="00763958"/>
          <w:p w:rsidR="00763958" w:rsidRDefault="00763958" w:rsidP="00763958">
            <w:r>
              <w:t xml:space="preserve">                            $(document.body).on("click", "#divRefiner input:checkbox", function() {</w:t>
            </w:r>
          </w:p>
          <w:p w:rsidR="00763958" w:rsidRDefault="00763958" w:rsidP="00763958">
            <w:r>
              <w:t xml:space="preserve">                                var refine = {};</w:t>
            </w:r>
          </w:p>
          <w:p w:rsidR="00763958" w:rsidRDefault="00763958" w:rsidP="00763958">
            <w:r>
              <w:t xml:space="preserve">                                getResidence();</w:t>
            </w:r>
          </w:p>
          <w:p w:rsidR="00763958" w:rsidRDefault="00763958" w:rsidP="00763958">
            <w:r>
              <w:t xml:space="preserve">                                let checkGroups = [</w:t>
            </w:r>
          </w:p>
          <w:p w:rsidR="00763958" w:rsidRDefault="00763958" w:rsidP="00763958">
            <w:r>
              <w:t xml:space="preserve">                                    'residences',</w:t>
            </w:r>
          </w:p>
          <w:p w:rsidR="00763958" w:rsidRDefault="00763958" w:rsidP="00763958">
            <w:r>
              <w:t xml:space="preserve">                                    'accommodations',</w:t>
            </w:r>
          </w:p>
          <w:p w:rsidR="00763958" w:rsidRDefault="00763958" w:rsidP="00763958">
            <w:r>
              <w:t xml:space="preserve">                                    'rental_services',</w:t>
            </w:r>
          </w:p>
          <w:p w:rsidR="00763958" w:rsidRDefault="00763958" w:rsidP="00763958">
            <w:r>
              <w:t xml:space="preserve">                                    'meals',</w:t>
            </w:r>
          </w:p>
          <w:p w:rsidR="00763958" w:rsidRDefault="00763958" w:rsidP="00763958">
            <w:r>
              <w:t xml:space="preserve">                                    'diets',</w:t>
            </w:r>
          </w:p>
          <w:p w:rsidR="00763958" w:rsidRDefault="00763958" w:rsidP="00763958">
            <w:r>
              <w:t xml:space="preserve">                                    'cares',</w:t>
            </w:r>
          </w:p>
          <w:p w:rsidR="00763958" w:rsidRDefault="00763958" w:rsidP="00763958">
            <w:r>
              <w:t xml:space="preserve">                                    'amenities',</w:t>
            </w:r>
          </w:p>
          <w:p w:rsidR="00763958" w:rsidRDefault="00763958" w:rsidP="00763958">
            <w:r>
              <w:t xml:space="preserve">                                    'entertainments',</w:t>
            </w:r>
          </w:p>
          <w:p w:rsidR="00763958" w:rsidRDefault="00763958" w:rsidP="00763958">
            <w:r>
              <w:t xml:space="preserve">                                    'religions',</w:t>
            </w:r>
          </w:p>
          <w:p w:rsidR="00763958" w:rsidRDefault="00763958" w:rsidP="00763958">
            <w:r>
              <w:t xml:space="preserve">                                    'features'</w:t>
            </w:r>
          </w:p>
          <w:p w:rsidR="00763958" w:rsidRDefault="00763958" w:rsidP="00763958">
            <w:r>
              <w:t xml:space="preserve">                                    </w:t>
            </w:r>
          </w:p>
          <w:p w:rsidR="00763958" w:rsidRDefault="00763958" w:rsidP="00763958">
            <w:r>
              <w:t xml:space="preserve">                                ];</w:t>
            </w:r>
          </w:p>
          <w:p w:rsidR="00763958" w:rsidRDefault="00763958" w:rsidP="00763958">
            <w:r>
              <w:t xml:space="preserve">                                checkGroups.forEach(function(item, index) {</w:t>
            </w:r>
          </w:p>
          <w:p w:rsidR="00763958" w:rsidRDefault="00763958" w:rsidP="00763958">
            <w:r>
              <w:t xml:space="preserve">                                    refine[item] = $("input[name='" + item + "[]']:checked")</w:t>
            </w:r>
          </w:p>
          <w:p w:rsidR="00763958" w:rsidRDefault="00763958" w:rsidP="00763958">
            <w:r>
              <w:t xml:space="preserve">                                        .map(function() {</w:t>
            </w:r>
          </w:p>
          <w:p w:rsidR="00763958" w:rsidRDefault="00763958" w:rsidP="00763958">
            <w:r>
              <w:t xml:space="preserve">                                            return parseInt(this.value);</w:t>
            </w:r>
          </w:p>
          <w:p w:rsidR="00763958" w:rsidRDefault="00763958" w:rsidP="00763958">
            <w:r>
              <w:t xml:space="preserve">                                        }).get();</w:t>
            </w:r>
          </w:p>
          <w:p w:rsidR="00763958" w:rsidRDefault="00763958" w:rsidP="00763958">
            <w:r>
              <w:t xml:space="preserve">                                });</w:t>
            </w:r>
          </w:p>
          <w:p w:rsidR="00763958" w:rsidRDefault="00763958" w:rsidP="00763958">
            <w:r>
              <w:t xml:space="preserve">                                var query = buildFilter(refine);</w:t>
            </w:r>
          </w:p>
          <w:p w:rsidR="00763958" w:rsidRDefault="00763958" w:rsidP="00763958">
            <w:r>
              <w:t xml:space="preserve">                                var searchQuery = fnGetSearchQuery();</w:t>
            </w:r>
          </w:p>
          <w:p w:rsidR="00763958" w:rsidRDefault="00763958" w:rsidP="00763958">
            <w:r>
              <w:t xml:space="preserve">                                var pref = {</w:t>
            </w:r>
          </w:p>
          <w:p w:rsidR="00763958" w:rsidRDefault="00763958" w:rsidP="00763958">
            <w:r>
              <w:t xml:space="preserve">                                    ...searchQuery,</w:t>
            </w:r>
          </w:p>
          <w:p w:rsidR="00763958" w:rsidRDefault="00763958" w:rsidP="00763958">
            <w:r>
              <w:t xml:space="preserve">                                    ...query</w:t>
            </w:r>
          </w:p>
          <w:p w:rsidR="00763958" w:rsidRDefault="00763958" w:rsidP="00763958">
            <w:r>
              <w:t xml:space="preserve">                                };</w:t>
            </w:r>
          </w:p>
          <w:p w:rsidR="00763958" w:rsidRDefault="00763958" w:rsidP="00763958">
            <w:r>
              <w:t xml:space="preserve">                                var features = $("#txtFeatures").val();</w:t>
            </w:r>
          </w:p>
          <w:p w:rsidR="00763958" w:rsidRDefault="00763958" w:rsidP="00763958">
            <w:r>
              <w:lastRenderedPageBreak/>
              <w:t xml:space="preserve">                                var refined = filterData($.parseJSON(features), query);</w:t>
            </w:r>
          </w:p>
          <w:p w:rsidR="00763958" w:rsidRDefault="00763958" w:rsidP="00763958">
            <w:r>
              <w:t xml:space="preserve">                                var ids = _.map(refined, "residence_id");</w:t>
            </w:r>
          </w:p>
          <w:p w:rsidR="00763958" w:rsidRDefault="00763958" w:rsidP="00763958">
            <w:r>
              <w:t xml:space="preserve">                                window.setCookie("RIDS", ids, 1);</w:t>
            </w:r>
          </w:p>
          <w:p w:rsidR="00763958" w:rsidRDefault="00763958" w:rsidP="00763958">
            <w:r>
              <w:t xml:space="preserve">                                window.setCookie("PREF", btoa(fnStringifyObject(pref)), 30);</w:t>
            </w:r>
          </w:p>
          <w:p w:rsidR="00763958" w:rsidRDefault="00763958" w:rsidP="00763958">
            <w:r>
              <w:t xml:space="preserve">                                var elements = $(ids.map(i =&gt; '#' + i).join(","));</w:t>
            </w:r>
          </w:p>
          <w:p w:rsidR="00763958" w:rsidRDefault="00763958" w:rsidP="00763958">
            <w:r>
              <w:t xml:space="preserve">                                $(".residence").not(elements).hide();</w:t>
            </w:r>
          </w:p>
          <w:p w:rsidR="00763958" w:rsidRDefault="00763958" w:rsidP="00763958">
            <w:r>
              <w:t xml:space="preserve">                                elements.show();</w:t>
            </w:r>
          </w:p>
          <w:p w:rsidR="00763958" w:rsidRDefault="00763958" w:rsidP="00763958">
            <w:r>
              <w:t xml:space="preserve">                                if (elements.length &gt; 0) {</w:t>
            </w:r>
          </w:p>
          <w:p w:rsidR="00763958" w:rsidRDefault="00763958" w:rsidP="00763958">
            <w:r>
              <w:t xml:space="preserve">                                    $(".no-records").hide();</w:t>
            </w:r>
          </w:p>
          <w:p w:rsidR="00763958" w:rsidRDefault="00763958" w:rsidP="00763958">
            <w:r>
              <w:t xml:space="preserve">                                } else {</w:t>
            </w:r>
          </w:p>
          <w:p w:rsidR="00763958" w:rsidRDefault="00763958" w:rsidP="00763958">
            <w:r>
              <w:t xml:space="preserve">                                    $(".no-records").show();</w:t>
            </w:r>
          </w:p>
          <w:p w:rsidR="00763958" w:rsidRDefault="00763958" w:rsidP="00763958">
            <w:r>
              <w:t xml:space="preserve">                                }</w:t>
            </w:r>
          </w:p>
          <w:p w:rsidR="00763958" w:rsidRDefault="00763958" w:rsidP="00763958">
            <w:r>
              <w:t xml:space="preserve">                                new WOW().init();</w:t>
            </w:r>
          </w:p>
          <w:p w:rsidR="00763958" w:rsidRDefault="00763958" w:rsidP="00763958">
            <w:r>
              <w:t xml:space="preserve">                                $("#spnRefined").text(elements.length + " of ");</w:t>
            </w:r>
          </w:p>
          <w:p w:rsidR="00763958" w:rsidRDefault="00763958" w:rsidP="00763958">
            <w:r>
              <w:t xml:space="preserve">                            });</w:t>
            </w:r>
          </w:p>
          <w:p w:rsidR="00763958" w:rsidRDefault="00763958" w:rsidP="00763958"/>
          <w:p w:rsidR="00763958" w:rsidRDefault="00763958" w:rsidP="00763958">
            <w:r>
              <w:t xml:space="preserve">                            window.buildFilter = (filter) =&gt; {</w:t>
            </w:r>
          </w:p>
          <w:p w:rsidR="00763958" w:rsidRDefault="00763958" w:rsidP="00763958">
            <w:r>
              <w:t xml:space="preserve">                                let query = {};</w:t>
            </w:r>
          </w:p>
          <w:p w:rsidR="00763958" w:rsidRDefault="00763958" w:rsidP="00763958">
            <w:r>
              <w:t xml:space="preserve">                                for (let keys in filter) {</w:t>
            </w:r>
          </w:p>
          <w:p w:rsidR="00763958" w:rsidRDefault="00763958" w:rsidP="00763958">
            <w:r>
              <w:t xml:space="preserve">                                    if (filter[keys].constructor === Array &amp;&amp; filter[keys].length &gt; 0) {</w:t>
            </w:r>
          </w:p>
          <w:p w:rsidR="00763958" w:rsidRDefault="00763958" w:rsidP="00763958">
            <w:r>
              <w:t xml:space="preserve">                                        query[keys] = filter[keys];</w:t>
            </w:r>
          </w:p>
          <w:p w:rsidR="00763958" w:rsidRDefault="00763958" w:rsidP="00763958">
            <w:r>
              <w:t xml:space="preserve">                                    }</w:t>
            </w:r>
          </w:p>
          <w:p w:rsidR="00763958" w:rsidRDefault="00763958" w:rsidP="00763958">
            <w:r>
              <w:t xml:space="preserve">                                }</w:t>
            </w:r>
          </w:p>
          <w:p w:rsidR="00763958" w:rsidRDefault="00763958" w:rsidP="00763958">
            <w:r>
              <w:t xml:space="preserve">                                return query;</w:t>
            </w:r>
          </w:p>
          <w:p w:rsidR="00763958" w:rsidRDefault="00763958" w:rsidP="00763958">
            <w:r>
              <w:t xml:space="preserve">                            };</w:t>
            </w:r>
          </w:p>
          <w:p w:rsidR="00763958" w:rsidRDefault="00763958" w:rsidP="00763958"/>
          <w:p w:rsidR="00763958" w:rsidRDefault="00763958" w:rsidP="00763958">
            <w:r>
              <w:t xml:space="preserve">                            window.filterData = (data, query, any = true) =&gt; {</w:t>
            </w:r>
          </w:p>
          <w:p w:rsidR="00763958" w:rsidRDefault="00763958" w:rsidP="00763958">
            <w:r>
              <w:t xml:space="preserve">                                const filteredData = data.filter((item) =&gt; {</w:t>
            </w:r>
          </w:p>
          <w:p w:rsidR="00763958" w:rsidRDefault="00763958" w:rsidP="00763958">
            <w:r>
              <w:t xml:space="preserve">                                    if (any) {</w:t>
            </w:r>
          </w:p>
          <w:p w:rsidR="00763958" w:rsidRDefault="00763958" w:rsidP="00763958">
            <w:r>
              <w:t xml:space="preserve">                                        var result = false;</w:t>
            </w:r>
          </w:p>
          <w:p w:rsidR="00763958" w:rsidRDefault="00763958" w:rsidP="00763958">
            <w:r>
              <w:t xml:space="preserve">                                        for (let key in query) {</w:t>
            </w:r>
          </w:p>
          <w:p w:rsidR="00763958" w:rsidRDefault="00763958" w:rsidP="00763958">
            <w:r>
              <w:t xml:space="preserve">                                            if (item[key] === undefined || !item[key].some(r =&gt;</w:t>
            </w:r>
          </w:p>
          <w:p w:rsidR="00763958" w:rsidRDefault="00763958" w:rsidP="00763958">
            <w:r>
              <w:t xml:space="preserve">                                                    query[key].indexOf(r) &gt;= 0)) {</w:t>
            </w:r>
          </w:p>
          <w:p w:rsidR="00763958" w:rsidRDefault="00763958" w:rsidP="00763958">
            <w:r>
              <w:t xml:space="preserve">                                                result = result || false;</w:t>
            </w:r>
          </w:p>
          <w:p w:rsidR="00763958" w:rsidRDefault="00763958" w:rsidP="00763958">
            <w:r>
              <w:t xml:space="preserve">                                            } else {</w:t>
            </w:r>
          </w:p>
          <w:p w:rsidR="00763958" w:rsidRDefault="00763958" w:rsidP="00763958">
            <w:r>
              <w:t xml:space="preserve">                                                result = result || true;</w:t>
            </w:r>
          </w:p>
          <w:p w:rsidR="00763958" w:rsidRDefault="00763958" w:rsidP="00763958">
            <w:r>
              <w:t xml:space="preserve">                                            }</w:t>
            </w:r>
          </w:p>
          <w:p w:rsidR="00763958" w:rsidRDefault="00763958" w:rsidP="00763958">
            <w:r>
              <w:t xml:space="preserve">                                        }</w:t>
            </w:r>
          </w:p>
          <w:p w:rsidR="00763958" w:rsidRDefault="00763958" w:rsidP="00763958">
            <w:r>
              <w:t xml:space="preserve">                                        return result;</w:t>
            </w:r>
          </w:p>
          <w:p w:rsidR="00763958" w:rsidRDefault="00763958" w:rsidP="00763958">
            <w:r>
              <w:t xml:space="preserve">                                    } else {</w:t>
            </w:r>
          </w:p>
          <w:p w:rsidR="00763958" w:rsidRDefault="00763958" w:rsidP="00763958">
            <w:r>
              <w:t xml:space="preserve">                                        for (let key in query) {</w:t>
            </w:r>
          </w:p>
          <w:p w:rsidR="00763958" w:rsidRDefault="00763958" w:rsidP="00763958">
            <w:r>
              <w:t xml:space="preserve">                                            if (item[key] === undefined || !item[key].some(r =&gt;</w:t>
            </w:r>
          </w:p>
          <w:p w:rsidR="00763958" w:rsidRDefault="00763958" w:rsidP="00763958">
            <w:r>
              <w:t xml:space="preserve">                                                    query[key].indexOf(r) &gt;= 0)) {</w:t>
            </w:r>
          </w:p>
          <w:p w:rsidR="00763958" w:rsidRDefault="00763958" w:rsidP="00763958">
            <w:r>
              <w:t xml:space="preserve">                                                return false;</w:t>
            </w:r>
          </w:p>
          <w:p w:rsidR="00763958" w:rsidRDefault="00763958" w:rsidP="00763958">
            <w:r>
              <w:t xml:space="preserve">                                            }</w:t>
            </w:r>
          </w:p>
          <w:p w:rsidR="00763958" w:rsidRDefault="00763958" w:rsidP="00763958">
            <w:r>
              <w:t xml:space="preserve">                                        }</w:t>
            </w:r>
          </w:p>
          <w:p w:rsidR="00763958" w:rsidRDefault="00763958" w:rsidP="00763958">
            <w:r>
              <w:t xml:space="preserve">                                        return true;</w:t>
            </w:r>
          </w:p>
          <w:p w:rsidR="00763958" w:rsidRDefault="00763958" w:rsidP="00763958">
            <w:r>
              <w:t xml:space="preserve">                                    }</w:t>
            </w:r>
          </w:p>
          <w:p w:rsidR="00763958" w:rsidRDefault="00763958" w:rsidP="00763958">
            <w:r>
              <w:lastRenderedPageBreak/>
              <w:t xml:space="preserve">                                });</w:t>
            </w:r>
          </w:p>
          <w:p w:rsidR="00763958" w:rsidRDefault="00763958" w:rsidP="00763958">
            <w:r>
              <w:t xml:space="preserve">                                return filteredData;</w:t>
            </w:r>
          </w:p>
          <w:p w:rsidR="00763958" w:rsidRDefault="00763958" w:rsidP="00763958">
            <w:r>
              <w:t xml:space="preserve">                            };</w:t>
            </w:r>
          </w:p>
          <w:p w:rsidR="00763958" w:rsidRDefault="00763958" w:rsidP="00763958"/>
          <w:p w:rsidR="00763958" w:rsidRDefault="00763958" w:rsidP="00763958">
            <w:r>
              <w:t xml:space="preserve">                            $("#frmSearchResidence").on("submit", function(e) {</w:t>
            </w:r>
          </w:p>
          <w:p w:rsidR="00763958" w:rsidRDefault="00763958" w:rsidP="00763958">
            <w:r>
              <w:t xml:space="preserve">                                e.preventDefault();</w:t>
            </w:r>
          </w:p>
          <w:p w:rsidR="00763958" w:rsidRDefault="00763958" w:rsidP="00763958">
            <w:r>
              <w:t xml:space="preserve">                                fnApplyFilter();</w:t>
            </w:r>
          </w:p>
          <w:p w:rsidR="00763958" w:rsidRDefault="00763958" w:rsidP="00763958">
            <w:r>
              <w:t xml:space="preserve">                            });</w:t>
            </w:r>
          </w:p>
          <w:p w:rsidR="00763958" w:rsidRDefault="00763958" w:rsidP="00763958"/>
          <w:p w:rsidR="00763958" w:rsidRDefault="00763958" w:rsidP="00763958">
            <w:r>
              <w:t xml:space="preserve">                            $(document.body).on("click", ".btnClearFilter", function(e) {</w:t>
            </w:r>
          </w:p>
          <w:p w:rsidR="00763958" w:rsidRDefault="00763958" w:rsidP="00763958">
            <w:r>
              <w:t xml:space="preserve">                                e.preventDefault();</w:t>
            </w:r>
          </w:p>
          <w:p w:rsidR="00763958" w:rsidRDefault="00763958" w:rsidP="00763958">
            <w:r>
              <w:t xml:space="preserve">                                $(this).attr("disabled", "disabled");</w:t>
            </w:r>
          </w:p>
          <w:p w:rsidR="00763958" w:rsidRDefault="00763958" w:rsidP="00763958">
            <w:r>
              <w:t xml:space="preserve">                                $("#txtSearchText").val("");</w:t>
            </w:r>
          </w:p>
          <w:p w:rsidR="00763958" w:rsidRDefault="00763958" w:rsidP="00763958">
            <w:r>
              <w:t xml:space="preserve">                                $("#txtFilterData").val("");</w:t>
            </w:r>
          </w:p>
          <w:p w:rsidR="00763958" w:rsidRDefault="00763958" w:rsidP="00763958">
            <w:r>
              <w:t xml:space="preserve">                                fnRedirect(window.location.pathname);</w:t>
            </w:r>
          </w:p>
          <w:p w:rsidR="00763958" w:rsidRDefault="00763958" w:rsidP="00763958">
            <w:r>
              <w:t xml:space="preserve">                                /*let sText = $("#txtSearchText").val().trim();</w:t>
            </w:r>
          </w:p>
          <w:p w:rsidR="00763958" w:rsidRDefault="00763958" w:rsidP="00763958">
            <w:r>
              <w:t xml:space="preserve">                                let params = {</w:t>
            </w:r>
          </w:p>
          <w:p w:rsidR="00763958" w:rsidRDefault="00763958" w:rsidP="00763958">
            <w:r>
              <w:t xml:space="preserve">                                    "q": sText</w:t>
            </w:r>
          </w:p>
          <w:p w:rsidR="00763958" w:rsidRDefault="00763958" w:rsidP="00763958">
            <w:r>
              <w:t xml:space="preserve">                                };</w:t>
            </w:r>
          </w:p>
          <w:p w:rsidR="00763958" w:rsidRDefault="00763958" w:rsidP="00763958">
            <w:r>
              <w:t xml:space="preserve">                                $("#txtFilterData").val(JSON.stringify(fnRefineObject(params)));</w:t>
            </w:r>
          </w:p>
          <w:p w:rsidR="00763958" w:rsidRDefault="00763958" w:rsidP="00763958">
            <w:r>
              <w:t xml:space="preserve">                                fnRedirect(window.location.pathname, fnObjectToQuery(params));*/</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function fnGetSearchQuery() {</w:t>
            </w:r>
          </w:p>
          <w:p w:rsidR="00763958" w:rsidRDefault="00763958" w:rsidP="00763958">
            <w:r>
              <w:t xml:space="preserve">                            var query = {};</w:t>
            </w:r>
          </w:p>
          <w:p w:rsidR="00763958" w:rsidRDefault="00763958" w:rsidP="00763958">
            <w:r>
              <w:t xml:space="preserve">                            query["residences"] = $("input[name='residences[]']:checked").map(function() {</w:t>
            </w:r>
          </w:p>
          <w:p w:rsidR="00763958" w:rsidRDefault="00763958" w:rsidP="00763958">
            <w:r>
              <w:t xml:space="preserve">                                return this.value;</w:t>
            </w:r>
          </w:p>
          <w:p w:rsidR="00763958" w:rsidRDefault="00763958" w:rsidP="00763958">
            <w:r>
              <w:t xml:space="preserve">                            }).get();</w:t>
            </w:r>
          </w:p>
          <w:p w:rsidR="00763958" w:rsidRDefault="00763958" w:rsidP="00763958">
            <w:r>
              <w:t xml:space="preserve">                            query["min"] = $("#txtMinBudgetRange").val();</w:t>
            </w:r>
          </w:p>
          <w:p w:rsidR="00763958" w:rsidRDefault="00763958" w:rsidP="00763958">
            <w:r>
              <w:t xml:space="preserve">                            query["max"] = $("#txtMaxBudgetRange").val();</w:t>
            </w:r>
          </w:p>
          <w:p w:rsidR="00763958" w:rsidRDefault="00763958" w:rsidP="00763958">
            <w:r>
              <w:t xml:space="preserve">                            query["location"] = [...new Set($("#divLocations button").map(function() {</w:t>
            </w:r>
          </w:p>
          <w:p w:rsidR="00763958" w:rsidRDefault="00763958" w:rsidP="00763958">
            <w:r>
              <w:t xml:space="preserve">                                return $(this).data("location");</w:t>
            </w:r>
          </w:p>
          <w:p w:rsidR="00763958" w:rsidRDefault="00763958" w:rsidP="00763958">
            <w:r>
              <w:t xml:space="preserve">                            }).get())];</w:t>
            </w:r>
          </w:p>
          <w:p w:rsidR="00763958" w:rsidRDefault="00763958" w:rsidP="00763958">
            <w:r>
              <w:t xml:space="preserve">                            if (query["location"].length) {</w:t>
            </w:r>
          </w:p>
          <w:p w:rsidR="00763958" w:rsidRDefault="00763958" w:rsidP="00763958">
            <w:r>
              <w:t xml:space="preserve">                                query["radius"] = $("#txtRadius").val();</w:t>
            </w:r>
          </w:p>
          <w:p w:rsidR="00763958" w:rsidRDefault="00763958" w:rsidP="00763958">
            <w:r>
              <w:t xml:space="preserve">                            }</w:t>
            </w:r>
          </w:p>
          <w:p w:rsidR="00763958" w:rsidRDefault="00763958" w:rsidP="00763958">
            <w:r>
              <w:t xml:space="preserve">                            let checkGroups = [</w:t>
            </w:r>
          </w:p>
          <w:p w:rsidR="00763958" w:rsidRDefault="00763958" w:rsidP="00763958">
            <w:r>
              <w:t xml:space="preserve">                                'residences',</w:t>
            </w:r>
          </w:p>
          <w:p w:rsidR="00763958" w:rsidRDefault="00763958" w:rsidP="00763958">
            <w:r>
              <w:t xml:space="preserve">                                'accommodations',</w:t>
            </w:r>
          </w:p>
          <w:p w:rsidR="00763958" w:rsidRDefault="00763958" w:rsidP="00763958">
            <w:r>
              <w:t xml:space="preserve">                                'rental_services',</w:t>
            </w:r>
          </w:p>
          <w:p w:rsidR="00763958" w:rsidRDefault="00763958" w:rsidP="00763958">
            <w:r>
              <w:t xml:space="preserve">                                'meals',</w:t>
            </w:r>
          </w:p>
          <w:p w:rsidR="00763958" w:rsidRDefault="00763958" w:rsidP="00763958">
            <w:r>
              <w:t xml:space="preserve">                                'diets',</w:t>
            </w:r>
          </w:p>
          <w:p w:rsidR="00763958" w:rsidRDefault="00763958" w:rsidP="00763958">
            <w:r>
              <w:t xml:space="preserve">                                'cares',</w:t>
            </w:r>
          </w:p>
          <w:p w:rsidR="00763958" w:rsidRDefault="00763958" w:rsidP="00763958">
            <w:r>
              <w:t xml:space="preserve">                                'amenities',</w:t>
            </w:r>
          </w:p>
          <w:p w:rsidR="00763958" w:rsidRDefault="00763958" w:rsidP="00763958">
            <w:r>
              <w:t xml:space="preserve">                                'entertainments',</w:t>
            </w:r>
          </w:p>
          <w:p w:rsidR="00763958" w:rsidRDefault="00763958" w:rsidP="00763958">
            <w:r>
              <w:t xml:space="preserve">                                'religions',</w:t>
            </w:r>
          </w:p>
          <w:p w:rsidR="00763958" w:rsidRDefault="00763958" w:rsidP="00763958">
            <w:r>
              <w:t xml:space="preserve">                                'features'</w:t>
            </w:r>
          </w:p>
          <w:p w:rsidR="00763958" w:rsidRDefault="00763958" w:rsidP="00763958">
            <w:r>
              <w:lastRenderedPageBreak/>
              <w:t xml:space="preserve">                            ];</w:t>
            </w:r>
          </w:p>
          <w:p w:rsidR="00763958" w:rsidRDefault="00763958" w:rsidP="00763958">
            <w:r>
              <w:t xml:space="preserve">                            checkGroups.forEach(function(item, index) {</w:t>
            </w:r>
          </w:p>
          <w:p w:rsidR="00763958" w:rsidRDefault="00763958" w:rsidP="00763958">
            <w:r>
              <w:t xml:space="preserve">                                query[item] = $("input[name='" + item + "[]']:checked").map(function() {</w:t>
            </w:r>
          </w:p>
          <w:p w:rsidR="00763958" w:rsidRDefault="00763958" w:rsidP="00763958">
            <w:r>
              <w:t xml:space="preserve">                                    return this.value;</w:t>
            </w:r>
          </w:p>
          <w:p w:rsidR="00763958" w:rsidRDefault="00763958" w:rsidP="00763958">
            <w:r>
              <w:t xml:space="preserve">                                }).get();</w:t>
            </w:r>
          </w:p>
          <w:p w:rsidR="00763958" w:rsidRDefault="00763958" w:rsidP="00763958">
            <w:r>
              <w:t xml:space="preserve">                            });</w:t>
            </w:r>
          </w:p>
          <w:p w:rsidR="00763958" w:rsidRDefault="00763958" w:rsidP="00763958"/>
          <w:p w:rsidR="00763958" w:rsidRDefault="00763958" w:rsidP="00763958">
            <w:r>
              <w:t xml:space="preserve">                            return query;</w:t>
            </w:r>
          </w:p>
          <w:p w:rsidR="00763958" w:rsidRDefault="00763958" w:rsidP="00763958">
            <w:r>
              <w:t xml:space="preserve">                        }</w:t>
            </w:r>
          </w:p>
          <w:p w:rsidR="00763958" w:rsidRDefault="00763958" w:rsidP="00763958"/>
          <w:p w:rsidR="00763958" w:rsidRDefault="00763958" w:rsidP="00763958">
            <w:r>
              <w:t xml:space="preserve">                        function fnApplyFilter() {</w:t>
            </w:r>
          </w:p>
          <w:p w:rsidR="00763958" w:rsidRDefault="00763958" w:rsidP="00763958">
            <w:r>
              <w:t xml:space="preserve">                            let filterQuery = fnGetSearchQuery();</w:t>
            </w:r>
          </w:p>
          <w:p w:rsidR="00763958" w:rsidRDefault="00763958" w:rsidP="00763958">
            <w:r>
              <w:t xml:space="preserve">                            let sText = $("#txtSearchText").val().trim();</w:t>
            </w:r>
          </w:p>
          <w:p w:rsidR="00763958" w:rsidRDefault="00763958" w:rsidP="00763958">
            <w:r>
              <w:t xml:space="preserve">                            let params = {</w:t>
            </w:r>
          </w:p>
          <w:p w:rsidR="00763958" w:rsidRDefault="00763958" w:rsidP="00763958">
            <w:r>
              <w:t xml:space="preserve">                                "q": sText,</w:t>
            </w:r>
          </w:p>
          <w:p w:rsidR="00763958" w:rsidRDefault="00763958" w:rsidP="00763958">
            <w:r>
              <w:t xml:space="preserve">                                "filter": btoa(fnStringifyObject(filterQuery))</w:t>
            </w:r>
          </w:p>
          <w:p w:rsidR="00763958" w:rsidRDefault="00763958" w:rsidP="00763958">
            <w:r>
              <w:t xml:space="preserve">                            };</w:t>
            </w:r>
          </w:p>
          <w:p w:rsidR="00763958" w:rsidRDefault="00763958" w:rsidP="00763958">
            <w:r>
              <w:t xml:space="preserve">                            $("#txtFilterData").val(JSON.stringify(fnRefineObject(params)));</w:t>
            </w:r>
          </w:p>
          <w:p w:rsidR="00763958" w:rsidRDefault="00763958" w:rsidP="00763958">
            <w:r>
              <w:t xml:space="preserve">                            fnSetSPFCookie();</w:t>
            </w:r>
          </w:p>
          <w:p w:rsidR="00763958" w:rsidRDefault="00763958" w:rsidP="00763958">
            <w:r>
              <w:t xml:space="preserve">                            // fnRedirect(window.location.pathname, fnObjectToQuery(params));</w:t>
            </w:r>
          </w:p>
          <w:p w:rsidR="00763958" w:rsidRDefault="00763958" w:rsidP="00763958">
            <w:r>
              <w:t xml:space="preserve">                            getResidence();</w:t>
            </w:r>
          </w:p>
          <w:p w:rsidR="00763958" w:rsidRDefault="00763958" w:rsidP="00763958">
            <w:r>
              <w:t xml:space="preserve">                        }</w:t>
            </w:r>
          </w:p>
          <w:p w:rsidR="00763958" w:rsidRDefault="00763958" w:rsidP="00763958"/>
          <w:p w:rsidR="00763958" w:rsidRDefault="00763958" w:rsidP="00763958">
            <w:r>
              <w:t xml:space="preserve">                        function fnRedirect(url, query) {</w:t>
            </w:r>
          </w:p>
          <w:p w:rsidR="00763958" w:rsidRDefault="00763958" w:rsidP="00763958">
            <w:r>
              <w:t xml:space="preserve">                            window.location.href = url + (query ? "?" + query : "");</w:t>
            </w:r>
          </w:p>
          <w:p w:rsidR="00763958" w:rsidRDefault="00763958" w:rsidP="00763958">
            <w:r>
              <w:t xml:space="preserve">                        }</w:t>
            </w:r>
          </w:p>
          <w:p w:rsidR="00763958" w:rsidRDefault="00763958" w:rsidP="00763958"/>
          <w:p w:rsidR="00763958" w:rsidRDefault="00763958" w:rsidP="00763958">
            <w:r>
              <w:t xml:space="preserve">                        function fnInitFilter() {</w:t>
            </w:r>
          </w:p>
          <w:p w:rsidR="00763958" w:rsidRDefault="00763958" w:rsidP="00763958">
            <w:r>
              <w:t xml:space="preserve">                            $("#txtMinBudgetRange").val(filter.min || 100).change();</w:t>
            </w:r>
          </w:p>
          <w:p w:rsidR="00763958" w:rsidRDefault="00763958" w:rsidP="00763958">
            <w:r>
              <w:t xml:space="preserve">                            $("#txtMaxBudgetRange").val(filter.max || 15000).change();</w:t>
            </w:r>
          </w:p>
          <w:p w:rsidR="00763958" w:rsidRDefault="00763958" w:rsidP="00763958">
            <w:r>
              <w:t xml:space="preserve">                            $("#txtRadius").val(filter.radius || 5).change();</w:t>
            </w:r>
          </w:p>
          <w:p w:rsidR="00763958" w:rsidRDefault="00763958" w:rsidP="00763958">
            <w:r>
              <w:t xml:space="preserve">                            fnSetCheckbox(filter['residences'], 'residences');</w:t>
            </w:r>
          </w:p>
          <w:p w:rsidR="00763958" w:rsidRDefault="00763958" w:rsidP="00763958">
            <w:r>
              <w:t xml:space="preserve">                            fnSetLocations(filter.location);</w:t>
            </w:r>
          </w:p>
          <w:p w:rsidR="00763958" w:rsidRDefault="00763958" w:rsidP="00763958">
            <w:r>
              <w:t xml:space="preserve">                            let params = {</w:t>
            </w:r>
          </w:p>
          <w:p w:rsidR="00763958" w:rsidRDefault="00763958" w:rsidP="00763958">
            <w:r>
              <w:t xml:space="preserve">                                "q": $("#txtSearchText").val(),</w:t>
            </w:r>
          </w:p>
          <w:p w:rsidR="00763958" w:rsidRDefault="00763958" w:rsidP="00763958">
            <w:r>
              <w:t xml:space="preserve">                                "filter": btoa(fnStringifyObject(filter))</w:t>
            </w:r>
          </w:p>
          <w:p w:rsidR="00763958" w:rsidRDefault="00763958" w:rsidP="00763958">
            <w:r>
              <w:t xml:space="preserve">                            };</w:t>
            </w:r>
          </w:p>
          <w:p w:rsidR="00763958" w:rsidRDefault="00763958" w:rsidP="00763958">
            <w:r>
              <w:t xml:space="preserve">                            $("#txtFilterData").val(JSON.stringify(fnRefineObject(params)));</w:t>
            </w:r>
          </w:p>
          <w:p w:rsidR="00763958" w:rsidRDefault="00763958" w:rsidP="00763958">
            <w:r>
              <w:t xml:space="preserve">                            fnSetSPFCookie();</w:t>
            </w:r>
          </w:p>
          <w:p w:rsidR="00763958" w:rsidRDefault="00763958" w:rsidP="00763958">
            <w:r>
              <w:t xml:space="preserve">                        }</w:t>
            </w:r>
          </w:p>
          <w:p w:rsidR="00763958" w:rsidRDefault="00763958" w:rsidP="00763958"/>
          <w:p w:rsidR="00763958" w:rsidRDefault="00763958" w:rsidP="00763958">
            <w:r>
              <w:t xml:space="preserve">                        function fnSetSPFCookie() {</w:t>
            </w:r>
          </w:p>
          <w:p w:rsidR="00763958" w:rsidRDefault="00763958" w:rsidP="00763958">
            <w:r>
              <w:t xml:space="preserve">                            var pref = fnGetSearchQuery();</w:t>
            </w:r>
          </w:p>
          <w:p w:rsidR="00763958" w:rsidRDefault="00763958" w:rsidP="00763958">
            <w:r>
              <w:t xml:space="preserve">                            window.setCookie("PREF", btoa(fnStringifyObject(pref)), 30);</w:t>
            </w:r>
          </w:p>
          <w:p w:rsidR="00763958" w:rsidRDefault="00763958" w:rsidP="00763958">
            <w:r>
              <w:t xml:space="preserve">                        }</w:t>
            </w:r>
          </w:p>
          <w:p w:rsidR="00763958" w:rsidRDefault="00763958" w:rsidP="00763958"/>
          <w:p w:rsidR="00763958" w:rsidRDefault="00763958" w:rsidP="00763958">
            <w:r>
              <w:t xml:space="preserve">                        function fnSetLocations(data) {</w:t>
            </w:r>
          </w:p>
          <w:p w:rsidR="00763958" w:rsidRDefault="00763958" w:rsidP="00763958">
            <w:r>
              <w:t xml:space="preserve">                            if (data instanceof Array) {</w:t>
            </w:r>
          </w:p>
          <w:p w:rsidR="00763958" w:rsidRDefault="00763958" w:rsidP="00763958">
            <w:r>
              <w:lastRenderedPageBreak/>
              <w:t xml:space="preserve">                                data.forEach(function(item) {</w:t>
            </w:r>
          </w:p>
          <w:p w:rsidR="00763958" w:rsidRDefault="00763958" w:rsidP="00763958">
            <w:r>
              <w:t xml:space="preserve">                                    fnAddLocationItem(item);</w:t>
            </w:r>
          </w:p>
          <w:p w:rsidR="00763958" w:rsidRDefault="00763958" w:rsidP="00763958">
            <w:r>
              <w:t xml:space="preserve">                                });</w:t>
            </w:r>
          </w:p>
          <w:p w:rsidR="00763958" w:rsidRDefault="00763958" w:rsidP="00763958">
            <w:r>
              <w:t xml:space="preserve">                            } else if (data !== "") {</w:t>
            </w:r>
          </w:p>
          <w:p w:rsidR="00763958" w:rsidRDefault="00763958" w:rsidP="00763958">
            <w:r>
              <w:t xml:space="preserve">                                fnAddLocationItem(data);</w:t>
            </w:r>
          </w:p>
          <w:p w:rsidR="00763958" w:rsidRDefault="00763958" w:rsidP="00763958">
            <w:r>
              <w:t xml:space="preserve">                            }</w:t>
            </w:r>
          </w:p>
          <w:p w:rsidR="00763958" w:rsidRDefault="00763958" w:rsidP="00763958">
            <w:r>
              <w:t xml:space="preserve">                            $("#txtLocation").val("");</w:t>
            </w:r>
          </w:p>
          <w:p w:rsidR="00763958" w:rsidRDefault="00763958" w:rsidP="00763958">
            <w:r>
              <w:t xml:space="preserve">                        }</w:t>
            </w:r>
          </w:p>
          <w:p w:rsidR="00763958" w:rsidRDefault="00763958" w:rsidP="00763958"/>
          <w:p w:rsidR="00763958" w:rsidRDefault="00763958" w:rsidP="00763958">
            <w:r>
              <w:t xml:space="preserve">                        function fnAddLocationItem(data, theme = 'primary', title = "Added Location") {</w:t>
            </w:r>
          </w:p>
          <w:p w:rsidR="00763958" w:rsidRDefault="00763958" w:rsidP="00763958">
            <w:r>
              <w:t xml:space="preserve">                            let locData = data.split('~');</w:t>
            </w:r>
          </w:p>
          <w:p w:rsidR="00763958" w:rsidRDefault="00763958" w:rsidP="00763958">
            <w:r>
              <w:t xml:space="preserve">                            var existing = $("#divLocations button:contains(" + locData[1] + ")");</w:t>
            </w:r>
          </w:p>
          <w:p w:rsidR="00763958" w:rsidRDefault="00763958" w:rsidP="00763958">
            <w:r>
              <w:t xml:space="preserve">                            if (existing.length &gt; 0) {</w:t>
            </w:r>
          </w:p>
          <w:p w:rsidR="00763958" w:rsidRDefault="00763958" w:rsidP="00763958">
            <w:r>
              <w:t xml:space="preserve">                                $(existing).attr("title", title);</w:t>
            </w:r>
          </w:p>
          <w:p w:rsidR="00763958" w:rsidRDefault="00763958" w:rsidP="00763958">
            <w:r>
              <w:t xml:space="preserve">                                $(existing).removeClass("btn-outline-primary");</w:t>
            </w:r>
          </w:p>
          <w:p w:rsidR="00763958" w:rsidRDefault="00763958" w:rsidP="00763958">
            <w:r>
              <w:t xml:space="preserve">                                $(existing).addClass("btn-outline-" + theme);</w:t>
            </w:r>
          </w:p>
          <w:p w:rsidR="00763958" w:rsidRDefault="00763958" w:rsidP="00763958">
            <w:r>
              <w:t xml:space="preserve">                            } else {</w:t>
            </w:r>
          </w:p>
          <w:p w:rsidR="00763958" w:rsidRDefault="00763958" w:rsidP="00763958">
            <w:r>
              <w:t xml:space="preserve">                                var template = $('&lt;button type="button" class="btn btn-outline-' + theme +</w:t>
            </w:r>
          </w:p>
          <w:p w:rsidR="00763958" w:rsidRDefault="00763958" w:rsidP="00763958">
            <w:r>
              <w:t xml:space="preserve">                                    ' btn-sm mr-1 mb-1 wow fadeInDown"&gt;&lt;span class="badge remove-item ml-1"&gt;&amp;times;&lt;/span&gt;&lt;/button&gt;'</w:t>
            </w:r>
          </w:p>
          <w:p w:rsidR="00763958" w:rsidRDefault="00763958" w:rsidP="00763958">
            <w:r>
              <w:t xml:space="preserve">                                );</w:t>
            </w:r>
          </w:p>
          <w:p w:rsidR="00763958" w:rsidRDefault="00763958" w:rsidP="00763958">
            <w:r>
              <w:t xml:space="preserve">                                template.prepend(_.upperFirst(_.camelCase(locData[0])) + ": " + locData[1]);</w:t>
            </w:r>
          </w:p>
          <w:p w:rsidR="00763958" w:rsidRDefault="00763958" w:rsidP="00763958">
            <w:r>
              <w:t xml:space="preserve">                                $(template).data("location", data);</w:t>
            </w:r>
          </w:p>
          <w:p w:rsidR="00763958" w:rsidRDefault="00763958" w:rsidP="00763958">
            <w:r>
              <w:t xml:space="preserve">                                $(template).attr("title", title);</w:t>
            </w:r>
          </w:p>
          <w:p w:rsidR="00763958" w:rsidRDefault="00763958" w:rsidP="00763958">
            <w:r>
              <w:t xml:space="preserve">                                $("#divLocations").append(template);</w:t>
            </w:r>
          </w:p>
          <w:p w:rsidR="00763958" w:rsidRDefault="00763958" w:rsidP="00763958">
            <w:r>
              <w:t xml:space="preserve">                            }</w:t>
            </w:r>
          </w:p>
          <w:p w:rsidR="00763958" w:rsidRDefault="00763958" w:rsidP="00763958">
            <w:r>
              <w:t xml:space="preserve">                            if (locData[0] === "zip_code") {</w:t>
            </w:r>
          </w:p>
          <w:p w:rsidR="00763958" w:rsidRDefault="00763958" w:rsidP="00763958">
            <w:r>
              <w:t xml:space="preserve">                                $("#divRadius").show();</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function fnSetCheckbox(data, name) {</w:t>
            </w:r>
          </w:p>
          <w:p w:rsidR="00763958" w:rsidRDefault="00763958" w:rsidP="00763958">
            <w:r>
              <w:t xml:space="preserve">                            if (data instanceof Array) {</w:t>
            </w:r>
          </w:p>
          <w:p w:rsidR="00763958" w:rsidRDefault="00763958" w:rsidP="00763958">
            <w:r>
              <w:t xml:space="preserve">                                data.forEach(function(item, index) {</w:t>
            </w:r>
          </w:p>
          <w:p w:rsidR="00763958" w:rsidRDefault="00763958" w:rsidP="00763958">
            <w:r>
              <w:t xml:space="preserve">                                    $("input[name='" + name + "[]'][value='" + item + "']").prop("checked",</w:t>
            </w:r>
          </w:p>
          <w:p w:rsidR="00763958" w:rsidRDefault="00763958" w:rsidP="00763958">
            <w:r>
              <w:t xml:space="preserve">                                        true);</w:t>
            </w:r>
          </w:p>
          <w:p w:rsidR="00763958" w:rsidRDefault="00763958" w:rsidP="00763958">
            <w:r>
              <w:t xml:space="preserve">                                });</w:t>
            </w:r>
          </w:p>
          <w:p w:rsidR="00763958" w:rsidRDefault="00763958" w:rsidP="00763958">
            <w:r>
              <w:t xml:space="preserve">                            } else if (data !== "") {</w:t>
            </w:r>
          </w:p>
          <w:p w:rsidR="00763958" w:rsidRDefault="00763958" w:rsidP="00763958">
            <w:r>
              <w:t xml:space="preserve">                                $("input[name='" + name + "[]'][value='" + data + "']").prop("checked", true);</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function fnObjectToQuery(obj) {</w:t>
            </w:r>
          </w:p>
          <w:p w:rsidR="00763958" w:rsidRDefault="00763958" w:rsidP="00763958">
            <w:r>
              <w:t xml:space="preserve">                            obj = fnRefineObject(obj);</w:t>
            </w:r>
          </w:p>
          <w:p w:rsidR="00763958" w:rsidRDefault="00763958" w:rsidP="00763958">
            <w:r>
              <w:t xml:space="preserve">                            return Object.keys(obj).map(function(prop) {</w:t>
            </w:r>
          </w:p>
          <w:p w:rsidR="00763958" w:rsidRDefault="00763958" w:rsidP="00763958">
            <w:r>
              <w:t xml:space="preserve">                                return prop + "=" + obj[prop];</w:t>
            </w:r>
          </w:p>
          <w:p w:rsidR="00763958" w:rsidRDefault="00763958" w:rsidP="00763958">
            <w:r>
              <w:t xml:space="preserve">                            }).join("&amp;");</w:t>
            </w:r>
          </w:p>
          <w:p w:rsidR="00763958" w:rsidRDefault="00763958" w:rsidP="00763958">
            <w:r>
              <w:t xml:space="preserve">                        }</w:t>
            </w:r>
          </w:p>
          <w:p w:rsidR="00763958" w:rsidRDefault="00763958" w:rsidP="00763958"/>
          <w:p w:rsidR="00763958" w:rsidRDefault="00763958" w:rsidP="00763958">
            <w:r>
              <w:t xml:space="preserve">                        function fnParseFilter(sFilter) {</w:t>
            </w:r>
          </w:p>
          <w:p w:rsidR="00763958" w:rsidRDefault="00763958" w:rsidP="00763958">
            <w:r>
              <w:t xml:space="preserve">                            sFilter = atob(sFilter.replace(/\s+/g, '+'));</w:t>
            </w:r>
          </w:p>
          <w:p w:rsidR="00763958" w:rsidRDefault="00763958" w:rsidP="00763958">
            <w:r>
              <w:t xml:space="preserve">                            let newArray = {</w:t>
            </w:r>
          </w:p>
          <w:p w:rsidR="00763958" w:rsidRDefault="00763958" w:rsidP="00763958">
            <w:r>
              <w:t xml:space="preserve">                                'radius': '',</w:t>
            </w:r>
          </w:p>
          <w:p w:rsidR="00763958" w:rsidRDefault="00763958" w:rsidP="00763958">
            <w:r>
              <w:t xml:space="preserve">                                'location': '',</w:t>
            </w:r>
          </w:p>
          <w:p w:rsidR="00763958" w:rsidRDefault="00763958" w:rsidP="00763958">
            <w:r>
              <w:t xml:space="preserve">                                //'residences': '',</w:t>
            </w:r>
          </w:p>
          <w:p w:rsidR="00763958" w:rsidRDefault="00763958" w:rsidP="00763958">
            <w:r>
              <w:t xml:space="preserve">                                'price_range': ''</w:t>
            </w:r>
          </w:p>
          <w:p w:rsidR="00763958" w:rsidRDefault="00763958" w:rsidP="00763958">
            <w:r>
              <w:t xml:space="preserve">                            };</w:t>
            </w:r>
          </w:p>
          <w:p w:rsidR="00763958" w:rsidRDefault="00763958" w:rsidP="00763958">
            <w:r>
              <w:t xml:space="preserve">                            if (sFilter) {</w:t>
            </w:r>
          </w:p>
          <w:p w:rsidR="00763958" w:rsidRDefault="00763958" w:rsidP="00763958">
            <w:r>
              <w:t xml:space="preserve">                                let aryFilter = sFilter.split("|");</w:t>
            </w:r>
          </w:p>
          <w:p w:rsidR="00763958" w:rsidRDefault="00763958" w:rsidP="00763958">
            <w:r>
              <w:t xml:space="preserve">                                aryFilter.forEach(function(item, index) {</w:t>
            </w:r>
          </w:p>
          <w:p w:rsidR="00763958" w:rsidRDefault="00763958" w:rsidP="00763958">
            <w:r>
              <w:t xml:space="preserve">                                    let keyPair = item.split(":");</w:t>
            </w:r>
          </w:p>
          <w:p w:rsidR="00763958" w:rsidRDefault="00763958" w:rsidP="00763958">
            <w:r>
              <w:t xml:space="preserve">                                    newArray[keyPair[0]] = (keyPair[1].indexOf(",") === -1 ? keyPair[1] :</w:t>
            </w:r>
          </w:p>
          <w:p w:rsidR="00763958" w:rsidRDefault="00763958" w:rsidP="00763958">
            <w:r>
              <w:t xml:space="preserve">                                        keyPair[1].split(","));</w:t>
            </w:r>
          </w:p>
          <w:p w:rsidR="00763958" w:rsidRDefault="00763958" w:rsidP="00763958">
            <w:r>
              <w:t xml:space="preserve">                                });</w:t>
            </w:r>
          </w:p>
          <w:p w:rsidR="00763958" w:rsidRDefault="00763958" w:rsidP="00763958">
            <w:r>
              <w:t xml:space="preserve">                            }</w:t>
            </w:r>
          </w:p>
          <w:p w:rsidR="00763958" w:rsidRDefault="00763958" w:rsidP="00763958">
            <w:r>
              <w:t xml:space="preserve">                            return newArray;</w:t>
            </w:r>
          </w:p>
          <w:p w:rsidR="00763958" w:rsidRDefault="00763958" w:rsidP="00763958">
            <w:r>
              <w:t xml:space="preserve">                        }</w:t>
            </w:r>
          </w:p>
          <w:p w:rsidR="00763958" w:rsidRDefault="00763958" w:rsidP="00763958"/>
          <w:p w:rsidR="00763958" w:rsidRDefault="00763958" w:rsidP="00763958">
            <w:r>
              <w:t xml:space="preserve">                        function fnStringifyObject(obj) {</w:t>
            </w:r>
          </w:p>
          <w:p w:rsidR="00763958" w:rsidRDefault="00763958" w:rsidP="00763958">
            <w:r>
              <w:t xml:space="preserve">                            obj = fnRefineObject(obj);</w:t>
            </w:r>
          </w:p>
          <w:p w:rsidR="00763958" w:rsidRDefault="00763958" w:rsidP="00763958">
            <w:r>
              <w:t xml:space="preserve">                            let newArray = [];</w:t>
            </w:r>
          </w:p>
          <w:p w:rsidR="00763958" w:rsidRDefault="00763958" w:rsidP="00763958">
            <w:r>
              <w:t xml:space="preserve">                            Object.keys(obj).forEach((prop) =&gt; {</w:t>
            </w:r>
          </w:p>
          <w:p w:rsidR="00763958" w:rsidRDefault="00763958" w:rsidP="00763958">
            <w:r>
              <w:t xml:space="preserve">                                newArray.push(prop + ":" + ((obj[prop].constructor === Array) ? obj[prop].join(</w:t>
            </w:r>
          </w:p>
          <w:p w:rsidR="00763958" w:rsidRDefault="00763958" w:rsidP="00763958">
            <w:r>
              <w:t xml:space="preserve">                                    ",") : obj[prop]));</w:t>
            </w:r>
          </w:p>
          <w:p w:rsidR="00763958" w:rsidRDefault="00763958" w:rsidP="00763958">
            <w:r>
              <w:t xml:space="preserve">                            });</w:t>
            </w:r>
          </w:p>
          <w:p w:rsidR="00763958" w:rsidRDefault="00763958" w:rsidP="00763958">
            <w:r>
              <w:t xml:space="preserve">                            return newArray.join("|");</w:t>
            </w:r>
          </w:p>
          <w:p w:rsidR="00763958" w:rsidRDefault="00763958" w:rsidP="00763958">
            <w:r>
              <w:t xml:space="preserve">                        }</w:t>
            </w:r>
          </w:p>
          <w:p w:rsidR="00763958" w:rsidRDefault="00763958" w:rsidP="00763958"/>
          <w:p w:rsidR="00763958" w:rsidRDefault="00763958" w:rsidP="00763958">
            <w:r>
              <w:t xml:space="preserve">                        function fnRefineObject(obj) {</w:t>
            </w:r>
          </w:p>
          <w:p w:rsidR="00763958" w:rsidRDefault="00763958" w:rsidP="00763958">
            <w:r>
              <w:t xml:space="preserve">                            let newObj = {};</w:t>
            </w:r>
          </w:p>
          <w:p w:rsidR="00763958" w:rsidRDefault="00763958" w:rsidP="00763958">
            <w:r>
              <w:t xml:space="preserve">                            Object.keys(obj).forEach((prop) =&gt; {</w:t>
            </w:r>
          </w:p>
          <w:p w:rsidR="00763958" w:rsidRDefault="00763958" w:rsidP="00763958">
            <w:r>
              <w:t xml:space="preserve">                                if (obj[prop] &amp;&amp; !(Object.keys(obj[prop]).length === 0 &amp;&amp; obj[prop]</w:t>
            </w:r>
          </w:p>
          <w:p w:rsidR="00763958" w:rsidRDefault="00763958" w:rsidP="00763958">
            <w:r>
              <w:t xml:space="preserve">                                        .constructor === Object) &amp;&amp;</w:t>
            </w:r>
          </w:p>
          <w:p w:rsidR="00763958" w:rsidRDefault="00763958" w:rsidP="00763958">
            <w:r>
              <w:t xml:space="preserve">                                    !(obj[prop].constructor === Array &amp;&amp; obj[prop].length === 0)) {</w:t>
            </w:r>
          </w:p>
          <w:p w:rsidR="00763958" w:rsidRDefault="00763958" w:rsidP="00763958">
            <w:r>
              <w:t xml:space="preserve">                                    newObj[prop] = obj[prop];</w:t>
            </w:r>
          </w:p>
          <w:p w:rsidR="00763958" w:rsidRDefault="00763958" w:rsidP="00763958">
            <w:r>
              <w:t xml:space="preserve">                                }</w:t>
            </w:r>
          </w:p>
          <w:p w:rsidR="00763958" w:rsidRDefault="00763958" w:rsidP="00763958">
            <w:r>
              <w:t xml:space="preserve">                            });</w:t>
            </w:r>
          </w:p>
          <w:p w:rsidR="00763958" w:rsidRDefault="00763958" w:rsidP="00763958">
            <w:r>
              <w:t xml:space="preserve">                            return newObj;</w:t>
            </w:r>
          </w:p>
          <w:p w:rsidR="00763958" w:rsidRDefault="00763958" w:rsidP="00763958">
            <w:r>
              <w:t xml:space="preserve">                        }</w:t>
            </w:r>
          </w:p>
          <w:p w:rsidR="00763958" w:rsidRDefault="00763958" w:rsidP="00763958"/>
          <w:p w:rsidR="00763958" w:rsidRDefault="00763958" w:rsidP="00763958">
            <w:r>
              <w:t xml:space="preserve">                        function initAutocomplete() {</w:t>
            </w:r>
          </w:p>
          <w:p w:rsidR="00763958" w:rsidRDefault="00763958" w:rsidP="00763958">
            <w:r>
              <w:t xml:space="preserve">                            geoLocate();</w:t>
            </w:r>
          </w:p>
          <w:p w:rsidR="00763958" w:rsidRDefault="00763958" w:rsidP="00763958">
            <w:r>
              <w:t xml:space="preserve">                            autocomplete = new google.maps.places.Autocomplete(</w:t>
            </w:r>
          </w:p>
          <w:p w:rsidR="00763958" w:rsidRDefault="00763958" w:rsidP="00763958">
            <w:r>
              <w:t xml:space="preserve">                                document.getElementById('txtLocation'), {</w:t>
            </w:r>
          </w:p>
          <w:p w:rsidR="00763958" w:rsidRDefault="00763958" w:rsidP="00763958">
            <w:r>
              <w:t xml:space="preserve">                                    types: ['geocode'],</w:t>
            </w:r>
          </w:p>
          <w:p w:rsidR="00763958" w:rsidRDefault="00763958" w:rsidP="00763958">
            <w:r>
              <w:t xml:space="preserve">                                    componentRestrictions: {</w:t>
            </w:r>
          </w:p>
          <w:p w:rsidR="00763958" w:rsidRDefault="00763958" w:rsidP="00763958">
            <w:r>
              <w:lastRenderedPageBreak/>
              <w:t xml:space="preserve">                                        country: "us"</w:t>
            </w:r>
          </w:p>
          <w:p w:rsidR="00763958" w:rsidRDefault="00763958" w:rsidP="00763958">
            <w:r>
              <w:t xml:space="preserve">                                    }</w:t>
            </w:r>
          </w:p>
          <w:p w:rsidR="00763958" w:rsidRDefault="00763958" w:rsidP="00763958">
            <w:r>
              <w:t xml:space="preserve">                                });</w:t>
            </w:r>
          </w:p>
          <w:p w:rsidR="00763958" w:rsidRDefault="00763958" w:rsidP="00763958">
            <w:r>
              <w:t xml:space="preserve">                            autocomplete.setFields(['address_component']);</w:t>
            </w:r>
          </w:p>
          <w:p w:rsidR="00763958" w:rsidRDefault="00763958" w:rsidP="00763958">
            <w:r>
              <w:t xml:space="preserve">                            autocomplete.addListener('place_changed', fnPlaceChanged);</w:t>
            </w:r>
          </w:p>
          <w:p w:rsidR="00763958" w:rsidRDefault="00763958" w:rsidP="00763958">
            <w:r>
              <w:t xml:space="preserve">                            google.maps.event.addDomListener(document.getElementById('txtLocation'), 'keydown',</w:t>
            </w:r>
          </w:p>
          <w:p w:rsidR="00763958" w:rsidRDefault="00763958" w:rsidP="00763958">
            <w:r>
              <w:t xml:space="preserve">                                function(e) {</w:t>
            </w:r>
          </w:p>
          <w:p w:rsidR="00763958" w:rsidRDefault="00763958" w:rsidP="00763958">
            <w:r>
              <w:t xml:space="preserve">                                    if (e.keyCode === 13) {</w:t>
            </w:r>
          </w:p>
          <w:p w:rsidR="00763958" w:rsidRDefault="00763958" w:rsidP="00763958">
            <w:r>
              <w:t xml:space="preserve">                                        e.preventDefault();</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function fnPlaceChanged() {</w:t>
            </w:r>
          </w:p>
          <w:p w:rsidR="00763958" w:rsidRDefault="00763958" w:rsidP="00763958">
            <w:r>
              <w:t xml:space="preserve">                            var place = autocomplete.getPlace();</w:t>
            </w:r>
          </w:p>
          <w:p w:rsidR="00763958" w:rsidRDefault="00763958" w:rsidP="00763958">
            <w:r>
              <w:t xml:space="preserve">                            var locationData = fnGetLocationData(place);</w:t>
            </w:r>
          </w:p>
          <w:p w:rsidR="00763958" w:rsidRDefault="00763958" w:rsidP="00763958">
            <w:r>
              <w:t xml:space="preserve">                            if (locationData !== "") {</w:t>
            </w:r>
          </w:p>
          <w:p w:rsidR="00763958" w:rsidRDefault="00763958" w:rsidP="00763958">
            <w:r>
              <w:t xml:space="preserve">                                fnAddLocationItem(locationData);</w:t>
            </w:r>
          </w:p>
          <w:p w:rsidR="00763958" w:rsidRDefault="00763958" w:rsidP="00763958">
            <w:r>
              <w:t xml:space="preserve">                            } else {</w:t>
            </w:r>
          </w:p>
          <w:p w:rsidR="00763958" w:rsidRDefault="00763958" w:rsidP="00763958">
            <w:r>
              <w:t xml:space="preserve">                                swal.fire({</w:t>
            </w:r>
          </w:p>
          <w:p w:rsidR="00763958" w:rsidRDefault="00763958" w:rsidP="00763958">
            <w:r>
              <w:t xml:space="preserve">                                    title: "Invalid input!!",</w:t>
            </w:r>
          </w:p>
          <w:p w:rsidR="00763958" w:rsidRDefault="00763958" w:rsidP="00763958">
            <w:r>
              <w:t xml:space="preserve">                                    text: "Please enter a city or zip code.",</w:t>
            </w:r>
          </w:p>
          <w:p w:rsidR="00763958" w:rsidRDefault="00763958" w:rsidP="00763958">
            <w:r>
              <w:t xml:space="preserve">                                    icon: "warning",</w:t>
            </w:r>
          </w:p>
          <w:p w:rsidR="00763958" w:rsidRDefault="00763958" w:rsidP="00763958">
            <w:r>
              <w:t xml:space="preserve">                                    confirmButtonColor: "#DD6B55",</w:t>
            </w:r>
          </w:p>
          <w:p w:rsidR="00763958" w:rsidRDefault="00763958" w:rsidP="00763958">
            <w:r>
              <w:t xml:space="preserve">                                    confirmButtonText: "Ok, Got it!!",</w:t>
            </w:r>
          </w:p>
          <w:p w:rsidR="00763958" w:rsidRDefault="00763958" w:rsidP="00763958">
            <w:r>
              <w:t xml:space="preserve">                                    allowOutsideClick: false</w:t>
            </w:r>
          </w:p>
          <w:p w:rsidR="00763958" w:rsidRDefault="00763958" w:rsidP="00763958">
            <w:r>
              <w:t xml:space="preserve">                                });</w:t>
            </w:r>
          </w:p>
          <w:p w:rsidR="00763958" w:rsidRDefault="00763958" w:rsidP="00763958">
            <w:r>
              <w:t xml:space="preserve">                            }</w:t>
            </w:r>
          </w:p>
          <w:p w:rsidR="00763958" w:rsidRDefault="00763958" w:rsidP="00763958">
            <w:r>
              <w:t xml:space="preserve">                            $("#txtLocation").val("");</w:t>
            </w:r>
          </w:p>
          <w:p w:rsidR="00763958" w:rsidRDefault="00763958" w:rsidP="00763958">
            <w:r>
              <w:t xml:space="preserve">                        }</w:t>
            </w:r>
          </w:p>
          <w:p w:rsidR="00763958" w:rsidRDefault="00763958" w:rsidP="00763958"/>
          <w:p w:rsidR="00763958" w:rsidRDefault="00763958" w:rsidP="00763958">
            <w:r>
              <w:t xml:space="preserve">                        function fnGetLocationData(place) {</w:t>
            </w:r>
          </w:p>
          <w:p w:rsidR="00763958" w:rsidRDefault="00763958" w:rsidP="00763958">
            <w:r>
              <w:t xml:space="preserve">                            var location = {},</w:t>
            </w:r>
          </w:p>
          <w:p w:rsidR="00763958" w:rsidRDefault="00763958" w:rsidP="00763958">
            <w:r>
              <w:t xml:space="preserve">                                locationData = "";</w:t>
            </w:r>
          </w:p>
          <w:p w:rsidR="00763958" w:rsidRDefault="00763958" w:rsidP="00763958">
            <w:r>
              <w:t xml:space="preserve">                            for (var i = 0; i &lt; place.address_components.length; i++) {</w:t>
            </w:r>
          </w:p>
          <w:p w:rsidR="00763958" w:rsidRDefault="00763958" w:rsidP="00763958">
            <w:r>
              <w:t xml:space="preserve">                                var addressType = place.address_components[i].types[0];</w:t>
            </w:r>
          </w:p>
          <w:p w:rsidR="00763958" w:rsidRDefault="00763958" w:rsidP="00763958">
            <w:r>
              <w:t xml:space="preserve">                                if (addressType === "postal_code") {</w:t>
            </w:r>
          </w:p>
          <w:p w:rsidR="00763958" w:rsidRDefault="00763958" w:rsidP="00763958">
            <w:r>
              <w:t xml:space="preserve">                                    location["zip_code"] = place.address_components[i]["short_name"];</w:t>
            </w:r>
          </w:p>
          <w:p w:rsidR="00763958" w:rsidRDefault="00763958" w:rsidP="00763958">
            <w:r>
              <w:t xml:space="preserve">                                }</w:t>
            </w:r>
          </w:p>
          <w:p w:rsidR="00763958" w:rsidRDefault="00763958" w:rsidP="00763958">
            <w:r>
              <w:t xml:space="preserve">                                if (addressType === "locality") {</w:t>
            </w:r>
          </w:p>
          <w:p w:rsidR="00763958" w:rsidRDefault="00763958" w:rsidP="00763958">
            <w:r>
              <w:t xml:space="preserve">                                    location["city_alt"] = place.address_components[i]["long_name"];</w:t>
            </w:r>
          </w:p>
          <w:p w:rsidR="00763958" w:rsidRDefault="00763958" w:rsidP="00763958">
            <w:r>
              <w:t xml:space="preserve">                                }</w:t>
            </w:r>
          </w:p>
          <w:p w:rsidR="00763958" w:rsidRDefault="00763958" w:rsidP="00763958">
            <w:r>
              <w:t xml:space="preserve">                                if (addressType === "neighborhood") {</w:t>
            </w:r>
          </w:p>
          <w:p w:rsidR="00763958" w:rsidRDefault="00763958" w:rsidP="00763958">
            <w:r>
              <w:t xml:space="preserve">                                    location["city"] = place.address_components[i]["long_name"];</w:t>
            </w:r>
          </w:p>
          <w:p w:rsidR="00763958" w:rsidRDefault="00763958" w:rsidP="00763958">
            <w:r>
              <w:t xml:space="preserve">                                }</w:t>
            </w:r>
          </w:p>
          <w:p w:rsidR="00763958" w:rsidRDefault="00763958" w:rsidP="00763958">
            <w:r>
              <w:t xml:space="preserve">                                if (addressType === "administrative_area_level_1") {</w:t>
            </w:r>
          </w:p>
          <w:p w:rsidR="00763958" w:rsidRDefault="00763958" w:rsidP="00763958">
            <w:r>
              <w:t xml:space="preserve">                                    location["state"] = place.address_components[i]["short_name"];</w:t>
            </w:r>
          </w:p>
          <w:p w:rsidR="00763958" w:rsidRDefault="00763958" w:rsidP="00763958">
            <w:r>
              <w:lastRenderedPageBreak/>
              <w:t xml:space="preserve">                                }</w:t>
            </w:r>
          </w:p>
          <w:p w:rsidR="00763958" w:rsidRDefault="00763958" w:rsidP="00763958">
            <w:r>
              <w:t xml:space="preserve">                            }</w:t>
            </w:r>
          </w:p>
          <w:p w:rsidR="00763958" w:rsidRDefault="00763958" w:rsidP="00763958">
            <w:r>
              <w:t xml:space="preserve">                            if (location.hasOwnProperty("zip_code")) {</w:t>
            </w:r>
          </w:p>
          <w:p w:rsidR="00763958" w:rsidRDefault="00763958" w:rsidP="00763958">
            <w:r>
              <w:t xml:space="preserve">                                locationData = "zip_code~" + location["zip_code"];</w:t>
            </w:r>
          </w:p>
          <w:p w:rsidR="00763958" w:rsidRDefault="00763958" w:rsidP="00763958">
            <w:r>
              <w:t xml:space="preserve">                            } else if (location.hasOwnProperty("city")) {</w:t>
            </w:r>
          </w:p>
          <w:p w:rsidR="00763958" w:rsidRDefault="00763958" w:rsidP="00763958">
            <w:r>
              <w:t xml:space="preserve">                                locationData = "city~" + location["city"];</w:t>
            </w:r>
          </w:p>
          <w:p w:rsidR="00763958" w:rsidRDefault="00763958" w:rsidP="00763958">
            <w:r>
              <w:t xml:space="preserve">                            } else if (location.hasOwnProperty("city_alt")) {</w:t>
            </w:r>
          </w:p>
          <w:p w:rsidR="00763958" w:rsidRDefault="00763958" w:rsidP="00763958">
            <w:r>
              <w:t xml:space="preserve">                                locationData = "city~" + location["city_alt"];</w:t>
            </w:r>
          </w:p>
          <w:p w:rsidR="00763958" w:rsidRDefault="00763958" w:rsidP="00763958">
            <w:r>
              <w:t xml:space="preserve">                            }</w:t>
            </w:r>
          </w:p>
          <w:p w:rsidR="00763958" w:rsidRDefault="00763958" w:rsidP="00763958">
            <w:r>
              <w:t xml:space="preserve">                            /* else if (location.hasOwnProperty("state")) {</w:t>
            </w:r>
          </w:p>
          <w:p w:rsidR="00763958" w:rsidRDefault="00763958" w:rsidP="00763958">
            <w:r>
              <w:t xml:space="preserve">                                            locationData = "state~" + location["state"];</w:t>
            </w:r>
          </w:p>
          <w:p w:rsidR="00763958" w:rsidRDefault="00763958" w:rsidP="00763958">
            <w:r>
              <w:t xml:space="preserve">                                        }*/</w:t>
            </w:r>
          </w:p>
          <w:p w:rsidR="00763958" w:rsidRDefault="00763958" w:rsidP="00763958">
            <w:r>
              <w:t xml:space="preserve">                            return locationData;</w:t>
            </w:r>
          </w:p>
          <w:p w:rsidR="00763958" w:rsidRDefault="00763958" w:rsidP="00763958">
            <w:r>
              <w:t xml:space="preserve">                        }</w:t>
            </w:r>
          </w:p>
          <w:p w:rsidR="00763958" w:rsidRDefault="00763958" w:rsidP="00763958"/>
          <w:p w:rsidR="00763958" w:rsidRDefault="00763958" w:rsidP="00763958">
            <w:r>
              <w:t xml:space="preserve">                        function geoLocate() {</w:t>
            </w:r>
          </w:p>
          <w:p w:rsidR="00763958" w:rsidRDefault="00763958" w:rsidP="00763958">
            <w:r>
              <w:t xml:space="preserve">                            if (navigator.geolocation) {</w:t>
            </w:r>
          </w:p>
          <w:p w:rsidR="00763958" w:rsidRDefault="00763958" w:rsidP="00763958">
            <w:r>
              <w:t xml:space="preserve">                                navigator.geolocation.getCurrentPosition(function(position) {</w:t>
            </w:r>
          </w:p>
          <w:p w:rsidR="00763958" w:rsidRDefault="00763958" w:rsidP="00763958">
            <w:r>
              <w:t xml:space="preserve">                                    var geolocation = {</w:t>
            </w:r>
          </w:p>
          <w:p w:rsidR="00763958" w:rsidRDefault="00763958" w:rsidP="00763958">
            <w:r>
              <w:t xml:space="preserve">                                        lat: position.coords.latitude,</w:t>
            </w:r>
          </w:p>
          <w:p w:rsidR="00763958" w:rsidRDefault="00763958" w:rsidP="00763958">
            <w:r>
              <w:t xml:space="preserve">                                        lng: position.coords.longitude</w:t>
            </w:r>
          </w:p>
          <w:p w:rsidR="00763958" w:rsidRDefault="00763958" w:rsidP="00763958">
            <w:r>
              <w:t xml:space="preserve">                                    };</w:t>
            </w:r>
          </w:p>
          <w:p w:rsidR="00763958" w:rsidRDefault="00763958" w:rsidP="00763958">
            <w:r>
              <w:t xml:space="preserve">                                    var circle = new google.maps.Circle({</w:t>
            </w:r>
          </w:p>
          <w:p w:rsidR="00763958" w:rsidRDefault="00763958" w:rsidP="00763958">
            <w:r>
              <w:t xml:space="preserve">                                        center: geolocation,</w:t>
            </w:r>
          </w:p>
          <w:p w:rsidR="00763958" w:rsidRDefault="00763958" w:rsidP="00763958">
            <w:r>
              <w:t xml:space="preserve">                                        radius: position.coords.accuracy</w:t>
            </w:r>
          </w:p>
          <w:p w:rsidR="00763958" w:rsidRDefault="00763958" w:rsidP="00763958">
            <w:r>
              <w:t xml:space="preserve">                                    });</w:t>
            </w:r>
          </w:p>
          <w:p w:rsidR="00763958" w:rsidRDefault="00763958" w:rsidP="00763958">
            <w:r>
              <w:t xml:space="preserve">                                    autocomplete.setBounds(circle.getBounds());</w:t>
            </w:r>
          </w:p>
          <w:p w:rsidR="00763958" w:rsidRDefault="00763958" w:rsidP="00763958">
            <w:r>
              <w:t xml:space="preserve">                                    if (!lscache.get("auto_location_off")) {</w:t>
            </w:r>
          </w:p>
          <w:p w:rsidR="00763958" w:rsidRDefault="00763958" w:rsidP="00763958">
            <w:r>
              <w:t xml:space="preserve">                                        var point = new google.maps.LatLng(position.coords.latitude, position</w:t>
            </w:r>
          </w:p>
          <w:p w:rsidR="00763958" w:rsidRDefault="00763958" w:rsidP="00763958">
            <w:r>
              <w:t xml:space="preserve">                                            .coords.longitude);</w:t>
            </w:r>
          </w:p>
          <w:p w:rsidR="00763958" w:rsidRDefault="00763958" w:rsidP="00763958">
            <w:r>
              <w:t xml:space="preserve">                                        new google.maps.Geocoder().geocode({</w:t>
            </w:r>
          </w:p>
          <w:p w:rsidR="00763958" w:rsidRDefault="00763958" w:rsidP="00763958">
            <w:r>
              <w:t xml:space="preserve">                                            'latLng': point</w:t>
            </w:r>
          </w:p>
          <w:p w:rsidR="00763958" w:rsidRDefault="00763958" w:rsidP="00763958">
            <w:r>
              <w:t xml:space="preserve">                                        }, function(res, status) {</w:t>
            </w:r>
          </w:p>
          <w:p w:rsidR="00763958" w:rsidRDefault="00763958" w:rsidP="00763958">
            <w:r>
              <w:t xml:space="preserve">                                            if (status === google.maps.GeocoderStatus.OK &amp;&amp; typeof res[</w:t>
            </w:r>
          </w:p>
          <w:p w:rsidR="00763958" w:rsidRDefault="00763958" w:rsidP="00763958">
            <w:r>
              <w:t xml:space="preserve">                                                    0] !== 'undefined') {</w:t>
            </w:r>
          </w:p>
          <w:p w:rsidR="00763958" w:rsidRDefault="00763958" w:rsidP="00763958">
            <w:r>
              <w:t xml:space="preserve">                                                var locationData = fnGetLocationData(res[0]);</w:t>
            </w:r>
          </w:p>
          <w:p w:rsidR="00763958" w:rsidRDefault="00763958" w:rsidP="00763958">
            <w:r>
              <w:t xml:space="preserve">                                                if (locationData !== "") {</w:t>
            </w:r>
          </w:p>
          <w:p w:rsidR="00763958" w:rsidRDefault="00763958" w:rsidP="00763958">
            <w:r>
              <w:t xml:space="preserve">                                                    fnAddLocationItem(locationData, 'success',</w:t>
            </w:r>
          </w:p>
          <w:p w:rsidR="00763958" w:rsidRDefault="00763958" w:rsidP="00763958">
            <w:r>
              <w:t xml:space="preserve">                                                        'Your Location');</w:t>
            </w:r>
          </w:p>
          <w:p w:rsidR="00763958" w:rsidRDefault="00763958" w:rsidP="00763958">
            <w:r>
              <w:t xml:space="preserve">                                                } else {</w:t>
            </w:r>
          </w:p>
          <w:p w:rsidR="00763958" w:rsidRDefault="00763958" w:rsidP="00763958">
            <w:r>
              <w:t xml:space="preserve">                                                    fail('Unable to get zip code');</w:t>
            </w:r>
          </w:p>
          <w:p w:rsidR="00763958" w:rsidRDefault="00763958" w:rsidP="00763958">
            <w:r>
              <w:t xml:space="preserve">                                                }</w:t>
            </w:r>
          </w:p>
          <w:p w:rsidR="00763958" w:rsidRDefault="00763958" w:rsidP="00763958">
            <w:r>
              <w:t xml:space="preserve">                                            } else {</w:t>
            </w:r>
          </w:p>
          <w:p w:rsidR="00763958" w:rsidRDefault="00763958" w:rsidP="00763958">
            <w:r>
              <w:t xml:space="preserve">                                                fail('Unable to look-up geolocation');</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lastRenderedPageBreak/>
              <w:t xml:space="preserve">                            } else {</w:t>
            </w:r>
          </w:p>
          <w:p w:rsidR="00763958" w:rsidRDefault="00763958" w:rsidP="00763958">
            <w:r>
              <w:t xml:space="preserve">                                console.log("Geolocation not supported");</w:t>
            </w:r>
          </w:p>
          <w:p w:rsidR="00763958" w:rsidRDefault="00763958" w:rsidP="00763958">
            <w:r>
              <w:t xml:space="preserve">                            }</w:t>
            </w:r>
          </w:p>
          <w:p w:rsidR="00763958" w:rsidRDefault="00763958" w:rsidP="00763958">
            <w:r>
              <w:t xml:space="preserve">                        }</w:t>
            </w:r>
          </w:p>
          <w:p w:rsidR="00763958" w:rsidRDefault="00763958" w:rsidP="00763958">
            <w:r>
              <w:t xml:space="preserve">                        &lt;/script&gt;</w:t>
            </w:r>
          </w:p>
          <w:p w:rsidR="00763958" w:rsidRDefault="00763958" w:rsidP="00763958">
            <w:r>
              <w:t xml:space="preserve">                    &lt;/aside&gt;</w:t>
            </w:r>
          </w:p>
          <w:p w:rsidR="0048012D" w:rsidRDefault="00763958" w:rsidP="00763958">
            <w:r>
              <w:t>&lt;!---------------Filter validation ends------------------&gt;</w:t>
            </w:r>
          </w:p>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763958" w:rsidP="0048012D">
            <w:r>
              <w:object w:dxaOrig="17925" w:dyaOrig="11985">
                <v:shape id="_x0000_i1043" type="#_x0000_t75" style="width:468pt;height:312.8pt" o:ole="">
                  <v:imagedata r:id="rId42" o:title=""/>
                </v:shape>
                <o:OLEObject Type="Embed" ProgID="PBrush" ShapeID="_x0000_i1043" DrawAspect="Content" ObjectID="_1729694200" r:id="rId43"/>
              </w:object>
            </w:r>
          </w:p>
        </w:tc>
      </w:tr>
      <w:tr w:rsidR="0048012D" w:rsidTr="0048012D">
        <w:tc>
          <w:tcPr>
            <w:tcW w:w="9576" w:type="dxa"/>
          </w:tcPr>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lt;!---------------residences recomendation starts------------------&gt;</w:t>
            </w:r>
          </w:p>
          <w:p w:rsidR="00763958" w:rsidRDefault="00763958" w:rsidP="00763958">
            <w:pPr>
              <w:autoSpaceDE w:val="0"/>
              <w:autoSpaceDN w:val="0"/>
              <w:adjustRightInd w:val="0"/>
              <w:rPr>
                <w:rFonts w:ascii="Cascadia Mono" w:hAnsi="Cascadia Mono" w:cs="Cascadia Mono"/>
                <w:color w:val="000000"/>
                <w:sz w:val="19"/>
                <w:szCs w:val="19"/>
              </w:rPr>
            </w:pP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lg-9"</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md-12"</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main_title_2"</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d-flex justify-content-center align-items-center"</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mg </w:t>
            </w:r>
            <w:r>
              <w:rPr>
                <w:rFonts w:ascii="Cascadia Mono" w:hAnsi="Cascadia Mono" w:cs="Cascadia Mono"/>
                <w:color w:val="FF0000"/>
                <w:sz w:val="19"/>
                <w:szCs w:val="19"/>
              </w:rPr>
              <w:t>src</w:t>
            </w:r>
            <w:r>
              <w:rPr>
                <w:rFonts w:ascii="Cascadia Mono" w:hAnsi="Cascadia Mono" w:cs="Cascadia Mono"/>
                <w:color w:val="800000"/>
                <w:sz w:val="19"/>
                <w:szCs w:val="19"/>
              </w:rPr>
              <w:t>=</w:t>
            </w:r>
            <w:r>
              <w:rPr>
                <w:rFonts w:ascii="Cascadia Mono" w:hAnsi="Cascadia Mono" w:cs="Cascadia Mono"/>
                <w:color w:val="0000FF"/>
                <w:sz w:val="19"/>
                <w:szCs w:val="19"/>
              </w:rPr>
              <w:t>"spf/img/services/icon/independent-55-plus.png"</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img-fluid d-inline-block"</w:t>
            </w:r>
            <w:r>
              <w:rPr>
                <w:rFonts w:ascii="Cascadia Mono" w:hAnsi="Cascadia Mono" w:cs="Cascadia Mono"/>
                <w:color w:val="800000"/>
                <w:sz w:val="19"/>
                <w:szCs w:val="19"/>
              </w:rPr>
              <w:t xml:space="preserve"> </w:t>
            </w:r>
            <w:r>
              <w:rPr>
                <w:rFonts w:ascii="Cascadia Mono" w:hAnsi="Cascadia Mono" w:cs="Cascadia Mono"/>
                <w:color w:val="FF0000"/>
                <w:sz w:val="19"/>
                <w:szCs w:val="19"/>
              </w:rPr>
              <w:t>width</w:t>
            </w:r>
            <w:r>
              <w:rPr>
                <w:rFonts w:ascii="Cascadia Mono" w:hAnsi="Cascadia Mono" w:cs="Cascadia Mono"/>
                <w:color w:val="800000"/>
                <w:sz w:val="19"/>
                <w:szCs w:val="19"/>
              </w:rPr>
              <w:t>=</w:t>
            </w:r>
            <w:r>
              <w:rPr>
                <w:rFonts w:ascii="Cascadia Mono" w:hAnsi="Cascadia Mono" w:cs="Cascadia Mono"/>
                <w:color w:val="0000FF"/>
                <w:sz w:val="19"/>
                <w:szCs w:val="19"/>
              </w:rPr>
              <w:t>"70"</w:t>
            </w:r>
            <w:r>
              <w:rPr>
                <w:rFonts w:ascii="Cascadia Mono" w:hAnsi="Cascadia Mono" w:cs="Cascadia Mono"/>
                <w:color w:val="800000"/>
                <w:sz w:val="19"/>
                <w:szCs w:val="19"/>
              </w:rPr>
              <w:t xml:space="preserve"> </w:t>
            </w:r>
            <w:r>
              <w:rPr>
                <w:rFonts w:ascii="Cascadia Mono" w:hAnsi="Cascadia Mono" w:cs="Cascadia Mono"/>
                <w:color w:val="FF0000"/>
                <w:sz w:val="19"/>
                <w:szCs w:val="19"/>
              </w:rPr>
              <w:t>height</w:t>
            </w:r>
            <w:r>
              <w:rPr>
                <w:rFonts w:ascii="Cascadia Mono" w:hAnsi="Cascadia Mono" w:cs="Cascadia Mono"/>
                <w:color w:val="800000"/>
                <w:sz w:val="19"/>
                <w:szCs w:val="19"/>
              </w:rPr>
              <w:t>=</w:t>
            </w:r>
            <w:r>
              <w:rPr>
                <w:rFonts w:ascii="Cascadia Mono" w:hAnsi="Cascadia Mono" w:cs="Cascadia Mono"/>
                <w:color w:val="0000FF"/>
                <w:sz w:val="19"/>
                <w:szCs w:val="19"/>
              </w:rPr>
              <w:t>"70"</w:t>
            </w:r>
            <w:r>
              <w:rPr>
                <w:rFonts w:ascii="Cascadia Mono" w:hAnsi="Cascadia Mono" w:cs="Cascadia Mono"/>
                <w:color w:val="000000"/>
                <w:sz w:val="19"/>
                <w:szCs w:val="19"/>
              </w:rPr>
              <w:t xml:space="preserve"> /&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d-inline-block text-left"</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4</w:t>
            </w:r>
            <w:r>
              <w:rPr>
                <w:rFonts w:ascii="Cascadia Mono" w:hAnsi="Cascadia Mono" w:cs="Cascadia Mono"/>
                <w:color w:val="000000"/>
                <w:sz w:val="19"/>
                <w:szCs w:val="19"/>
              </w:rPr>
              <w:t>&gt;Independent / Adult Active 55+ Community&lt;/</w:t>
            </w:r>
            <w:r>
              <w:rPr>
                <w:rFonts w:ascii="Cascadia Mono" w:hAnsi="Cascadia Mono" w:cs="Cascadia Mono"/>
                <w:color w:val="800000"/>
                <w:sz w:val="19"/>
                <w:szCs w:val="19"/>
              </w:rPr>
              <w:t>h4</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lt;</w:t>
            </w:r>
            <w:r>
              <w:rPr>
                <w:rFonts w:ascii="Cascadia Mono" w:hAnsi="Cascadia Mono" w:cs="Cascadia Mono"/>
                <w:color w:val="800000"/>
                <w:sz w:val="19"/>
                <w:szCs w:val="19"/>
              </w:rPr>
              <w:t xml:space="preserve">p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lead"</w:t>
            </w:r>
            <w:r>
              <w:rPr>
                <w:rFonts w:ascii="Cascadia Mono" w:hAnsi="Cascadia Mono" w:cs="Cascadia Mono"/>
                <w:color w:val="000000"/>
                <w:sz w:val="19"/>
                <w:szCs w:val="19"/>
              </w:rPr>
              <w:t>&gt;List based on Resident Type&lt;/</w:t>
            </w:r>
            <w:r>
              <w:rPr>
                <w:rFonts w:ascii="Cascadia Mono" w:hAnsi="Cascadia Mono" w:cs="Cascadia Mono"/>
                <w:color w:val="800000"/>
                <w:sz w:val="19"/>
                <w:szCs w:val="19"/>
              </w:rPr>
              <w:t>p</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span</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em</w:t>
            </w:r>
            <w:r>
              <w:rPr>
                <w:rFonts w:ascii="Cascadia Mono" w:hAnsi="Cascadia Mono" w:cs="Cascadia Mono"/>
                <w:color w:val="000000"/>
                <w:sz w:val="19"/>
                <w:szCs w:val="19"/>
              </w:rPr>
              <w:t>&gt;&lt;/</w:t>
            </w:r>
            <w:r>
              <w:rPr>
                <w:rFonts w:ascii="Cascadia Mono" w:hAnsi="Cascadia Mono" w:cs="Cascadia Mono"/>
                <w:color w:val="800000"/>
                <w:sz w:val="19"/>
                <w:szCs w:val="19"/>
              </w:rPr>
              <w:t>span</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8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col-md-12 no-records"</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 xml:space="preserve">                         </w:t>
            </w:r>
            <w:r>
              <w:rPr>
                <w:rFonts w:ascii="Cascadia Mono" w:hAnsi="Cascadia Mono" w:cs="Cascadia Mono"/>
                <w:color w:val="FF0000"/>
                <w:sz w:val="19"/>
                <w:szCs w:val="19"/>
              </w:rPr>
              <w:t>style</w:t>
            </w:r>
            <w:r>
              <w:rPr>
                <w:rFonts w:ascii="Cascadia Mono" w:hAnsi="Cascadia Mono" w:cs="Cascadia Mono"/>
                <w:color w:val="800000"/>
                <w:sz w:val="19"/>
                <w:szCs w:val="19"/>
              </w:rPr>
              <w:t>=</w:t>
            </w:r>
            <w:r>
              <w:rPr>
                <w:rFonts w:ascii="Cascadia Mono" w:hAnsi="Cascadia Mono" w:cs="Cascadia Mono"/>
                <w:color w:val="0000FF"/>
                <w:sz w:val="19"/>
                <w:szCs w:val="19"/>
              </w:rPr>
              <w:t>"display: none;"</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pt-3 text-center text-danger"</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i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fa fa-smile-wink fa-3x"</w:t>
            </w:r>
            <w:r>
              <w:rPr>
                <w:rFonts w:ascii="Cascadia Mono" w:hAnsi="Cascadia Mono" w:cs="Cascadia Mono"/>
                <w:color w:val="000000"/>
                <w:sz w:val="19"/>
                <w:szCs w:val="19"/>
              </w:rPr>
              <w:t>&gt;&lt;/</w:t>
            </w:r>
            <w:r>
              <w:rPr>
                <w:rFonts w:ascii="Cascadia Mono" w:hAnsi="Cascadia Mono" w:cs="Cascadia Mono"/>
                <w:color w:val="800000"/>
                <w:sz w:val="19"/>
                <w:szCs w:val="19"/>
              </w:rPr>
              <w:t>i</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h6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text-danger mt-3"</w:t>
            </w:r>
            <w:r>
              <w:rPr>
                <w:rFonts w:ascii="Cascadia Mono" w:hAnsi="Cascadia Mono" w:cs="Cascadia Mono"/>
                <w:color w:val="000000"/>
                <w:sz w:val="19"/>
                <w:szCs w:val="19"/>
              </w:rPr>
              <w:t>&gt;Sorry! No matches were found in your search, you can edit your search by selecting more preferences.</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h6</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 xml:space="preserve">div </w:t>
            </w:r>
            <w:r>
              <w:rPr>
                <w:rFonts w:ascii="Cascadia Mono" w:hAnsi="Cascadia Mono" w:cs="Cascadia Mono"/>
                <w:color w:val="FF0000"/>
                <w:sz w:val="19"/>
                <w:szCs w:val="19"/>
              </w:rPr>
              <w:t>class</w:t>
            </w:r>
            <w:r>
              <w:rPr>
                <w:rFonts w:ascii="Cascadia Mono" w:hAnsi="Cascadia Mono" w:cs="Cascadia Mono"/>
                <w:color w:val="800000"/>
                <w:sz w:val="19"/>
                <w:szCs w:val="19"/>
              </w:rPr>
              <w:t>=</w:t>
            </w:r>
            <w:r>
              <w:rPr>
                <w:rFonts w:ascii="Cascadia Mono" w:hAnsi="Cascadia Mono" w:cs="Cascadia Mono"/>
                <w:color w:val="0000FF"/>
                <w:sz w:val="19"/>
                <w:szCs w:val="19"/>
              </w:rPr>
              <w:t>"row"</w:t>
            </w:r>
            <w:r>
              <w:rPr>
                <w:rFonts w:ascii="Cascadia Mono" w:hAnsi="Cascadia Mono" w:cs="Cascadia Mono"/>
                <w:color w:val="800000"/>
                <w:sz w:val="19"/>
                <w:szCs w:val="19"/>
              </w:rPr>
              <w:t xml:space="preserve"> </w:t>
            </w:r>
            <w:r>
              <w:rPr>
                <w:rFonts w:ascii="Cascadia Mono" w:hAnsi="Cascadia Mono" w:cs="Cascadia Mono"/>
                <w:color w:val="FF0000"/>
                <w:sz w:val="19"/>
                <w:szCs w:val="19"/>
              </w:rPr>
              <w:t>id</w:t>
            </w:r>
            <w:r>
              <w:rPr>
                <w:rFonts w:ascii="Cascadia Mono" w:hAnsi="Cascadia Mono" w:cs="Cascadia Mono"/>
                <w:color w:val="800000"/>
                <w:sz w:val="19"/>
                <w:szCs w:val="19"/>
              </w:rPr>
              <w:t>=</w:t>
            </w:r>
            <w:r>
              <w:rPr>
                <w:rFonts w:ascii="Cascadia Mono" w:hAnsi="Cascadia Mono" w:cs="Cascadia Mono"/>
                <w:color w:val="0000FF"/>
                <w:sz w:val="19"/>
                <w:szCs w:val="19"/>
              </w:rPr>
              <w:t>"residence_list"</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t;!--&lt;div class="col-md-6 residence wow bounceInUp 0" data-wow-duration="1.5s"</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ata-wow-delay="0.1s" id="100184"&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strip grid"&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figure&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 class="wish_bt btn-wishlist " href="javascript:" title="Add To My Lis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ata-toggle="tooltip" data-id="100184"</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gt;&lt;/a&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 href="residence/the-meridian-at-anaheim-hills.php"&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img alt="The Meridian at Anaheim Hills" title="The Meridian at Anaheim Hills" class="img-fluid"</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height="266" width="400"</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src="img/holder/default.svg"/&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read_more"&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pan&gt;View Residence&lt;/span&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mal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Independent 55+</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mal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mal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Assisted Living</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mal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figure&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wrapper"&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h3&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 href="residence/the-meridian-at-anaheim-hills.php"&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The Meridian at Anaheim Hills</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h3&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p&gt;Independent / Adult Active 55+ Community Residence</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p&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u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i&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lastRenderedPageBreak/>
              <w:t xml:space="preserve">            &lt;div class="score"&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pan&gt;Total&lt;em&gt;Views&lt;/em&gt;&lt;/span&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trong&gt;2842&lt;/strong&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i&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i&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 class="btn btn-sm btn-success rounded-pill"</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href="residence/the-meridian-at-anaheim-hills.php"&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i class="fas fa-map-marker-alt mr-1"&gt;&lt;/i&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Get Contact Info</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i&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u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lt;div class="col-md-6 residence wow bounceInUp 1" data-wow-duration="1.5s"</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ata-wow-delay="0.2s" id="100153"&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strip grid"&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figure&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 class="wish_bt btn-wishlist " href="javascript:" title="Add To My Lis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ata-toggle="tooltip" data-id="100153"&gt;&lt;/a&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 href="residence/leisure-vale-retirement.php"&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img alt="Leisure Vale Retirement" title="Leisure Vale Retirement" class="img-fluid"</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height="266" width="400"</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src="img/holder/default.svg"/&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read_more"&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pan&gt;View Residence&lt;/span&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mal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Independent 55+</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mal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mal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Assisted Living</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mal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figure&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wrapper"&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h3&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 href="residence/leisure-vale-retirement.php"&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eisure Vale Retiremen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h3&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p&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Independent / Adult Active 55+ Community Residence</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p&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u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i&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score"&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pan&gt;Total&lt;em&gt;Views&lt;/em&gt;&lt;/span&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trong&gt;1135&lt;/strong&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i&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i&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 class="btn btn-sm btn-success rounded-pill"</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href="residence/leisure-vale-retirement.php"&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i class="fas fa-map-marker-alt mr-1"&gt;&lt;/i&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lastRenderedPageBreak/>
              <w:t xml:space="preserve">                Get Contact Info</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i&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u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col-md-6 residence wow bounceInUp 2" data-wow-duration="1.5s" data-wow-delay="0.3s" id="100111"&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strip grid"&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figure&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 class="wish_bt btn-wishlist " href="javascript:" title="Add To My Lis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ata-toggle="tooltip" data-id="100111"</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gt;&lt;/a&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 href="residence/fairwinds-ivey-ranch.php"&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img alt="Fairwinds Ivey Ranch" title="Fairwinds Ivey Ranch" class="img-fluid"</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height="266" width="400"</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src="img/holder/default.svg"/&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read_more"&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pan&gt;View Residence&lt;/span&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mal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Independent 55+</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mal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mal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Assisted Living</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mal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figure&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wrapper"&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h3&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 href="residence/fairwinds-ivey-ranch.php"&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Fairwinds Ivey Ranch</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h3&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p&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Independent / Adult Active 55+ Community Residence</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p&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u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i&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score"&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pan&gt;Total&lt;em&gt;Views&lt;/em&gt;&lt;/span&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trong&gt;2126&lt;/strong&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i&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i&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 class="btn btn-sm btn-success rounded-pill"</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href="residence/fairwinds-ivey-ranch.php"&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i class="fas fa-map-marker-alt mr-1"&gt;&lt;/i&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Get Contact Info</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i&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u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col-md-6 residence wow bounceInUp 3" data-wow-duration="1.5s"</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lastRenderedPageBreak/>
              <w:t xml:space="preserve">                             data-wow-delay="0.4s" id="100112"&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strip grid"&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figure&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 class="wish_bt btn-wishlist " href="javascript:" title="Add To My Lis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data-toggle="tooltip" data-id="100112"</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gt;&lt;/a&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 href="residence/fairwinds-west-hills.php"&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img alt="Fairwinds West Hills" title="Fairwinds West Hills" class="img-fluid"</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height="266" width="400"</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src="img/holder/default.svg"/&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read_more"&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pan&gt;View Residence&lt;/span&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mal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Independent 55+</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mal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mal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Assisted Living</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mal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figure&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wrapper"&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h3&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 href="residence/fairwinds-west-hills.php"&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Fairwinds West Hills</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h3&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p&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Independent / Adult Active 55+ Community Residence</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p&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u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i&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 class="score"&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pan&gt;Total&lt;em&gt;Views&lt;/em&gt;&lt;/span&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strong&gt;968&lt;/strong&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i&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i&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 class="btn btn-sm btn-success rounded-pill"</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href="residence/fairwinds-west-hills.php"&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i class="fas fa-map-marker-alt mr-1"&gt;&lt;/i&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Get Contact Info</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a&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li&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ul&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lt;/div&gt;</w:t>
            </w:r>
          </w:p>
          <w:p w:rsidR="00763958" w:rsidRDefault="00763958" w:rsidP="00763958">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div&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lt;/div&gt;--&gt;</w:t>
            </w:r>
          </w:p>
          <w:p w:rsidR="00763958" w:rsidRDefault="00763958" w:rsidP="00763958">
            <w:pPr>
              <w:autoSpaceDE w:val="0"/>
              <w:autoSpaceDN w:val="0"/>
              <w:adjustRightInd w:val="0"/>
              <w:rPr>
                <w:rFonts w:ascii="Cascadia Mono" w:hAnsi="Cascadia Mono" w:cs="Cascadia Mono"/>
                <w:color w:val="000000"/>
                <w:sz w:val="19"/>
                <w:szCs w:val="19"/>
              </w:rPr>
            </w:pP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main</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lt;/</w:t>
            </w:r>
            <w:r>
              <w:rPr>
                <w:rFonts w:ascii="Cascadia Mono" w:hAnsi="Cascadia Mono" w:cs="Cascadia Mono"/>
                <w:color w:val="800000"/>
                <w:sz w:val="19"/>
                <w:szCs w:val="19"/>
              </w:rPr>
              <w:t>div</w:t>
            </w:r>
            <w:r>
              <w:rPr>
                <w:rFonts w:ascii="Cascadia Mono" w:hAnsi="Cascadia Mono" w:cs="Cascadia Mono"/>
                <w:color w:val="000000"/>
                <w:sz w:val="19"/>
                <w:szCs w:val="19"/>
              </w:rPr>
              <w:t>&gt;</w:t>
            </w:r>
          </w:p>
          <w:p w:rsidR="00763958" w:rsidRDefault="00763958" w:rsidP="00763958">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lastRenderedPageBreak/>
              <w:t>&lt;!---------------Residences ends------------------&gt;</w:t>
            </w:r>
          </w:p>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763958" w:rsidP="0048012D">
            <w:r w:rsidRPr="00763958">
              <w:rPr>
                <w:highlight w:val="yellow"/>
              </w:rPr>
              <w:t>Assisted-living.php</w:t>
            </w:r>
          </w:p>
        </w:tc>
      </w:tr>
      <w:tr w:rsidR="0048012D" w:rsidTr="0048012D">
        <w:tc>
          <w:tcPr>
            <w:tcW w:w="9576" w:type="dxa"/>
          </w:tcPr>
          <w:p w:rsidR="0048012D" w:rsidRDefault="00763958" w:rsidP="0048012D">
            <w:r>
              <w:object w:dxaOrig="3511" w:dyaOrig="4320">
                <v:shape id="_x0000_i1044" type="#_x0000_t75" style="width:436.8pt;height:3in" o:ole="">
                  <v:imagedata r:id="rId44" o:title=""/>
                </v:shape>
                <o:OLEObject Type="Embed" ProgID="PBrush" ShapeID="_x0000_i1044" DrawAspect="Content" ObjectID="_1729694201" r:id="rId45"/>
              </w:object>
            </w:r>
          </w:p>
        </w:tc>
      </w:tr>
      <w:tr w:rsidR="0048012D" w:rsidTr="0048012D">
        <w:tc>
          <w:tcPr>
            <w:tcW w:w="9576" w:type="dxa"/>
          </w:tcPr>
          <w:p w:rsidR="00763958" w:rsidRDefault="00763958" w:rsidP="00763958">
            <w:r>
              <w:t>&lt;?php require_once('config.php') ; ?&gt;</w:t>
            </w:r>
          </w:p>
          <w:p w:rsidR="00763958" w:rsidRDefault="00763958" w:rsidP="00763958">
            <w:r>
              <w:t>&lt;?php include_once ('attribute.php'); ?&gt;</w:t>
            </w:r>
          </w:p>
          <w:p w:rsidR="00763958" w:rsidRDefault="00763958" w:rsidP="00763958"/>
          <w:p w:rsidR="00763958" w:rsidRDefault="00763958" w:rsidP="00763958">
            <w:r>
              <w:t>&lt;head&gt;</w:t>
            </w:r>
          </w:p>
          <w:p w:rsidR="00763958" w:rsidRDefault="00763958" w:rsidP="00763958">
            <w:r>
              <w:t>&lt;!--meta details--&gt;</w:t>
            </w:r>
          </w:p>
          <w:p w:rsidR="00763958" w:rsidRDefault="00763958" w:rsidP="00763958">
            <w:r>
              <w:t xml:space="preserve">    &lt;meta charset="utf-8"/&gt;</w:t>
            </w:r>
          </w:p>
          <w:p w:rsidR="00763958" w:rsidRDefault="00763958" w:rsidP="00763958">
            <w:r>
              <w:t xml:space="preserve">    &lt;meta http-equiv="Content-Type" content="text/html; charset=UTF-8"/&gt;</w:t>
            </w:r>
          </w:p>
          <w:p w:rsidR="00763958" w:rsidRDefault="00763958" w:rsidP="00763958">
            <w:r>
              <w:t xml:space="preserve">    &lt;meta http-equiv="X-UA-Compatible" content="IE=edge"/&gt;</w:t>
            </w:r>
          </w:p>
          <w:p w:rsidR="00763958" w:rsidRDefault="00763958" w:rsidP="00763958">
            <w:r>
              <w:t xml:space="preserve">    &lt;meta name="viewport" content="width=device-width, initial-scale=1.0, user-scalable=0, minimal-ui"/&gt;</w:t>
            </w:r>
          </w:p>
          <w:p w:rsidR="00763958" w:rsidRDefault="00763958" w:rsidP="00763958">
            <w:r>
              <w:t xml:space="preserve">     &lt;!--  Logo on Browser window--&gt;</w:t>
            </w:r>
          </w:p>
          <w:p w:rsidR="00763958" w:rsidRDefault="00763958" w:rsidP="00763958">
            <w:r>
              <w:t xml:space="preserve">    &lt;link href="spf/img/tablogo.png" rel="shortcut icon" type="image/x-icon"&gt;</w:t>
            </w:r>
          </w:p>
          <w:p w:rsidR="00763958" w:rsidRDefault="00763958" w:rsidP="00763958">
            <w:r>
              <w:t xml:space="preserve">    &lt;!--google prefetch--&gt;</w:t>
            </w:r>
          </w:p>
          <w:p w:rsidR="00763958" w:rsidRDefault="00763958" w:rsidP="00763958">
            <w:r>
              <w:t xml:space="preserve">    &lt;link rel="dns-prefetch" href="http://fonts.gstatic.com/"/&gt;</w:t>
            </w:r>
          </w:p>
          <w:p w:rsidR="00763958" w:rsidRDefault="00763958" w:rsidP="00763958">
            <w:r>
              <w:t xml:space="preserve">    &lt;link rel="dns-prefetch" href="http://www.googletagmanager.com/"/&gt;</w:t>
            </w:r>
          </w:p>
          <w:p w:rsidR="00763958" w:rsidRDefault="00763958" w:rsidP="00763958">
            <w:r>
              <w:t xml:space="preserve">    &lt;link rel="dns-prefetch" href="http://www.google-analytics.com/"/&gt;</w:t>
            </w:r>
          </w:p>
          <w:p w:rsidR="00763958" w:rsidRDefault="00763958" w:rsidP="00763958">
            <w:r>
              <w:t xml:space="preserve">    &lt;link rel="dns-prefetch" href="http://pagead2.googlesyndication.com/"/&gt;</w:t>
            </w:r>
          </w:p>
          <w:p w:rsidR="00763958" w:rsidRDefault="00763958" w:rsidP="00763958">
            <w:r>
              <w:t xml:space="preserve">    &lt;link rel="preconnect" href="http://fonts.gstatic.com/"/&gt;</w:t>
            </w:r>
          </w:p>
          <w:p w:rsidR="00763958" w:rsidRDefault="00763958" w:rsidP="00763958">
            <w:r>
              <w:t xml:space="preserve">    &lt;link rel="preconnect" href="http://www.googletagmanager.com/"/&gt;</w:t>
            </w:r>
          </w:p>
          <w:p w:rsidR="00763958" w:rsidRDefault="00763958" w:rsidP="00763958">
            <w:r>
              <w:t xml:space="preserve">    &lt;link rel="preconnect" href="http://www.google-analytics.com/"/&gt;</w:t>
            </w:r>
          </w:p>
          <w:p w:rsidR="00763958" w:rsidRDefault="00763958" w:rsidP="00763958">
            <w:r>
              <w:t xml:space="preserve">    &lt;link rel="preconnect" href="http://pagead2.googlesyndication.com/"/&gt;</w:t>
            </w:r>
          </w:p>
          <w:p w:rsidR="00763958" w:rsidRDefault="00763958" w:rsidP="00763958">
            <w:r>
              <w:t xml:space="preserve">    &lt;meta name="apple-mobile-web-app-title" content="Senior Services | Senior Place Finder | VABF | ISF | ELF | EIFLF | ESPMF"/&gt;</w:t>
            </w:r>
          </w:p>
          <w:p w:rsidR="00763958" w:rsidRDefault="00763958" w:rsidP="00763958">
            <w:r>
              <w:t xml:space="preserve">    &lt;meta name="apple-mobile-web-app-capable" content="yes"/&gt;</w:t>
            </w:r>
          </w:p>
          <w:p w:rsidR="00763958" w:rsidRDefault="00763958" w:rsidP="00763958">
            <w:r>
              <w:t xml:space="preserve">    &lt;meta name="apple-touch-fullscreen" content="yes"/&gt;</w:t>
            </w:r>
          </w:p>
          <w:p w:rsidR="00763958" w:rsidRDefault="00763958" w:rsidP="00763958">
            <w:r>
              <w:lastRenderedPageBreak/>
              <w:t xml:space="preserve">    &lt;meta name="apple-mobile-web-app-status-bar-style" content="default"/&gt;</w:t>
            </w:r>
          </w:p>
          <w:p w:rsidR="00763958" w:rsidRDefault="00763958" w:rsidP="00763958">
            <w:r>
              <w:t xml:space="preserve">    &lt;meta name="google" content="notranslate"/&gt;</w:t>
            </w:r>
          </w:p>
          <w:p w:rsidR="00763958" w:rsidRDefault="00763958" w:rsidP="00763958">
            <w:r>
              <w:t xml:space="preserve">    &lt;meta property="fb:app_id" content="442299370000163"/&gt;</w:t>
            </w:r>
          </w:p>
          <w:p w:rsidR="00763958" w:rsidRDefault="00763958" w:rsidP="00763958">
            <w:r>
              <w:t xml:space="preserve">    &lt;!--screen  resolution--&gt;</w:t>
            </w:r>
          </w:p>
          <w:p w:rsidR="00763958" w:rsidRDefault="00763958" w:rsidP="00763958">
            <w:r>
              <w:t xml:space="preserve">    &lt;link rel="shortcut icon" href="spf/img/favicon.ico" type="image/x-icon"&gt;</w:t>
            </w:r>
          </w:p>
          <w:p w:rsidR="00763958" w:rsidRDefault="00763958" w:rsidP="00763958">
            <w:r>
              <w:t xml:space="preserve">    &lt;link rel="apple-touch-icon" href="spf/img/apple-touch-icon-60x60.html"&gt;</w:t>
            </w:r>
          </w:p>
          <w:p w:rsidR="00763958" w:rsidRDefault="00763958" w:rsidP="00763958">
            <w:r>
              <w:t xml:space="preserve">    &lt;link rel="apple-touch-icon" sizes="76x76" href="spf/img/apple-touch-icon-76x76.html"&gt;</w:t>
            </w:r>
          </w:p>
          <w:p w:rsidR="00763958" w:rsidRDefault="00763958" w:rsidP="00763958">
            <w:r>
              <w:t xml:space="preserve">    &lt;link rel="apple-touch-icon" sizes="120x120" href="spf/img/apple-touch-icon-120x120.html"&gt;</w:t>
            </w:r>
          </w:p>
          <w:p w:rsidR="00763958" w:rsidRDefault="00763958" w:rsidP="00763958">
            <w:r>
              <w:t xml:space="preserve">    &lt;link rel="apple-touch-icon" sizes="152x152" href="spf/img/apple-touch-icon-152x152.html"&gt;</w:t>
            </w:r>
          </w:p>
          <w:p w:rsidR="00763958" w:rsidRDefault="00763958" w:rsidP="00763958">
            <w:r>
              <w:t xml:space="preserve">    &lt;!--site details--&gt;</w:t>
            </w:r>
          </w:p>
          <w:p w:rsidR="00763958" w:rsidRDefault="00763958" w:rsidP="00763958">
            <w:r>
              <w:t xml:space="preserve">    &lt;title&gt;Senior Services | Senior Place Finder | VABF | ISF | ELF | EIFLF | ESPMF&lt;/title&gt;</w:t>
            </w:r>
          </w:p>
          <w:p w:rsidR="00763958" w:rsidRDefault="00763958" w:rsidP="00763958">
            <w:r>
              <w:t xml:space="preserve">    &lt;meta name="keywords" content="Senior Place Finder, VABF, ISF, ELF, EIFLF, ESPMF"/&gt;</w:t>
            </w:r>
          </w:p>
          <w:p w:rsidR="00763958" w:rsidRDefault="00763958" w:rsidP="00763958">
            <w:r>
              <w:t xml:space="preserve">    &lt;meta name="description" content="Find specialist for any service related to the seniors."&gt;</w:t>
            </w:r>
          </w:p>
          <w:p w:rsidR="00763958" w:rsidRDefault="00763958" w:rsidP="00763958">
            <w:r>
              <w:t xml:space="preserve">    &lt;meta property="og:type" content="website"/&gt;</w:t>
            </w:r>
          </w:p>
          <w:p w:rsidR="00763958" w:rsidRDefault="00763958" w:rsidP="00763958">
            <w:r>
              <w:t xml:space="preserve">    &lt;meta property="og:title" content="Senior Services | Senior Place Finder | VABF | ISF | ELF | EIFLF | ESPMF"/&gt;</w:t>
            </w:r>
          </w:p>
          <w:p w:rsidR="00763958" w:rsidRDefault="00763958" w:rsidP="00763958">
            <w:r>
              <w:t xml:space="preserve">    &lt;meta property="og:description" content="Find specialist for any service related to the seniors."/&gt;</w:t>
            </w:r>
          </w:p>
          <w:p w:rsidR="00763958" w:rsidRDefault="00763958" w:rsidP="00763958">
            <w:r>
              <w:t xml:space="preserve">    &lt;meta property="og:url" content="https://theseniorteam.net/"/&gt;</w:t>
            </w:r>
          </w:p>
          <w:p w:rsidR="00763958" w:rsidRDefault="00763958" w:rsidP="00763958">
            <w:r>
              <w:t xml:space="preserve">    &lt;meta property="og:site_name" content="Senior Team"/&gt;</w:t>
            </w:r>
          </w:p>
          <w:p w:rsidR="00763958" w:rsidRDefault="00763958" w:rsidP="00763958">
            <w:r>
              <w:t xml:space="preserve">    &lt;meta property="og:image" content="c"/&gt;</w:t>
            </w:r>
          </w:p>
          <w:p w:rsidR="00763958" w:rsidRDefault="00763958" w:rsidP="00763958">
            <w:r>
              <w:t xml:space="preserve">    &lt;meta name="twitter:card" content="summary_large_image"/&gt;</w:t>
            </w:r>
          </w:p>
          <w:p w:rsidR="00763958" w:rsidRDefault="00763958" w:rsidP="00763958">
            <w:r>
              <w:t xml:space="preserve">    &lt;meta name="twitter:title" content="Senior Services | Senior Place Finder | VABF | ISF | ELF | EIFLF | ESPMF"/&gt;</w:t>
            </w:r>
          </w:p>
          <w:p w:rsidR="00763958" w:rsidRDefault="00763958" w:rsidP="00763958">
            <w:r>
              <w:t xml:space="preserve">    &lt;meta name="twitter:description" content="Find specialist for any service related to the seniors."/&gt;</w:t>
            </w:r>
          </w:p>
          <w:p w:rsidR="00763958" w:rsidRDefault="00763958" w:rsidP="00763958">
            <w:r>
              <w:t xml:space="preserve">    &lt;meta name="twitter:site" content="@seniorteam"/&gt;</w:t>
            </w:r>
          </w:p>
          <w:p w:rsidR="00763958" w:rsidRDefault="00763958" w:rsidP="00763958">
            <w:r>
              <w:t xml:space="preserve">    &lt;meta name="twitter:image" content="img/icon/ssp.png"/&gt;</w:t>
            </w:r>
          </w:p>
          <w:p w:rsidR="00763958" w:rsidRDefault="00763958" w:rsidP="00763958">
            <w:r>
              <w:t xml:space="preserve">   </w:t>
            </w:r>
          </w:p>
          <w:p w:rsidR="00763958" w:rsidRDefault="00763958" w:rsidP="00763958">
            <w:r>
              <w:t xml:space="preserve">    &lt;meta name="csrf-token" content="dgqJnlX1u9TY9MEkfnEcAOPCkhA13RV7pHlBGUUg"/&gt;</w:t>
            </w:r>
          </w:p>
          <w:p w:rsidR="00763958" w:rsidRDefault="00763958" w:rsidP="00763958">
            <w:r>
              <w:t xml:space="preserve">    &lt;!--app.css --&gt;</w:t>
            </w:r>
          </w:p>
          <w:p w:rsidR="00763958" w:rsidRDefault="00763958" w:rsidP="00763958">
            <w:r>
              <w:t xml:space="preserve">    &lt;link media="all" type="text/css" rel="stylesheet" href="spf/css/app.css"&gt;</w:t>
            </w:r>
          </w:p>
          <w:p w:rsidR="00763958" w:rsidRDefault="00763958" w:rsidP="00763958">
            <w:r>
              <w:t xml:space="preserve">    &lt;!--icons.css --&gt;</w:t>
            </w:r>
          </w:p>
          <w:p w:rsidR="00763958" w:rsidRDefault="00763958" w:rsidP="00763958">
            <w:r>
              <w:t xml:space="preserve">    &lt;link media="all" type="text/css" rel="stylesheet" href="css/icons.css"&gt;</w:t>
            </w:r>
          </w:p>
          <w:p w:rsidR="00763958" w:rsidRDefault="00763958" w:rsidP="00763958">
            <w:r>
              <w:t xml:space="preserve">    &lt;!--notify.css --&gt;</w:t>
            </w:r>
          </w:p>
          <w:p w:rsidR="00763958" w:rsidRDefault="00763958" w:rsidP="00763958">
            <w:r>
              <w:t xml:space="preserve">    &lt;link media="all" type="text/css" rel="stylesheet" href="css/notify.css"&gt;</w:t>
            </w:r>
          </w:p>
          <w:p w:rsidR="00763958" w:rsidRDefault="00763958" w:rsidP="00763958">
            <w:r>
              <w:t xml:space="preserve">    &lt;!--floater.css --&gt;</w:t>
            </w:r>
          </w:p>
          <w:p w:rsidR="00763958" w:rsidRDefault="00763958" w:rsidP="00763958">
            <w:r>
              <w:t xml:space="preserve">    &lt;link media="all" type="text/css" rel="stylesheet" href="css/floater.css"&gt;</w:t>
            </w:r>
          </w:p>
          <w:p w:rsidR="00763958" w:rsidRDefault="00763958" w:rsidP="00763958">
            <w:r>
              <w:t xml:space="preserve">    &lt;!--selectize.css --&gt;</w:t>
            </w:r>
          </w:p>
          <w:p w:rsidR="00763958" w:rsidRDefault="00763958" w:rsidP="00763958">
            <w:r>
              <w:t xml:space="preserve">    &lt;link media="all" type="text/css" rel="stylesheet" href="css/selectize.css"&gt;</w:t>
            </w:r>
          </w:p>
          <w:p w:rsidR="00763958" w:rsidRDefault="00763958" w:rsidP="00763958">
            <w:r>
              <w:t xml:space="preserve">    &lt;!--theme.css --&gt;</w:t>
            </w:r>
          </w:p>
          <w:p w:rsidR="00763958" w:rsidRDefault="00763958" w:rsidP="00763958">
            <w:r>
              <w:t xml:space="preserve">    &lt;link media="all" type="text/css" rel="stylesheet" href="spf/css/theme.css"&gt;</w:t>
            </w:r>
          </w:p>
          <w:p w:rsidR="00763958" w:rsidRDefault="00763958" w:rsidP="00763958"/>
          <w:p w:rsidR="00763958" w:rsidRDefault="00763958" w:rsidP="00763958">
            <w:r>
              <w:t xml:space="preserve">    &lt;link rel="stylesheet" href="https://use.fontawesome.com/releases/v5.6.3/css/all.css"&gt;</w:t>
            </w:r>
          </w:p>
          <w:p w:rsidR="00763958" w:rsidRDefault="00763958" w:rsidP="00763958">
            <w:r>
              <w:t xml:space="preserve">    &lt;!--app.js --&gt;</w:t>
            </w:r>
          </w:p>
          <w:p w:rsidR="00763958" w:rsidRDefault="00763958" w:rsidP="00763958">
            <w:r>
              <w:t xml:space="preserve">    &lt;script src="js/app.js"&gt;&lt;/script&gt;</w:t>
            </w:r>
          </w:p>
          <w:p w:rsidR="00763958" w:rsidRDefault="00763958" w:rsidP="00763958">
            <w:r>
              <w:t xml:space="preserve">    &lt;!--jquery.js --&gt;</w:t>
            </w:r>
          </w:p>
          <w:p w:rsidR="00763958" w:rsidRDefault="00763958" w:rsidP="00763958">
            <w:r>
              <w:t xml:space="preserve">    &lt;script src="js/jquery.js"&gt;&lt;/script&gt;</w:t>
            </w:r>
          </w:p>
          <w:p w:rsidR="00763958" w:rsidRDefault="00763958" w:rsidP="00763958">
            <w:r>
              <w:t xml:space="preserve">    &lt;!--popper.js --&gt;</w:t>
            </w:r>
          </w:p>
          <w:p w:rsidR="00763958" w:rsidRDefault="00763958" w:rsidP="00763958">
            <w:r>
              <w:t xml:space="preserve">    &lt;script src="js/popper.js"&gt;&lt;/script&gt;</w:t>
            </w:r>
          </w:p>
          <w:p w:rsidR="00763958" w:rsidRDefault="00763958" w:rsidP="00763958">
            <w:r>
              <w:lastRenderedPageBreak/>
              <w:t xml:space="preserve">    &lt;!--bootstrap.js --&gt;</w:t>
            </w:r>
          </w:p>
          <w:p w:rsidR="00763958" w:rsidRDefault="00763958" w:rsidP="00763958">
            <w:r>
              <w:t xml:space="preserve">    &lt;script src="js/bootstrap.js"&gt;&lt;/script&gt;</w:t>
            </w:r>
          </w:p>
          <w:p w:rsidR="00763958" w:rsidRDefault="00763958" w:rsidP="00763958"/>
          <w:p w:rsidR="00763958" w:rsidRDefault="00763958" w:rsidP="00763958">
            <w:r>
              <w:t xml:space="preserve">    &lt;!-- Global site tag (gtag.js) - Google Analytics --&gt;</w:t>
            </w:r>
          </w:p>
          <w:p w:rsidR="00763958" w:rsidRDefault="00763958" w:rsidP="00763958">
            <w:r>
              <w:t xml:space="preserve">    &lt;script async src="https://www.googletagmanager.com/gtag/js?id="&gt;&lt;/script&gt;</w:t>
            </w:r>
          </w:p>
          <w:p w:rsidR="00763958" w:rsidRDefault="00763958" w:rsidP="00763958">
            <w:r>
              <w:t xml:space="preserve">    &lt;script&gt;</w:t>
            </w:r>
          </w:p>
          <w:p w:rsidR="00763958" w:rsidRDefault="00763958" w:rsidP="00763958">
            <w:r>
              <w:t xml:space="preserve">        window.dataLayer = window.dataLayer || [];</w:t>
            </w:r>
          </w:p>
          <w:p w:rsidR="00763958" w:rsidRDefault="00763958" w:rsidP="00763958">
            <w:r>
              <w:t xml:space="preserve">        function gtag() {</w:t>
            </w:r>
          </w:p>
          <w:p w:rsidR="00763958" w:rsidRDefault="00763958" w:rsidP="00763958">
            <w:r>
              <w:t xml:space="preserve">            dataLayer.push(arguments);</w:t>
            </w:r>
          </w:p>
          <w:p w:rsidR="00763958" w:rsidRDefault="00763958" w:rsidP="00763958">
            <w:r>
              <w:t xml:space="preserve">        }</w:t>
            </w:r>
          </w:p>
          <w:p w:rsidR="00763958" w:rsidRDefault="00763958" w:rsidP="00763958">
            <w:r>
              <w:t xml:space="preserve">        gtag('js', new Date());</w:t>
            </w:r>
          </w:p>
          <w:p w:rsidR="00763958" w:rsidRDefault="00763958" w:rsidP="00763958">
            <w:r>
              <w:t xml:space="preserve">        gtag('config', '');</w:t>
            </w:r>
          </w:p>
          <w:p w:rsidR="00763958" w:rsidRDefault="00763958" w:rsidP="00763958">
            <w:r>
              <w:t xml:space="preserve">    &lt;/script&gt;</w:t>
            </w:r>
          </w:p>
          <w:p w:rsidR="00763958" w:rsidRDefault="00763958" w:rsidP="00763958">
            <w:r>
              <w:t xml:space="preserve">    &lt;!--fingerprint2.js --&gt;</w:t>
            </w:r>
          </w:p>
          <w:p w:rsidR="00763958" w:rsidRDefault="00763958" w:rsidP="00763958">
            <w:r>
              <w:t>&lt;script src="js/fingerprint2.js"&gt;&lt;/script&gt;</w:t>
            </w:r>
          </w:p>
          <w:p w:rsidR="00763958" w:rsidRDefault="00763958" w:rsidP="00763958">
            <w:r>
              <w:t>&lt;!--ua-parser.js --&gt;</w:t>
            </w:r>
          </w:p>
          <w:p w:rsidR="00763958" w:rsidRDefault="00763958" w:rsidP="00763958">
            <w:r>
              <w:t>&lt;script src="js/ua-parser.js"&gt;&lt;/script&gt;</w:t>
            </w:r>
          </w:p>
          <w:p w:rsidR="00763958" w:rsidRDefault="00763958" w:rsidP="00763958">
            <w:r>
              <w:t>&lt;script&gt;</w:t>
            </w:r>
          </w:p>
          <w:p w:rsidR="00763958" w:rsidRDefault="00763958" w:rsidP="00763958">
            <w:r>
              <w:t xml:space="preserve">    let fpCookie = getCookie("FP_UUID");</w:t>
            </w:r>
          </w:p>
          <w:p w:rsidR="00763958" w:rsidRDefault="00763958" w:rsidP="00763958">
            <w:r>
              <w:t xml:space="preserve">    let getFingerPrint = function () {</w:t>
            </w:r>
          </w:p>
          <w:p w:rsidR="00763958" w:rsidRDefault="00763958" w:rsidP="00763958">
            <w:r>
              <w:t xml:space="preserve">        let d1 = new Date();</w:t>
            </w:r>
          </w:p>
          <w:p w:rsidR="00763958" w:rsidRDefault="00763958" w:rsidP="00763958">
            <w:r>
              <w:t xml:space="preserve">        let options = {/*</w:t>
            </w:r>
          </w:p>
          <w:p w:rsidR="00763958" w:rsidRDefault="00763958" w:rsidP="00763958">
            <w:r>
              <w:t xml:space="preserve">            excludes: {</w:t>
            </w:r>
          </w:p>
          <w:p w:rsidR="00763958" w:rsidRDefault="00763958" w:rsidP="00763958">
            <w:r>
              <w:t xml:space="preserve">                enumerateDevices: true,</w:t>
            </w:r>
          </w:p>
          <w:p w:rsidR="00763958" w:rsidRDefault="00763958" w:rsidP="00763958">
            <w:r>
              <w:t xml:space="preserve">                pixelRatio: true,</w:t>
            </w:r>
          </w:p>
          <w:p w:rsidR="00763958" w:rsidRDefault="00763958" w:rsidP="00763958">
            <w:r>
              <w:t xml:space="preserve">                doNotTrack: true,</w:t>
            </w:r>
          </w:p>
          <w:p w:rsidR="00763958" w:rsidRDefault="00763958" w:rsidP="00763958">
            <w:r>
              <w:t xml:space="preserve">                fontsFlash: true/!*,</w:t>
            </w:r>
          </w:p>
          <w:p w:rsidR="00763958" w:rsidRDefault="00763958" w:rsidP="00763958">
            <w:r>
              <w:t xml:space="preserve">                plugins: true*!/</w:t>
            </w:r>
          </w:p>
          <w:p w:rsidR="00763958" w:rsidRDefault="00763958" w:rsidP="00763958">
            <w:r>
              <w:t xml:space="preserve">            },</w:t>
            </w:r>
          </w:p>
          <w:p w:rsidR="00763958" w:rsidRDefault="00763958" w:rsidP="00763958">
            <w:r>
              <w:t xml:space="preserve">            extraComponents: [</w:t>
            </w:r>
          </w:p>
          <w:p w:rsidR="00763958" w:rsidRDefault="00763958" w:rsidP="00763958">
            <w:r>
              <w:t xml:space="preserve">                {</w:t>
            </w:r>
          </w:p>
          <w:p w:rsidR="00763958" w:rsidRDefault="00763958" w:rsidP="00763958">
            <w:r>
              <w:t xml:space="preserve">                    key: 'domain',</w:t>
            </w:r>
          </w:p>
          <w:p w:rsidR="00763958" w:rsidRDefault="00763958" w:rsidP="00763958">
            <w:r>
              <w:t xml:space="preserve">                    getData: function (done, options) {</w:t>
            </w:r>
          </w:p>
          <w:p w:rsidR="00763958" w:rsidRDefault="00763958" w:rsidP="00763958">
            <w:r>
              <w:t xml:space="preserve">                        done(window.location.hostname);</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t xml:space="preserve">                    key: 'domain',</w:t>
            </w:r>
          </w:p>
          <w:p w:rsidR="00763958" w:rsidRDefault="00763958" w:rsidP="00763958">
            <w:r>
              <w:t xml:space="preserve">                    getData: function (done, options) {</w:t>
            </w:r>
          </w:p>
          <w:p w:rsidR="00763958" w:rsidRDefault="00763958" w:rsidP="00763958">
            <w:r>
              <w:t xml:space="preserve">                        done(window.location.hostname);</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t xml:space="preserve">            preprocessor: function (key, value) {</w:t>
            </w:r>
          </w:p>
          <w:p w:rsidR="00763958" w:rsidRDefault="00763958" w:rsidP="00763958">
            <w:r>
              <w:t xml:space="preserve">                if (key === "userAgent") {</w:t>
            </w:r>
          </w:p>
          <w:p w:rsidR="00763958" w:rsidRDefault="00763958" w:rsidP="00763958">
            <w:r>
              <w:t xml:space="preserve">                    let parser = new UAParser(value);</w:t>
            </w:r>
          </w:p>
          <w:p w:rsidR="00763958" w:rsidRDefault="00763958" w:rsidP="00763958">
            <w:r>
              <w:t xml:space="preserve">                    let userAgentMinusVersion = parser.getOS().name + ' ' + parser.getBrowser().name;</w:t>
            </w:r>
          </w:p>
          <w:p w:rsidR="00763958" w:rsidRDefault="00763958" w:rsidP="00763958">
            <w:r>
              <w:t xml:space="preserve">                    return userAgentMinusVersion;</w:t>
            </w:r>
          </w:p>
          <w:p w:rsidR="00763958" w:rsidRDefault="00763958" w:rsidP="00763958">
            <w:r>
              <w:lastRenderedPageBreak/>
              <w:t xml:space="preserve">                }</w:t>
            </w:r>
          </w:p>
          <w:p w:rsidR="00763958" w:rsidRDefault="00763958" w:rsidP="00763958">
            <w:r>
              <w:t xml:space="preserve">                return value;</w:t>
            </w:r>
          </w:p>
          <w:p w:rsidR="00763958" w:rsidRDefault="00763958" w:rsidP="00763958">
            <w:r>
              <w:t xml:space="preserve">            }</w:t>
            </w:r>
          </w:p>
          <w:p w:rsidR="00763958" w:rsidRDefault="00763958" w:rsidP="00763958">
            <w:r>
              <w:t xml:space="preserve">        };</w:t>
            </w:r>
          </w:p>
          <w:p w:rsidR="00763958" w:rsidRDefault="00763958" w:rsidP="00763958">
            <w:r>
              <w:t xml:space="preserve">        Fingerprint2.get(options, function (components) {</w:t>
            </w:r>
          </w:p>
          <w:p w:rsidR="00763958" w:rsidRDefault="00763958" w:rsidP="00763958">
            <w:r>
              <w:t xml:space="preserve">            let fp = Fingerprint2.x64hash128(components.map(function (pair) {</w:t>
            </w:r>
          </w:p>
          <w:p w:rsidR="00763958" w:rsidRDefault="00763958" w:rsidP="00763958">
            <w:r>
              <w:t xml:space="preserve">                return pair.value</w:t>
            </w:r>
          </w:p>
          <w:p w:rsidR="00763958" w:rsidRDefault="00763958" w:rsidP="00763958">
            <w:r>
              <w:t xml:space="preserve">            }).join(), 31);</w:t>
            </w:r>
          </w:p>
          <w:p w:rsidR="00763958" w:rsidRDefault="00763958" w:rsidP="00763958">
            <w:r>
              <w:t xml:space="preserve">            setCookie("FP_UUID", fp, 30);</w:t>
            </w:r>
          </w:p>
          <w:p w:rsidR="00763958" w:rsidRDefault="00763958" w:rsidP="00763958">
            <w:r>
              <w:t xml:space="preserve">            fpCookie = getCookie("FP_UUID");</w:t>
            </w:r>
          </w:p>
          <w:p w:rsidR="00763958" w:rsidRDefault="00763958" w:rsidP="00763958">
            <w:r>
              <w:t xml:space="preserve">            console.log("FP_UUID: ", fpCookie);</w:t>
            </w:r>
          </w:p>
          <w:p w:rsidR="00763958" w:rsidRDefault="00763958" w:rsidP="00763958">
            <w:r>
              <w:t xml:space="preserve">            let d2 = new Date();</w:t>
            </w:r>
          </w:p>
          <w:p w:rsidR="00763958" w:rsidRDefault="00763958" w:rsidP="00763958">
            <w:r>
              <w:t xml:space="preserve">            let tt = d2 - d1;</w:t>
            </w:r>
          </w:p>
          <w:p w:rsidR="00763958" w:rsidRDefault="00763958" w:rsidP="00763958">
            <w:r>
              <w:t xml:space="preserve">            let details = "";</w:t>
            </w:r>
          </w:p>
          <w:p w:rsidR="00763958" w:rsidRDefault="00763958" w:rsidP="00763958">
            <w:r>
              <w:t xml:space="preserve">            console.log("Time Taken : ", tt);</w:t>
            </w:r>
          </w:p>
          <w:p w:rsidR="00763958" w:rsidRDefault="00763958" w:rsidP="00763958">
            <w:r>
              <w:t xml:space="preserve">            console.log("Finger Print : ", fp);</w:t>
            </w:r>
          </w:p>
          <w:p w:rsidR="00763958" w:rsidRDefault="00763958" w:rsidP="00763958">
            <w:r>
              <w:t xml:space="preserve">            for (let index in components) {</w:t>
            </w:r>
          </w:p>
          <w:p w:rsidR="00763958" w:rsidRDefault="00763958" w:rsidP="00763958">
            <w:r>
              <w:t xml:space="preserve">                let obj = components[index];</w:t>
            </w:r>
          </w:p>
          <w:p w:rsidR="00763958" w:rsidRDefault="00763958" w:rsidP="00763958">
            <w:r>
              <w:t xml:space="preserve">                let line = obj.key + " = " + String(obj.value).substr(0, 100);</w:t>
            </w:r>
          </w:p>
          <w:p w:rsidR="00763958" w:rsidRDefault="00763958" w:rsidP="00763958">
            <w:r>
              <w:t xml:space="preserve">                details += line + "\n";</w:t>
            </w:r>
          </w:p>
          <w:p w:rsidR="00763958" w:rsidRDefault="00763958" w:rsidP="00763958">
            <w:r>
              <w:t xml:space="preserve">            }</w:t>
            </w:r>
          </w:p>
          <w:p w:rsidR="00763958" w:rsidRDefault="00763958" w:rsidP="00763958">
            <w:r>
              <w:t xml:space="preserve">            console.log(details);</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if (fpCookie === null) {</w:t>
            </w:r>
          </w:p>
          <w:p w:rsidR="00763958" w:rsidRDefault="00763958" w:rsidP="00763958">
            <w:r>
              <w:t xml:space="preserve">        let cancelId;</w:t>
            </w:r>
          </w:p>
          <w:p w:rsidR="00763958" w:rsidRDefault="00763958" w:rsidP="00763958">
            <w:r>
              <w:t xml:space="preserve">        let cancelFunction;</w:t>
            </w:r>
          </w:p>
          <w:p w:rsidR="00763958" w:rsidRDefault="00763958" w:rsidP="00763958">
            <w:r>
              <w:t xml:space="preserve">        if (window.requestIdleCallback) {</w:t>
            </w:r>
          </w:p>
          <w:p w:rsidR="00763958" w:rsidRDefault="00763958" w:rsidP="00763958">
            <w:r>
              <w:t xml:space="preserve">            cancelId = requestIdleCallback(getFingerPrint);</w:t>
            </w:r>
          </w:p>
          <w:p w:rsidR="00763958" w:rsidRDefault="00763958" w:rsidP="00763958">
            <w:r>
              <w:t xml:space="preserve">            cancelFunction = cancelIdleCallback;</w:t>
            </w:r>
          </w:p>
          <w:p w:rsidR="00763958" w:rsidRDefault="00763958" w:rsidP="00763958">
            <w:r>
              <w:t xml:space="preserve">        } else {</w:t>
            </w:r>
          </w:p>
          <w:p w:rsidR="00763958" w:rsidRDefault="00763958" w:rsidP="00763958">
            <w:r>
              <w:t xml:space="preserve">            cancelId = setTimeout(getFingerPrint, 500);</w:t>
            </w:r>
          </w:p>
          <w:p w:rsidR="00763958" w:rsidRDefault="00763958" w:rsidP="00763958">
            <w:r>
              <w:t xml:space="preserve">            cancelFunction = clearTimeout;</w:t>
            </w:r>
          </w:p>
          <w:p w:rsidR="00763958" w:rsidRDefault="00763958" w:rsidP="00763958">
            <w:r>
              <w:t xml:space="preserve">        }</w:t>
            </w:r>
          </w:p>
          <w:p w:rsidR="00763958" w:rsidRDefault="00763958" w:rsidP="00763958">
            <w:r>
              <w:t xml:space="preserve">    }</w:t>
            </w:r>
          </w:p>
          <w:p w:rsidR="00763958" w:rsidRDefault="00763958" w:rsidP="00763958">
            <w:r>
              <w:t>&lt;/script&gt;</w:t>
            </w:r>
          </w:p>
          <w:p w:rsidR="00763958" w:rsidRDefault="00763958" w:rsidP="00763958">
            <w:r>
              <w:t xml:space="preserve">            &lt;script type="application/ld+json"&gt;</w:t>
            </w:r>
          </w:p>
          <w:p w:rsidR="00763958" w:rsidRDefault="00763958" w:rsidP="00763958">
            <w:r>
              <w:t xml:space="preserve">    {"@context":"http:\/\/schema.org","@type":"WebPage","name":"Senior Services","url":"https:\/\/theseniorteam.net","logo":"https:\/\/assets.elite.dev\/img\/portal\/rect\/ssp.svg","sameAs":["https:\/\/theseniorteam.net"]}</w:t>
            </w:r>
          </w:p>
          <w:p w:rsidR="00763958" w:rsidRDefault="00763958" w:rsidP="00763958">
            <w:r>
              <w:t xml:space="preserve">&lt;/script&gt;   </w:t>
            </w:r>
          </w:p>
          <w:p w:rsidR="00763958" w:rsidRDefault="00763958" w:rsidP="00763958"/>
          <w:p w:rsidR="00763958" w:rsidRDefault="00763958" w:rsidP="00763958">
            <w:r>
              <w:t>&lt;!-- Meta Pixel Code --&gt;</w:t>
            </w:r>
          </w:p>
          <w:p w:rsidR="00763958" w:rsidRDefault="00763958" w:rsidP="00763958">
            <w:r>
              <w:t>&lt;script&gt;</w:t>
            </w:r>
          </w:p>
          <w:p w:rsidR="00763958" w:rsidRDefault="00763958" w:rsidP="00763958">
            <w:r>
              <w:t>!function(f,b,e,v,n,t,s)</w:t>
            </w:r>
          </w:p>
          <w:p w:rsidR="00763958" w:rsidRDefault="00763958" w:rsidP="00763958">
            <w:r>
              <w:t>{if(f.fbq)return;n=f.fbq=function(){n.callMethod?</w:t>
            </w:r>
          </w:p>
          <w:p w:rsidR="00763958" w:rsidRDefault="00763958" w:rsidP="00763958">
            <w:r>
              <w:t>n.callMethod.apply(n,arguments):n.queue.push(arguments)};</w:t>
            </w:r>
          </w:p>
          <w:p w:rsidR="00763958" w:rsidRDefault="00763958" w:rsidP="00763958">
            <w:r>
              <w:lastRenderedPageBreak/>
              <w:t>if(!f._fbq)f._fbq=n;n.push=n;n.loaded=!0;n.version='2.0';</w:t>
            </w:r>
          </w:p>
          <w:p w:rsidR="00763958" w:rsidRDefault="00763958" w:rsidP="00763958">
            <w:r>
              <w:t>n.queue=[];t=b.createElement(e);t.async=!0;</w:t>
            </w:r>
          </w:p>
          <w:p w:rsidR="00763958" w:rsidRDefault="00763958" w:rsidP="00763958">
            <w:r>
              <w:t>t.src=v;s=b.getElementsByTagName(e)[0];</w:t>
            </w:r>
          </w:p>
          <w:p w:rsidR="00763958" w:rsidRDefault="00763958" w:rsidP="00763958">
            <w:r>
              <w:t>s.parentNode.insertBefore(t,s)}(window, document,'script',</w:t>
            </w:r>
          </w:p>
          <w:p w:rsidR="00763958" w:rsidRDefault="00763958" w:rsidP="00763958">
            <w:r>
              <w:t>'https://connect.facebook.net/en_US/fbevents.js');</w:t>
            </w:r>
          </w:p>
          <w:p w:rsidR="00763958" w:rsidRDefault="00763958" w:rsidP="00763958">
            <w:r>
              <w:t>fbq('init', '1380363135826732');</w:t>
            </w:r>
          </w:p>
          <w:p w:rsidR="00763958" w:rsidRDefault="00763958" w:rsidP="00763958">
            <w:r>
              <w:t>fbq('track', 'PageView');</w:t>
            </w:r>
          </w:p>
          <w:p w:rsidR="00763958" w:rsidRDefault="00763958" w:rsidP="00763958">
            <w:r>
              <w:t>&lt;/script&gt;</w:t>
            </w:r>
          </w:p>
          <w:p w:rsidR="00763958" w:rsidRDefault="00763958" w:rsidP="00763958">
            <w:r>
              <w:t>&lt;noscript&gt;&lt;img height="1" width="1" style="display:none"</w:t>
            </w:r>
          </w:p>
          <w:p w:rsidR="00763958" w:rsidRDefault="00763958" w:rsidP="00763958">
            <w:r>
              <w:t>src="https://www.facebook.com/tr?id=1380363135826732&amp;ev=PageView&amp;noscript=1"</w:t>
            </w:r>
          </w:p>
          <w:p w:rsidR="00763958" w:rsidRDefault="00763958" w:rsidP="00763958">
            <w:r>
              <w:t>/&gt;&lt;/noscript&gt;</w:t>
            </w:r>
          </w:p>
          <w:p w:rsidR="00763958" w:rsidRDefault="00763958" w:rsidP="00763958">
            <w:r>
              <w:t>&lt;!-- End Meta Pixel Code --&gt;</w:t>
            </w:r>
          </w:p>
          <w:p w:rsidR="00763958" w:rsidRDefault="00763958" w:rsidP="00763958"/>
          <w:p w:rsidR="00763958" w:rsidRDefault="00763958" w:rsidP="00763958">
            <w:r>
              <w:t>&lt;/head&gt;</w:t>
            </w:r>
          </w:p>
          <w:p w:rsidR="00763958" w:rsidRDefault="00763958" w:rsidP="00763958">
            <w:r>
              <w:t>&lt;!--head ends--&gt;</w:t>
            </w:r>
          </w:p>
          <w:p w:rsidR="00763958" w:rsidRDefault="00763958" w:rsidP="00763958">
            <w:r>
              <w:t>&lt;div class="loading"&gt;</w:t>
            </w:r>
          </w:p>
          <w:p w:rsidR="00763958" w:rsidRDefault="00763958" w:rsidP="00763958">
            <w:r>
              <w:t xml:space="preserve">    &lt;div class="loader"&gt;&lt;/div&gt;</w:t>
            </w:r>
          </w:p>
          <w:p w:rsidR="00763958" w:rsidRDefault="00763958" w:rsidP="00763958">
            <w:r>
              <w:t>&lt;/div&gt;</w:t>
            </w:r>
          </w:p>
          <w:p w:rsidR="00763958" w:rsidRDefault="00763958" w:rsidP="00763958">
            <w:r>
              <w:t>&lt;div id="divVueContainer"&gt;</w:t>
            </w:r>
          </w:p>
          <w:p w:rsidR="00763958" w:rsidRDefault="00763958" w:rsidP="00763958">
            <w:r>
              <w:t xml:space="preserve">    &lt;div id="page"&gt;</w:t>
            </w:r>
          </w:p>
          <w:p w:rsidR="00763958" w:rsidRDefault="00763958" w:rsidP="00763958"/>
          <w:p w:rsidR="00763958" w:rsidRDefault="00763958" w:rsidP="00763958">
            <w:r>
              <w:t xml:space="preserve">        &lt;!--------------------header starts------------------&gt;</w:t>
            </w:r>
          </w:p>
          <w:p w:rsidR="00763958" w:rsidRDefault="00763958" w:rsidP="00763958">
            <w:r>
              <w:t xml:space="preserve">        &lt;!--top bar start--&gt;</w:t>
            </w:r>
          </w:p>
          <w:p w:rsidR="00763958" w:rsidRDefault="00763958" w:rsidP="00763958">
            <w:r>
              <w:t xml:space="preserve">        &lt;header class=" header  menu_fixed"&gt;</w:t>
            </w:r>
          </w:p>
          <w:p w:rsidR="00763958" w:rsidRDefault="00763958" w:rsidP="00763958">
            <w:r>
              <w:t xml:space="preserve">            &lt;div id="logo"&gt;</w:t>
            </w:r>
          </w:p>
          <w:p w:rsidR="00763958" w:rsidRDefault="00763958" w:rsidP="00763958">
            <w:r>
              <w:t xml:space="preserve">                &lt;a href="home.php"</w:t>
            </w:r>
          </w:p>
          <w:p w:rsidR="00763958" w:rsidRDefault="00763958" w:rsidP="00763958">
            <w:r>
              <w:t xml:space="preserve">                   title="Senior Place Finder - A bridge between seniors and senior living gateway."&gt;</w:t>
            </w:r>
          </w:p>
          <w:p w:rsidR="00763958" w:rsidRDefault="00763958" w:rsidP="00763958">
            <w:r>
              <w:t xml:space="preserve">                        &lt;img alt="" class="logo_normal" src="spf/img/logo.png" width="" height="75"/&gt;</w:t>
            </w:r>
          </w:p>
          <w:p w:rsidR="00763958" w:rsidRDefault="00763958" w:rsidP="00763958">
            <w:r>
              <w:t xml:space="preserve">                        &lt;img alt="" class="logo_sticky" src="spf/img/logo_sticky.png" width="" height="75"/&gt;</w:t>
            </w:r>
          </w:p>
          <w:p w:rsidR="00763958" w:rsidRDefault="00763958" w:rsidP="00763958">
            <w:r>
              <w:t xml:space="preserve">                &lt;/a&gt;</w:t>
            </w:r>
          </w:p>
          <w:p w:rsidR="00763958" w:rsidRDefault="00763958" w:rsidP="00763958">
            <w:r>
              <w:t xml:space="preserve">            &lt;/div&gt;</w:t>
            </w:r>
          </w:p>
          <w:p w:rsidR="00763958" w:rsidRDefault="00763958" w:rsidP="00763958">
            <w:r>
              <w:t xml:space="preserve">            &lt;ul id="top_menu"&gt;</w:t>
            </w:r>
          </w:p>
          <w:p w:rsidR="00763958" w:rsidRDefault="00763958" w:rsidP="00763958">
            <w:r>
              <w:t xml:space="preserve">                    &lt;?php if ( LOGGED_STATUS == 0 ) { ?&gt; </w:t>
            </w:r>
          </w:p>
          <w:p w:rsidR="00763958" w:rsidRDefault="00763958" w:rsidP="00763958">
            <w:r>
              <w:t xml:space="preserve">            </w:t>
            </w:r>
          </w:p>
          <w:p w:rsidR="00763958" w:rsidRDefault="00763958" w:rsidP="00763958">
            <w:r>
              <w:t xml:space="preserve">                &lt;li&gt;&lt;br/&gt;</w:t>
            </w:r>
          </w:p>
          <w:p w:rsidR="00763958" w:rsidRDefault="00763958" w:rsidP="00763958">
            <w:r>
              <w:t xml:space="preserve">                    &lt;a class="btn_add" href="&lt;?php echo SITE_URL_SPF ; ?&gt;/login.php" title="Sign In"&gt; Sign In &lt;/a&gt; </w:t>
            </w:r>
          </w:p>
          <w:p w:rsidR="00763958" w:rsidRDefault="00763958" w:rsidP="00763958">
            <w:r>
              <w:t xml:space="preserve">                &lt;/li&gt;</w:t>
            </w:r>
          </w:p>
          <w:p w:rsidR="00763958" w:rsidRDefault="00763958" w:rsidP="00763958"/>
          <w:p w:rsidR="00763958" w:rsidRDefault="00763958" w:rsidP="00763958">
            <w:r>
              <w:t xml:space="preserve">                &lt;li&gt;&lt;br/&gt;</w:t>
            </w:r>
          </w:p>
          <w:p w:rsidR="00763958" w:rsidRDefault="00763958" w:rsidP="00763958">
            <w:r>
              <w:t xml:space="preserve">                    &lt;a class="btn_add" href="&lt;?php echo SITE_URL_SPF; ?&gt;/register.php" title="Register"&gt; Register&lt;/a&gt;</w:t>
            </w:r>
          </w:p>
          <w:p w:rsidR="00763958" w:rsidRDefault="00763958" w:rsidP="00763958">
            <w:r>
              <w:t xml:space="preserve">                &lt;/li&gt;</w:t>
            </w:r>
          </w:p>
          <w:p w:rsidR="00763958" w:rsidRDefault="00763958" w:rsidP="00763958">
            <w:r>
              <w:t xml:space="preserve">                &lt;?php } else { ?&gt;</w:t>
            </w:r>
          </w:p>
          <w:p w:rsidR="00763958" w:rsidRDefault="00763958" w:rsidP="00763958">
            <w:r>
              <w:t xml:space="preserve">                &lt;li&gt;&lt;br/&gt;</w:t>
            </w:r>
          </w:p>
          <w:p w:rsidR="00763958" w:rsidRDefault="00763958" w:rsidP="00763958">
            <w:r>
              <w:t xml:space="preserve">                    &lt;a class="btn_add" href="&lt;?php echo SITE_URL_SPF ; ?&gt;/dashboard/?domain=spf" title="dashboard"&gt; &lt;?php echo $userName ; ?&gt;&lt;/a&gt;</w:t>
            </w:r>
          </w:p>
          <w:p w:rsidR="00763958" w:rsidRDefault="00763958" w:rsidP="00763958">
            <w:r>
              <w:t xml:space="preserve">                &lt;/li&gt;</w:t>
            </w:r>
          </w:p>
          <w:p w:rsidR="00763958" w:rsidRDefault="00763958" w:rsidP="00763958">
            <w:r>
              <w:lastRenderedPageBreak/>
              <w:t xml:space="preserve">                &lt;li&gt;&lt;br/&gt;</w:t>
            </w:r>
          </w:p>
          <w:p w:rsidR="00763958" w:rsidRDefault="00763958" w:rsidP="00763958">
            <w:r>
              <w:t xml:space="preserve">                    &lt;a class="btn_add" href="&lt;?php echo SITE_URL_PROFILE ; ?&gt;/profile/?sort=login" title="dashboard"&gt;Dashboard &lt;/a&gt;</w:t>
            </w:r>
          </w:p>
          <w:p w:rsidR="00763958" w:rsidRDefault="00763958" w:rsidP="00763958">
            <w:r>
              <w:t xml:space="preserve">                &lt;/li&gt;</w:t>
            </w:r>
          </w:p>
          <w:p w:rsidR="00763958" w:rsidRDefault="00763958" w:rsidP="00763958">
            <w:r>
              <w:tab/>
            </w:r>
            <w:r>
              <w:tab/>
            </w:r>
            <w:r>
              <w:tab/>
            </w:r>
            <w:r>
              <w:tab/>
              <w:t>&lt;li&gt;&lt;br/&gt;</w:t>
            </w:r>
          </w:p>
          <w:p w:rsidR="00763958" w:rsidRDefault="00763958" w:rsidP="00763958">
            <w:r>
              <w:t xml:space="preserve">                    &lt;a class="btn_add" href="&lt;?php echo SITE_URL_SPF ; ?&gt;/logout.php" title="Logout"&gt; Logout&lt;/a&gt;</w:t>
            </w:r>
          </w:p>
          <w:p w:rsidR="00763958" w:rsidRDefault="00763958" w:rsidP="00763958">
            <w:r>
              <w:t xml:space="preserve">                &lt;/li&gt;</w:t>
            </w:r>
          </w:p>
          <w:p w:rsidR="00763958" w:rsidRDefault="00763958" w:rsidP="00763958">
            <w:r>
              <w:t xml:space="preserve">                &lt;?php } ?&gt;</w:t>
            </w:r>
          </w:p>
          <w:p w:rsidR="00763958" w:rsidRDefault="00763958" w:rsidP="00763958">
            <w:r>
              <w:t xml:space="preserve">            &lt;/ul&gt;</w:t>
            </w:r>
          </w:p>
          <w:p w:rsidR="00763958" w:rsidRDefault="00763958" w:rsidP="00763958">
            <w:r>
              <w:t xml:space="preserve">            &lt;!--top bar ends--&gt;</w:t>
            </w:r>
          </w:p>
          <w:p w:rsidR="00763958" w:rsidRDefault="00763958" w:rsidP="00763958">
            <w:r>
              <w:t xml:space="preserve">            &lt;a class="btn_mobile" href="#menu"&gt;</w:t>
            </w:r>
          </w:p>
          <w:p w:rsidR="00763958" w:rsidRDefault="00763958" w:rsidP="00763958">
            <w:r>
              <w:t xml:space="preserve">                &lt;div class="hamburger hamburger--spin" id="hamburger"&gt;</w:t>
            </w:r>
          </w:p>
          <w:p w:rsidR="00763958" w:rsidRDefault="00763958" w:rsidP="00763958">
            <w:r>
              <w:t xml:space="preserve">                    &lt;div class="hamburger-box"&gt;</w:t>
            </w:r>
          </w:p>
          <w:p w:rsidR="00763958" w:rsidRDefault="00763958" w:rsidP="00763958">
            <w:r>
              <w:t xml:space="preserve">                        &lt;div class="hamburger-inner"&gt;&lt;/div&gt;</w:t>
            </w:r>
          </w:p>
          <w:p w:rsidR="00763958" w:rsidRDefault="00763958" w:rsidP="00763958">
            <w:r>
              <w:t xml:space="preserve">                    &lt;/div&gt;</w:t>
            </w:r>
          </w:p>
          <w:p w:rsidR="00763958" w:rsidRDefault="00763958" w:rsidP="00763958">
            <w:r>
              <w:t xml:space="preserve">                &lt;/div&gt;</w:t>
            </w:r>
          </w:p>
          <w:p w:rsidR="00763958" w:rsidRDefault="00763958" w:rsidP="00763958">
            <w:r>
              <w:t xml:space="preserve">            &lt;/a&gt;</w:t>
            </w:r>
          </w:p>
          <w:p w:rsidR="00763958" w:rsidRDefault="00763958" w:rsidP="00763958">
            <w:r>
              <w:t xml:space="preserve">            &lt;!--top nav bar start--&gt;</w:t>
            </w:r>
          </w:p>
          <w:p w:rsidR="00763958" w:rsidRDefault="00763958" w:rsidP="00763958">
            <w:r>
              <w:t xml:space="preserve">            &lt;nav class="main-menu" id="menu"&gt;</w:t>
            </w:r>
          </w:p>
          <w:p w:rsidR="00763958" w:rsidRDefault="00763958" w:rsidP="00763958">
            <w:r>
              <w:t xml:space="preserve">                &lt;ul&gt;</w:t>
            </w:r>
          </w:p>
          <w:p w:rsidR="00763958" w:rsidRDefault="00763958" w:rsidP="00763958">
            <w:r>
              <w:t xml:space="preserve">                    &lt;li&gt;</w:t>
            </w:r>
          </w:p>
          <w:p w:rsidR="00763958" w:rsidRDefault="00763958" w:rsidP="00763958">
            <w:r>
              <w:t xml:space="preserve">                        &lt;span&gt;</w:t>
            </w:r>
          </w:p>
          <w:p w:rsidR="00763958" w:rsidRDefault="00763958" w:rsidP="00763958">
            <w:r>
              <w:t xml:space="preserve">                            &lt;a href="home.php"</w:t>
            </w:r>
          </w:p>
          <w:p w:rsidR="00763958" w:rsidRDefault="00763958" w:rsidP="00763958">
            <w:r>
              <w:t xml:space="preserve">                               class="active" style="font-size: 1.1rem; color: #007BCE;"&gt;</w:t>
            </w:r>
          </w:p>
          <w:p w:rsidR="00763958" w:rsidRDefault="00763958" w:rsidP="00763958">
            <w:r>
              <w:t xml:space="preserve">                                Home</w:t>
            </w:r>
          </w:p>
          <w:p w:rsidR="00763958" w:rsidRDefault="00763958" w:rsidP="00763958">
            <w:r>
              <w:t xml:space="preserve">                            &lt;/a&gt;</w:t>
            </w:r>
          </w:p>
          <w:p w:rsidR="00763958" w:rsidRDefault="00763958" w:rsidP="00763958">
            <w:r>
              <w:t xml:space="preserve">                        &lt;/span&gt;</w:t>
            </w:r>
          </w:p>
          <w:p w:rsidR="00763958" w:rsidRDefault="00763958" w:rsidP="00763958">
            <w:r>
              <w:t xml:space="preserve">                    &lt;/li&gt;</w:t>
            </w:r>
          </w:p>
          <w:p w:rsidR="00763958" w:rsidRDefault="00763958" w:rsidP="00763958">
            <w:r>
              <w:t xml:space="preserve">                    &lt;li&gt;</w:t>
            </w:r>
          </w:p>
          <w:p w:rsidR="00763958" w:rsidRDefault="00763958" w:rsidP="00763958">
            <w:r>
              <w:t xml:space="preserve">                        &lt;span&gt;</w:t>
            </w:r>
          </w:p>
          <w:p w:rsidR="00763958" w:rsidRDefault="00763958" w:rsidP="00763958">
            <w:r>
              <w:t xml:space="preserve">                            &lt;a href="aboutus.php"</w:t>
            </w:r>
          </w:p>
          <w:p w:rsidR="00763958" w:rsidRDefault="00763958" w:rsidP="00763958">
            <w:r>
              <w:t xml:space="preserve">                               class="" style="font-size: 1.1rem; color: #007BCE;"&gt;</w:t>
            </w:r>
          </w:p>
          <w:p w:rsidR="00763958" w:rsidRDefault="00763958" w:rsidP="00763958">
            <w:r>
              <w:t xml:space="preserve">                                About us</w:t>
            </w:r>
          </w:p>
          <w:p w:rsidR="00763958" w:rsidRDefault="00763958" w:rsidP="00763958">
            <w:r>
              <w:t xml:space="preserve">                            &lt;/a&gt;</w:t>
            </w:r>
          </w:p>
          <w:p w:rsidR="00763958" w:rsidRDefault="00763958" w:rsidP="00763958">
            <w:r>
              <w:t xml:space="preserve">                        &lt;/span&gt;</w:t>
            </w:r>
          </w:p>
          <w:p w:rsidR="00763958" w:rsidRDefault="00763958" w:rsidP="00763958">
            <w:r>
              <w:t xml:space="preserve">                    &lt;/li&gt;</w:t>
            </w:r>
          </w:p>
          <w:p w:rsidR="00763958" w:rsidRDefault="00763958" w:rsidP="00763958">
            <w:r>
              <w:t xml:space="preserve">                    </w:t>
            </w:r>
          </w:p>
          <w:p w:rsidR="00763958" w:rsidRDefault="00763958" w:rsidP="00763958">
            <w:r>
              <w:t xml:space="preserve">                    &lt;li&gt;</w:t>
            </w:r>
          </w:p>
          <w:p w:rsidR="00763958" w:rsidRDefault="00763958" w:rsidP="00763958">
            <w:r>
              <w:t xml:space="preserve">                        &lt;span&gt;</w:t>
            </w:r>
          </w:p>
          <w:p w:rsidR="00763958" w:rsidRDefault="00763958" w:rsidP="00763958">
            <w:r>
              <w:t xml:space="preserve">                            &lt;a href="howitworks.php"</w:t>
            </w:r>
          </w:p>
          <w:p w:rsidR="00763958" w:rsidRDefault="00763958" w:rsidP="00763958">
            <w:r>
              <w:t xml:space="preserve">                               class="" style="font-size: 1.1rem; color: #007BCE;"&gt;</w:t>
            </w:r>
          </w:p>
          <w:p w:rsidR="00763958" w:rsidRDefault="00763958" w:rsidP="00763958">
            <w:r>
              <w:t xml:space="preserve">                                How it works</w:t>
            </w:r>
          </w:p>
          <w:p w:rsidR="00763958" w:rsidRDefault="00763958" w:rsidP="00763958">
            <w:r>
              <w:t xml:space="preserve">                            &lt;/a&gt;</w:t>
            </w:r>
          </w:p>
          <w:p w:rsidR="00763958" w:rsidRDefault="00763958" w:rsidP="00763958">
            <w:r>
              <w:t xml:space="preserve">                        &lt;/span&gt;</w:t>
            </w:r>
          </w:p>
          <w:p w:rsidR="00763958" w:rsidRDefault="00763958" w:rsidP="00763958">
            <w:r>
              <w:t xml:space="preserve">                    &lt;/li&gt;</w:t>
            </w:r>
          </w:p>
          <w:p w:rsidR="00763958" w:rsidRDefault="00763958" w:rsidP="00763958">
            <w:r>
              <w:t xml:space="preserve">                    &lt;li&gt;</w:t>
            </w:r>
          </w:p>
          <w:p w:rsidR="00763958" w:rsidRDefault="00763958" w:rsidP="00763958">
            <w:r>
              <w:t xml:space="preserve">                          &lt;a href=""class="" style="font-size: 1.1rem; color: #007BCE;"&gt;Find More&lt;/a&gt;</w:t>
            </w:r>
          </w:p>
          <w:p w:rsidR="00763958" w:rsidRDefault="00763958" w:rsidP="00763958">
            <w:r>
              <w:lastRenderedPageBreak/>
              <w:t xml:space="preserve">                    &lt;ul&gt;</w:t>
            </w:r>
          </w:p>
          <w:p w:rsidR="00763958" w:rsidRDefault="00763958" w:rsidP="00763958">
            <w:r>
              <w:t xml:space="preserve">                        &lt;li&gt;</w:t>
            </w:r>
          </w:p>
          <w:p w:rsidR="00763958" w:rsidRDefault="00763958" w:rsidP="00763958">
            <w:r>
              <w:t xml:space="preserve">                        &lt;a href=""&gt;Your Senior Team&lt;/a&gt;</w:t>
            </w:r>
          </w:p>
          <w:p w:rsidR="00763958" w:rsidRDefault="00763958" w:rsidP="00763958">
            <w:r>
              <w:t xml:space="preserve">                        &lt;/li&gt;</w:t>
            </w:r>
          </w:p>
          <w:p w:rsidR="00763958" w:rsidRDefault="00763958" w:rsidP="00763958">
            <w:r>
              <w:t xml:space="preserve">                        &lt;li&gt;</w:t>
            </w:r>
          </w:p>
          <w:p w:rsidR="00763958" w:rsidRDefault="00763958" w:rsidP="00763958">
            <w:r>
              <w:t xml:space="preserve">                        &lt;a href=""&gt;SRES Finder&lt;/a&gt;</w:t>
            </w:r>
          </w:p>
          <w:p w:rsidR="00763958" w:rsidRDefault="00763958" w:rsidP="00763958">
            <w:r>
              <w:t xml:space="preserve">                        &lt;/li&gt;</w:t>
            </w:r>
          </w:p>
          <w:p w:rsidR="00763958" w:rsidRDefault="00763958" w:rsidP="00763958">
            <w:r>
              <w:t xml:space="preserve">                        &lt;li&gt;</w:t>
            </w:r>
          </w:p>
          <w:p w:rsidR="00763958" w:rsidRDefault="00763958" w:rsidP="00763958">
            <w:r>
              <w:t xml:space="preserve">                        &lt;a href=""&gt;VA Benefits Finder&lt;/a&gt;</w:t>
            </w:r>
          </w:p>
          <w:p w:rsidR="00763958" w:rsidRDefault="00763958" w:rsidP="00763958">
            <w:r>
              <w:t xml:space="preserve">                        &lt;/li&gt;</w:t>
            </w:r>
          </w:p>
          <w:p w:rsidR="00763958" w:rsidRDefault="00763958" w:rsidP="00763958">
            <w:r>
              <w:t xml:space="preserve">                        &lt;li&gt;</w:t>
            </w:r>
          </w:p>
          <w:p w:rsidR="00763958" w:rsidRDefault="00763958" w:rsidP="00763958">
            <w:r>
              <w:t xml:space="preserve">                        &lt;a href=""&gt;Senior Investment &amp; Finance&lt;/a&gt;</w:t>
            </w:r>
          </w:p>
          <w:p w:rsidR="00763958" w:rsidRDefault="00763958" w:rsidP="00763958">
            <w:r>
              <w:t xml:space="preserve">                        &lt;/li&gt;</w:t>
            </w:r>
          </w:p>
          <w:p w:rsidR="00763958" w:rsidRDefault="00763958" w:rsidP="00763958">
            <w:r>
              <w:t xml:space="preserve">                        &lt;li&gt;</w:t>
            </w:r>
          </w:p>
          <w:p w:rsidR="00763958" w:rsidRDefault="00763958" w:rsidP="00763958">
            <w:r>
              <w:t xml:space="preserve">                        &lt;a href=""&gt;Insure Seniors Finder&lt;/a&gt;</w:t>
            </w:r>
          </w:p>
          <w:p w:rsidR="00763958" w:rsidRDefault="00763958" w:rsidP="00763958">
            <w:r>
              <w:t xml:space="preserve">                        &lt;/li&gt;</w:t>
            </w:r>
          </w:p>
          <w:p w:rsidR="00763958" w:rsidRDefault="00763958" w:rsidP="00763958">
            <w:r>
              <w:t xml:space="preserve">                        &lt;li&gt;</w:t>
            </w:r>
          </w:p>
          <w:p w:rsidR="00763958" w:rsidRDefault="00763958" w:rsidP="00763958">
            <w:r>
              <w:t xml:space="preserve">                        &lt;a href=""&gt;ESPM Finder&lt;/a&gt;</w:t>
            </w:r>
          </w:p>
          <w:p w:rsidR="00763958" w:rsidRDefault="00763958" w:rsidP="00763958">
            <w:r>
              <w:t xml:space="preserve">                        &lt;/li&gt;</w:t>
            </w:r>
          </w:p>
          <w:p w:rsidR="00763958" w:rsidRDefault="00763958" w:rsidP="00763958">
            <w:r>
              <w:t xml:space="preserve">                        &lt;li&gt;</w:t>
            </w:r>
          </w:p>
          <w:p w:rsidR="00763958" w:rsidRDefault="00763958" w:rsidP="00763958">
            <w:r>
              <w:t xml:space="preserve">                        &lt;a href=""&gt;Senior Elder Finder&lt;/a&gt;</w:t>
            </w:r>
          </w:p>
          <w:p w:rsidR="00763958" w:rsidRDefault="00763958" w:rsidP="00763958">
            <w:r>
              <w:t xml:space="preserve">                        &lt;/li&gt;                </w:t>
            </w:r>
          </w:p>
          <w:p w:rsidR="00763958" w:rsidRDefault="00763958" w:rsidP="00763958">
            <w:r>
              <w:t xml:space="preserve">                    &lt;/ul&gt;</w:t>
            </w:r>
          </w:p>
          <w:p w:rsidR="00763958" w:rsidRDefault="00763958" w:rsidP="00763958">
            <w:r>
              <w:t xml:space="preserve">                </w:t>
            </w:r>
          </w:p>
          <w:p w:rsidR="00763958" w:rsidRDefault="00763958" w:rsidP="00763958">
            <w:r>
              <w:t xml:space="preserve">                    &lt;li&gt;</w:t>
            </w:r>
          </w:p>
          <w:p w:rsidR="00763958" w:rsidRDefault="00763958" w:rsidP="00763958">
            <w:r>
              <w:t xml:space="preserve">                        &lt;span&gt;</w:t>
            </w:r>
          </w:p>
          <w:p w:rsidR="00763958" w:rsidRDefault="00763958" w:rsidP="00763958">
            <w:r>
              <w:t xml:space="preserve">                            &lt;a href="contactus.php"</w:t>
            </w:r>
          </w:p>
          <w:p w:rsidR="00763958" w:rsidRDefault="00763958" w:rsidP="00763958">
            <w:r>
              <w:t xml:space="preserve">                               class="" style="font-size: 1.1rem; color: #007BCE;"&gt;</w:t>
            </w:r>
          </w:p>
          <w:p w:rsidR="00763958" w:rsidRDefault="00763958" w:rsidP="00763958">
            <w:r>
              <w:t xml:space="preserve">                                Contact us</w:t>
            </w:r>
          </w:p>
          <w:p w:rsidR="00763958" w:rsidRDefault="00763958" w:rsidP="00763958">
            <w:r>
              <w:t xml:space="preserve">                            &lt;/a&gt;</w:t>
            </w:r>
          </w:p>
          <w:p w:rsidR="00763958" w:rsidRDefault="00763958" w:rsidP="00763958">
            <w:r>
              <w:t xml:space="preserve">                        &lt;/span&gt;</w:t>
            </w:r>
          </w:p>
          <w:p w:rsidR="00763958" w:rsidRDefault="00763958" w:rsidP="00763958">
            <w:r>
              <w:t xml:space="preserve">                    &lt;/li&gt;</w:t>
            </w:r>
          </w:p>
          <w:p w:rsidR="00763958" w:rsidRDefault="00763958" w:rsidP="00763958">
            <w:r>
              <w:t xml:space="preserve">                &lt;/ul&gt;</w:t>
            </w:r>
          </w:p>
          <w:p w:rsidR="00763958" w:rsidRDefault="00763958" w:rsidP="00763958">
            <w:r>
              <w:t xml:space="preserve">            &lt;/nav&gt;</w:t>
            </w:r>
          </w:p>
          <w:p w:rsidR="00763958" w:rsidRDefault="00763958" w:rsidP="00763958">
            <w:r>
              <w:t xml:space="preserve">            &lt;!--top nav bar ends--&gt;</w:t>
            </w:r>
          </w:p>
          <w:p w:rsidR="00763958" w:rsidRDefault="00763958" w:rsidP="00763958">
            <w:r>
              <w:t xml:space="preserve">            &lt;/header&gt;</w:t>
            </w:r>
          </w:p>
          <w:p w:rsidR="00763958" w:rsidRDefault="00763958" w:rsidP="00763958">
            <w:r>
              <w:t xml:space="preserve">            &lt;!--------------------header ends------------------&gt;</w:t>
            </w:r>
          </w:p>
          <w:p w:rsidR="00763958" w:rsidRDefault="00763958" w:rsidP="00763958">
            <w:r>
              <w:t xml:space="preserve">        &lt;main&gt;</w:t>
            </w:r>
          </w:p>
          <w:p w:rsidR="00763958" w:rsidRDefault="00763958" w:rsidP="00763958">
            <w:r>
              <w:t xml:space="preserve">        </w:t>
            </w:r>
          </w:p>
          <w:p w:rsidR="00763958" w:rsidRDefault="00763958" w:rsidP="00763958">
            <w:r>
              <w:t xml:space="preserve">                &lt;div id="results"&gt;</w:t>
            </w:r>
          </w:p>
          <w:p w:rsidR="00763958" w:rsidRDefault="00763958" w:rsidP="00763958">
            <w:r>
              <w:t xml:space="preserve">        &lt;div class="container"&gt;</w:t>
            </w:r>
          </w:p>
          <w:p w:rsidR="00763958" w:rsidRDefault="00763958" w:rsidP="00763958">
            <w:r>
              <w:t xml:space="preserve">            &lt;br/&gt;</w:t>
            </w:r>
          </w:p>
          <w:p w:rsidR="00763958" w:rsidRDefault="00763958" w:rsidP="00763958">
            <w:r>
              <w:t xml:space="preserve">            &lt;div class="row"&gt;</w:t>
            </w:r>
          </w:p>
          <w:p w:rsidR="00763958" w:rsidRDefault="00763958" w:rsidP="00763958">
            <w:r>
              <w:t xml:space="preserve">                &lt;div class="col-lg-3 col-md-4 col-10"&gt;</w:t>
            </w:r>
          </w:p>
          <w:p w:rsidR="00763958" w:rsidRDefault="00763958" w:rsidP="00763958">
            <w:r>
              <w:t xml:space="preserve">                    &lt;h4&gt;</w:t>
            </w:r>
          </w:p>
          <w:p w:rsidR="00763958" w:rsidRDefault="00763958" w:rsidP="00763958">
            <w:r>
              <w:t xml:space="preserve">                        &lt;span id="res_count"&gt;&lt;/span&gt; </w:t>
            </w:r>
          </w:p>
          <w:p w:rsidR="00763958" w:rsidRDefault="00763958" w:rsidP="00763958">
            <w:r>
              <w:t xml:space="preserve">                        Residences found</w:t>
            </w:r>
          </w:p>
          <w:p w:rsidR="00763958" w:rsidRDefault="00763958" w:rsidP="00763958">
            <w:r>
              <w:t xml:space="preserve">                    &lt;/h4&gt;</w:t>
            </w:r>
          </w:p>
          <w:p w:rsidR="00763958" w:rsidRDefault="00763958" w:rsidP="00763958">
            <w:r>
              <w:lastRenderedPageBreak/>
              <w:t xml:space="preserve">                &lt;/div&gt;</w:t>
            </w:r>
          </w:p>
          <w:p w:rsidR="00763958" w:rsidRDefault="00763958" w:rsidP="00763958">
            <w:r>
              <w:t xml:space="preserve">                &lt;div class="col-lg-4"&gt;</w:t>
            </w:r>
          </w:p>
          <w:p w:rsidR="00763958" w:rsidRDefault="00763958" w:rsidP="00763958">
            <w:r>
              <w:t xml:space="preserve">                    &lt;div style="color:blue;" text-align="center;"&gt;</w:t>
            </w:r>
          </w:p>
          <w:p w:rsidR="00763958" w:rsidRDefault="00763958" w:rsidP="00763958">
            <w:r>
              <w:t xml:space="preserve">                        &lt;h4&gt;</w:t>
            </w:r>
          </w:p>
          <w:p w:rsidR="00763958" w:rsidRDefault="00763958" w:rsidP="00763958">
            <w:r>
              <w:t xml:space="preserve">                        &lt;a id="myBtn" text-align="center;" data-toggle="popover" data-trigger="hover" data-placement="bottom"</w:t>
            </w:r>
          </w:p>
          <w:p w:rsidR="00763958" w:rsidRDefault="00763958" w:rsidP="00763958">
            <w:r>
              <w:t xml:space="preserve">                        data-content="Please take a moment to enter your information and further convey your needs and desires for senior living."&gt;</w:t>
            </w:r>
          </w:p>
          <w:p w:rsidR="00763958" w:rsidRDefault="00763958" w:rsidP="00763958">
            <w:r>
              <w:t xml:space="preserve">                            Enhance search by desires and needs</w:t>
            </w:r>
          </w:p>
          <w:p w:rsidR="00763958" w:rsidRDefault="00763958" w:rsidP="00763958">
            <w:r>
              <w:t xml:space="preserve">                            </w:t>
            </w:r>
          </w:p>
          <w:p w:rsidR="00763958" w:rsidRDefault="00763958" w:rsidP="00763958">
            <w:r>
              <w:t xml:space="preserve">                        &lt;/a&gt;</w:t>
            </w:r>
          </w:p>
          <w:p w:rsidR="00763958" w:rsidRDefault="00763958" w:rsidP="00763958">
            <w:r>
              <w:t xml:space="preserve">                        &lt;/h4&gt;</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 class="col-lg-5 col-md-8 col-2"&gt;</w:t>
            </w:r>
          </w:p>
          <w:p w:rsidR="00763958" w:rsidRDefault="00763958" w:rsidP="00763958">
            <w:r>
              <w:t xml:space="preserve">                    &lt;!--&lt;form id="frmSearchResidence"&gt;</w:t>
            </w:r>
          </w:p>
          <w:p w:rsidR="00763958" w:rsidRDefault="00763958" w:rsidP="00763958">
            <w:r>
              <w:t xml:space="preserve">                        &lt;a class="side_panel btn_search_mobile" href="#"&gt;&lt;/a&gt;</w:t>
            </w:r>
          </w:p>
          <w:p w:rsidR="00763958" w:rsidRDefault="00763958" w:rsidP="00763958">
            <w:r>
              <w:t xml:space="preserve">                        &lt;div class="row no-gutters m-0 custom-search-input-2 inner"&gt;</w:t>
            </w:r>
          </w:p>
          <w:p w:rsidR="00763958" w:rsidRDefault="00763958" w:rsidP="00763958">
            <w:r>
              <w:t xml:space="preserve">                            &lt;div class="col-lg-11"&gt;</w:t>
            </w:r>
          </w:p>
          <w:p w:rsidR="00763958" w:rsidRDefault="00763958" w:rsidP="00763958">
            <w:r>
              <w:t xml:space="preserve">                                &lt;div class="form-group"&gt;</w:t>
            </w:r>
          </w:p>
          <w:p w:rsidR="00763958" w:rsidRDefault="00763958" w:rsidP="00763958">
            <w:r>
              <w:t xml:space="preserve">                                    &lt;input type="hidden" class="form-control border-0" id="txtSearchText"</w:t>
            </w:r>
          </w:p>
          <w:p w:rsidR="00763958" w:rsidRDefault="00763958" w:rsidP="00763958">
            <w:r>
              <w:t xml:space="preserve">                                           placeholder="Search by residence or company name..." type="text"</w:t>
            </w:r>
          </w:p>
          <w:p w:rsidR="00763958" w:rsidRDefault="00763958" w:rsidP="00763958">
            <w:r>
              <w:t xml:space="preserve">                                           value=""/&gt;</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 class="col-lg-1"&gt;</w:t>
            </w:r>
          </w:p>
          <w:p w:rsidR="00763958" w:rsidRDefault="00763958" w:rsidP="00763958">
            <w:r>
              <w:t xml:space="preserve">                                &lt;!--&lt;button type="submit" class="btn btn-lg btn-block submit"&gt;SUBMIT&lt;/button&gt; --&gt;</w:t>
            </w:r>
          </w:p>
          <w:p w:rsidR="00763958" w:rsidRDefault="00763958" w:rsidP="00763958">
            <w:r>
              <w:t xml:space="preserve">                            &lt;!--&lt;/div&gt;</w:t>
            </w:r>
          </w:p>
          <w:p w:rsidR="00763958" w:rsidRDefault="00763958" w:rsidP="00763958">
            <w:r>
              <w:t xml:space="preserve">                        &lt;/div&gt;</w:t>
            </w:r>
          </w:p>
          <w:p w:rsidR="00763958" w:rsidRDefault="00763958" w:rsidP="00763958">
            <w:r>
              <w:t xml:space="preserve">                    &lt;/form&gt; --&gt;</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gt;</w:t>
            </w:r>
          </w:p>
          <w:p w:rsidR="00763958" w:rsidRDefault="00763958" w:rsidP="00763958">
            <w:r>
              <w:t xml:space="preserve">    &lt;!--&lt;div class="filters_listing version_2 sticky_horizontal"&gt;</w:t>
            </w:r>
          </w:p>
          <w:p w:rsidR="00763958" w:rsidRDefault="00763958" w:rsidP="00763958">
            <w:r>
              <w:t xml:space="preserve">        &lt;div class="container"&gt;</w:t>
            </w:r>
          </w:p>
          <w:p w:rsidR="00763958" w:rsidRDefault="00763958" w:rsidP="00763958">
            <w:r>
              <w:t xml:space="preserve">            &lt;ul class="clearfix"&gt;</w:t>
            </w:r>
          </w:p>
          <w:p w:rsidR="00763958" w:rsidRDefault="00763958" w:rsidP="00763958">
            <w:r>
              <w:t xml:space="preserve">                &lt;li&gt;</w:t>
            </w:r>
          </w:p>
          <w:p w:rsidR="00763958" w:rsidRDefault="00763958" w:rsidP="00763958">
            <w:r>
              <w:t xml:space="preserve">                    &lt;div class="switch-field"&gt;</w:t>
            </w:r>
          </w:p>
          <w:p w:rsidR="00763958" w:rsidRDefault="00763958" w:rsidP="00763958">
            <w:r>
              <w:t xml:space="preserve">                        &lt;input checked id="all" name="listing_filter" type="radio" value="all"&gt;</w:t>
            </w:r>
          </w:p>
          <w:p w:rsidR="00763958" w:rsidRDefault="00763958" w:rsidP="00763958">
            <w:r>
              <w:t xml:space="preserve">                        &lt;label for="all"&gt;All&lt;/label&gt;</w:t>
            </w:r>
          </w:p>
          <w:p w:rsidR="00763958" w:rsidRDefault="00763958" w:rsidP="00763958">
            <w:r>
              <w:t xml:space="preserve">                        &lt;input id="popular" name="listing_filter" type="radio" value="popular"&gt;</w:t>
            </w:r>
          </w:p>
          <w:p w:rsidR="00763958" w:rsidRDefault="00763958" w:rsidP="00763958">
            <w:r>
              <w:t xml:space="preserve">                        &lt;label for="popular"&gt;Popular&lt;/label&gt;</w:t>
            </w:r>
          </w:p>
          <w:p w:rsidR="00763958" w:rsidRDefault="00763958" w:rsidP="00763958">
            <w:r>
              <w:t xml:space="preserve">                        &lt;input id="latest" name="listing_filter" type="radio" value="latest"&gt;</w:t>
            </w:r>
          </w:p>
          <w:p w:rsidR="00763958" w:rsidRDefault="00763958" w:rsidP="00763958">
            <w:r>
              <w:t xml:space="preserve">                        &lt;label for="latest"&gt;Latest&lt;/label&gt; </w:t>
            </w:r>
          </w:p>
          <w:p w:rsidR="00763958" w:rsidRDefault="00763958" w:rsidP="00763958">
            <w:r>
              <w:t xml:space="preserve">                    &lt;/div&gt;</w:t>
            </w:r>
          </w:p>
          <w:p w:rsidR="00763958" w:rsidRDefault="00763958" w:rsidP="00763958">
            <w:r>
              <w:t xml:space="preserve">                &lt;/li&gt;</w:t>
            </w:r>
          </w:p>
          <w:p w:rsidR="00763958" w:rsidRDefault="00763958" w:rsidP="00763958"/>
          <w:p w:rsidR="00763958" w:rsidRDefault="00763958" w:rsidP="00763958"/>
          <w:p w:rsidR="00763958" w:rsidRDefault="00763958" w:rsidP="00763958">
            <w:r>
              <w:t xml:space="preserve">            &lt;/ul&gt;</w:t>
            </w:r>
          </w:p>
          <w:p w:rsidR="00763958" w:rsidRDefault="00763958" w:rsidP="00763958">
            <w:r>
              <w:t xml:space="preserve">        &lt;/div&gt;</w:t>
            </w:r>
          </w:p>
          <w:p w:rsidR="00763958" w:rsidRDefault="00763958" w:rsidP="00763958">
            <w:r>
              <w:t xml:space="preserve">    &lt;/div&gt; --&gt;</w:t>
            </w:r>
          </w:p>
          <w:p w:rsidR="00763958" w:rsidRDefault="00763958" w:rsidP="00763958">
            <w:r>
              <w:t>&lt;!---------------Filter Starts------------------&gt;</w:t>
            </w:r>
          </w:p>
          <w:p w:rsidR="00763958" w:rsidRDefault="00763958" w:rsidP="00763958">
            <w:r>
              <w:t xml:space="preserve">    &lt;div class="container pt-2"&gt;</w:t>
            </w:r>
          </w:p>
          <w:p w:rsidR="00763958" w:rsidRDefault="00763958" w:rsidP="00763958">
            <w:r>
              <w:t xml:space="preserve">        &lt;div class="row"&gt;</w:t>
            </w:r>
          </w:p>
          <w:p w:rsidR="00763958" w:rsidRDefault="00763958" w:rsidP="00763958">
            <w:r>
              <w:t xml:space="preserve">            &lt;aside class="col-lg-3" id="sidebar"&gt;</w:t>
            </w:r>
          </w:p>
          <w:p w:rsidR="00763958" w:rsidRDefault="00763958" w:rsidP="00763958">
            <w:r>
              <w:t xml:space="preserve">                &lt;div id="divPrimaryFilter" class="filter-section" style= "height: 200px; overflow-y: scroll;"&gt;</w:t>
            </w:r>
          </w:p>
          <w:p w:rsidR="00763958" w:rsidRDefault="00763958" w:rsidP="00763958">
            <w:r>
              <w:t xml:space="preserve">    &lt;a aria-controls="collapseFilter" aria-expanded="true" data-toggle="collapse"</w:t>
            </w:r>
          </w:p>
          <w:p w:rsidR="00763958" w:rsidRDefault="00763958" w:rsidP="00763958">
            <w:r>
              <w:t xml:space="preserve">       href="#collapseFilter" class="collapse-toggler"&gt;</w:t>
            </w:r>
          </w:p>
          <w:p w:rsidR="00763958" w:rsidRDefault="00763958" w:rsidP="00763958">
            <w:r>
              <w:t xml:space="preserve">        &lt;b&gt;Expand/Modify Your Search&lt;/b&gt;</w:t>
            </w:r>
          </w:p>
          <w:p w:rsidR="00763958" w:rsidRDefault="00763958" w:rsidP="00763958">
            <w:r>
              <w:t xml:space="preserve">    &lt;/a&gt;</w:t>
            </w:r>
          </w:p>
          <w:p w:rsidR="00763958" w:rsidRDefault="00763958" w:rsidP="00763958">
            <w:r>
              <w:t xml:space="preserve">    &lt;!---------------location Filter Starts------------------&gt;</w:t>
            </w:r>
          </w:p>
          <w:p w:rsidR="00763958" w:rsidRDefault="00763958" w:rsidP="00763958">
            <w:r>
              <w:t xml:space="preserve">    &lt;div class="collapse show" id="collapseFilter"&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Location" aria-expanded="true" data-toggle="collapse" href="#collapseLocation"</w:t>
            </w:r>
          </w:p>
          <w:p w:rsidR="00763958" w:rsidRDefault="00763958" w:rsidP="00763958">
            <w:r>
              <w:t xml:space="preserve">                   class="collapse-toggler"&gt;</w:t>
            </w:r>
          </w:p>
          <w:p w:rsidR="00763958" w:rsidRDefault="00763958" w:rsidP="00763958">
            <w:r>
              <w:t xml:space="preserve">                    Location</w:t>
            </w:r>
          </w:p>
          <w:p w:rsidR="00763958" w:rsidRDefault="00763958" w:rsidP="00763958">
            <w:r>
              <w:t xml:space="preserve">                &lt;/a&gt;</w:t>
            </w:r>
          </w:p>
          <w:p w:rsidR="00763958" w:rsidRDefault="00763958" w:rsidP="00763958">
            <w:r>
              <w:t xml:space="preserve">            &lt;/h6&gt;</w:t>
            </w:r>
          </w:p>
          <w:p w:rsidR="00763958" w:rsidRDefault="00763958" w:rsidP="00763958">
            <w:r>
              <w:t xml:space="preserve">            &lt;div class="collapse show" id="collapseLocation"&gt;</w:t>
            </w:r>
          </w:p>
          <w:p w:rsidR="00763958" w:rsidRDefault="00763958" w:rsidP="00763958">
            <w:r>
              <w:t xml:space="preserve">                &lt;div class="form-group"&gt;</w:t>
            </w:r>
          </w:p>
          <w:p w:rsidR="00763958" w:rsidRDefault="00763958" w:rsidP="00763958">
            <w:r>
              <w:t xml:space="preserve">                    &lt;input class="form-control" placeholder="City or Zip code..."</w:t>
            </w:r>
          </w:p>
          <w:p w:rsidR="00763958" w:rsidRDefault="00763958" w:rsidP="00763958">
            <w:r>
              <w:t xml:space="preserve">                           type="text" id="txtLocation"/&gt;</w:t>
            </w:r>
          </w:p>
          <w:p w:rsidR="00763958" w:rsidRDefault="00763958" w:rsidP="00763958">
            <w:r>
              <w:t xml:space="preserve">                &lt;/div&gt;</w:t>
            </w:r>
          </w:p>
          <w:p w:rsidR="00763958" w:rsidRDefault="00763958" w:rsidP="00763958">
            <w:r>
              <w:t xml:space="preserve">                &lt;div class="text-left" id="divLocations"&gt;</w:t>
            </w:r>
          </w:p>
          <w:p w:rsidR="00763958" w:rsidRDefault="00763958" w:rsidP="00763958">
            <w:r>
              <w:t xml:space="preserve">                &lt;/div&gt;</w:t>
            </w:r>
          </w:p>
          <w:p w:rsidR="00763958" w:rsidRDefault="00763958" w:rsidP="00763958">
            <w:r>
              <w:t xml:space="preserve">                &lt;div id="divRadius" style="display: none;"&gt;</w:t>
            </w:r>
          </w:p>
          <w:p w:rsidR="00763958" w:rsidRDefault="00763958" w:rsidP="00763958">
            <w:r>
              <w:t xml:space="preserve">                    &lt;!--&lt;h6&gt;</w:t>
            </w:r>
          </w:p>
          <w:p w:rsidR="00763958" w:rsidRDefault="00763958" w:rsidP="00763958">
            <w:r>
              <w:t xml:space="preserve">                        Search By</w:t>
            </w:r>
          </w:p>
          <w:p w:rsidR="00763958" w:rsidRDefault="00763958" w:rsidP="00763958">
            <w:r>
              <w:t xml:space="preserve">                    &lt;/h6&gt; --&gt;</w:t>
            </w:r>
          </w:p>
          <w:p w:rsidR="00763958" w:rsidRDefault="00763958" w:rsidP="00763958">
            <w:r>
              <w:t xml:space="preserve">                    &lt;div class="distance"&gt;</w:t>
            </w:r>
          </w:p>
          <w:p w:rsidR="00763958" w:rsidRDefault="00763958" w:rsidP="00763958">
            <w:r>
              <w:t xml:space="preserve">                        &lt;!--Radius</w:t>
            </w:r>
          </w:p>
          <w:p w:rsidR="00763958" w:rsidRDefault="00763958" w:rsidP="00763958">
            <w:r>
              <w:t xml:space="preserve">                        &lt;span&gt;&lt;/span&gt;</w:t>
            </w:r>
          </w:p>
          <w:p w:rsidR="00763958" w:rsidRDefault="00763958" w:rsidP="00763958">
            <w:r>
              <w:t xml:space="preserve">                        miles--&gt;</w:t>
            </w:r>
          </w:p>
          <w:p w:rsidR="00763958" w:rsidRDefault="00763958" w:rsidP="00763958">
            <w:r>
              <w:t xml:space="preserve">                    &lt;/div&gt;</w:t>
            </w:r>
          </w:p>
          <w:p w:rsidR="00763958" w:rsidRDefault="00763958" w:rsidP="00763958">
            <w:r>
              <w:t xml:space="preserve">                    &lt;input type="hidden" data-orientation="horizontal" max="100" min="5" step="5" type="range"</w:t>
            </w:r>
          </w:p>
          <w:p w:rsidR="00763958" w:rsidRDefault="00763958" w:rsidP="00763958">
            <w:r>
              <w:t xml:space="preserve">                           value="5" id="txtRadius"/&gt;</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gt;</w:t>
            </w:r>
          </w:p>
          <w:p w:rsidR="00763958" w:rsidRDefault="00763958" w:rsidP="00763958">
            <w:r>
              <w:t xml:space="preserve">        &lt;!---------------Location Filter ends------------------&gt;</w:t>
            </w:r>
          </w:p>
          <w:p w:rsidR="00763958" w:rsidRDefault="00763958" w:rsidP="00763958"/>
          <w:p w:rsidR="00763958" w:rsidRDefault="00763958" w:rsidP="00763958">
            <w:r>
              <w:t xml:space="preserve">        &lt;!---------------Budget Filter Starts------------------&gt;</w:t>
            </w:r>
          </w:p>
          <w:p w:rsidR="00763958" w:rsidRDefault="00763958" w:rsidP="00763958">
            <w:r>
              <w:lastRenderedPageBreak/>
              <w:t xml:space="preserve">                &lt;div class="filter_type"&gt;</w:t>
            </w:r>
          </w:p>
          <w:p w:rsidR="00763958" w:rsidRDefault="00763958" w:rsidP="00763958">
            <w:r>
              <w:t xml:space="preserve">            &lt;h6&gt;</w:t>
            </w:r>
          </w:p>
          <w:p w:rsidR="00763958" w:rsidRDefault="00763958" w:rsidP="00763958">
            <w:r>
              <w:t xml:space="preserve">                &lt;a aria-controls="collapseBudget" aria-expanded="false" data-toggle="collapse" href="#collapseBudget"</w:t>
            </w:r>
          </w:p>
          <w:p w:rsidR="00763958" w:rsidRDefault="00763958" w:rsidP="00763958">
            <w:r>
              <w:t xml:space="preserve">                   class="collapse-toggler collapsed"&gt;</w:t>
            </w:r>
          </w:p>
          <w:p w:rsidR="00763958" w:rsidRDefault="00763958" w:rsidP="00763958">
            <w:r>
              <w:t xml:space="preserve">                    Budget</w:t>
            </w:r>
          </w:p>
          <w:p w:rsidR="00763958" w:rsidRDefault="00763958" w:rsidP="00763958">
            <w:r>
              <w:t xml:space="preserve">                &lt;/a&gt;</w:t>
            </w:r>
          </w:p>
          <w:p w:rsidR="00763958" w:rsidRDefault="00763958" w:rsidP="00763958">
            <w:r>
              <w:t xml:space="preserve">            &lt;/h6&gt;</w:t>
            </w:r>
          </w:p>
          <w:p w:rsidR="00763958" w:rsidRDefault="00763958" w:rsidP="00763958">
            <w:r>
              <w:t xml:space="preserve">            &lt;div class="form-group collapse" id="collapseBudget"&gt;</w:t>
            </w:r>
          </w:p>
          <w:p w:rsidR="00763958" w:rsidRDefault="00763958" w:rsidP="00763958">
            <w:r>
              <w:t xml:space="preserve">                &lt;div id="divBudgetSlider" data-min="0" data-max="15000" data-format="price" data-step="100"</w:t>
            </w:r>
          </w:p>
          <w:p w:rsidR="00763958" w:rsidRDefault="00763958" w:rsidP="00763958">
            <w:r>
              <w:t xml:space="preserve">                     data-target="BudgetRange"</w:t>
            </w:r>
          </w:p>
          <w:p w:rsidR="00763958" w:rsidRDefault="00763958" w:rsidP="00763958">
            <w:r>
              <w:t xml:space="preserve">                     class="slider-xs slider-range mt-4"&gt;&lt;/div&gt;</w:t>
            </w:r>
          </w:p>
          <w:p w:rsidR="00763958" w:rsidRDefault="00763958" w:rsidP="00763958">
            <w:r>
              <w:t xml:space="preserve">                &lt;div class="controls mt-4"&gt;</w:t>
            </w:r>
          </w:p>
          <w:p w:rsidR="00763958" w:rsidRDefault="00763958" w:rsidP="00763958">
            <w:r>
              <w:t xml:space="preserve">                    &lt;div class="input-group input-group-sm"&gt;</w:t>
            </w:r>
          </w:p>
          <w:p w:rsidR="00763958" w:rsidRDefault="00763958" w:rsidP="00763958">
            <w:r>
              <w:t xml:space="preserve">                        &lt;input type="number" class="form-control" id="txtMinBudgetRange"</w:t>
            </w:r>
          </w:p>
          <w:p w:rsidR="00763958" w:rsidRDefault="00763958" w:rsidP="00763958">
            <w:r>
              <w:t xml:space="preserve">                               placeholder="Min Budget" min="0" max="15000" value="0" step="100"/&gt;</w:t>
            </w:r>
          </w:p>
          <w:p w:rsidR="00763958" w:rsidRDefault="00763958" w:rsidP="00763958">
            <w:r>
              <w:t xml:space="preserve">                        &lt;div class="input-group-append"&gt;</w:t>
            </w:r>
          </w:p>
          <w:p w:rsidR="00763958" w:rsidRDefault="00763958" w:rsidP="00763958">
            <w:r>
              <w:t xml:space="preserve">                            &lt;span class="input-group-text"&gt;-&lt;/span&gt;</w:t>
            </w:r>
          </w:p>
          <w:p w:rsidR="00763958" w:rsidRDefault="00763958" w:rsidP="00763958">
            <w:r>
              <w:t xml:space="preserve">                        &lt;/div&gt;</w:t>
            </w:r>
          </w:p>
          <w:p w:rsidR="00763958" w:rsidRDefault="00763958" w:rsidP="00763958">
            <w:r>
              <w:t xml:space="preserve">                        &lt;input type="number" class="form-control" id="txtMaxBudgetRange"</w:t>
            </w:r>
          </w:p>
          <w:p w:rsidR="00763958" w:rsidRDefault="00763958" w:rsidP="00763958">
            <w:r>
              <w:t xml:space="preserve">                               placeholder="Max Budget" min="0" max="15000" value="15000" step="100"/&gt;</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gt;</w:t>
            </w:r>
          </w:p>
          <w:p w:rsidR="00763958" w:rsidRDefault="00763958" w:rsidP="00763958">
            <w:r>
              <w:t xml:space="preserve">        &lt;!---------------Budget Filter ends------------------&gt;</w:t>
            </w:r>
          </w:p>
          <w:p w:rsidR="00763958" w:rsidRDefault="00763958" w:rsidP="00763958">
            <w:r>
              <w:t xml:space="preserve">        &lt;div class="justify-content-center mt-4"&gt;</w:t>
            </w:r>
          </w:p>
          <w:p w:rsidR="00763958" w:rsidRDefault="00763958" w:rsidP="00763958">
            <w:r>
              <w:t xml:space="preserve">            &lt;input type="hidden" id="txtFilterData" value=""/&gt;</w:t>
            </w:r>
          </w:p>
          <w:p w:rsidR="00763958" w:rsidRDefault="00763958" w:rsidP="00763958">
            <w:r>
              <w:t xml:space="preserve">            &lt;a href="#" class="btn btn-sm btn-outline-danger btnClearFilter"&gt;Clear&lt;/a&gt;</w:t>
            </w:r>
          </w:p>
          <w:p w:rsidR="00763958" w:rsidRDefault="00763958" w:rsidP="00763958">
            <w:r>
              <w:t xml:space="preserve">            &lt;a href="#" id="btnApplyFilter" class="btn btn-sm btn-primary float-right"&gt;Apply&lt;/a&gt;</w:t>
            </w:r>
          </w:p>
          <w:p w:rsidR="00763958" w:rsidRDefault="00763958" w:rsidP="00763958">
            <w:r>
              <w:t xml:space="preserve">        &lt;/div&gt;</w:t>
            </w:r>
          </w:p>
          <w:p w:rsidR="00763958" w:rsidRDefault="00763958" w:rsidP="00763958">
            <w:r>
              <w:t xml:space="preserve">    &lt;/div&gt; </w:t>
            </w:r>
          </w:p>
          <w:p w:rsidR="00763958" w:rsidRDefault="00763958" w:rsidP="00763958">
            <w:r>
              <w:t>&lt;/div&gt;</w:t>
            </w:r>
          </w:p>
          <w:p w:rsidR="00763958" w:rsidRDefault="00763958" w:rsidP="00763958">
            <w:r>
              <w:t>&lt;!---------------Additional Filter Starts------------------&gt;</w:t>
            </w:r>
          </w:p>
          <w:p w:rsidR="00763958" w:rsidRDefault="00763958" w:rsidP="00763958">
            <w:r>
              <w:t>&lt;div id="divRefiner" class="filter-section" style= "height: 200px; overflow-y: scroll;"&gt;</w:t>
            </w:r>
          </w:p>
          <w:p w:rsidR="00763958" w:rsidRDefault="00763958" w:rsidP="00763958">
            <w:r>
              <w:t xml:space="preserve">    &lt;a aria-controls="collapseRefiner" aria-expanded="true" data-toggle="collapse"</w:t>
            </w:r>
          </w:p>
          <w:p w:rsidR="00763958" w:rsidRDefault="00763958" w:rsidP="00763958">
            <w:r>
              <w:t xml:space="preserve">       href="#collapseRefiner" class="collapse-toggler"&gt;</w:t>
            </w:r>
          </w:p>
          <w:p w:rsidR="00763958" w:rsidRDefault="00763958" w:rsidP="00763958">
            <w:r>
              <w:t xml:space="preserve">        &lt;b&gt;Additional Search&lt;/b&gt;</w:t>
            </w:r>
          </w:p>
          <w:p w:rsidR="00763958" w:rsidRDefault="00763958" w:rsidP="00763958">
            <w:r>
              <w:t xml:space="preserve">    &lt;/a&gt;</w:t>
            </w:r>
          </w:p>
          <w:p w:rsidR="00763958" w:rsidRDefault="00763958" w:rsidP="00763958">
            <w:r>
              <w:t xml:space="preserve">     &lt;!---------------Residence Types------------------&gt;</w:t>
            </w:r>
          </w:p>
          <w:p w:rsidR="00763958" w:rsidRDefault="00763958" w:rsidP="00763958">
            <w:r>
              <w:t xml:space="preserve">    &lt;div class="collapse show" id="collapseRefiner"&gt;</w:t>
            </w:r>
          </w:p>
          <w:p w:rsidR="00763958" w:rsidRDefault="00763958" w:rsidP="00763958">
            <w:r>
              <w:t xml:space="preserve">        &lt;!--&lt;div class="filter_type"&gt;</w:t>
            </w:r>
          </w:p>
          <w:p w:rsidR="00763958" w:rsidRDefault="00763958" w:rsidP="00763958">
            <w:r>
              <w:t xml:space="preserve">            &lt;h6&gt;</w:t>
            </w:r>
          </w:p>
          <w:p w:rsidR="00763958" w:rsidRDefault="00763958" w:rsidP="00763958">
            <w:r>
              <w:t xml:space="preserve">                &lt;a aria-controls="collapseResidence" aria-expanded="false" data-toggle="collapse"</w:t>
            </w:r>
          </w:p>
          <w:p w:rsidR="00763958" w:rsidRDefault="00763958" w:rsidP="00763958">
            <w:r>
              <w:t xml:space="preserve">                   href="#collapseResidence" class="collapse-toggler collapsed"&gt;</w:t>
            </w:r>
          </w:p>
          <w:p w:rsidR="00763958" w:rsidRDefault="00763958" w:rsidP="00763958">
            <w:r>
              <w:t xml:space="preserve">                    Residence Types</w:t>
            </w:r>
          </w:p>
          <w:p w:rsidR="00763958" w:rsidRDefault="00763958" w:rsidP="00763958">
            <w:r>
              <w:t xml:space="preserve">                &lt;/a&gt;</w:t>
            </w:r>
          </w:p>
          <w:p w:rsidR="00763958" w:rsidRDefault="00763958" w:rsidP="00763958">
            <w:r>
              <w:lastRenderedPageBreak/>
              <w:t xml:space="preserve">            &lt;/h6&gt;</w:t>
            </w:r>
          </w:p>
          <w:p w:rsidR="00763958" w:rsidRDefault="00763958" w:rsidP="00763958">
            <w:r>
              <w:t xml:space="preserve">            &lt;ul class="collapse" id="collapseResidence"&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Independent 55+</w:t>
            </w:r>
          </w:p>
          <w:p w:rsidR="00763958" w:rsidRDefault="00763958" w:rsidP="00763958"/>
          <w:p w:rsidR="00763958" w:rsidRDefault="00763958" w:rsidP="00763958">
            <w:r>
              <w:t xml:space="preserve">                            &lt;input type="checkbox" name="residences[]" value="independent_55"/&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Assisted Living</w:t>
            </w:r>
          </w:p>
          <w:p w:rsidR="00763958" w:rsidRDefault="00763958" w:rsidP="00763958"/>
          <w:p w:rsidR="00763958" w:rsidRDefault="00763958" w:rsidP="00763958">
            <w:r>
              <w:t xml:space="preserve">                            &lt;input type="checkbox" name="residences[]" value="assisted_living"/&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Memory Care</w:t>
            </w:r>
          </w:p>
          <w:p w:rsidR="00763958" w:rsidRDefault="00763958" w:rsidP="00763958"/>
          <w:p w:rsidR="00763958" w:rsidRDefault="00763958" w:rsidP="00763958">
            <w:r>
              <w:t xml:space="preserve">                            &lt;input type="checkbox" name="residences[]" value="memory_care"/&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oard &amp; Care</w:t>
            </w:r>
          </w:p>
          <w:p w:rsidR="00763958" w:rsidRDefault="00763958" w:rsidP="00763958"/>
          <w:p w:rsidR="00763958" w:rsidRDefault="00763958" w:rsidP="00763958">
            <w:r>
              <w:t xml:space="preserve">                            &lt;input type="checkbox" name="residences[]" value="board_care"/&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CCRC</w:t>
            </w:r>
          </w:p>
          <w:p w:rsidR="00763958" w:rsidRDefault="00763958" w:rsidP="00763958"/>
          <w:p w:rsidR="00763958" w:rsidRDefault="00763958" w:rsidP="00763958">
            <w:r>
              <w:t xml:space="preserve">                            &lt;input type="checkbox" name="residences[]" value="ccrc"/&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Respite</w:t>
            </w:r>
          </w:p>
          <w:p w:rsidR="00763958" w:rsidRDefault="00763958" w:rsidP="00763958"/>
          <w:p w:rsidR="00763958" w:rsidRDefault="00763958" w:rsidP="00763958">
            <w:r>
              <w:t xml:space="preserve">                            &lt;input type="checkbox" name="residences[]" value="respite"/&gt;</w:t>
            </w:r>
          </w:p>
          <w:p w:rsidR="00763958" w:rsidRDefault="00763958" w:rsidP="00763958">
            <w:r>
              <w:t xml:space="preserve">                            &lt;span class="checkmark"&gt;&lt;/span&gt;</w:t>
            </w:r>
          </w:p>
          <w:p w:rsidR="00763958" w:rsidRDefault="00763958" w:rsidP="00763958">
            <w:r>
              <w:lastRenderedPageBreak/>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 --&gt;</w:t>
            </w:r>
          </w:p>
          <w:p w:rsidR="00763958" w:rsidRDefault="00763958" w:rsidP="00763958">
            <w:r>
              <w:t xml:space="preserve">        &lt;!---------------Residence types ends------------------&gt;</w:t>
            </w:r>
          </w:p>
          <w:p w:rsidR="00763958" w:rsidRDefault="00763958" w:rsidP="00763958">
            <w:r>
              <w:t xml:space="preserve">            &lt;div class="collapse show" id="collapseRefiner"&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Accommodation" aria-expanded="false"</w:t>
            </w:r>
          </w:p>
          <w:p w:rsidR="00763958" w:rsidRDefault="00763958" w:rsidP="00763958">
            <w:r>
              <w:t xml:space="preserve">                                            data-toggle="collapse" href="#collapseAccommodation"</w:t>
            </w:r>
          </w:p>
          <w:p w:rsidR="00763958" w:rsidRDefault="00763958" w:rsidP="00763958">
            <w:r>
              <w:t xml:space="preserve">                                            class="collapse-toggler collapsed"&gt;</w:t>
            </w:r>
          </w:p>
          <w:p w:rsidR="00763958" w:rsidRDefault="00763958" w:rsidP="00763958">
            <w:r>
              <w:t xml:space="preserve">                                            Accommodations</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Accommodation"&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hared Room</w:t>
            </w:r>
          </w:p>
          <w:p w:rsidR="00763958" w:rsidRDefault="00763958" w:rsidP="00763958"/>
          <w:p w:rsidR="00763958" w:rsidRDefault="00763958" w:rsidP="00763958">
            <w:r>
              <w:t xml:space="preserve">                                                &lt;input type="checkbox" name="accommodations[]" value="shared_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rivate Room</w:t>
            </w:r>
          </w:p>
          <w:p w:rsidR="00763958" w:rsidRDefault="00763958" w:rsidP="00763958"/>
          <w:p w:rsidR="00763958" w:rsidRDefault="00763958" w:rsidP="00763958">
            <w:r>
              <w:t xml:space="preserve">                                                &lt;input type="checkbox" name="accommodations[]" value="private_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tudio Shared Bathroom</w:t>
            </w:r>
          </w:p>
          <w:p w:rsidR="00763958" w:rsidRDefault="00763958" w:rsidP="00763958"/>
          <w:p w:rsidR="00763958" w:rsidRDefault="00763958" w:rsidP="00763958">
            <w:r>
              <w:t xml:space="preserve">                                                &lt;input type="checkbox" name="accommodations[]"</w:t>
            </w:r>
          </w:p>
          <w:p w:rsidR="00763958" w:rsidRDefault="00763958" w:rsidP="00763958">
            <w:r>
              <w:t xml:space="preserve">                                                    value="studio_shared_bath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tudio Private Bathroom</w:t>
            </w:r>
          </w:p>
          <w:p w:rsidR="00763958" w:rsidRDefault="00763958" w:rsidP="00763958"/>
          <w:p w:rsidR="00763958" w:rsidRDefault="00763958" w:rsidP="00763958">
            <w:r>
              <w:t xml:space="preserve">                                                &lt;input type="checkbox" name="accommodations[]"</w:t>
            </w:r>
          </w:p>
          <w:p w:rsidR="00763958" w:rsidRDefault="00763958" w:rsidP="00763958">
            <w:r>
              <w:t xml:space="preserve">                                                    value="studio_Private_bath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lastRenderedPageBreak/>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One Bedroom One Bathroom</w:t>
            </w:r>
          </w:p>
          <w:p w:rsidR="00763958" w:rsidRDefault="00763958" w:rsidP="00763958"/>
          <w:p w:rsidR="00763958" w:rsidRDefault="00763958" w:rsidP="00763958">
            <w:r>
              <w:t xml:space="preserve">                                                &lt;input type="checkbox" name="accommodations[]"</w:t>
            </w:r>
          </w:p>
          <w:p w:rsidR="00763958" w:rsidRDefault="00763958" w:rsidP="00763958">
            <w:r>
              <w:t xml:space="preserve">                                                    value="one_bedroom_one_bath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One Bedroom Two Bathrooms</w:t>
            </w:r>
          </w:p>
          <w:p w:rsidR="00763958" w:rsidRDefault="00763958" w:rsidP="00763958"/>
          <w:p w:rsidR="00763958" w:rsidRDefault="00763958" w:rsidP="00763958">
            <w:r>
              <w:t xml:space="preserve">                                                &lt;input type="checkbox" name="accommodations[]"</w:t>
            </w:r>
          </w:p>
          <w:p w:rsidR="00763958" w:rsidRDefault="00763958" w:rsidP="00763958">
            <w:r>
              <w:t xml:space="preserve">                                                    value="one_bedroom_two_bathroom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Two Bedrooms One Bathroom</w:t>
            </w:r>
          </w:p>
          <w:p w:rsidR="00763958" w:rsidRDefault="00763958" w:rsidP="00763958"/>
          <w:p w:rsidR="00763958" w:rsidRDefault="00763958" w:rsidP="00763958">
            <w:r>
              <w:t xml:space="preserve">                                                &lt;input type="checkbox" name="accommodations[]"</w:t>
            </w:r>
          </w:p>
          <w:p w:rsidR="00763958" w:rsidRDefault="00763958" w:rsidP="00763958">
            <w:r>
              <w:t xml:space="preserve">                                                    value="two_bedrooms_one_bath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Two Bedrooms Two Bathrooms</w:t>
            </w:r>
          </w:p>
          <w:p w:rsidR="00763958" w:rsidRDefault="00763958" w:rsidP="00763958"/>
          <w:p w:rsidR="00763958" w:rsidRDefault="00763958" w:rsidP="00763958">
            <w:r>
              <w:t xml:space="preserve">                                                &lt;input type="checkbox" name="accommodations[]"</w:t>
            </w:r>
          </w:p>
          <w:p w:rsidR="00763958" w:rsidRDefault="00763958" w:rsidP="00763958">
            <w:r>
              <w:t xml:space="preserve">                                                    value="two_bedrooms_two_bathroom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Cottages</w:t>
            </w:r>
          </w:p>
          <w:p w:rsidR="00763958" w:rsidRDefault="00763958" w:rsidP="00763958"/>
          <w:p w:rsidR="00763958" w:rsidRDefault="00763958" w:rsidP="00763958">
            <w:r>
              <w:t xml:space="preserve">                                                &lt;input type="checkbox" name="accommodations[]" value="cottage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ungalows</w:t>
            </w:r>
          </w:p>
          <w:p w:rsidR="00763958" w:rsidRDefault="00763958" w:rsidP="00763958"/>
          <w:p w:rsidR="00763958" w:rsidRDefault="00763958" w:rsidP="00763958">
            <w:r>
              <w:t xml:space="preserve">                                                &lt;input type="checkbox" name="accommodations[]" value="bungalow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Town Homes</w:t>
            </w:r>
          </w:p>
          <w:p w:rsidR="00763958" w:rsidRDefault="00763958" w:rsidP="00763958"/>
          <w:p w:rsidR="00763958" w:rsidRDefault="00763958" w:rsidP="00763958">
            <w:r>
              <w:t xml:space="preserve">                                                &lt;input type="checkbox" name="accommodations[]" value="town_home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Condominium</w:t>
            </w:r>
          </w:p>
          <w:p w:rsidR="00763958" w:rsidRDefault="00763958" w:rsidP="00763958"/>
          <w:p w:rsidR="00763958" w:rsidRDefault="00763958" w:rsidP="00763958">
            <w:r>
              <w:t xml:space="preserve">                                                &lt;input type="checkbox" name="accommodations[]" value="condominiu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w:t>
            </w:r>
          </w:p>
          <w:p w:rsidR="00763958" w:rsidRDefault="00763958" w:rsidP="00763958">
            <w:r>
              <w:t xml:space="preserve">                                &lt;!---------------accomodation ends------------------&gt;</w:t>
            </w:r>
          </w:p>
          <w:p w:rsidR="00763958" w:rsidRDefault="00763958" w:rsidP="00763958"/>
          <w:p w:rsidR="00763958" w:rsidRDefault="00763958" w:rsidP="00763958">
            <w:r>
              <w:t>&lt;!---------------services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Rental" aria-expanded="false" data-toggle="collapse"</w:t>
            </w:r>
          </w:p>
          <w:p w:rsidR="00763958" w:rsidRDefault="00763958" w:rsidP="00763958">
            <w:r>
              <w:t xml:space="preserve">                                            href="#collapseRental" class="collapse-toggler collapsed"&gt;</w:t>
            </w:r>
          </w:p>
          <w:p w:rsidR="00763958" w:rsidRDefault="00763958" w:rsidP="00763958">
            <w:r>
              <w:t xml:space="preserve">                                            Services</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Rental"&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House Keeping</w:t>
            </w:r>
          </w:p>
          <w:p w:rsidR="00763958" w:rsidRDefault="00763958" w:rsidP="00763958"/>
          <w:p w:rsidR="00763958" w:rsidRDefault="00763958" w:rsidP="00763958">
            <w:r>
              <w:t xml:space="preserve">                                                &lt;input type="checkbox" name="rental_services[]" value="housekeep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Transportation</w:t>
            </w:r>
          </w:p>
          <w:p w:rsidR="00763958" w:rsidRDefault="00763958" w:rsidP="00763958"/>
          <w:p w:rsidR="00763958" w:rsidRDefault="00763958" w:rsidP="00763958">
            <w:r>
              <w:t xml:space="preserve">                                                &lt;input type="checkbox" name="rental_services[]"</w:t>
            </w:r>
          </w:p>
          <w:p w:rsidR="00763958" w:rsidRDefault="00763958" w:rsidP="00763958">
            <w:r>
              <w:t xml:space="preserve">                                                    value="transportation" /&gt;</w:t>
            </w:r>
          </w:p>
          <w:p w:rsidR="00763958" w:rsidRDefault="00763958" w:rsidP="00763958">
            <w:r>
              <w:lastRenderedPageBreak/>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Laundry</w:t>
            </w:r>
          </w:p>
          <w:p w:rsidR="00763958" w:rsidRDefault="00763958" w:rsidP="00763958"/>
          <w:p w:rsidR="00763958" w:rsidRDefault="00763958" w:rsidP="00763958">
            <w:r>
              <w:t xml:space="preserve">                                                &lt;input type="checkbox" name="rental_services[]" value="laundry"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Room Service</w:t>
            </w:r>
          </w:p>
          <w:p w:rsidR="00763958" w:rsidRDefault="00763958" w:rsidP="00763958"/>
          <w:p w:rsidR="00763958" w:rsidRDefault="00763958" w:rsidP="00763958">
            <w:r>
              <w:t xml:space="preserve">                                                &lt;input type="checkbox" name="rental_services[]" value="room_service"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w:t>
            </w:r>
          </w:p>
          <w:p w:rsidR="00763958" w:rsidRDefault="00763958" w:rsidP="00763958">
            <w:r>
              <w:t xml:space="preserve">                                &lt;!---------------services ends------------------&gt;</w:t>
            </w:r>
          </w:p>
          <w:p w:rsidR="00763958" w:rsidRDefault="00763958" w:rsidP="00763958"/>
          <w:p w:rsidR="00763958" w:rsidRDefault="00763958" w:rsidP="00763958">
            <w:r>
              <w:t xml:space="preserve">        &lt;!---------------meals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Meals" aria-expanded="false" data-toggle="collapse"</w:t>
            </w:r>
          </w:p>
          <w:p w:rsidR="00763958" w:rsidRDefault="00763958" w:rsidP="00763958">
            <w:r>
              <w:t xml:space="preserve">                                            href="#collapseMeals" class="collapse-toggler collapsed"&gt;</w:t>
            </w:r>
          </w:p>
          <w:p w:rsidR="00763958" w:rsidRDefault="00763958" w:rsidP="00763958">
            <w:r>
              <w:t xml:space="preserve">                                            Meals</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Meals"&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1 Meal</w:t>
            </w:r>
          </w:p>
          <w:p w:rsidR="00763958" w:rsidRDefault="00763958" w:rsidP="00763958">
            <w:r>
              <w:t xml:space="preserve">                                                &lt;div style="font-size: 11px;" class="text-muted"&gt;</w:t>
            </w:r>
          </w:p>
          <w:p w:rsidR="00763958" w:rsidRDefault="00763958" w:rsidP="00763958">
            <w:r>
              <w:t xml:space="preserve">                                                    Lunch or Dinner</w:t>
            </w:r>
          </w:p>
          <w:p w:rsidR="00763958" w:rsidRDefault="00763958" w:rsidP="00763958">
            <w:r>
              <w:t xml:space="preserve">                                                &lt;/div&gt;</w:t>
            </w:r>
          </w:p>
          <w:p w:rsidR="00763958" w:rsidRDefault="00763958" w:rsidP="00763958"/>
          <w:p w:rsidR="00763958" w:rsidRDefault="00763958" w:rsidP="00763958">
            <w:r>
              <w:t xml:space="preserve">                                                &lt;input type="checkbox" name="meals[]" value="one_meal_lunch_r_dinner"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2 Meal</w:t>
            </w:r>
          </w:p>
          <w:p w:rsidR="00763958" w:rsidRDefault="00763958" w:rsidP="00763958">
            <w:r>
              <w:t xml:space="preserve">                                                &lt;div style="font-size: 11px;" class="text-muted"&gt;</w:t>
            </w:r>
          </w:p>
          <w:p w:rsidR="00763958" w:rsidRDefault="00763958" w:rsidP="00763958">
            <w:r>
              <w:lastRenderedPageBreak/>
              <w:t xml:space="preserve">                                                    Breakfast, Lunch or Dinner</w:t>
            </w:r>
          </w:p>
          <w:p w:rsidR="00763958" w:rsidRDefault="00763958" w:rsidP="00763958">
            <w:r>
              <w:t xml:space="preserve">                                                &lt;/div&gt;</w:t>
            </w:r>
          </w:p>
          <w:p w:rsidR="00763958" w:rsidRDefault="00763958" w:rsidP="00763958"/>
          <w:p w:rsidR="00763958" w:rsidRDefault="00763958" w:rsidP="00763958">
            <w:r>
              <w:t xml:space="preserve">                                                &lt;input type="checkbox" name="meals[]"</w:t>
            </w:r>
          </w:p>
          <w:p w:rsidR="00763958" w:rsidRDefault="00763958" w:rsidP="00763958">
            <w:r>
              <w:t xml:space="preserve">                                                    value="two_meal_breakfast_lunch_r_dinner"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3 Meal</w:t>
            </w:r>
          </w:p>
          <w:p w:rsidR="00763958" w:rsidRDefault="00763958" w:rsidP="00763958">
            <w:r>
              <w:t xml:space="preserve">                                                &lt;div style="font-size: 11px;" class="text-muted"&gt;</w:t>
            </w:r>
          </w:p>
          <w:p w:rsidR="00763958" w:rsidRDefault="00763958" w:rsidP="00763958">
            <w:r>
              <w:t xml:space="preserve">                                                    Breakfast, Lunch &amp;amp; Dinner</w:t>
            </w:r>
          </w:p>
          <w:p w:rsidR="00763958" w:rsidRDefault="00763958" w:rsidP="00763958">
            <w:r>
              <w:t xml:space="preserve">                                                &lt;/div&gt;</w:t>
            </w:r>
          </w:p>
          <w:p w:rsidR="00763958" w:rsidRDefault="00763958" w:rsidP="00763958"/>
          <w:p w:rsidR="00763958" w:rsidRDefault="00763958" w:rsidP="00763958">
            <w:r>
              <w:t xml:space="preserve">                                                &lt;input type="checkbox" name="meals[]"</w:t>
            </w:r>
          </w:p>
          <w:p w:rsidR="00763958" w:rsidRDefault="00763958" w:rsidP="00763958">
            <w:r>
              <w:t xml:space="preserve">                                                    value="three_meal_breakfast_Lunch_a_dinner"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w:t>
            </w:r>
          </w:p>
          <w:p w:rsidR="00763958" w:rsidRDefault="00763958" w:rsidP="00763958"/>
          <w:p w:rsidR="00763958" w:rsidRDefault="00763958" w:rsidP="00763958">
            <w:r>
              <w:t xml:space="preserve">                                &lt;!---------------Meal ends------------------&gt;</w:t>
            </w:r>
          </w:p>
          <w:p w:rsidR="00763958" w:rsidRDefault="00763958" w:rsidP="00763958"/>
          <w:p w:rsidR="00763958" w:rsidRDefault="00763958" w:rsidP="00763958">
            <w:r>
              <w:t xml:space="preserve">                                &lt;!---------------Diet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Diet" aria-expanded="false" data-toggle="collapse"</w:t>
            </w:r>
          </w:p>
          <w:p w:rsidR="00763958" w:rsidRDefault="00763958" w:rsidP="00763958">
            <w:r>
              <w:t xml:space="preserve">                                            href="#collapseDiet" class="collapse-toggler collapsed"&gt;</w:t>
            </w:r>
          </w:p>
          <w:p w:rsidR="00763958" w:rsidRDefault="00763958" w:rsidP="00763958">
            <w:r>
              <w:t xml:space="preserve">                                            Diet</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Diet"&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ugar Free / Diabetic</w:t>
            </w:r>
          </w:p>
          <w:p w:rsidR="00763958" w:rsidRDefault="00763958" w:rsidP="00763958"/>
          <w:p w:rsidR="00763958" w:rsidRDefault="00763958" w:rsidP="00763958">
            <w:r>
              <w:t xml:space="preserve">                                                &lt;input type="checkbox" name="diets[]" value="sugar_free_diabetic"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Vegetarian</w:t>
            </w:r>
          </w:p>
          <w:p w:rsidR="00763958" w:rsidRDefault="00763958" w:rsidP="00763958"/>
          <w:p w:rsidR="00763958" w:rsidRDefault="00763958" w:rsidP="00763958">
            <w:r>
              <w:t xml:space="preserve">                                                &lt;input type="checkbox" name="diets[]" value="vegetarian" /&gt;</w:t>
            </w:r>
          </w:p>
          <w:p w:rsidR="00763958" w:rsidRDefault="00763958" w:rsidP="00763958">
            <w:r>
              <w:t xml:space="preserve">                                                &lt;span class="checkmark"&gt;&lt;/span&gt;</w:t>
            </w:r>
          </w:p>
          <w:p w:rsidR="00763958" w:rsidRDefault="00763958" w:rsidP="00763958">
            <w:r>
              <w:lastRenderedPageBreak/>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Dairy Free</w:t>
            </w:r>
          </w:p>
          <w:p w:rsidR="00763958" w:rsidRDefault="00763958" w:rsidP="00763958"/>
          <w:p w:rsidR="00763958" w:rsidRDefault="00763958" w:rsidP="00763958">
            <w:r>
              <w:t xml:space="preserve">                                                &lt;input type="checkbox" name="diets[]" value="dairy_free"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Gluten Free</w:t>
            </w:r>
          </w:p>
          <w:p w:rsidR="00763958" w:rsidRDefault="00763958" w:rsidP="00763958"/>
          <w:p w:rsidR="00763958" w:rsidRDefault="00763958" w:rsidP="00763958">
            <w:r>
              <w:t xml:space="preserve">                                                &lt;input type="checkbox" name="diets[]" value="gluten_free"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Kosher</w:t>
            </w:r>
          </w:p>
          <w:p w:rsidR="00763958" w:rsidRDefault="00763958" w:rsidP="00763958"/>
          <w:p w:rsidR="00763958" w:rsidRDefault="00763958" w:rsidP="00763958">
            <w:r>
              <w:t xml:space="preserve">                                                &lt;input type="checkbox" name="diets[]" value="kosher"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w:t>
            </w:r>
          </w:p>
          <w:p w:rsidR="00763958" w:rsidRDefault="00763958" w:rsidP="00763958">
            <w:r>
              <w:t xml:space="preserve">                                &lt;!---------------diet ends------------------&gt;</w:t>
            </w:r>
          </w:p>
          <w:p w:rsidR="00763958" w:rsidRDefault="00763958" w:rsidP="00763958"/>
          <w:p w:rsidR="00763958" w:rsidRDefault="00763958" w:rsidP="00763958">
            <w:r>
              <w:t xml:space="preserve">        &lt;!---------------care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CareTypes" aria-expanded="false"</w:t>
            </w:r>
          </w:p>
          <w:p w:rsidR="00763958" w:rsidRDefault="00763958" w:rsidP="00763958">
            <w:r>
              <w:t xml:space="preserve">                                            data-toggle="collapse" href="#collapseCareTypes"</w:t>
            </w:r>
          </w:p>
          <w:p w:rsidR="00763958" w:rsidRDefault="00763958" w:rsidP="00763958">
            <w:r>
              <w:t xml:space="preserve">                                            class="collapse-toggler collapsed"&gt;</w:t>
            </w:r>
          </w:p>
          <w:p w:rsidR="00763958" w:rsidRDefault="00763958" w:rsidP="00763958">
            <w:r>
              <w:t xml:space="preserve">                                            Care</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CareTypes"&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athing</w:t>
            </w:r>
          </w:p>
          <w:p w:rsidR="00763958" w:rsidRDefault="00763958" w:rsidP="00763958"/>
          <w:p w:rsidR="00763958" w:rsidRDefault="00763958" w:rsidP="00763958">
            <w:r>
              <w:t xml:space="preserve">                                                &lt;input type="checkbox" name="cares[]" value="bath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lastRenderedPageBreak/>
              <w:t xml:space="preserve">                                        &lt;li&gt;</w:t>
            </w:r>
          </w:p>
          <w:p w:rsidR="00763958" w:rsidRDefault="00763958" w:rsidP="00763958">
            <w:r>
              <w:t xml:space="preserve">                                            &lt;label class="container_check"&gt;</w:t>
            </w:r>
          </w:p>
          <w:p w:rsidR="00763958" w:rsidRDefault="00763958" w:rsidP="00763958">
            <w:r>
              <w:t xml:space="preserve">                                                Dressing</w:t>
            </w:r>
          </w:p>
          <w:p w:rsidR="00763958" w:rsidRDefault="00763958" w:rsidP="00763958"/>
          <w:p w:rsidR="00763958" w:rsidRDefault="00763958" w:rsidP="00763958">
            <w:r>
              <w:t xml:space="preserve">                                                &lt;input type="checkbox" name="cares[]" value="dress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Grooming</w:t>
            </w:r>
          </w:p>
          <w:p w:rsidR="00763958" w:rsidRDefault="00763958" w:rsidP="00763958"/>
          <w:p w:rsidR="00763958" w:rsidRDefault="00763958" w:rsidP="00763958">
            <w:r>
              <w:t xml:space="preserve">                                                &lt;input type="checkbox" name="cares[]" value="groom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Medication Management</w:t>
            </w:r>
          </w:p>
          <w:p w:rsidR="00763958" w:rsidRDefault="00763958" w:rsidP="00763958"/>
          <w:p w:rsidR="00763958" w:rsidRDefault="00763958" w:rsidP="00763958">
            <w:r>
              <w:t xml:space="preserve">                                                &lt;input type="checkbox" name="cares[]" value="Medication Managemen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Toileting</w:t>
            </w:r>
          </w:p>
          <w:p w:rsidR="00763958" w:rsidRDefault="00763958" w:rsidP="00763958"/>
          <w:p w:rsidR="00763958" w:rsidRDefault="00763958" w:rsidP="00763958">
            <w:r>
              <w:t xml:space="preserve">                                                &lt;input type="checkbox" name="cares[]" value="Toilet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Escorting</w:t>
            </w:r>
          </w:p>
          <w:p w:rsidR="00763958" w:rsidRDefault="00763958" w:rsidP="00763958"/>
          <w:p w:rsidR="00763958" w:rsidRDefault="00763958" w:rsidP="00763958">
            <w:r>
              <w:t xml:space="preserve">                                                &lt;input type="checkbox" name="cares[]" value="escort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Feeding</w:t>
            </w:r>
          </w:p>
          <w:p w:rsidR="00763958" w:rsidRDefault="00763958" w:rsidP="00763958"/>
          <w:p w:rsidR="00763958" w:rsidRDefault="00763958" w:rsidP="00763958">
            <w:r>
              <w:t xml:space="preserve">                                                &lt;input type="checkbox" name="cares[]" value="feed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lastRenderedPageBreak/>
              <w:t xml:space="preserve">                                        &lt;li&gt;</w:t>
            </w:r>
          </w:p>
          <w:p w:rsidR="00763958" w:rsidRDefault="00763958" w:rsidP="00763958">
            <w:r>
              <w:t xml:space="preserve">                                            &lt;label class="container_check"&gt;</w:t>
            </w:r>
          </w:p>
          <w:p w:rsidR="00763958" w:rsidRDefault="00763958" w:rsidP="00763958">
            <w:r>
              <w:t xml:space="preserve">                                                Hoyer Lift</w:t>
            </w:r>
          </w:p>
          <w:p w:rsidR="00763958" w:rsidRDefault="00763958" w:rsidP="00763958"/>
          <w:p w:rsidR="00763958" w:rsidRDefault="00763958" w:rsidP="00763958">
            <w:r>
              <w:t xml:space="preserve">                                                &lt;input type="checkbox" name="cares[]" value="hoyer_lif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Insulin Injection Assistance</w:t>
            </w:r>
          </w:p>
          <w:p w:rsidR="00763958" w:rsidRDefault="00763958" w:rsidP="00763958"/>
          <w:p w:rsidR="00763958" w:rsidRDefault="00763958" w:rsidP="00763958">
            <w:r>
              <w:t xml:space="preserve">                                                &lt;input type="checkbox" name="cares[]"</w:t>
            </w:r>
          </w:p>
          <w:p w:rsidR="00763958" w:rsidRDefault="00763958" w:rsidP="00763958">
            <w:r>
              <w:t xml:space="preserve">                                                    value="insulin_injection_assistance"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Catheter Assistance</w:t>
            </w:r>
          </w:p>
          <w:p w:rsidR="00763958" w:rsidRDefault="00763958" w:rsidP="00763958"/>
          <w:p w:rsidR="00763958" w:rsidRDefault="00763958" w:rsidP="00763958">
            <w:r>
              <w:t xml:space="preserve">                                                &lt;input type="checkbox" name="cares[]" value="catheter_assistance"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Visiting Podiatrist</w:t>
            </w:r>
          </w:p>
          <w:p w:rsidR="00763958" w:rsidRDefault="00763958" w:rsidP="00763958"/>
          <w:p w:rsidR="00763958" w:rsidRDefault="00763958" w:rsidP="00763958">
            <w:r>
              <w:t xml:space="preserve">                                                &lt;input type="checkbox" name="cares[]" value="visiting_podiatris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Visiting Primary Physician</w:t>
            </w:r>
          </w:p>
          <w:p w:rsidR="00763958" w:rsidRDefault="00763958" w:rsidP="00763958"/>
          <w:p w:rsidR="00763958" w:rsidRDefault="00763958" w:rsidP="00763958">
            <w:r>
              <w:t xml:space="preserve">                                                &lt;input type="checkbox" name="cares[]"</w:t>
            </w:r>
          </w:p>
          <w:p w:rsidR="00763958" w:rsidRDefault="00763958" w:rsidP="00763958">
            <w:r>
              <w:t xml:space="preserve">                                                    value="visiting_primary_physician"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Visiting Nurse Practitioner</w:t>
            </w:r>
          </w:p>
          <w:p w:rsidR="00763958" w:rsidRDefault="00763958" w:rsidP="00763958"/>
          <w:p w:rsidR="00763958" w:rsidRDefault="00763958" w:rsidP="00763958">
            <w:r>
              <w:t xml:space="preserve">                                                &lt;input type="checkbox" name="cares[]"</w:t>
            </w:r>
          </w:p>
          <w:p w:rsidR="00763958" w:rsidRDefault="00763958" w:rsidP="00763958">
            <w:r>
              <w:t xml:space="preserve">                                                    value="visiting_nurse_practioner" /&gt;</w:t>
            </w:r>
          </w:p>
          <w:p w:rsidR="00763958" w:rsidRDefault="00763958" w:rsidP="00763958">
            <w:r>
              <w:lastRenderedPageBreak/>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Visiting Physical Therapist</w:t>
            </w:r>
          </w:p>
          <w:p w:rsidR="00763958" w:rsidRDefault="00763958" w:rsidP="00763958"/>
          <w:p w:rsidR="00763958" w:rsidRDefault="00763958" w:rsidP="00763958">
            <w:r>
              <w:t xml:space="preserve">                                                &lt;input type="checkbox" name="cares[]"</w:t>
            </w:r>
          </w:p>
          <w:p w:rsidR="00763958" w:rsidRDefault="00763958" w:rsidP="00763958">
            <w:r>
              <w:t xml:space="preserve">                                                    value="visiting_physical_therapis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w:t>
            </w:r>
          </w:p>
          <w:p w:rsidR="00763958" w:rsidRDefault="00763958" w:rsidP="00763958">
            <w:r>
              <w:t xml:space="preserve">                                &lt;!---------------Care ends------------------&gt;</w:t>
            </w:r>
          </w:p>
          <w:p w:rsidR="00763958" w:rsidRDefault="00763958" w:rsidP="00763958"/>
          <w:p w:rsidR="00763958" w:rsidRDefault="00763958" w:rsidP="00763958">
            <w:r>
              <w:t xml:space="preserve">                                &lt;!---------------amentites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Amenities" aria-expanded="false"</w:t>
            </w:r>
          </w:p>
          <w:p w:rsidR="00763958" w:rsidRDefault="00763958" w:rsidP="00763958">
            <w:r>
              <w:t xml:space="preserve">                                            data-toggle="collapse" href="#collapseAmenities"</w:t>
            </w:r>
          </w:p>
          <w:p w:rsidR="00763958" w:rsidRDefault="00763958" w:rsidP="00763958">
            <w:r>
              <w:t xml:space="preserve">                                            class="collapse-toggler collapsed"&gt;</w:t>
            </w:r>
          </w:p>
          <w:p w:rsidR="00763958" w:rsidRDefault="00763958" w:rsidP="00763958">
            <w:r>
              <w:t xml:space="preserve">                                            Amenities</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Amenities"&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Dining room for Guest</w:t>
            </w:r>
          </w:p>
          <w:p w:rsidR="00763958" w:rsidRDefault="00763958" w:rsidP="00763958"/>
          <w:p w:rsidR="00763958" w:rsidRDefault="00763958" w:rsidP="00763958">
            <w:r>
              <w:t xml:space="preserve">                                                &lt;input type="checkbox" name="amenities[]"</w:t>
            </w:r>
          </w:p>
          <w:p w:rsidR="00763958" w:rsidRDefault="00763958" w:rsidP="00763958">
            <w:r>
              <w:t xml:space="preserve">                                                    value="dining_room_for_gues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Lounge - Common Areas</w:t>
            </w:r>
          </w:p>
          <w:p w:rsidR="00763958" w:rsidRDefault="00763958" w:rsidP="00763958"/>
          <w:p w:rsidR="00763958" w:rsidRDefault="00763958" w:rsidP="00763958">
            <w:r>
              <w:t xml:space="preserve">                                                &lt;input type="checkbox" name="amenities[]" value="lounge_common_area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eauty Salon / Barber Shop</w:t>
            </w:r>
          </w:p>
          <w:p w:rsidR="00763958" w:rsidRDefault="00763958" w:rsidP="00763958"/>
          <w:p w:rsidR="00763958" w:rsidRDefault="00763958" w:rsidP="00763958">
            <w:r>
              <w:lastRenderedPageBreak/>
              <w:t xml:space="preserve">                                                &lt;input type="checkbox" name="amenities[]"</w:t>
            </w:r>
          </w:p>
          <w:p w:rsidR="00763958" w:rsidRDefault="00763958" w:rsidP="00763958">
            <w:r>
              <w:t xml:space="preserve">                                                    value="beauty_salon_barber_shop"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Theater Room</w:t>
            </w:r>
          </w:p>
          <w:p w:rsidR="00763958" w:rsidRDefault="00763958" w:rsidP="00763958"/>
          <w:p w:rsidR="00763958" w:rsidRDefault="00763958" w:rsidP="00763958">
            <w:r>
              <w:t xml:space="preserve">                                                &lt;input type="checkbox" name="amenities[]" value="theater_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Exercise Room</w:t>
            </w:r>
          </w:p>
          <w:p w:rsidR="00763958" w:rsidRDefault="00763958" w:rsidP="00763958"/>
          <w:p w:rsidR="00763958" w:rsidRDefault="00763958" w:rsidP="00763958">
            <w:r>
              <w:t xml:space="preserve">                                                &lt;input type="checkbox" name="amenities[]" value="exercise_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hysical Therapy</w:t>
            </w:r>
          </w:p>
          <w:p w:rsidR="00763958" w:rsidRDefault="00763958" w:rsidP="00763958"/>
          <w:p w:rsidR="00763958" w:rsidRDefault="00763958" w:rsidP="00763958">
            <w:r>
              <w:t xml:space="preserve">                                                &lt;input type="checkbox" name="amenities[]" value="physical_therapy"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Library</w:t>
            </w:r>
          </w:p>
          <w:p w:rsidR="00763958" w:rsidRDefault="00763958" w:rsidP="00763958"/>
          <w:p w:rsidR="00763958" w:rsidRDefault="00763958" w:rsidP="00763958">
            <w:r>
              <w:t xml:space="preserve">                                                &lt;input type="checkbox" name="amenities[]" value="library"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ool</w:t>
            </w:r>
          </w:p>
          <w:p w:rsidR="00763958" w:rsidRDefault="00763958" w:rsidP="00763958"/>
          <w:p w:rsidR="00763958" w:rsidRDefault="00763958" w:rsidP="00763958">
            <w:r>
              <w:t xml:space="preserve">                                                &lt;input type="checkbox" name="amenities[]" value="pool"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utting Green</w:t>
            </w:r>
          </w:p>
          <w:p w:rsidR="00763958" w:rsidRDefault="00763958" w:rsidP="00763958"/>
          <w:p w:rsidR="00763958" w:rsidRDefault="00763958" w:rsidP="00763958">
            <w:r>
              <w:t xml:space="preserve">                                                &lt;input type="checkbox" name="amenities[]" value="putting_green"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Golf Course</w:t>
            </w:r>
          </w:p>
          <w:p w:rsidR="00763958" w:rsidRDefault="00763958" w:rsidP="00763958"/>
          <w:p w:rsidR="00763958" w:rsidRDefault="00763958" w:rsidP="00763958">
            <w:r>
              <w:t xml:space="preserve">                                                &lt;input type="checkbox" name="amenities[]" value="100009"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icnic Areas</w:t>
            </w:r>
          </w:p>
          <w:p w:rsidR="00763958" w:rsidRDefault="00763958" w:rsidP="00763958"/>
          <w:p w:rsidR="00763958" w:rsidRDefault="00763958" w:rsidP="00763958">
            <w:r>
              <w:t xml:space="preserve">                                                &lt;input type="checkbox" name="amenities[]" value="100010"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arbecues</w:t>
            </w:r>
          </w:p>
          <w:p w:rsidR="00763958" w:rsidRDefault="00763958" w:rsidP="00763958"/>
          <w:p w:rsidR="00763958" w:rsidRDefault="00763958" w:rsidP="00763958">
            <w:r>
              <w:t xml:space="preserve">                                                &lt;input type="checkbox" name="amenities[]" value="barbecue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istro</w:t>
            </w:r>
          </w:p>
          <w:p w:rsidR="00763958" w:rsidRDefault="00763958" w:rsidP="00763958"/>
          <w:p w:rsidR="00763958" w:rsidRDefault="00763958" w:rsidP="00763958">
            <w:r>
              <w:t xml:space="preserve">                                                &lt;input type="checkbox" name="amenities[]" value="bistro"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izza Grotto</w:t>
            </w:r>
          </w:p>
          <w:p w:rsidR="00763958" w:rsidRDefault="00763958" w:rsidP="00763958"/>
          <w:p w:rsidR="00763958" w:rsidRDefault="00763958" w:rsidP="00763958">
            <w:r>
              <w:t xml:space="preserve">                                                &lt;input type="checkbox" name="amenities[]" value="pizza_grotto"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ar</w:t>
            </w:r>
          </w:p>
          <w:p w:rsidR="00763958" w:rsidRDefault="00763958" w:rsidP="00763958"/>
          <w:p w:rsidR="00763958" w:rsidRDefault="00763958" w:rsidP="00763958">
            <w:r>
              <w:t xml:space="preserve">                                                &lt;input type="checkbox" name="amenities[]" value="bar"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Restaurants</w:t>
            </w:r>
          </w:p>
          <w:p w:rsidR="00763958" w:rsidRDefault="00763958" w:rsidP="00763958"/>
          <w:p w:rsidR="00763958" w:rsidRDefault="00763958" w:rsidP="00763958">
            <w:r>
              <w:t xml:space="preserve">                                                &lt;input type="checkbox" name="amenities[]" value="restaurant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Recreation Room</w:t>
            </w:r>
          </w:p>
          <w:p w:rsidR="00763958" w:rsidRDefault="00763958" w:rsidP="00763958"/>
          <w:p w:rsidR="00763958" w:rsidRDefault="00763958" w:rsidP="00763958">
            <w:r>
              <w:t xml:space="preserve">                                                &lt;input type="checkbox" name="amenities[]" value="recreation_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Jacuzzi</w:t>
            </w:r>
          </w:p>
          <w:p w:rsidR="00763958" w:rsidRDefault="00763958" w:rsidP="00763958"/>
          <w:p w:rsidR="00763958" w:rsidRDefault="00763958" w:rsidP="00763958">
            <w:r>
              <w:t xml:space="preserve">                                                &lt;input type="checkbox" name="amenities[]" value="jacuzzi"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auna</w:t>
            </w:r>
          </w:p>
          <w:p w:rsidR="00763958" w:rsidRDefault="00763958" w:rsidP="00763958"/>
          <w:p w:rsidR="00763958" w:rsidRDefault="00763958" w:rsidP="00763958">
            <w:r>
              <w:t xml:space="preserve">                                                &lt;input type="checkbox" name="amenities[]" value="sauna"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w:t>
            </w:r>
          </w:p>
          <w:p w:rsidR="00763958" w:rsidRDefault="00763958" w:rsidP="00763958">
            <w:r>
              <w:t xml:space="preserve">                                &lt;!---------------amenities ends------------------&gt;</w:t>
            </w:r>
          </w:p>
          <w:p w:rsidR="00763958" w:rsidRDefault="00763958" w:rsidP="00763958"/>
          <w:p w:rsidR="00763958" w:rsidRDefault="00763958" w:rsidP="00763958">
            <w:r>
              <w:t xml:space="preserve">                                &lt;!---------------Entertainments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Entertainments" aria-expanded="false"</w:t>
            </w:r>
          </w:p>
          <w:p w:rsidR="00763958" w:rsidRDefault="00763958" w:rsidP="00763958">
            <w:r>
              <w:t xml:space="preserve">                                            data-toggle="collapse" href="#collapseEntertainments"</w:t>
            </w:r>
          </w:p>
          <w:p w:rsidR="00763958" w:rsidRDefault="00763958" w:rsidP="00763958">
            <w:r>
              <w:t xml:space="preserve">                                            class="collapse-toggler collapsed"&gt;</w:t>
            </w:r>
          </w:p>
          <w:p w:rsidR="00763958" w:rsidRDefault="00763958" w:rsidP="00763958">
            <w:r>
              <w:t xml:space="preserve">                                            Entertainment</w:t>
            </w:r>
          </w:p>
          <w:p w:rsidR="00763958" w:rsidRDefault="00763958" w:rsidP="00763958">
            <w:r>
              <w:lastRenderedPageBreak/>
              <w:t xml:space="preserve">                                        &lt;/a&gt;</w:t>
            </w:r>
          </w:p>
          <w:p w:rsidR="00763958" w:rsidRDefault="00763958" w:rsidP="00763958">
            <w:r>
              <w:t xml:space="preserve">                                    &lt;/h6&gt;</w:t>
            </w:r>
          </w:p>
          <w:p w:rsidR="00763958" w:rsidRDefault="00763958" w:rsidP="00763958">
            <w:r>
              <w:t xml:space="preserve">                                    &lt;ul class="collapse" id="collapseEntertainments"&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Arts &amp;amp; Crafts</w:t>
            </w:r>
          </w:p>
          <w:p w:rsidR="00763958" w:rsidRDefault="00763958" w:rsidP="00763958"/>
          <w:p w:rsidR="00763958" w:rsidRDefault="00763958" w:rsidP="00763958">
            <w:r>
              <w:t xml:space="preserve">                                                &lt;input type="checkbox" name="entertainments[]" value="arts_craft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Field Trips</w:t>
            </w:r>
          </w:p>
          <w:p w:rsidR="00763958" w:rsidRDefault="00763958" w:rsidP="00763958"/>
          <w:p w:rsidR="00763958" w:rsidRDefault="00763958" w:rsidP="00763958">
            <w:r>
              <w:t xml:space="preserve">                                                &lt;input type="checkbox" name="entertainments[]" value="field_trip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Movie Nights</w:t>
            </w:r>
          </w:p>
          <w:p w:rsidR="00763958" w:rsidRDefault="00763958" w:rsidP="00763958"/>
          <w:p w:rsidR="00763958" w:rsidRDefault="00763958" w:rsidP="00763958">
            <w:r>
              <w:t xml:space="preserve">                                                &lt;input type="checkbox" name="entertainments[]" value="movie_night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Live Entertainment</w:t>
            </w:r>
          </w:p>
          <w:p w:rsidR="00763958" w:rsidRDefault="00763958" w:rsidP="00763958"/>
          <w:p w:rsidR="00763958" w:rsidRDefault="00763958" w:rsidP="00763958">
            <w:r>
              <w:t xml:space="preserve">                                                &lt;input type="checkbox" name="entertainments[]"</w:t>
            </w:r>
          </w:p>
          <w:p w:rsidR="00763958" w:rsidRDefault="00763958" w:rsidP="00763958">
            <w:r>
              <w:t xml:space="preserve">                                                    value="live_entertainmen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ingo</w:t>
            </w:r>
          </w:p>
          <w:p w:rsidR="00763958" w:rsidRDefault="00763958" w:rsidP="00763958"/>
          <w:p w:rsidR="00763958" w:rsidRDefault="00763958" w:rsidP="00763958">
            <w:r>
              <w:t xml:space="preserve">                                                &lt;input type="checkbox" name="entertainments[]" value="bingo"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ocial &amp;amp; Hobby Clubs</w:t>
            </w:r>
          </w:p>
          <w:p w:rsidR="00763958" w:rsidRDefault="00763958" w:rsidP="00763958"/>
          <w:p w:rsidR="00763958" w:rsidRDefault="00763958" w:rsidP="00763958">
            <w:r>
              <w:lastRenderedPageBreak/>
              <w:t xml:space="preserve">                                                &lt;input type="checkbox" name="entertainments[]" value="100005"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Classes for Learning</w:t>
            </w:r>
          </w:p>
          <w:p w:rsidR="00763958" w:rsidRDefault="00763958" w:rsidP="00763958"/>
          <w:p w:rsidR="00763958" w:rsidRDefault="00763958" w:rsidP="00763958">
            <w:r>
              <w:t xml:space="preserve">                                                &lt;input type="checkbox" name="entertainments[]"</w:t>
            </w:r>
          </w:p>
          <w:p w:rsidR="00763958" w:rsidRDefault="00763958" w:rsidP="00763958">
            <w:r>
              <w:t xml:space="preserve">                                                    value="classes_for_learn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Holiday Celebrations</w:t>
            </w:r>
          </w:p>
          <w:p w:rsidR="00763958" w:rsidRDefault="00763958" w:rsidP="00763958"/>
          <w:p w:rsidR="00763958" w:rsidRDefault="00763958" w:rsidP="00763958">
            <w:r>
              <w:t xml:space="preserve">                                                &lt;input type="checkbox" name="entertainments[]"</w:t>
            </w:r>
          </w:p>
          <w:p w:rsidR="00763958" w:rsidRDefault="00763958" w:rsidP="00763958">
            <w:r>
              <w:t xml:space="preserve">                                                    value="holiday_celebration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Resident Council / Caucus</w:t>
            </w:r>
          </w:p>
          <w:p w:rsidR="00763958" w:rsidRDefault="00763958" w:rsidP="00763958"/>
          <w:p w:rsidR="00763958" w:rsidRDefault="00763958" w:rsidP="00763958">
            <w:r>
              <w:t xml:space="preserve">                                                &lt;input type="checkbox" name="entertainments[]"</w:t>
            </w:r>
          </w:p>
          <w:p w:rsidR="00763958" w:rsidRDefault="00763958" w:rsidP="00763958">
            <w:r>
              <w:t xml:space="preserve">                                                    value="resident_council_caucu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huffleboard</w:t>
            </w:r>
          </w:p>
          <w:p w:rsidR="00763958" w:rsidRDefault="00763958" w:rsidP="00763958"/>
          <w:p w:rsidR="00763958" w:rsidRDefault="00763958" w:rsidP="00763958">
            <w:r>
              <w:t xml:space="preserve">                                                &lt;input type="checkbox" name="entertainments[]" value="shuffleboard"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occe Ball</w:t>
            </w:r>
          </w:p>
          <w:p w:rsidR="00763958" w:rsidRDefault="00763958" w:rsidP="00763958"/>
          <w:p w:rsidR="00763958" w:rsidRDefault="00763958" w:rsidP="00763958">
            <w:r>
              <w:t xml:space="preserve">                                                &lt;input type="checkbox" name="entertainments[]" value="bocce_ball"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lastRenderedPageBreak/>
              <w:t xml:space="preserve">                                            &lt;label class="container_check"&gt;</w:t>
            </w:r>
          </w:p>
          <w:p w:rsidR="00763958" w:rsidRDefault="00763958" w:rsidP="00763958">
            <w:r>
              <w:t xml:space="preserve">                                                Tennis Courts</w:t>
            </w:r>
          </w:p>
          <w:p w:rsidR="00763958" w:rsidRDefault="00763958" w:rsidP="00763958"/>
          <w:p w:rsidR="00763958" w:rsidRDefault="00763958" w:rsidP="00763958">
            <w:r>
              <w:t xml:space="preserve">                                                &lt;input type="checkbox" name="entertainments[]" value="tennis_court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ickle Ball</w:t>
            </w:r>
          </w:p>
          <w:p w:rsidR="00763958" w:rsidRDefault="00763958" w:rsidP="00763958"/>
          <w:p w:rsidR="00763958" w:rsidRDefault="00763958" w:rsidP="00763958">
            <w:r>
              <w:t xml:space="preserve">                                                &lt;input type="checkbox" name="entertainments[]" value="pickle_ball"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ing Pong</w:t>
            </w:r>
          </w:p>
          <w:p w:rsidR="00763958" w:rsidRDefault="00763958" w:rsidP="00763958"/>
          <w:p w:rsidR="00763958" w:rsidRDefault="00763958" w:rsidP="00763958">
            <w:r>
              <w:t xml:space="preserve">                                                &lt;input type="checkbox" name="entertainments[]" value="ping_po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w:t>
            </w:r>
          </w:p>
          <w:p w:rsidR="00763958" w:rsidRDefault="00763958" w:rsidP="00763958">
            <w:r>
              <w:t xml:space="preserve">                                &lt;!---------------Entertainment ends------------------&gt;</w:t>
            </w:r>
          </w:p>
          <w:p w:rsidR="00763958" w:rsidRDefault="00763958" w:rsidP="00763958"/>
          <w:p w:rsidR="00763958" w:rsidRDefault="00763958" w:rsidP="00763958">
            <w:r>
              <w:t xml:space="preserve">                                &lt;!---------------religion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Religions" aria-expanded="false"</w:t>
            </w:r>
          </w:p>
          <w:p w:rsidR="00763958" w:rsidRDefault="00763958" w:rsidP="00763958">
            <w:r>
              <w:t xml:space="preserve">                                            data-toggle="collapse" href="#collapseReligions"</w:t>
            </w:r>
          </w:p>
          <w:p w:rsidR="00763958" w:rsidRDefault="00763958" w:rsidP="00763958">
            <w:r>
              <w:t xml:space="preserve">                                            class="collapse-toggler collapsed"&gt;</w:t>
            </w:r>
          </w:p>
          <w:p w:rsidR="00763958" w:rsidRDefault="00763958" w:rsidP="00763958">
            <w:r>
              <w:t xml:space="preserve">                                            Religious Services</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Religions"&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Christian</w:t>
            </w:r>
          </w:p>
          <w:p w:rsidR="00763958" w:rsidRDefault="00763958" w:rsidP="00763958"/>
          <w:p w:rsidR="00763958" w:rsidRDefault="00763958" w:rsidP="00763958">
            <w:r>
              <w:t xml:space="preserve">                                                &lt;input type="checkbox" name="religions[]" value="christian"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Catholic</w:t>
            </w:r>
          </w:p>
          <w:p w:rsidR="00763958" w:rsidRDefault="00763958" w:rsidP="00763958"/>
          <w:p w:rsidR="00763958" w:rsidRDefault="00763958" w:rsidP="00763958">
            <w:r>
              <w:t xml:space="preserve">                                                &lt;input type="checkbox" name="religions[]" value="catholic"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Jewish</w:t>
            </w:r>
          </w:p>
          <w:p w:rsidR="00763958" w:rsidRDefault="00763958" w:rsidP="00763958"/>
          <w:p w:rsidR="00763958" w:rsidRDefault="00763958" w:rsidP="00763958">
            <w:r>
              <w:t xml:space="preserve">                                                &lt;input type="checkbox" name="religions[]" value="jewish"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Muslim</w:t>
            </w:r>
          </w:p>
          <w:p w:rsidR="00763958" w:rsidRDefault="00763958" w:rsidP="00763958"/>
          <w:p w:rsidR="00763958" w:rsidRDefault="00763958" w:rsidP="00763958">
            <w:r>
              <w:t xml:space="preserve">                                                &lt;input type="checkbox" name="religions[]" value="musli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uddhist</w:t>
            </w:r>
          </w:p>
          <w:p w:rsidR="00763958" w:rsidRDefault="00763958" w:rsidP="00763958"/>
          <w:p w:rsidR="00763958" w:rsidRDefault="00763958" w:rsidP="00763958">
            <w:r>
              <w:t xml:space="preserve">                                                &lt;input type="checkbox" name="religions[]" value="buddhis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Hindu</w:t>
            </w:r>
          </w:p>
          <w:p w:rsidR="00763958" w:rsidRDefault="00763958" w:rsidP="00763958"/>
          <w:p w:rsidR="00763958" w:rsidRDefault="00763958" w:rsidP="00763958">
            <w:r>
              <w:t xml:space="preserve">                                                &lt;input type="checkbox" name="religions[]" value="hindu"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w:t>
            </w:r>
          </w:p>
          <w:p w:rsidR="00763958" w:rsidRDefault="00763958" w:rsidP="00763958">
            <w:r>
              <w:t xml:space="preserve">                                &lt;!---------------religion ends------------------&gt;</w:t>
            </w:r>
          </w:p>
          <w:p w:rsidR="00763958" w:rsidRDefault="00763958" w:rsidP="00763958">
            <w:r>
              <w:t xml:space="preserve">                                </w:t>
            </w:r>
          </w:p>
          <w:p w:rsidR="00763958" w:rsidRDefault="00763958" w:rsidP="00763958">
            <w:r>
              <w:t xml:space="preserve">                                &lt;!---------------feature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Features" aria-expanded="false"</w:t>
            </w:r>
          </w:p>
          <w:p w:rsidR="00763958" w:rsidRDefault="00763958" w:rsidP="00763958">
            <w:r>
              <w:t xml:space="preserve">                                            data-toggle="collapse" href="#collapseFeatures"</w:t>
            </w:r>
          </w:p>
          <w:p w:rsidR="00763958" w:rsidRDefault="00763958" w:rsidP="00763958">
            <w:r>
              <w:t xml:space="preserve">                                            class="collapse-toggler collapsed"&gt;</w:t>
            </w:r>
          </w:p>
          <w:p w:rsidR="00763958" w:rsidRDefault="00763958" w:rsidP="00763958">
            <w:r>
              <w:t xml:space="preserve">                                            Features</w:t>
            </w:r>
          </w:p>
          <w:p w:rsidR="00763958" w:rsidRDefault="00763958" w:rsidP="00763958">
            <w:r>
              <w:lastRenderedPageBreak/>
              <w:t xml:space="preserve">                                        &lt;/a&gt;</w:t>
            </w:r>
          </w:p>
          <w:p w:rsidR="00763958" w:rsidRDefault="00763958" w:rsidP="00763958">
            <w:r>
              <w:t xml:space="preserve">                                    &lt;/h6&gt;</w:t>
            </w:r>
          </w:p>
          <w:p w:rsidR="00763958" w:rsidRDefault="00763958" w:rsidP="00763958">
            <w:r>
              <w:t xml:space="preserve">                                    &lt;ul class="collapse" id="collapseFeatures"&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Electric Wheelchair</w:t>
            </w:r>
          </w:p>
          <w:p w:rsidR="00763958" w:rsidRDefault="00763958" w:rsidP="00763958"/>
          <w:p w:rsidR="00763958" w:rsidRDefault="00763958" w:rsidP="00763958">
            <w:r>
              <w:t xml:space="preserve">                                                &lt;input type="checkbox" name="features[]" value="electric_wheelchair"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1 Bird</w:t>
            </w:r>
          </w:p>
          <w:p w:rsidR="00763958" w:rsidRDefault="00763958" w:rsidP="00763958"/>
          <w:p w:rsidR="00763958" w:rsidRDefault="00763958" w:rsidP="00763958">
            <w:r>
              <w:t xml:space="preserve">                                                &lt;input type="checkbox" name="features[]" value="one_bird"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1 Cat</w:t>
            </w:r>
          </w:p>
          <w:p w:rsidR="00763958" w:rsidRDefault="00763958" w:rsidP="00763958"/>
          <w:p w:rsidR="00763958" w:rsidRDefault="00763958" w:rsidP="00763958">
            <w:r>
              <w:t xml:space="preserve">                                                &lt;input type="checkbox" name="features[]" value="one_ca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1 Dog</w:t>
            </w:r>
          </w:p>
          <w:p w:rsidR="00763958" w:rsidRDefault="00763958" w:rsidP="00763958"/>
          <w:p w:rsidR="00763958" w:rsidRDefault="00763958" w:rsidP="00763958">
            <w:r>
              <w:t xml:space="preserve">                                                &lt;input type="checkbox" name="features[]" value="one_dog_20lb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moking</w:t>
            </w:r>
          </w:p>
          <w:p w:rsidR="00763958" w:rsidRDefault="00763958" w:rsidP="00763958"/>
          <w:p w:rsidR="00763958" w:rsidRDefault="00763958" w:rsidP="00763958">
            <w:r>
              <w:t xml:space="preserve">                                                &lt;input type="checkbox" name="features[]" value="smok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w:t>
            </w:r>
          </w:p>
          <w:p w:rsidR="00763958" w:rsidRDefault="00763958" w:rsidP="00763958">
            <w:r>
              <w:t xml:space="preserve">                                    &lt;/ul&gt;</w:t>
            </w:r>
          </w:p>
          <w:p w:rsidR="00763958" w:rsidRDefault="00763958" w:rsidP="00763958">
            <w:r>
              <w:t xml:space="preserve">                                &lt;/div&gt;</w:t>
            </w:r>
          </w:p>
          <w:p w:rsidR="00763958" w:rsidRDefault="00763958" w:rsidP="00763958">
            <w:r>
              <w:t xml:space="preserve">                                &lt;!--------------feature ends------------------&gt;</w:t>
            </w:r>
          </w:p>
          <w:p w:rsidR="00763958" w:rsidRDefault="00763958" w:rsidP="00763958">
            <w:r>
              <w:t xml:space="preserve">        &lt;input type="hidden" id="txtFeatures" </w:t>
            </w:r>
            <w:r>
              <w:lastRenderedPageBreak/>
              <w:t>value="[{&amp;quot;residences_id&amp;quot;:100184,&amp;quot;accomodations&amp;quot;:[100002,100006,100007,100008,100009],&amp;quot;rental_services&amp;quot;:[100000,100002],&amp;quot;meals&amp;quot;:[100004],&amp;quot;dietss&amp;quot;:[100000,100001,100004],&amp;quot;cares&amp;quot;:[100006,100012,100013],&amp;quot;entertainments&amp;quot;:[100001,100003,100004,100005,100008,100011,100013],&amp;quot;amenities&amp;quot;:[100001,100005,100007,100008,100009,100010,100011,100013,100014,100017],&amp;quot;religion&amp;quot;:[100000,100002]},{&amp;quot;residences_id&amp;quot;:100153,&amp;quot;accomodations&amp;quot;:[100002,100005,100006,100007,100008],&amp;quot;rental_services&amp;quot;:[100002,100003],&amp;quot;meals&amp;quot;:[100001],&amp;quot;diets&amp;quot;:[100001,100002,100004],&amp;quot;cares&amp;quot;:[100004,100007,100011],&amp;quot;entertainments&amp;quot;:[100000,100001,100003,100008,100010,100011,100013],&amp;quot;amenities&amp;quot;:[100000,100002,100003,100005,100006,100008,100011,100013,100014,100016],&amp;quot;religions&amp;quot;:[100000,100001]},{&amp;quot;residences_id&amp;quot;:100111,&amp;quot;accomodations&amp;quot;:[100001,100004,100006,100008,100011],&amp;quot;rental_services&amp;quot;:[100000,100002],&amp;quot;meals&amp;quot;:[100001],&amp;quot;diets&amp;quot;:[100002,100003,100004],&amp;quot;cares&amp;quot;:[100001,100003,100006],&amp;quot;entertainments&amp;quot;:[100000,100001,100003,100004,100005,100006,100008],&amp;quot;amenities&amp;quot;:[100000,100001,100005,100007,100010,100011,100013,100016,100017,100018],&amp;quot;religions&amp;quot;:[100000,100002]},{&amp;quot;residences_id&amp;quot;:100112,&amp;quot;accomodations&amp;quot;:[100000,100001,100004,100007,100008],&amp;quot;rental_services&amp;quot;:[100000,100002],&amp;quot;meals&amp;quot;:[100001],&amp;quot;diets&amp;quot;:[100002,100003,100004],&amp;quot;cares&amp;quot;:[100001,100007,100013],&amp;quot;entertainments&amp;quot;:[100000,100004,100007,100009,100010,100011,100013],&amp;quot;amenities&amp;quot;:[100000,100001,100002,100004,100008,100011,100012,100013,100014,100016],&amp;quot;religions&amp;quot;:[100002,100004]}]"/&gt;</w:t>
            </w:r>
          </w:p>
          <w:p w:rsidR="00763958" w:rsidRDefault="00763958" w:rsidP="00763958">
            <w:r>
              <w:t xml:space="preserve">    &lt;/div&gt;</w:t>
            </w:r>
          </w:p>
          <w:p w:rsidR="00763958" w:rsidRDefault="00763958" w:rsidP="00763958">
            <w:r>
              <w:t>&lt;/div&gt;</w:t>
            </w:r>
          </w:p>
          <w:p w:rsidR="00763958" w:rsidRDefault="00763958" w:rsidP="00763958">
            <w:r>
              <w:t>&lt;!---------------Filter ends------------------&gt;</w:t>
            </w:r>
          </w:p>
          <w:p w:rsidR="00763958" w:rsidRDefault="00763958" w:rsidP="00763958">
            <w:r>
              <w:t xml:space="preserve">                    </w:t>
            </w:r>
          </w:p>
          <w:p w:rsidR="00763958" w:rsidRDefault="00763958" w:rsidP="00763958">
            <w:r>
              <w:t>&lt;!---------------Filter Validation Starts------------------&gt;</w:t>
            </w:r>
          </w:p>
          <w:p w:rsidR="00763958" w:rsidRDefault="00763958" w:rsidP="00763958">
            <w:r>
              <w:t>&lt;script type="text/javascript"&gt;</w:t>
            </w:r>
          </w:p>
          <w:p w:rsidR="00763958" w:rsidRDefault="00763958" w:rsidP="00763958">
            <w:r>
              <w:t xml:space="preserve">                        var placeSearch, autoComplete;</w:t>
            </w:r>
          </w:p>
          <w:p w:rsidR="00763958" w:rsidRDefault="00763958" w:rsidP="00763958">
            <w:r>
              <w:t xml:space="preserve">                        var filter = {};</w:t>
            </w:r>
          </w:p>
          <w:p w:rsidR="00763958" w:rsidRDefault="00763958" w:rsidP="00763958">
            <w:r>
              <w:t xml:space="preserve">                        /*$(window).on("load", function () {</w:t>
            </w:r>
          </w:p>
          <w:p w:rsidR="00763958" w:rsidRDefault="00763958" w:rsidP="00763958">
            <w:r>
              <w:t xml:space="preserve">                            geoLocate();</w:t>
            </w:r>
          </w:p>
          <w:p w:rsidR="00763958" w:rsidRDefault="00763958" w:rsidP="00763958">
            <w:r>
              <w:t xml:space="preserve">                        });*/</w:t>
            </w:r>
          </w:p>
          <w:p w:rsidR="00763958" w:rsidRDefault="00763958" w:rsidP="00763958">
            <w:r>
              <w:t xml:space="preserve">                        $(document).ready(function() {</w:t>
            </w:r>
          </w:p>
          <w:p w:rsidR="00763958" w:rsidRDefault="00763958" w:rsidP="00763958">
            <w:r>
              <w:t xml:space="preserve">                            filter = fnParseFilter("");</w:t>
            </w:r>
          </w:p>
          <w:p w:rsidR="00763958" w:rsidRDefault="00763958" w:rsidP="00763958"/>
          <w:p w:rsidR="00763958" w:rsidRDefault="00763958" w:rsidP="00763958">
            <w:r>
              <w:t xml:space="preserve">                            $('input[type="range"]').rangeslider({</w:t>
            </w:r>
          </w:p>
          <w:p w:rsidR="00763958" w:rsidRDefault="00763958" w:rsidP="00763958">
            <w:r>
              <w:t xml:space="preserve">                                polyfill: false,</w:t>
            </w:r>
          </w:p>
          <w:p w:rsidR="00763958" w:rsidRDefault="00763958" w:rsidP="00763958">
            <w:r>
              <w:t xml:space="preserve">                                onInit: function() {</w:t>
            </w:r>
          </w:p>
          <w:p w:rsidR="00763958" w:rsidRDefault="00763958" w:rsidP="00763958">
            <w:r>
              <w:t xml:space="preserve">                                    this.output = $('.distance span').html(this.$element.val())</w:t>
            </w:r>
          </w:p>
          <w:p w:rsidR="00763958" w:rsidRDefault="00763958" w:rsidP="00763958">
            <w:r>
              <w:t xml:space="preserve">                                },</w:t>
            </w:r>
          </w:p>
          <w:p w:rsidR="00763958" w:rsidRDefault="00763958" w:rsidP="00763958">
            <w:r>
              <w:t xml:space="preserve">                                onSlide: function(i, e) {</w:t>
            </w:r>
          </w:p>
          <w:p w:rsidR="00763958" w:rsidRDefault="00763958" w:rsidP="00763958">
            <w:r>
              <w:t xml:space="preserve">                                    this.output.html(e)</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slider-range").each(function() {</w:t>
            </w:r>
          </w:p>
          <w:p w:rsidR="00763958" w:rsidRDefault="00763958" w:rsidP="00763958">
            <w:r>
              <w:t xml:space="preserve">                                var instance = this;</w:t>
            </w:r>
          </w:p>
          <w:p w:rsidR="00763958" w:rsidRDefault="00763958" w:rsidP="00763958">
            <w:r>
              <w:t xml:space="preserve">                                var data = $(this).data();</w:t>
            </w:r>
          </w:p>
          <w:p w:rsidR="00763958" w:rsidRDefault="00763958" w:rsidP="00763958">
            <w:r>
              <w:t xml:space="preserve">                                var formatter = {</w:t>
            </w:r>
          </w:p>
          <w:p w:rsidR="00763958" w:rsidRDefault="00763958" w:rsidP="00763958">
            <w:r>
              <w:lastRenderedPageBreak/>
              <w:t xml:space="preserve">                                    decimals: 0</w:t>
            </w:r>
          </w:p>
          <w:p w:rsidR="00763958" w:rsidRDefault="00763958" w:rsidP="00763958">
            <w:r>
              <w:t xml:space="preserve">                                };</w:t>
            </w:r>
          </w:p>
          <w:p w:rsidR="00763958" w:rsidRDefault="00763958" w:rsidP="00763958">
            <w:r>
              <w:t xml:space="preserve">                                var minTarget = $("#txtMin" + data.target);</w:t>
            </w:r>
          </w:p>
          <w:p w:rsidR="00763958" w:rsidRDefault="00763958" w:rsidP="00763958">
            <w:r>
              <w:t xml:space="preserve">                                var maxTarget = $("#txtMax" + data.target);</w:t>
            </w:r>
          </w:p>
          <w:p w:rsidR="00763958" w:rsidRDefault="00763958" w:rsidP="00763958">
            <w:r>
              <w:t xml:space="preserve">                                if (data.format === "price") {</w:t>
            </w:r>
          </w:p>
          <w:p w:rsidR="00763958" w:rsidRDefault="00763958" w:rsidP="00763958">
            <w:r>
              <w:t xml:space="preserve">                                    formatter["thousand"] = ',';</w:t>
            </w:r>
          </w:p>
          <w:p w:rsidR="00763958" w:rsidRDefault="00763958" w:rsidP="00763958">
            <w:r>
              <w:t xml:space="preserve">                                    formatter["prefix"] = '$ ';</w:t>
            </w:r>
          </w:p>
          <w:p w:rsidR="00763958" w:rsidRDefault="00763958" w:rsidP="00763958">
            <w:r>
              <w:t xml:space="preserve">                                }</w:t>
            </w:r>
          </w:p>
          <w:p w:rsidR="00763958" w:rsidRDefault="00763958" w:rsidP="00763958">
            <w:r>
              <w:t xml:space="preserve">                                data.start = minTarget.val() || data.min;</w:t>
            </w:r>
          </w:p>
          <w:p w:rsidR="00763958" w:rsidRDefault="00763958" w:rsidP="00763958">
            <w:r>
              <w:t xml:space="preserve">                                data.end = maxTarget.val() || data.max;</w:t>
            </w:r>
          </w:p>
          <w:p w:rsidR="00763958" w:rsidRDefault="00763958" w:rsidP="00763958">
            <w:r>
              <w:t xml:space="preserve">                                noUiSlider.create(this, {</w:t>
            </w:r>
          </w:p>
          <w:p w:rsidR="00763958" w:rsidRDefault="00763958" w:rsidP="00763958">
            <w:r>
              <w:t xml:space="preserve">                                    start: [data.start, data.end],</w:t>
            </w:r>
          </w:p>
          <w:p w:rsidR="00763958" w:rsidRDefault="00763958" w:rsidP="00763958">
            <w:r>
              <w:t xml:space="preserve">                                    connect: true,</w:t>
            </w:r>
          </w:p>
          <w:p w:rsidR="00763958" w:rsidRDefault="00763958" w:rsidP="00763958">
            <w:r>
              <w:t xml:space="preserve">                                    step: data.step,</w:t>
            </w:r>
          </w:p>
          <w:p w:rsidR="00763958" w:rsidRDefault="00763958" w:rsidP="00763958">
            <w:r>
              <w:t xml:space="preserve">                                    /*tooltips: [wNumb(formatter), wNumb(formatter)],*/</w:t>
            </w:r>
          </w:p>
          <w:p w:rsidR="00763958" w:rsidRDefault="00763958" w:rsidP="00763958">
            <w:r>
              <w:t xml:space="preserve">                                    range: {</w:t>
            </w:r>
          </w:p>
          <w:p w:rsidR="00763958" w:rsidRDefault="00763958" w:rsidP="00763958">
            <w:r>
              <w:t xml:space="preserve">                                        'min': data.min,</w:t>
            </w:r>
          </w:p>
          <w:p w:rsidR="00763958" w:rsidRDefault="00763958" w:rsidP="00763958">
            <w:r>
              <w:t xml:space="preserve">                                        'max': data.max</w:t>
            </w:r>
          </w:p>
          <w:p w:rsidR="00763958" w:rsidRDefault="00763958" w:rsidP="00763958">
            <w:r>
              <w:t xml:space="preserve">                                    }</w:t>
            </w:r>
          </w:p>
          <w:p w:rsidR="00763958" w:rsidRDefault="00763958" w:rsidP="00763958">
            <w:r>
              <w:t xml:space="preserve">                                }).on('update', function(values) {</w:t>
            </w:r>
          </w:p>
          <w:p w:rsidR="00763958" w:rsidRDefault="00763958" w:rsidP="00763958">
            <w:r>
              <w:t xml:space="preserve">                                    minTarget.val(parseInt(values[0]));</w:t>
            </w:r>
          </w:p>
          <w:p w:rsidR="00763958" w:rsidRDefault="00763958" w:rsidP="00763958">
            <w:r>
              <w:t xml:space="preserve">                                    maxTarget.val(parseInt(values[1]));</w:t>
            </w:r>
          </w:p>
          <w:p w:rsidR="00763958" w:rsidRDefault="00763958" w:rsidP="00763958">
            <w:r>
              <w:t xml:space="preserve">                                });</w:t>
            </w:r>
          </w:p>
          <w:p w:rsidR="00763958" w:rsidRDefault="00763958" w:rsidP="00763958"/>
          <w:p w:rsidR="00763958" w:rsidRDefault="00763958" w:rsidP="00763958">
            <w:r>
              <w:t xml:space="preserve">                                minTarget.on('change', function() {</w:t>
            </w:r>
          </w:p>
          <w:p w:rsidR="00763958" w:rsidRDefault="00763958" w:rsidP="00763958">
            <w:r>
              <w:t xml:space="preserve">                                    instance.noUiSlider.set([this.value, null]);</w:t>
            </w:r>
          </w:p>
          <w:p w:rsidR="00763958" w:rsidRDefault="00763958" w:rsidP="00763958">
            <w:r>
              <w:t xml:space="preserve">                                });</w:t>
            </w:r>
          </w:p>
          <w:p w:rsidR="00763958" w:rsidRDefault="00763958" w:rsidP="00763958"/>
          <w:p w:rsidR="00763958" w:rsidRDefault="00763958" w:rsidP="00763958">
            <w:r>
              <w:t xml:space="preserve">                                maxTarget.on('change', function() {</w:t>
            </w:r>
          </w:p>
          <w:p w:rsidR="00763958" w:rsidRDefault="00763958" w:rsidP="00763958">
            <w:r>
              <w:t xml:space="preserve">                                    instance.noUiSlider.set([null, this.value]);</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document.body).on("click", ".remove-item", function(e) {</w:t>
            </w:r>
          </w:p>
          <w:p w:rsidR="00763958" w:rsidRDefault="00763958" w:rsidP="00763958">
            <w:r>
              <w:t xml:space="preserve">                                e.preventDefault();</w:t>
            </w:r>
          </w:p>
          <w:p w:rsidR="00763958" w:rsidRDefault="00763958" w:rsidP="00763958">
            <w:r>
              <w:t xml:space="preserve">                                var item = $(this).parents("button");</w:t>
            </w:r>
          </w:p>
          <w:p w:rsidR="00763958" w:rsidRDefault="00763958" w:rsidP="00763958">
            <w:r>
              <w:t xml:space="preserve">                                if (item.attr("title") === "Your Location") {</w:t>
            </w:r>
          </w:p>
          <w:p w:rsidR="00763958" w:rsidRDefault="00763958" w:rsidP="00763958">
            <w:r>
              <w:t xml:space="preserve">                                    swal.fire({</w:t>
            </w:r>
          </w:p>
          <w:p w:rsidR="00763958" w:rsidRDefault="00763958" w:rsidP="00763958">
            <w:r>
              <w:t xml:space="preserve">                                        title: 'Are you sure?',</w:t>
            </w:r>
          </w:p>
          <w:p w:rsidR="00763958" w:rsidRDefault="00763958" w:rsidP="00763958">
            <w:r>
              <w:t xml:space="preserve">                                        text: "You are removing your location that was detected by the system. If you choose to remove, you will not be shown with your location automatically, until you clear this preference manually.",</w:t>
            </w:r>
          </w:p>
          <w:p w:rsidR="00763958" w:rsidRDefault="00763958" w:rsidP="00763958">
            <w:r>
              <w:t xml:space="preserve">                                        icon: 'warning',</w:t>
            </w:r>
          </w:p>
          <w:p w:rsidR="00763958" w:rsidRDefault="00763958" w:rsidP="00763958">
            <w:r>
              <w:t xml:space="preserve">                                        showCancelButton: true,</w:t>
            </w:r>
          </w:p>
          <w:p w:rsidR="00763958" w:rsidRDefault="00763958" w:rsidP="00763958">
            <w:r>
              <w:t xml:space="preserve">                                        confirmButtonColor: '#0CC27E',</w:t>
            </w:r>
          </w:p>
          <w:p w:rsidR="00763958" w:rsidRDefault="00763958" w:rsidP="00763958">
            <w:r>
              <w:t xml:space="preserve">                                        cancelButtonColor: '#FF586B',</w:t>
            </w:r>
          </w:p>
          <w:p w:rsidR="00763958" w:rsidRDefault="00763958" w:rsidP="00763958">
            <w:r>
              <w:t xml:space="preserve">                                        confirmButtonText: 'Yes, Remove',</w:t>
            </w:r>
          </w:p>
          <w:p w:rsidR="00763958" w:rsidRDefault="00763958" w:rsidP="00763958">
            <w:r>
              <w:t xml:space="preserve">                                        cancelButtonText: 'Let it be',</w:t>
            </w:r>
          </w:p>
          <w:p w:rsidR="00763958" w:rsidRDefault="00763958" w:rsidP="00763958">
            <w:r>
              <w:lastRenderedPageBreak/>
              <w:t xml:space="preserve">                                        showLoaderOnConfirm: true,</w:t>
            </w:r>
          </w:p>
          <w:p w:rsidR="00763958" w:rsidRDefault="00763958" w:rsidP="00763958">
            <w:r>
              <w:t xml:space="preserve">                                        reverseButtons: true</w:t>
            </w:r>
          </w:p>
          <w:p w:rsidR="00763958" w:rsidRDefault="00763958" w:rsidP="00763958">
            <w:r>
              <w:t xml:space="preserve">                                    }).then((result) =&gt; {</w:t>
            </w:r>
          </w:p>
          <w:p w:rsidR="00763958" w:rsidRDefault="00763958" w:rsidP="00763958">
            <w:r>
              <w:t xml:space="preserve">                                        if (result.value) {</w:t>
            </w:r>
          </w:p>
          <w:p w:rsidR="00763958" w:rsidRDefault="00763958" w:rsidP="00763958">
            <w:r>
              <w:t xml:space="preserve">                                            lscache.set("auto_location_off", 1, (7 * 24 * 60));</w:t>
            </w:r>
          </w:p>
          <w:p w:rsidR="00763958" w:rsidRDefault="00763958" w:rsidP="00763958">
            <w:r>
              <w:t xml:space="preserve">                                            item.remove();</w:t>
            </w:r>
          </w:p>
          <w:p w:rsidR="00763958" w:rsidRDefault="00763958" w:rsidP="00763958">
            <w:r>
              <w:t xml:space="preserve">                                            noty("success",</w:t>
            </w:r>
          </w:p>
          <w:p w:rsidR="00763958" w:rsidRDefault="00763958" w:rsidP="00763958">
            <w:r>
              <w:t xml:space="preserve">                                                "Your preference has been updated!!",</w:t>
            </w:r>
          </w:p>
          <w:p w:rsidR="00763958" w:rsidRDefault="00763958" w:rsidP="00763958">
            <w:r>
              <w:t xml:space="preserve">                                                "You will not be shown with your location for the next 7 days.",</w:t>
            </w:r>
          </w:p>
          <w:p w:rsidR="00763958" w:rsidRDefault="00763958" w:rsidP="00763958">
            <w:r>
              <w:t xml:space="preserve">                                                5000, "top-right");</w:t>
            </w:r>
          </w:p>
          <w:p w:rsidR="00763958" w:rsidRDefault="00763958" w:rsidP="00763958">
            <w:r>
              <w:t xml:space="preserve">                                            /*Swal.fire({</w:t>
            </w:r>
          </w:p>
          <w:p w:rsidR="00763958" w:rsidRDefault="00763958" w:rsidP="00763958">
            <w:r>
              <w:t xml:space="preserve">                                                title: "Your preference has been updated!!",</w:t>
            </w:r>
          </w:p>
          <w:p w:rsidR="00763958" w:rsidRDefault="00763958" w:rsidP="00763958">
            <w:r>
              <w:t xml:space="preserve">                                                text: "You will not be shown with your location for the next 7 days.",</w:t>
            </w:r>
          </w:p>
          <w:p w:rsidR="00763958" w:rsidRDefault="00763958" w:rsidP="00763958">
            <w:r>
              <w:t xml:space="preserve">                                                icon: "success",</w:t>
            </w:r>
          </w:p>
          <w:p w:rsidR="00763958" w:rsidRDefault="00763958" w:rsidP="00763958">
            <w:r>
              <w:t xml:space="preserve">                                                confirmButtonText: "Ok, Got it!!"</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t xml:space="preserve">                                } else {</w:t>
            </w:r>
          </w:p>
          <w:p w:rsidR="00763958" w:rsidRDefault="00763958" w:rsidP="00763958">
            <w:r>
              <w:t xml:space="preserve">                                    item.remove();</w:t>
            </w:r>
          </w:p>
          <w:p w:rsidR="00763958" w:rsidRDefault="00763958" w:rsidP="00763958">
            <w:r>
              <w:t xml:space="preserve">                                }</w:t>
            </w:r>
          </w:p>
          <w:p w:rsidR="00763958" w:rsidRDefault="00763958" w:rsidP="00763958">
            <w:r>
              <w:t xml:space="preserve">                                var eLocations = [...new Set($("#divLocations button").map(function() {</w:t>
            </w:r>
          </w:p>
          <w:p w:rsidR="00763958" w:rsidRDefault="00763958" w:rsidP="00763958">
            <w:r>
              <w:t xml:space="preserve">                                    return $(this).data("location");</w:t>
            </w:r>
          </w:p>
          <w:p w:rsidR="00763958" w:rsidRDefault="00763958" w:rsidP="00763958">
            <w:r>
              <w:t xml:space="preserve">                                }).get())];</w:t>
            </w:r>
          </w:p>
          <w:p w:rsidR="00763958" w:rsidRDefault="00763958" w:rsidP="00763958">
            <w:r>
              <w:t xml:space="preserve">                                if (eLocations.find(item =&gt; item.startsWith("zip_code"))) {</w:t>
            </w:r>
          </w:p>
          <w:p w:rsidR="00763958" w:rsidRDefault="00763958" w:rsidP="00763958">
            <w:r>
              <w:t xml:space="preserve">                                    $("#divRadius").show();</w:t>
            </w:r>
          </w:p>
          <w:p w:rsidR="00763958" w:rsidRDefault="00763958" w:rsidP="00763958">
            <w:r>
              <w:t xml:space="preserve">                                } else {</w:t>
            </w:r>
          </w:p>
          <w:p w:rsidR="00763958" w:rsidRDefault="00763958" w:rsidP="00763958">
            <w:r>
              <w:t xml:space="preserve">                                    $("#divRadius").hide();</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fnInitFilter();</w:t>
            </w:r>
          </w:p>
          <w:p w:rsidR="00763958" w:rsidRDefault="00763958" w:rsidP="00763958"/>
          <w:p w:rsidR="00763958" w:rsidRDefault="00763958" w:rsidP="00763958">
            <w:r>
              <w:t xml:space="preserve">                            $(document.body).on("click", "#btnApplyFilter", function(e) {</w:t>
            </w:r>
          </w:p>
          <w:p w:rsidR="00763958" w:rsidRDefault="00763958" w:rsidP="00763958">
            <w:r>
              <w:t xml:space="preserve">                                e.preventDefault();</w:t>
            </w:r>
          </w:p>
          <w:p w:rsidR="00763958" w:rsidRDefault="00763958" w:rsidP="00763958">
            <w:r>
              <w:t xml:space="preserve">                                $(this).attr("disabled", "disabled");</w:t>
            </w:r>
          </w:p>
          <w:p w:rsidR="00763958" w:rsidRDefault="00763958" w:rsidP="00763958">
            <w:r>
              <w:t xml:space="preserve">                                fnApplyFilter();</w:t>
            </w:r>
          </w:p>
          <w:p w:rsidR="00763958" w:rsidRDefault="00763958" w:rsidP="00763958">
            <w:r>
              <w:t xml:space="preserve">                            });</w:t>
            </w:r>
          </w:p>
          <w:p w:rsidR="00763958" w:rsidRDefault="00763958" w:rsidP="00763958"/>
          <w:p w:rsidR="00763958" w:rsidRDefault="00763958" w:rsidP="00763958">
            <w:r>
              <w:t xml:space="preserve">                            $(document.body).on("click", "#divRefiner input:checkbox", function() {</w:t>
            </w:r>
          </w:p>
          <w:p w:rsidR="00763958" w:rsidRDefault="00763958" w:rsidP="00763958">
            <w:r>
              <w:t xml:space="preserve">                                var refine = {};</w:t>
            </w:r>
          </w:p>
          <w:p w:rsidR="00763958" w:rsidRDefault="00763958" w:rsidP="00763958">
            <w:r>
              <w:t xml:space="preserve">                                getResidence();</w:t>
            </w:r>
          </w:p>
          <w:p w:rsidR="00763958" w:rsidRDefault="00763958" w:rsidP="00763958">
            <w:r>
              <w:t xml:space="preserve">                                let checkGroups = [</w:t>
            </w:r>
          </w:p>
          <w:p w:rsidR="00763958" w:rsidRDefault="00763958" w:rsidP="00763958">
            <w:r>
              <w:t xml:space="preserve">                                    'residences',</w:t>
            </w:r>
          </w:p>
          <w:p w:rsidR="00763958" w:rsidRDefault="00763958" w:rsidP="00763958">
            <w:r>
              <w:t xml:space="preserve">                                    'accommodations',</w:t>
            </w:r>
          </w:p>
          <w:p w:rsidR="00763958" w:rsidRDefault="00763958" w:rsidP="00763958">
            <w:r>
              <w:t xml:space="preserve">                                    'rental_services',</w:t>
            </w:r>
          </w:p>
          <w:p w:rsidR="00763958" w:rsidRDefault="00763958" w:rsidP="00763958">
            <w:r>
              <w:t xml:space="preserve">                                    'meals',</w:t>
            </w:r>
          </w:p>
          <w:p w:rsidR="00763958" w:rsidRDefault="00763958" w:rsidP="00763958">
            <w:r>
              <w:t xml:space="preserve">                                    'diets',</w:t>
            </w:r>
          </w:p>
          <w:p w:rsidR="00763958" w:rsidRDefault="00763958" w:rsidP="00763958">
            <w:r>
              <w:lastRenderedPageBreak/>
              <w:t xml:space="preserve">                                    'cares',</w:t>
            </w:r>
          </w:p>
          <w:p w:rsidR="00763958" w:rsidRDefault="00763958" w:rsidP="00763958">
            <w:r>
              <w:t xml:space="preserve">                                    'amenities',</w:t>
            </w:r>
          </w:p>
          <w:p w:rsidR="00763958" w:rsidRDefault="00763958" w:rsidP="00763958">
            <w:r>
              <w:t xml:space="preserve">                                    'entertainments',</w:t>
            </w:r>
          </w:p>
          <w:p w:rsidR="00763958" w:rsidRDefault="00763958" w:rsidP="00763958">
            <w:r>
              <w:t xml:space="preserve">                                    'religions',</w:t>
            </w:r>
          </w:p>
          <w:p w:rsidR="00763958" w:rsidRDefault="00763958" w:rsidP="00763958">
            <w:r>
              <w:t xml:space="preserve">                                    'features'</w:t>
            </w:r>
          </w:p>
          <w:p w:rsidR="00763958" w:rsidRDefault="00763958" w:rsidP="00763958">
            <w:r>
              <w:t xml:space="preserve">                                    </w:t>
            </w:r>
          </w:p>
          <w:p w:rsidR="00763958" w:rsidRDefault="00763958" w:rsidP="00763958">
            <w:r>
              <w:t xml:space="preserve">                                ];</w:t>
            </w:r>
          </w:p>
          <w:p w:rsidR="00763958" w:rsidRDefault="00763958" w:rsidP="00763958">
            <w:r>
              <w:t xml:space="preserve">                                checkGroups.forEach(function(item, index) {</w:t>
            </w:r>
          </w:p>
          <w:p w:rsidR="00763958" w:rsidRDefault="00763958" w:rsidP="00763958">
            <w:r>
              <w:t xml:space="preserve">                                    refine[item] = $("input[name='" + item + "[]']:checked")</w:t>
            </w:r>
          </w:p>
          <w:p w:rsidR="00763958" w:rsidRDefault="00763958" w:rsidP="00763958">
            <w:r>
              <w:t xml:space="preserve">                                        .map(function() {</w:t>
            </w:r>
          </w:p>
          <w:p w:rsidR="00763958" w:rsidRDefault="00763958" w:rsidP="00763958">
            <w:r>
              <w:t xml:space="preserve">                                            return parseInt(this.value);</w:t>
            </w:r>
          </w:p>
          <w:p w:rsidR="00763958" w:rsidRDefault="00763958" w:rsidP="00763958">
            <w:r>
              <w:t xml:space="preserve">                                        }).get();</w:t>
            </w:r>
          </w:p>
          <w:p w:rsidR="00763958" w:rsidRDefault="00763958" w:rsidP="00763958">
            <w:r>
              <w:t xml:space="preserve">                                });</w:t>
            </w:r>
          </w:p>
          <w:p w:rsidR="00763958" w:rsidRDefault="00763958" w:rsidP="00763958">
            <w:r>
              <w:t xml:space="preserve">                                var query = buildFilter(refine);</w:t>
            </w:r>
          </w:p>
          <w:p w:rsidR="00763958" w:rsidRDefault="00763958" w:rsidP="00763958">
            <w:r>
              <w:t xml:space="preserve">                                var searchQuery = fnGetSearchQuery();</w:t>
            </w:r>
          </w:p>
          <w:p w:rsidR="00763958" w:rsidRDefault="00763958" w:rsidP="00763958">
            <w:r>
              <w:t xml:space="preserve">                                var pref = {</w:t>
            </w:r>
          </w:p>
          <w:p w:rsidR="00763958" w:rsidRDefault="00763958" w:rsidP="00763958">
            <w:r>
              <w:t xml:space="preserve">                                    ...searchQuery,</w:t>
            </w:r>
          </w:p>
          <w:p w:rsidR="00763958" w:rsidRDefault="00763958" w:rsidP="00763958">
            <w:r>
              <w:t xml:space="preserve">                                    ...query</w:t>
            </w:r>
          </w:p>
          <w:p w:rsidR="00763958" w:rsidRDefault="00763958" w:rsidP="00763958">
            <w:r>
              <w:t xml:space="preserve">                                };</w:t>
            </w:r>
          </w:p>
          <w:p w:rsidR="00763958" w:rsidRDefault="00763958" w:rsidP="00763958">
            <w:r>
              <w:t xml:space="preserve">                                var features = $("#txtFeatures").val();</w:t>
            </w:r>
          </w:p>
          <w:p w:rsidR="00763958" w:rsidRDefault="00763958" w:rsidP="00763958">
            <w:r>
              <w:t xml:space="preserve">                                var refined = filterData($.parseJSON(features), query);</w:t>
            </w:r>
          </w:p>
          <w:p w:rsidR="00763958" w:rsidRDefault="00763958" w:rsidP="00763958">
            <w:r>
              <w:t xml:space="preserve">                                var ids = _.map(refined, "residence_id");</w:t>
            </w:r>
          </w:p>
          <w:p w:rsidR="00763958" w:rsidRDefault="00763958" w:rsidP="00763958">
            <w:r>
              <w:t xml:space="preserve">                                window.setCookie("RIDS", ids, 1);</w:t>
            </w:r>
          </w:p>
          <w:p w:rsidR="00763958" w:rsidRDefault="00763958" w:rsidP="00763958">
            <w:r>
              <w:t xml:space="preserve">                                window.setCookie("PREF", btoa(fnStringifyObject(pref)), 30);</w:t>
            </w:r>
          </w:p>
          <w:p w:rsidR="00763958" w:rsidRDefault="00763958" w:rsidP="00763958">
            <w:r>
              <w:t xml:space="preserve">                                var elements = $(ids.map(i =&gt; '#' + i).join(","));</w:t>
            </w:r>
          </w:p>
          <w:p w:rsidR="00763958" w:rsidRDefault="00763958" w:rsidP="00763958">
            <w:r>
              <w:t xml:space="preserve">                                $(".residence").not(elements).hide();</w:t>
            </w:r>
          </w:p>
          <w:p w:rsidR="00763958" w:rsidRDefault="00763958" w:rsidP="00763958">
            <w:r>
              <w:t xml:space="preserve">                                elements.show();</w:t>
            </w:r>
          </w:p>
          <w:p w:rsidR="00763958" w:rsidRDefault="00763958" w:rsidP="00763958">
            <w:r>
              <w:t xml:space="preserve">                                if (elements.length &gt; 0) {</w:t>
            </w:r>
          </w:p>
          <w:p w:rsidR="00763958" w:rsidRDefault="00763958" w:rsidP="00763958">
            <w:r>
              <w:t xml:space="preserve">                                    $(".no-records").hide();</w:t>
            </w:r>
          </w:p>
          <w:p w:rsidR="00763958" w:rsidRDefault="00763958" w:rsidP="00763958">
            <w:r>
              <w:t xml:space="preserve">                                } else {</w:t>
            </w:r>
          </w:p>
          <w:p w:rsidR="00763958" w:rsidRDefault="00763958" w:rsidP="00763958">
            <w:r>
              <w:t xml:space="preserve">                                    $(".no-records").show();</w:t>
            </w:r>
          </w:p>
          <w:p w:rsidR="00763958" w:rsidRDefault="00763958" w:rsidP="00763958">
            <w:r>
              <w:t xml:space="preserve">                                }</w:t>
            </w:r>
          </w:p>
          <w:p w:rsidR="00763958" w:rsidRDefault="00763958" w:rsidP="00763958">
            <w:r>
              <w:t xml:space="preserve">                                new WOW().init();</w:t>
            </w:r>
          </w:p>
          <w:p w:rsidR="00763958" w:rsidRDefault="00763958" w:rsidP="00763958">
            <w:r>
              <w:t xml:space="preserve">                                $("#spnRefined").text(elements.length + " of ");</w:t>
            </w:r>
          </w:p>
          <w:p w:rsidR="00763958" w:rsidRDefault="00763958" w:rsidP="00763958">
            <w:r>
              <w:t xml:space="preserve">                            });</w:t>
            </w:r>
          </w:p>
          <w:p w:rsidR="00763958" w:rsidRDefault="00763958" w:rsidP="00763958"/>
          <w:p w:rsidR="00763958" w:rsidRDefault="00763958" w:rsidP="00763958">
            <w:r>
              <w:t xml:space="preserve">                            window.buildFilter = (filter) =&gt; {</w:t>
            </w:r>
          </w:p>
          <w:p w:rsidR="00763958" w:rsidRDefault="00763958" w:rsidP="00763958">
            <w:r>
              <w:t xml:space="preserve">                                let query = {};</w:t>
            </w:r>
          </w:p>
          <w:p w:rsidR="00763958" w:rsidRDefault="00763958" w:rsidP="00763958">
            <w:r>
              <w:t xml:space="preserve">                                for (let keys in filter) {</w:t>
            </w:r>
          </w:p>
          <w:p w:rsidR="00763958" w:rsidRDefault="00763958" w:rsidP="00763958">
            <w:r>
              <w:t xml:space="preserve">                                    if (filter[keys].constructor === Array &amp;&amp; filter[keys].length &gt; 0) {</w:t>
            </w:r>
          </w:p>
          <w:p w:rsidR="00763958" w:rsidRDefault="00763958" w:rsidP="00763958">
            <w:r>
              <w:t xml:space="preserve">                                        query[keys] = filter[keys];</w:t>
            </w:r>
          </w:p>
          <w:p w:rsidR="00763958" w:rsidRDefault="00763958" w:rsidP="00763958">
            <w:r>
              <w:t xml:space="preserve">                                    }</w:t>
            </w:r>
          </w:p>
          <w:p w:rsidR="00763958" w:rsidRDefault="00763958" w:rsidP="00763958">
            <w:r>
              <w:t xml:space="preserve">                                }</w:t>
            </w:r>
          </w:p>
          <w:p w:rsidR="00763958" w:rsidRDefault="00763958" w:rsidP="00763958">
            <w:r>
              <w:t xml:space="preserve">                                return query;</w:t>
            </w:r>
          </w:p>
          <w:p w:rsidR="00763958" w:rsidRDefault="00763958" w:rsidP="00763958">
            <w:r>
              <w:t xml:space="preserve">                            };</w:t>
            </w:r>
          </w:p>
          <w:p w:rsidR="00763958" w:rsidRDefault="00763958" w:rsidP="00763958"/>
          <w:p w:rsidR="00763958" w:rsidRDefault="00763958" w:rsidP="00763958">
            <w:r>
              <w:t xml:space="preserve">                            window.filterData = (data, query, any = true) =&gt; {</w:t>
            </w:r>
          </w:p>
          <w:p w:rsidR="00763958" w:rsidRDefault="00763958" w:rsidP="00763958">
            <w:r>
              <w:t xml:space="preserve">                                const filteredData = data.filter((item) =&gt; {</w:t>
            </w:r>
          </w:p>
          <w:p w:rsidR="00763958" w:rsidRDefault="00763958" w:rsidP="00763958">
            <w:r>
              <w:lastRenderedPageBreak/>
              <w:t xml:space="preserve">                                    if (any) {</w:t>
            </w:r>
          </w:p>
          <w:p w:rsidR="00763958" w:rsidRDefault="00763958" w:rsidP="00763958">
            <w:r>
              <w:t xml:space="preserve">                                        var result = false;</w:t>
            </w:r>
          </w:p>
          <w:p w:rsidR="00763958" w:rsidRDefault="00763958" w:rsidP="00763958">
            <w:r>
              <w:t xml:space="preserve">                                        for (let key in query) {</w:t>
            </w:r>
          </w:p>
          <w:p w:rsidR="00763958" w:rsidRDefault="00763958" w:rsidP="00763958">
            <w:r>
              <w:t xml:space="preserve">                                            if (item[key] === undefined || !item[key].some(r =&gt;</w:t>
            </w:r>
          </w:p>
          <w:p w:rsidR="00763958" w:rsidRDefault="00763958" w:rsidP="00763958">
            <w:r>
              <w:t xml:space="preserve">                                                    query[key].indexOf(r) &gt;= 0)) {</w:t>
            </w:r>
          </w:p>
          <w:p w:rsidR="00763958" w:rsidRDefault="00763958" w:rsidP="00763958">
            <w:r>
              <w:t xml:space="preserve">                                                result = result || false;</w:t>
            </w:r>
          </w:p>
          <w:p w:rsidR="00763958" w:rsidRDefault="00763958" w:rsidP="00763958">
            <w:r>
              <w:t xml:space="preserve">                                            } else {</w:t>
            </w:r>
          </w:p>
          <w:p w:rsidR="00763958" w:rsidRDefault="00763958" w:rsidP="00763958">
            <w:r>
              <w:t xml:space="preserve">                                                result = result || true;</w:t>
            </w:r>
          </w:p>
          <w:p w:rsidR="00763958" w:rsidRDefault="00763958" w:rsidP="00763958">
            <w:r>
              <w:t xml:space="preserve">                                            }</w:t>
            </w:r>
          </w:p>
          <w:p w:rsidR="00763958" w:rsidRDefault="00763958" w:rsidP="00763958">
            <w:r>
              <w:t xml:space="preserve">                                        }</w:t>
            </w:r>
          </w:p>
          <w:p w:rsidR="00763958" w:rsidRDefault="00763958" w:rsidP="00763958">
            <w:r>
              <w:t xml:space="preserve">                                        return result;</w:t>
            </w:r>
          </w:p>
          <w:p w:rsidR="00763958" w:rsidRDefault="00763958" w:rsidP="00763958">
            <w:r>
              <w:t xml:space="preserve">                                    } else {</w:t>
            </w:r>
          </w:p>
          <w:p w:rsidR="00763958" w:rsidRDefault="00763958" w:rsidP="00763958">
            <w:r>
              <w:t xml:space="preserve">                                        for (let key in query) {</w:t>
            </w:r>
          </w:p>
          <w:p w:rsidR="00763958" w:rsidRDefault="00763958" w:rsidP="00763958">
            <w:r>
              <w:t xml:space="preserve">                                            if (item[key] === undefined || !item[key].some(r =&gt;</w:t>
            </w:r>
          </w:p>
          <w:p w:rsidR="00763958" w:rsidRDefault="00763958" w:rsidP="00763958">
            <w:r>
              <w:t xml:space="preserve">                                                    query[key].indexOf(r) &gt;= 0)) {</w:t>
            </w:r>
          </w:p>
          <w:p w:rsidR="00763958" w:rsidRDefault="00763958" w:rsidP="00763958">
            <w:r>
              <w:t xml:space="preserve">                                                return false;</w:t>
            </w:r>
          </w:p>
          <w:p w:rsidR="00763958" w:rsidRDefault="00763958" w:rsidP="00763958">
            <w:r>
              <w:t xml:space="preserve">                                            }</w:t>
            </w:r>
          </w:p>
          <w:p w:rsidR="00763958" w:rsidRDefault="00763958" w:rsidP="00763958">
            <w:r>
              <w:t xml:space="preserve">                                        }</w:t>
            </w:r>
          </w:p>
          <w:p w:rsidR="00763958" w:rsidRDefault="00763958" w:rsidP="00763958">
            <w:r>
              <w:t xml:space="preserve">                                        return true;</w:t>
            </w:r>
          </w:p>
          <w:p w:rsidR="00763958" w:rsidRDefault="00763958" w:rsidP="00763958">
            <w:r>
              <w:t xml:space="preserve">                                    }</w:t>
            </w:r>
          </w:p>
          <w:p w:rsidR="00763958" w:rsidRDefault="00763958" w:rsidP="00763958">
            <w:r>
              <w:t xml:space="preserve">                                });</w:t>
            </w:r>
          </w:p>
          <w:p w:rsidR="00763958" w:rsidRDefault="00763958" w:rsidP="00763958">
            <w:r>
              <w:t xml:space="preserve">                                return filteredData;</w:t>
            </w:r>
          </w:p>
          <w:p w:rsidR="00763958" w:rsidRDefault="00763958" w:rsidP="00763958">
            <w:r>
              <w:t xml:space="preserve">                            };</w:t>
            </w:r>
          </w:p>
          <w:p w:rsidR="00763958" w:rsidRDefault="00763958" w:rsidP="00763958"/>
          <w:p w:rsidR="00763958" w:rsidRDefault="00763958" w:rsidP="00763958">
            <w:r>
              <w:t xml:space="preserve">                            $("#frmSearchResidence").on("submit", function(e) {</w:t>
            </w:r>
          </w:p>
          <w:p w:rsidR="00763958" w:rsidRDefault="00763958" w:rsidP="00763958">
            <w:r>
              <w:t xml:space="preserve">                                e.preventDefault();</w:t>
            </w:r>
          </w:p>
          <w:p w:rsidR="00763958" w:rsidRDefault="00763958" w:rsidP="00763958">
            <w:r>
              <w:t xml:space="preserve">                                fnApplyFilter();</w:t>
            </w:r>
          </w:p>
          <w:p w:rsidR="00763958" w:rsidRDefault="00763958" w:rsidP="00763958">
            <w:r>
              <w:t xml:space="preserve">                            });</w:t>
            </w:r>
          </w:p>
          <w:p w:rsidR="00763958" w:rsidRDefault="00763958" w:rsidP="00763958"/>
          <w:p w:rsidR="00763958" w:rsidRDefault="00763958" w:rsidP="00763958">
            <w:r>
              <w:t xml:space="preserve">                            $(document.body).on("click", ".btnClearFilter", function(e) {</w:t>
            </w:r>
          </w:p>
          <w:p w:rsidR="00763958" w:rsidRDefault="00763958" w:rsidP="00763958">
            <w:r>
              <w:t xml:space="preserve">                                e.preventDefault();</w:t>
            </w:r>
          </w:p>
          <w:p w:rsidR="00763958" w:rsidRDefault="00763958" w:rsidP="00763958">
            <w:r>
              <w:t xml:space="preserve">                                $(this).attr("disabled", "disabled");</w:t>
            </w:r>
          </w:p>
          <w:p w:rsidR="00763958" w:rsidRDefault="00763958" w:rsidP="00763958">
            <w:r>
              <w:t xml:space="preserve">                                $("#txtSearchText").val("");</w:t>
            </w:r>
          </w:p>
          <w:p w:rsidR="00763958" w:rsidRDefault="00763958" w:rsidP="00763958">
            <w:r>
              <w:t xml:space="preserve">                                $("#txtFilterData").val("");</w:t>
            </w:r>
          </w:p>
          <w:p w:rsidR="00763958" w:rsidRDefault="00763958" w:rsidP="00763958">
            <w:r>
              <w:t xml:space="preserve">                                fnRedirect(window.location.pathname);</w:t>
            </w:r>
          </w:p>
          <w:p w:rsidR="00763958" w:rsidRDefault="00763958" w:rsidP="00763958">
            <w:r>
              <w:t xml:space="preserve">                                /*let sText = $("#txtSearchText").val().trim();</w:t>
            </w:r>
          </w:p>
          <w:p w:rsidR="00763958" w:rsidRDefault="00763958" w:rsidP="00763958">
            <w:r>
              <w:t xml:space="preserve">                                let params = {</w:t>
            </w:r>
          </w:p>
          <w:p w:rsidR="00763958" w:rsidRDefault="00763958" w:rsidP="00763958">
            <w:r>
              <w:t xml:space="preserve">                                    "q": sText</w:t>
            </w:r>
          </w:p>
          <w:p w:rsidR="00763958" w:rsidRDefault="00763958" w:rsidP="00763958">
            <w:r>
              <w:t xml:space="preserve">                                };</w:t>
            </w:r>
          </w:p>
          <w:p w:rsidR="00763958" w:rsidRDefault="00763958" w:rsidP="00763958">
            <w:r>
              <w:t xml:space="preserve">                                $("#txtFilterData").val(JSON.stringify(fnRefineObject(params)));</w:t>
            </w:r>
          </w:p>
          <w:p w:rsidR="00763958" w:rsidRDefault="00763958" w:rsidP="00763958">
            <w:r>
              <w:t xml:space="preserve">                                fnRedirect(window.location.pathname, fnObjectToQuery(params));*/</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function fnGetSearchQuery() {</w:t>
            </w:r>
          </w:p>
          <w:p w:rsidR="00763958" w:rsidRDefault="00763958" w:rsidP="00763958">
            <w:r>
              <w:t xml:space="preserve">                            var query = {};</w:t>
            </w:r>
          </w:p>
          <w:p w:rsidR="00763958" w:rsidRDefault="00763958" w:rsidP="00763958">
            <w:r>
              <w:t xml:space="preserve">                            query["residences"] = $("input[name='residences[]']:checked").map(function() {</w:t>
            </w:r>
          </w:p>
          <w:p w:rsidR="00763958" w:rsidRDefault="00763958" w:rsidP="00763958">
            <w:r>
              <w:t xml:space="preserve">                                return this.value;</w:t>
            </w:r>
          </w:p>
          <w:p w:rsidR="00763958" w:rsidRDefault="00763958" w:rsidP="00763958">
            <w:r>
              <w:lastRenderedPageBreak/>
              <w:t xml:space="preserve">                            }).get();</w:t>
            </w:r>
          </w:p>
          <w:p w:rsidR="00763958" w:rsidRDefault="00763958" w:rsidP="00763958">
            <w:r>
              <w:t xml:space="preserve">                            query["min"] = $("#txtMinBudgetRange").val();</w:t>
            </w:r>
          </w:p>
          <w:p w:rsidR="00763958" w:rsidRDefault="00763958" w:rsidP="00763958">
            <w:r>
              <w:t xml:space="preserve">                            query["max"] = $("#txtMaxBudgetRange").val();</w:t>
            </w:r>
          </w:p>
          <w:p w:rsidR="00763958" w:rsidRDefault="00763958" w:rsidP="00763958">
            <w:r>
              <w:t xml:space="preserve">                            query["location"] = [...new Set($("#divLocations button").map(function() {</w:t>
            </w:r>
          </w:p>
          <w:p w:rsidR="00763958" w:rsidRDefault="00763958" w:rsidP="00763958">
            <w:r>
              <w:t xml:space="preserve">                                return $(this).data("location");</w:t>
            </w:r>
          </w:p>
          <w:p w:rsidR="00763958" w:rsidRDefault="00763958" w:rsidP="00763958">
            <w:r>
              <w:t xml:space="preserve">                            }).get())];</w:t>
            </w:r>
          </w:p>
          <w:p w:rsidR="00763958" w:rsidRDefault="00763958" w:rsidP="00763958">
            <w:r>
              <w:t xml:space="preserve">                            if (query["location"].length) {</w:t>
            </w:r>
          </w:p>
          <w:p w:rsidR="00763958" w:rsidRDefault="00763958" w:rsidP="00763958">
            <w:r>
              <w:t xml:space="preserve">                                query["radius"] = $("#txtRadius").val();</w:t>
            </w:r>
          </w:p>
          <w:p w:rsidR="00763958" w:rsidRDefault="00763958" w:rsidP="00763958">
            <w:r>
              <w:t xml:space="preserve">                            }</w:t>
            </w:r>
          </w:p>
          <w:p w:rsidR="00763958" w:rsidRDefault="00763958" w:rsidP="00763958">
            <w:r>
              <w:t xml:space="preserve">                            let checkGroups = [</w:t>
            </w:r>
          </w:p>
          <w:p w:rsidR="00763958" w:rsidRDefault="00763958" w:rsidP="00763958">
            <w:r>
              <w:t xml:space="preserve">                                'residences',</w:t>
            </w:r>
          </w:p>
          <w:p w:rsidR="00763958" w:rsidRDefault="00763958" w:rsidP="00763958">
            <w:r>
              <w:t xml:space="preserve">                                'accommodations',</w:t>
            </w:r>
          </w:p>
          <w:p w:rsidR="00763958" w:rsidRDefault="00763958" w:rsidP="00763958">
            <w:r>
              <w:t xml:space="preserve">                                'rental_services',</w:t>
            </w:r>
          </w:p>
          <w:p w:rsidR="00763958" w:rsidRDefault="00763958" w:rsidP="00763958">
            <w:r>
              <w:t xml:space="preserve">                                'meals',</w:t>
            </w:r>
          </w:p>
          <w:p w:rsidR="00763958" w:rsidRDefault="00763958" w:rsidP="00763958">
            <w:r>
              <w:t xml:space="preserve">                                'diets',</w:t>
            </w:r>
          </w:p>
          <w:p w:rsidR="00763958" w:rsidRDefault="00763958" w:rsidP="00763958">
            <w:r>
              <w:t xml:space="preserve">                                'cares',</w:t>
            </w:r>
          </w:p>
          <w:p w:rsidR="00763958" w:rsidRDefault="00763958" w:rsidP="00763958">
            <w:r>
              <w:t xml:space="preserve">                                'amenities',</w:t>
            </w:r>
          </w:p>
          <w:p w:rsidR="00763958" w:rsidRDefault="00763958" w:rsidP="00763958">
            <w:r>
              <w:t xml:space="preserve">                                'entertainments',</w:t>
            </w:r>
          </w:p>
          <w:p w:rsidR="00763958" w:rsidRDefault="00763958" w:rsidP="00763958">
            <w:r>
              <w:t xml:space="preserve">                                'religions',</w:t>
            </w:r>
          </w:p>
          <w:p w:rsidR="00763958" w:rsidRDefault="00763958" w:rsidP="00763958">
            <w:r>
              <w:t xml:space="preserve">                                'features'</w:t>
            </w:r>
          </w:p>
          <w:p w:rsidR="00763958" w:rsidRDefault="00763958" w:rsidP="00763958">
            <w:r>
              <w:t xml:space="preserve">                            ];</w:t>
            </w:r>
          </w:p>
          <w:p w:rsidR="00763958" w:rsidRDefault="00763958" w:rsidP="00763958">
            <w:r>
              <w:t xml:space="preserve">                            checkGroups.forEach(function(item, index) {</w:t>
            </w:r>
          </w:p>
          <w:p w:rsidR="00763958" w:rsidRDefault="00763958" w:rsidP="00763958">
            <w:r>
              <w:t xml:space="preserve">                                query[item] = $("input[name='" + item + "[]']:checked").map(function() {</w:t>
            </w:r>
          </w:p>
          <w:p w:rsidR="00763958" w:rsidRDefault="00763958" w:rsidP="00763958">
            <w:r>
              <w:t xml:space="preserve">                                    return this.value;</w:t>
            </w:r>
          </w:p>
          <w:p w:rsidR="00763958" w:rsidRDefault="00763958" w:rsidP="00763958">
            <w:r>
              <w:t xml:space="preserve">                                }).get();</w:t>
            </w:r>
          </w:p>
          <w:p w:rsidR="00763958" w:rsidRDefault="00763958" w:rsidP="00763958">
            <w:r>
              <w:t xml:space="preserve">                            });</w:t>
            </w:r>
          </w:p>
          <w:p w:rsidR="00763958" w:rsidRDefault="00763958" w:rsidP="00763958"/>
          <w:p w:rsidR="00763958" w:rsidRDefault="00763958" w:rsidP="00763958">
            <w:r>
              <w:t xml:space="preserve">                            return query;</w:t>
            </w:r>
          </w:p>
          <w:p w:rsidR="00763958" w:rsidRDefault="00763958" w:rsidP="00763958">
            <w:r>
              <w:t xml:space="preserve">                        }</w:t>
            </w:r>
          </w:p>
          <w:p w:rsidR="00763958" w:rsidRDefault="00763958" w:rsidP="00763958"/>
          <w:p w:rsidR="00763958" w:rsidRDefault="00763958" w:rsidP="00763958">
            <w:r>
              <w:t xml:space="preserve">                        function fnApplyFilter() {</w:t>
            </w:r>
          </w:p>
          <w:p w:rsidR="00763958" w:rsidRDefault="00763958" w:rsidP="00763958">
            <w:r>
              <w:t xml:space="preserve">                            let filterQuery = fnGetSearchQuery();</w:t>
            </w:r>
          </w:p>
          <w:p w:rsidR="00763958" w:rsidRDefault="00763958" w:rsidP="00763958">
            <w:r>
              <w:t xml:space="preserve">                            let sText = $("#txtSearchText").val().trim();</w:t>
            </w:r>
          </w:p>
          <w:p w:rsidR="00763958" w:rsidRDefault="00763958" w:rsidP="00763958">
            <w:r>
              <w:t xml:space="preserve">                            let params = {</w:t>
            </w:r>
          </w:p>
          <w:p w:rsidR="00763958" w:rsidRDefault="00763958" w:rsidP="00763958">
            <w:r>
              <w:t xml:space="preserve">                                "q": sText,</w:t>
            </w:r>
          </w:p>
          <w:p w:rsidR="00763958" w:rsidRDefault="00763958" w:rsidP="00763958">
            <w:r>
              <w:t xml:space="preserve">                                "filter": btoa(fnStringifyObject(filterQuery))</w:t>
            </w:r>
          </w:p>
          <w:p w:rsidR="00763958" w:rsidRDefault="00763958" w:rsidP="00763958">
            <w:r>
              <w:t xml:space="preserve">                            };</w:t>
            </w:r>
          </w:p>
          <w:p w:rsidR="00763958" w:rsidRDefault="00763958" w:rsidP="00763958">
            <w:r>
              <w:t xml:space="preserve">                            $("#txtFilterData").val(JSON.stringify(fnRefineObject(params)));</w:t>
            </w:r>
          </w:p>
          <w:p w:rsidR="00763958" w:rsidRDefault="00763958" w:rsidP="00763958">
            <w:r>
              <w:t xml:space="preserve">                            fnSetSPFCookie();</w:t>
            </w:r>
          </w:p>
          <w:p w:rsidR="00763958" w:rsidRDefault="00763958" w:rsidP="00763958">
            <w:r>
              <w:t xml:space="preserve">                            // fnRedirect(window.location.pathname, fnObjectToQuery(params));</w:t>
            </w:r>
          </w:p>
          <w:p w:rsidR="00763958" w:rsidRDefault="00763958" w:rsidP="00763958">
            <w:r>
              <w:t xml:space="preserve">                            getResidence();</w:t>
            </w:r>
          </w:p>
          <w:p w:rsidR="00763958" w:rsidRDefault="00763958" w:rsidP="00763958">
            <w:r>
              <w:t xml:space="preserve">                        }</w:t>
            </w:r>
          </w:p>
          <w:p w:rsidR="00763958" w:rsidRDefault="00763958" w:rsidP="00763958"/>
          <w:p w:rsidR="00763958" w:rsidRDefault="00763958" w:rsidP="00763958">
            <w:r>
              <w:t xml:space="preserve">                        function fnRedirect(url, query) {</w:t>
            </w:r>
          </w:p>
          <w:p w:rsidR="00763958" w:rsidRDefault="00763958" w:rsidP="00763958">
            <w:r>
              <w:t xml:space="preserve">                            window.location.href = url + (query ? "?" + query : "");</w:t>
            </w:r>
          </w:p>
          <w:p w:rsidR="00763958" w:rsidRDefault="00763958" w:rsidP="00763958">
            <w:r>
              <w:t xml:space="preserve">                        }</w:t>
            </w:r>
          </w:p>
          <w:p w:rsidR="00763958" w:rsidRDefault="00763958" w:rsidP="00763958"/>
          <w:p w:rsidR="00763958" w:rsidRDefault="00763958" w:rsidP="00763958">
            <w:r>
              <w:t xml:space="preserve">                        function fnInitFilter() {</w:t>
            </w:r>
          </w:p>
          <w:p w:rsidR="00763958" w:rsidRDefault="00763958" w:rsidP="00763958">
            <w:r>
              <w:lastRenderedPageBreak/>
              <w:t xml:space="preserve">                            $("#txtMinBudgetRange").val(filter.min || 100).change();</w:t>
            </w:r>
          </w:p>
          <w:p w:rsidR="00763958" w:rsidRDefault="00763958" w:rsidP="00763958">
            <w:r>
              <w:t xml:space="preserve">                            $("#txtMaxBudgetRange").val(filter.max || 15000).change();</w:t>
            </w:r>
          </w:p>
          <w:p w:rsidR="00763958" w:rsidRDefault="00763958" w:rsidP="00763958">
            <w:r>
              <w:t xml:space="preserve">                            $("#txtRadius").val(filter.radius || 5).change();</w:t>
            </w:r>
          </w:p>
          <w:p w:rsidR="00763958" w:rsidRDefault="00763958" w:rsidP="00763958">
            <w:r>
              <w:t xml:space="preserve">                            fnSetCheckbox(filter['residences'], 'residences');</w:t>
            </w:r>
          </w:p>
          <w:p w:rsidR="00763958" w:rsidRDefault="00763958" w:rsidP="00763958">
            <w:r>
              <w:t xml:space="preserve">                            fnSetLocations(filter.location);</w:t>
            </w:r>
          </w:p>
          <w:p w:rsidR="00763958" w:rsidRDefault="00763958" w:rsidP="00763958">
            <w:r>
              <w:t xml:space="preserve">                            let params = {</w:t>
            </w:r>
          </w:p>
          <w:p w:rsidR="00763958" w:rsidRDefault="00763958" w:rsidP="00763958">
            <w:r>
              <w:t xml:space="preserve">                                "q": $("#txtSearchText").val(),</w:t>
            </w:r>
          </w:p>
          <w:p w:rsidR="00763958" w:rsidRDefault="00763958" w:rsidP="00763958">
            <w:r>
              <w:t xml:space="preserve">                                "filter": btoa(fnStringifyObject(filter))</w:t>
            </w:r>
          </w:p>
          <w:p w:rsidR="00763958" w:rsidRDefault="00763958" w:rsidP="00763958">
            <w:r>
              <w:t xml:space="preserve">                            };</w:t>
            </w:r>
          </w:p>
          <w:p w:rsidR="00763958" w:rsidRDefault="00763958" w:rsidP="00763958">
            <w:r>
              <w:t xml:space="preserve">                            $("#txtFilterData").val(JSON.stringify(fnRefineObject(params)));</w:t>
            </w:r>
          </w:p>
          <w:p w:rsidR="00763958" w:rsidRDefault="00763958" w:rsidP="00763958">
            <w:r>
              <w:t xml:space="preserve">                            fnSetSPFCookie();</w:t>
            </w:r>
          </w:p>
          <w:p w:rsidR="00763958" w:rsidRDefault="00763958" w:rsidP="00763958">
            <w:r>
              <w:t xml:space="preserve">                        }</w:t>
            </w:r>
          </w:p>
          <w:p w:rsidR="00763958" w:rsidRDefault="00763958" w:rsidP="00763958"/>
          <w:p w:rsidR="00763958" w:rsidRDefault="00763958" w:rsidP="00763958">
            <w:r>
              <w:t xml:space="preserve">                        function fnSetSPFCookie() {</w:t>
            </w:r>
          </w:p>
          <w:p w:rsidR="00763958" w:rsidRDefault="00763958" w:rsidP="00763958">
            <w:r>
              <w:t xml:space="preserve">                            var pref = fnGetSearchQuery();</w:t>
            </w:r>
          </w:p>
          <w:p w:rsidR="00763958" w:rsidRDefault="00763958" w:rsidP="00763958">
            <w:r>
              <w:t xml:space="preserve">                            window.setCookie("PREF", btoa(fnStringifyObject(pref)), 30);</w:t>
            </w:r>
          </w:p>
          <w:p w:rsidR="00763958" w:rsidRDefault="00763958" w:rsidP="00763958">
            <w:r>
              <w:t xml:space="preserve">                        }</w:t>
            </w:r>
          </w:p>
          <w:p w:rsidR="00763958" w:rsidRDefault="00763958" w:rsidP="00763958"/>
          <w:p w:rsidR="00763958" w:rsidRDefault="00763958" w:rsidP="00763958">
            <w:r>
              <w:t xml:space="preserve">                        function fnSetLocations(data) {</w:t>
            </w:r>
          </w:p>
          <w:p w:rsidR="00763958" w:rsidRDefault="00763958" w:rsidP="00763958">
            <w:r>
              <w:t xml:space="preserve">                            if (data instanceof Array) {</w:t>
            </w:r>
          </w:p>
          <w:p w:rsidR="00763958" w:rsidRDefault="00763958" w:rsidP="00763958">
            <w:r>
              <w:t xml:space="preserve">                                data.forEach(function(item) {</w:t>
            </w:r>
          </w:p>
          <w:p w:rsidR="00763958" w:rsidRDefault="00763958" w:rsidP="00763958">
            <w:r>
              <w:t xml:space="preserve">                                    fnAddLocationItem(item);</w:t>
            </w:r>
          </w:p>
          <w:p w:rsidR="00763958" w:rsidRDefault="00763958" w:rsidP="00763958">
            <w:r>
              <w:t xml:space="preserve">                                });</w:t>
            </w:r>
          </w:p>
          <w:p w:rsidR="00763958" w:rsidRDefault="00763958" w:rsidP="00763958">
            <w:r>
              <w:t xml:space="preserve">                            } else if (data !== "") {</w:t>
            </w:r>
          </w:p>
          <w:p w:rsidR="00763958" w:rsidRDefault="00763958" w:rsidP="00763958">
            <w:r>
              <w:t xml:space="preserve">                                fnAddLocationItem(data);</w:t>
            </w:r>
          </w:p>
          <w:p w:rsidR="00763958" w:rsidRDefault="00763958" w:rsidP="00763958">
            <w:r>
              <w:t xml:space="preserve">                            }</w:t>
            </w:r>
          </w:p>
          <w:p w:rsidR="00763958" w:rsidRDefault="00763958" w:rsidP="00763958">
            <w:r>
              <w:t xml:space="preserve">                            $("#txtLocation").val("");</w:t>
            </w:r>
          </w:p>
          <w:p w:rsidR="00763958" w:rsidRDefault="00763958" w:rsidP="00763958">
            <w:r>
              <w:t xml:space="preserve">                        }</w:t>
            </w:r>
          </w:p>
          <w:p w:rsidR="00763958" w:rsidRDefault="00763958" w:rsidP="00763958"/>
          <w:p w:rsidR="00763958" w:rsidRDefault="00763958" w:rsidP="00763958">
            <w:r>
              <w:t xml:space="preserve">                        function fnAddLocationItem(data, theme = 'primary', title = "Added Location") {</w:t>
            </w:r>
          </w:p>
          <w:p w:rsidR="00763958" w:rsidRDefault="00763958" w:rsidP="00763958">
            <w:r>
              <w:t xml:space="preserve">                            let locData = data.split('~');</w:t>
            </w:r>
          </w:p>
          <w:p w:rsidR="00763958" w:rsidRDefault="00763958" w:rsidP="00763958">
            <w:r>
              <w:t xml:space="preserve">                            var existing = $("#divLocations button:contains(" + locData[1] + ")");</w:t>
            </w:r>
          </w:p>
          <w:p w:rsidR="00763958" w:rsidRDefault="00763958" w:rsidP="00763958">
            <w:r>
              <w:t xml:space="preserve">                            if (existing.length &gt; 0) {</w:t>
            </w:r>
          </w:p>
          <w:p w:rsidR="00763958" w:rsidRDefault="00763958" w:rsidP="00763958">
            <w:r>
              <w:t xml:space="preserve">                                $(existing).attr("title", title);</w:t>
            </w:r>
          </w:p>
          <w:p w:rsidR="00763958" w:rsidRDefault="00763958" w:rsidP="00763958">
            <w:r>
              <w:t xml:space="preserve">                                $(existing).removeClass("btn-outline-primary");</w:t>
            </w:r>
          </w:p>
          <w:p w:rsidR="00763958" w:rsidRDefault="00763958" w:rsidP="00763958">
            <w:r>
              <w:t xml:space="preserve">                                $(existing).addClass("btn-outline-" + theme);</w:t>
            </w:r>
          </w:p>
          <w:p w:rsidR="00763958" w:rsidRDefault="00763958" w:rsidP="00763958">
            <w:r>
              <w:t xml:space="preserve">                            } else {</w:t>
            </w:r>
          </w:p>
          <w:p w:rsidR="00763958" w:rsidRDefault="00763958" w:rsidP="00763958">
            <w:r>
              <w:t xml:space="preserve">                                var template = $('&lt;button type="button" class="btn btn-outline-' + theme +</w:t>
            </w:r>
          </w:p>
          <w:p w:rsidR="00763958" w:rsidRDefault="00763958" w:rsidP="00763958">
            <w:r>
              <w:t xml:space="preserve">                                    ' btn-sm mr-1 mb-1 wow fadeInDown"&gt;&lt;span class="badge remove-item ml-1"&gt;&amp;times;&lt;/span&gt;&lt;/button&gt;'</w:t>
            </w:r>
          </w:p>
          <w:p w:rsidR="00763958" w:rsidRDefault="00763958" w:rsidP="00763958">
            <w:r>
              <w:t xml:space="preserve">                                );</w:t>
            </w:r>
          </w:p>
          <w:p w:rsidR="00763958" w:rsidRDefault="00763958" w:rsidP="00763958">
            <w:r>
              <w:t xml:space="preserve">                                template.prepend(_.upperFirst(_.camelCase(locData[0])) + ": " + locData[1]);</w:t>
            </w:r>
          </w:p>
          <w:p w:rsidR="00763958" w:rsidRDefault="00763958" w:rsidP="00763958">
            <w:r>
              <w:t xml:space="preserve">                                $(template).data("location", data);</w:t>
            </w:r>
          </w:p>
          <w:p w:rsidR="00763958" w:rsidRDefault="00763958" w:rsidP="00763958">
            <w:r>
              <w:t xml:space="preserve">                                $(template).attr("title", title);</w:t>
            </w:r>
          </w:p>
          <w:p w:rsidR="00763958" w:rsidRDefault="00763958" w:rsidP="00763958">
            <w:r>
              <w:t xml:space="preserve">                                $("#divLocations").append(template);</w:t>
            </w:r>
          </w:p>
          <w:p w:rsidR="00763958" w:rsidRDefault="00763958" w:rsidP="00763958">
            <w:r>
              <w:t xml:space="preserve">                            }</w:t>
            </w:r>
          </w:p>
          <w:p w:rsidR="00763958" w:rsidRDefault="00763958" w:rsidP="00763958">
            <w:r>
              <w:t xml:space="preserve">                            if (locData[0] === "zip_code") {</w:t>
            </w:r>
          </w:p>
          <w:p w:rsidR="00763958" w:rsidRDefault="00763958" w:rsidP="00763958">
            <w:r>
              <w:t xml:space="preserve">                                $("#divRadius").show();</w:t>
            </w:r>
          </w:p>
          <w:p w:rsidR="00763958" w:rsidRDefault="00763958" w:rsidP="00763958">
            <w:r>
              <w:lastRenderedPageBreak/>
              <w:t xml:space="preserve">                            }</w:t>
            </w:r>
          </w:p>
          <w:p w:rsidR="00763958" w:rsidRDefault="00763958" w:rsidP="00763958">
            <w:r>
              <w:t xml:space="preserve">                        }</w:t>
            </w:r>
          </w:p>
          <w:p w:rsidR="00763958" w:rsidRDefault="00763958" w:rsidP="00763958"/>
          <w:p w:rsidR="00763958" w:rsidRDefault="00763958" w:rsidP="00763958">
            <w:r>
              <w:t xml:space="preserve">                        function fnSetCheckbox(data, name) {</w:t>
            </w:r>
          </w:p>
          <w:p w:rsidR="00763958" w:rsidRDefault="00763958" w:rsidP="00763958">
            <w:r>
              <w:t xml:space="preserve">                            if (data instanceof Array) {</w:t>
            </w:r>
          </w:p>
          <w:p w:rsidR="00763958" w:rsidRDefault="00763958" w:rsidP="00763958">
            <w:r>
              <w:t xml:space="preserve">                                data.forEach(function(item, index) {</w:t>
            </w:r>
          </w:p>
          <w:p w:rsidR="00763958" w:rsidRDefault="00763958" w:rsidP="00763958">
            <w:r>
              <w:t xml:space="preserve">                                    $("input[name='" + name + "[]'][value='" + item + "']").prop("checked",</w:t>
            </w:r>
          </w:p>
          <w:p w:rsidR="00763958" w:rsidRDefault="00763958" w:rsidP="00763958">
            <w:r>
              <w:t xml:space="preserve">                                        true);</w:t>
            </w:r>
          </w:p>
          <w:p w:rsidR="00763958" w:rsidRDefault="00763958" w:rsidP="00763958">
            <w:r>
              <w:t xml:space="preserve">                                });</w:t>
            </w:r>
          </w:p>
          <w:p w:rsidR="00763958" w:rsidRDefault="00763958" w:rsidP="00763958">
            <w:r>
              <w:t xml:space="preserve">                            } else if (data !== "") {</w:t>
            </w:r>
          </w:p>
          <w:p w:rsidR="00763958" w:rsidRDefault="00763958" w:rsidP="00763958">
            <w:r>
              <w:t xml:space="preserve">                                $("input[name='" + name + "[]'][value='" + data + "']").prop("checked", true);</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function fnObjectToQuery(obj) {</w:t>
            </w:r>
          </w:p>
          <w:p w:rsidR="00763958" w:rsidRDefault="00763958" w:rsidP="00763958">
            <w:r>
              <w:t xml:space="preserve">                            obj = fnRefineObject(obj);</w:t>
            </w:r>
          </w:p>
          <w:p w:rsidR="00763958" w:rsidRDefault="00763958" w:rsidP="00763958">
            <w:r>
              <w:t xml:space="preserve">                            return Object.keys(obj).map(function(prop) {</w:t>
            </w:r>
          </w:p>
          <w:p w:rsidR="00763958" w:rsidRDefault="00763958" w:rsidP="00763958">
            <w:r>
              <w:t xml:space="preserve">                                return prop + "=" + obj[prop];</w:t>
            </w:r>
          </w:p>
          <w:p w:rsidR="00763958" w:rsidRDefault="00763958" w:rsidP="00763958">
            <w:r>
              <w:t xml:space="preserve">                            }).join("&amp;");</w:t>
            </w:r>
          </w:p>
          <w:p w:rsidR="00763958" w:rsidRDefault="00763958" w:rsidP="00763958">
            <w:r>
              <w:t xml:space="preserve">                        }</w:t>
            </w:r>
          </w:p>
          <w:p w:rsidR="00763958" w:rsidRDefault="00763958" w:rsidP="00763958"/>
          <w:p w:rsidR="00763958" w:rsidRDefault="00763958" w:rsidP="00763958">
            <w:r>
              <w:t xml:space="preserve">                        function fnParseFilter(sFilter) {</w:t>
            </w:r>
          </w:p>
          <w:p w:rsidR="00763958" w:rsidRDefault="00763958" w:rsidP="00763958">
            <w:r>
              <w:t xml:space="preserve">                            sFilter = atob(sFilter.replace(/\s+/g, '+'));</w:t>
            </w:r>
          </w:p>
          <w:p w:rsidR="00763958" w:rsidRDefault="00763958" w:rsidP="00763958">
            <w:r>
              <w:t xml:space="preserve">                            let newArray = {</w:t>
            </w:r>
          </w:p>
          <w:p w:rsidR="00763958" w:rsidRDefault="00763958" w:rsidP="00763958">
            <w:r>
              <w:t xml:space="preserve">                                'radius': '',</w:t>
            </w:r>
          </w:p>
          <w:p w:rsidR="00763958" w:rsidRDefault="00763958" w:rsidP="00763958">
            <w:r>
              <w:t xml:space="preserve">                                'location': '',</w:t>
            </w:r>
          </w:p>
          <w:p w:rsidR="00763958" w:rsidRDefault="00763958" w:rsidP="00763958">
            <w:r>
              <w:t xml:space="preserve">                                //'residences': '',</w:t>
            </w:r>
          </w:p>
          <w:p w:rsidR="00763958" w:rsidRDefault="00763958" w:rsidP="00763958">
            <w:r>
              <w:t xml:space="preserve">                                'price_range': ''</w:t>
            </w:r>
          </w:p>
          <w:p w:rsidR="00763958" w:rsidRDefault="00763958" w:rsidP="00763958">
            <w:r>
              <w:t xml:space="preserve">                            };</w:t>
            </w:r>
          </w:p>
          <w:p w:rsidR="00763958" w:rsidRDefault="00763958" w:rsidP="00763958">
            <w:r>
              <w:t xml:space="preserve">                            if (sFilter) {</w:t>
            </w:r>
          </w:p>
          <w:p w:rsidR="00763958" w:rsidRDefault="00763958" w:rsidP="00763958">
            <w:r>
              <w:t xml:space="preserve">                                let aryFilter = sFilter.split("|");</w:t>
            </w:r>
          </w:p>
          <w:p w:rsidR="00763958" w:rsidRDefault="00763958" w:rsidP="00763958">
            <w:r>
              <w:t xml:space="preserve">                                aryFilter.forEach(function(item, index) {</w:t>
            </w:r>
          </w:p>
          <w:p w:rsidR="00763958" w:rsidRDefault="00763958" w:rsidP="00763958">
            <w:r>
              <w:t xml:space="preserve">                                    let keyPair = item.split(":");</w:t>
            </w:r>
          </w:p>
          <w:p w:rsidR="00763958" w:rsidRDefault="00763958" w:rsidP="00763958">
            <w:r>
              <w:t xml:space="preserve">                                    newArray[keyPair[0]] = (keyPair[1].indexOf(",") === -1 ? keyPair[1] :</w:t>
            </w:r>
          </w:p>
          <w:p w:rsidR="00763958" w:rsidRDefault="00763958" w:rsidP="00763958">
            <w:r>
              <w:t xml:space="preserve">                                        keyPair[1].split(","));</w:t>
            </w:r>
          </w:p>
          <w:p w:rsidR="00763958" w:rsidRDefault="00763958" w:rsidP="00763958">
            <w:r>
              <w:t xml:space="preserve">                                });</w:t>
            </w:r>
          </w:p>
          <w:p w:rsidR="00763958" w:rsidRDefault="00763958" w:rsidP="00763958">
            <w:r>
              <w:t xml:space="preserve">                            }</w:t>
            </w:r>
          </w:p>
          <w:p w:rsidR="00763958" w:rsidRDefault="00763958" w:rsidP="00763958">
            <w:r>
              <w:t xml:space="preserve">                            return newArray;</w:t>
            </w:r>
          </w:p>
          <w:p w:rsidR="00763958" w:rsidRDefault="00763958" w:rsidP="00763958">
            <w:r>
              <w:t xml:space="preserve">                        }</w:t>
            </w:r>
          </w:p>
          <w:p w:rsidR="00763958" w:rsidRDefault="00763958" w:rsidP="00763958"/>
          <w:p w:rsidR="00763958" w:rsidRDefault="00763958" w:rsidP="00763958">
            <w:r>
              <w:t xml:space="preserve">                        function fnStringifyObject(obj) {</w:t>
            </w:r>
          </w:p>
          <w:p w:rsidR="00763958" w:rsidRDefault="00763958" w:rsidP="00763958">
            <w:r>
              <w:t xml:space="preserve">                            obj = fnRefineObject(obj);</w:t>
            </w:r>
          </w:p>
          <w:p w:rsidR="00763958" w:rsidRDefault="00763958" w:rsidP="00763958">
            <w:r>
              <w:t xml:space="preserve">                            let newArray = [];</w:t>
            </w:r>
          </w:p>
          <w:p w:rsidR="00763958" w:rsidRDefault="00763958" w:rsidP="00763958">
            <w:r>
              <w:t xml:space="preserve">                            Object.keys(obj).forEach((prop) =&gt; {</w:t>
            </w:r>
          </w:p>
          <w:p w:rsidR="00763958" w:rsidRDefault="00763958" w:rsidP="00763958">
            <w:r>
              <w:t xml:space="preserve">                                newArray.push(prop + ":" + ((obj[prop].constructor === Array) ? obj[prop].join(</w:t>
            </w:r>
          </w:p>
          <w:p w:rsidR="00763958" w:rsidRDefault="00763958" w:rsidP="00763958">
            <w:r>
              <w:t xml:space="preserve">                                    ",") : obj[prop]));</w:t>
            </w:r>
          </w:p>
          <w:p w:rsidR="00763958" w:rsidRDefault="00763958" w:rsidP="00763958">
            <w:r>
              <w:t xml:space="preserve">                            });</w:t>
            </w:r>
          </w:p>
          <w:p w:rsidR="00763958" w:rsidRDefault="00763958" w:rsidP="00763958">
            <w:r>
              <w:t xml:space="preserve">                            return newArray.join("|");</w:t>
            </w:r>
          </w:p>
          <w:p w:rsidR="00763958" w:rsidRDefault="00763958" w:rsidP="00763958">
            <w:r>
              <w:lastRenderedPageBreak/>
              <w:t xml:space="preserve">                        }</w:t>
            </w:r>
          </w:p>
          <w:p w:rsidR="00763958" w:rsidRDefault="00763958" w:rsidP="00763958"/>
          <w:p w:rsidR="00763958" w:rsidRDefault="00763958" w:rsidP="00763958">
            <w:r>
              <w:t xml:space="preserve">                        function fnRefineObject(obj) {</w:t>
            </w:r>
          </w:p>
          <w:p w:rsidR="00763958" w:rsidRDefault="00763958" w:rsidP="00763958">
            <w:r>
              <w:t xml:space="preserve">                            let newObj = {};</w:t>
            </w:r>
          </w:p>
          <w:p w:rsidR="00763958" w:rsidRDefault="00763958" w:rsidP="00763958">
            <w:r>
              <w:t xml:space="preserve">                            Object.keys(obj).forEach((prop) =&gt; {</w:t>
            </w:r>
          </w:p>
          <w:p w:rsidR="00763958" w:rsidRDefault="00763958" w:rsidP="00763958">
            <w:r>
              <w:t xml:space="preserve">                                if (obj[prop] &amp;&amp; !(Object.keys(obj[prop]).length === 0 &amp;&amp; obj[prop]</w:t>
            </w:r>
          </w:p>
          <w:p w:rsidR="00763958" w:rsidRDefault="00763958" w:rsidP="00763958">
            <w:r>
              <w:t xml:space="preserve">                                        .constructor === Object) &amp;&amp;</w:t>
            </w:r>
          </w:p>
          <w:p w:rsidR="00763958" w:rsidRDefault="00763958" w:rsidP="00763958">
            <w:r>
              <w:t xml:space="preserve">                                    !(obj[prop].constructor === Array &amp;&amp; obj[prop].length === 0)) {</w:t>
            </w:r>
          </w:p>
          <w:p w:rsidR="00763958" w:rsidRDefault="00763958" w:rsidP="00763958">
            <w:r>
              <w:t xml:space="preserve">                                    newObj[prop] = obj[prop];</w:t>
            </w:r>
          </w:p>
          <w:p w:rsidR="00763958" w:rsidRDefault="00763958" w:rsidP="00763958">
            <w:r>
              <w:t xml:space="preserve">                                }</w:t>
            </w:r>
          </w:p>
          <w:p w:rsidR="00763958" w:rsidRDefault="00763958" w:rsidP="00763958">
            <w:r>
              <w:t xml:space="preserve">                            });</w:t>
            </w:r>
          </w:p>
          <w:p w:rsidR="00763958" w:rsidRDefault="00763958" w:rsidP="00763958">
            <w:r>
              <w:t xml:space="preserve">                            return newObj;</w:t>
            </w:r>
          </w:p>
          <w:p w:rsidR="00763958" w:rsidRDefault="00763958" w:rsidP="00763958">
            <w:r>
              <w:t xml:space="preserve">                        }</w:t>
            </w:r>
          </w:p>
          <w:p w:rsidR="00763958" w:rsidRDefault="00763958" w:rsidP="00763958"/>
          <w:p w:rsidR="00763958" w:rsidRDefault="00763958" w:rsidP="00763958">
            <w:r>
              <w:t xml:space="preserve">                        function initAutocomplete() {</w:t>
            </w:r>
          </w:p>
          <w:p w:rsidR="00763958" w:rsidRDefault="00763958" w:rsidP="00763958">
            <w:r>
              <w:t xml:space="preserve">                            geoLocate();</w:t>
            </w:r>
          </w:p>
          <w:p w:rsidR="00763958" w:rsidRDefault="00763958" w:rsidP="00763958">
            <w:r>
              <w:t xml:space="preserve">                            autocomplete = new google.maps.places.Autocomplete(</w:t>
            </w:r>
          </w:p>
          <w:p w:rsidR="00763958" w:rsidRDefault="00763958" w:rsidP="00763958">
            <w:r>
              <w:t xml:space="preserve">                                document.getElementById('txtLocation'), {</w:t>
            </w:r>
          </w:p>
          <w:p w:rsidR="00763958" w:rsidRDefault="00763958" w:rsidP="00763958">
            <w:r>
              <w:t xml:space="preserve">                                    types: ['geocode'],</w:t>
            </w:r>
          </w:p>
          <w:p w:rsidR="00763958" w:rsidRDefault="00763958" w:rsidP="00763958">
            <w:r>
              <w:t xml:space="preserve">                                    componentRestrictions: {</w:t>
            </w:r>
          </w:p>
          <w:p w:rsidR="00763958" w:rsidRDefault="00763958" w:rsidP="00763958">
            <w:r>
              <w:t xml:space="preserve">                                        country: "us"</w:t>
            </w:r>
          </w:p>
          <w:p w:rsidR="00763958" w:rsidRDefault="00763958" w:rsidP="00763958">
            <w:r>
              <w:t xml:space="preserve">                                    }</w:t>
            </w:r>
          </w:p>
          <w:p w:rsidR="00763958" w:rsidRDefault="00763958" w:rsidP="00763958">
            <w:r>
              <w:t xml:space="preserve">                                });</w:t>
            </w:r>
          </w:p>
          <w:p w:rsidR="00763958" w:rsidRDefault="00763958" w:rsidP="00763958">
            <w:r>
              <w:t xml:space="preserve">                            autocomplete.setFields(['address_component']);</w:t>
            </w:r>
          </w:p>
          <w:p w:rsidR="00763958" w:rsidRDefault="00763958" w:rsidP="00763958">
            <w:r>
              <w:t xml:space="preserve">                            autocomplete.addListener('place_changed', fnPlaceChanged);</w:t>
            </w:r>
          </w:p>
          <w:p w:rsidR="00763958" w:rsidRDefault="00763958" w:rsidP="00763958">
            <w:r>
              <w:t xml:space="preserve">                            google.maps.event.addDomListener(document.getElementById('txtLocation'), 'keydown',</w:t>
            </w:r>
          </w:p>
          <w:p w:rsidR="00763958" w:rsidRDefault="00763958" w:rsidP="00763958">
            <w:r>
              <w:t xml:space="preserve">                                function(e) {</w:t>
            </w:r>
          </w:p>
          <w:p w:rsidR="00763958" w:rsidRDefault="00763958" w:rsidP="00763958">
            <w:r>
              <w:t xml:space="preserve">                                    if (e.keyCode === 13) {</w:t>
            </w:r>
          </w:p>
          <w:p w:rsidR="00763958" w:rsidRDefault="00763958" w:rsidP="00763958">
            <w:r>
              <w:t xml:space="preserve">                                        e.preventDefault();</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function fnPlaceChanged() {</w:t>
            </w:r>
          </w:p>
          <w:p w:rsidR="00763958" w:rsidRDefault="00763958" w:rsidP="00763958">
            <w:r>
              <w:t xml:space="preserve">                            var place = autocomplete.getPlace();</w:t>
            </w:r>
          </w:p>
          <w:p w:rsidR="00763958" w:rsidRDefault="00763958" w:rsidP="00763958">
            <w:r>
              <w:t xml:space="preserve">                            var locationData = fnGetLocationData(place);</w:t>
            </w:r>
          </w:p>
          <w:p w:rsidR="00763958" w:rsidRDefault="00763958" w:rsidP="00763958">
            <w:r>
              <w:t xml:space="preserve">                            if (locationData !== "") {</w:t>
            </w:r>
          </w:p>
          <w:p w:rsidR="00763958" w:rsidRDefault="00763958" w:rsidP="00763958">
            <w:r>
              <w:t xml:space="preserve">                                fnAddLocationItem(locationData);</w:t>
            </w:r>
          </w:p>
          <w:p w:rsidR="00763958" w:rsidRDefault="00763958" w:rsidP="00763958">
            <w:r>
              <w:t xml:space="preserve">                            } else {</w:t>
            </w:r>
          </w:p>
          <w:p w:rsidR="00763958" w:rsidRDefault="00763958" w:rsidP="00763958">
            <w:r>
              <w:t xml:space="preserve">                                swal.fire({</w:t>
            </w:r>
          </w:p>
          <w:p w:rsidR="00763958" w:rsidRDefault="00763958" w:rsidP="00763958">
            <w:r>
              <w:t xml:space="preserve">                                    title: "Invalid input!!",</w:t>
            </w:r>
          </w:p>
          <w:p w:rsidR="00763958" w:rsidRDefault="00763958" w:rsidP="00763958">
            <w:r>
              <w:t xml:space="preserve">                                    text: "Please enter a city or zip code.",</w:t>
            </w:r>
          </w:p>
          <w:p w:rsidR="00763958" w:rsidRDefault="00763958" w:rsidP="00763958">
            <w:r>
              <w:t xml:space="preserve">                                    icon: "warning",</w:t>
            </w:r>
          </w:p>
          <w:p w:rsidR="00763958" w:rsidRDefault="00763958" w:rsidP="00763958">
            <w:r>
              <w:t xml:space="preserve">                                    confirmButtonColor: "#DD6B55",</w:t>
            </w:r>
          </w:p>
          <w:p w:rsidR="00763958" w:rsidRDefault="00763958" w:rsidP="00763958">
            <w:r>
              <w:t xml:space="preserve">                                    confirmButtonText: "Ok, Got it!!",</w:t>
            </w:r>
          </w:p>
          <w:p w:rsidR="00763958" w:rsidRDefault="00763958" w:rsidP="00763958">
            <w:r>
              <w:t xml:space="preserve">                                    allowOutsideClick: false</w:t>
            </w:r>
          </w:p>
          <w:p w:rsidR="00763958" w:rsidRDefault="00763958" w:rsidP="00763958">
            <w:r>
              <w:t xml:space="preserve">                                });</w:t>
            </w:r>
          </w:p>
          <w:p w:rsidR="00763958" w:rsidRDefault="00763958" w:rsidP="00763958">
            <w:r>
              <w:lastRenderedPageBreak/>
              <w:t xml:space="preserve">                            }</w:t>
            </w:r>
          </w:p>
          <w:p w:rsidR="00763958" w:rsidRDefault="00763958" w:rsidP="00763958">
            <w:r>
              <w:t xml:space="preserve">                            $("#txtLocation").val("");</w:t>
            </w:r>
          </w:p>
          <w:p w:rsidR="00763958" w:rsidRDefault="00763958" w:rsidP="00763958">
            <w:r>
              <w:t xml:space="preserve">                        }</w:t>
            </w:r>
          </w:p>
          <w:p w:rsidR="00763958" w:rsidRDefault="00763958" w:rsidP="00763958"/>
          <w:p w:rsidR="00763958" w:rsidRDefault="00763958" w:rsidP="00763958">
            <w:r>
              <w:t xml:space="preserve">                        function fnGetLocationData(place) {</w:t>
            </w:r>
          </w:p>
          <w:p w:rsidR="00763958" w:rsidRDefault="00763958" w:rsidP="00763958">
            <w:r>
              <w:t xml:space="preserve">                            var location = {},</w:t>
            </w:r>
          </w:p>
          <w:p w:rsidR="00763958" w:rsidRDefault="00763958" w:rsidP="00763958">
            <w:r>
              <w:t xml:space="preserve">                                locationData = "";</w:t>
            </w:r>
          </w:p>
          <w:p w:rsidR="00763958" w:rsidRDefault="00763958" w:rsidP="00763958">
            <w:r>
              <w:t xml:space="preserve">                            for (var i = 0; i &lt; place.address_components.length; i++) {</w:t>
            </w:r>
          </w:p>
          <w:p w:rsidR="00763958" w:rsidRDefault="00763958" w:rsidP="00763958">
            <w:r>
              <w:t xml:space="preserve">                                var addressType = place.address_components[i].types[0];</w:t>
            </w:r>
          </w:p>
          <w:p w:rsidR="00763958" w:rsidRDefault="00763958" w:rsidP="00763958">
            <w:r>
              <w:t xml:space="preserve">                                if (addressType === "postal_code") {</w:t>
            </w:r>
          </w:p>
          <w:p w:rsidR="00763958" w:rsidRDefault="00763958" w:rsidP="00763958">
            <w:r>
              <w:t xml:space="preserve">                                    location["zip_code"] = place.address_components[i]["short_name"];</w:t>
            </w:r>
          </w:p>
          <w:p w:rsidR="00763958" w:rsidRDefault="00763958" w:rsidP="00763958">
            <w:r>
              <w:t xml:space="preserve">                                }</w:t>
            </w:r>
          </w:p>
          <w:p w:rsidR="00763958" w:rsidRDefault="00763958" w:rsidP="00763958">
            <w:r>
              <w:t xml:space="preserve">                                if (addressType === "locality") {</w:t>
            </w:r>
          </w:p>
          <w:p w:rsidR="00763958" w:rsidRDefault="00763958" w:rsidP="00763958">
            <w:r>
              <w:t xml:space="preserve">                                    location["city_alt"] = place.address_components[i]["long_name"];</w:t>
            </w:r>
          </w:p>
          <w:p w:rsidR="00763958" w:rsidRDefault="00763958" w:rsidP="00763958">
            <w:r>
              <w:t xml:space="preserve">                                }</w:t>
            </w:r>
          </w:p>
          <w:p w:rsidR="00763958" w:rsidRDefault="00763958" w:rsidP="00763958">
            <w:r>
              <w:t xml:space="preserve">                                if (addressType === "neighborhood") {</w:t>
            </w:r>
          </w:p>
          <w:p w:rsidR="00763958" w:rsidRDefault="00763958" w:rsidP="00763958">
            <w:r>
              <w:t xml:space="preserve">                                    location["city"] = place.address_components[i]["long_name"];</w:t>
            </w:r>
          </w:p>
          <w:p w:rsidR="00763958" w:rsidRDefault="00763958" w:rsidP="00763958">
            <w:r>
              <w:t xml:space="preserve">                                }</w:t>
            </w:r>
          </w:p>
          <w:p w:rsidR="00763958" w:rsidRDefault="00763958" w:rsidP="00763958">
            <w:r>
              <w:t xml:space="preserve">                                if (addressType === "administrative_area_level_1") {</w:t>
            </w:r>
          </w:p>
          <w:p w:rsidR="00763958" w:rsidRDefault="00763958" w:rsidP="00763958">
            <w:r>
              <w:t xml:space="preserve">                                    location["state"] = place.address_components[i]["short_name"];</w:t>
            </w:r>
          </w:p>
          <w:p w:rsidR="00763958" w:rsidRDefault="00763958" w:rsidP="00763958">
            <w:r>
              <w:t xml:space="preserve">                                }</w:t>
            </w:r>
          </w:p>
          <w:p w:rsidR="00763958" w:rsidRDefault="00763958" w:rsidP="00763958">
            <w:r>
              <w:t xml:space="preserve">                            }</w:t>
            </w:r>
          </w:p>
          <w:p w:rsidR="00763958" w:rsidRDefault="00763958" w:rsidP="00763958">
            <w:r>
              <w:t xml:space="preserve">                            if (location.hasOwnProperty("zip_code")) {</w:t>
            </w:r>
          </w:p>
          <w:p w:rsidR="00763958" w:rsidRDefault="00763958" w:rsidP="00763958">
            <w:r>
              <w:t xml:space="preserve">                                locationData = "zip_code~" + location["zip_code"];</w:t>
            </w:r>
          </w:p>
          <w:p w:rsidR="00763958" w:rsidRDefault="00763958" w:rsidP="00763958">
            <w:r>
              <w:t xml:space="preserve">                            } else if (location.hasOwnProperty("city")) {</w:t>
            </w:r>
          </w:p>
          <w:p w:rsidR="00763958" w:rsidRDefault="00763958" w:rsidP="00763958">
            <w:r>
              <w:t xml:space="preserve">                                locationData = "city~" + location["city"];</w:t>
            </w:r>
          </w:p>
          <w:p w:rsidR="00763958" w:rsidRDefault="00763958" w:rsidP="00763958">
            <w:r>
              <w:t xml:space="preserve">                            } else if (location.hasOwnProperty("city_alt")) {</w:t>
            </w:r>
          </w:p>
          <w:p w:rsidR="00763958" w:rsidRDefault="00763958" w:rsidP="00763958">
            <w:r>
              <w:t xml:space="preserve">                                locationData = "city~" + location["city_alt"];</w:t>
            </w:r>
          </w:p>
          <w:p w:rsidR="00763958" w:rsidRDefault="00763958" w:rsidP="00763958">
            <w:r>
              <w:t xml:space="preserve">                            }</w:t>
            </w:r>
          </w:p>
          <w:p w:rsidR="00763958" w:rsidRDefault="00763958" w:rsidP="00763958">
            <w:r>
              <w:t xml:space="preserve">                            /* else if (location.hasOwnProperty("state")) {</w:t>
            </w:r>
          </w:p>
          <w:p w:rsidR="00763958" w:rsidRDefault="00763958" w:rsidP="00763958">
            <w:r>
              <w:t xml:space="preserve">                                            locationData = "state~" + location["state"];</w:t>
            </w:r>
          </w:p>
          <w:p w:rsidR="00763958" w:rsidRDefault="00763958" w:rsidP="00763958">
            <w:r>
              <w:t xml:space="preserve">                                        }*/</w:t>
            </w:r>
          </w:p>
          <w:p w:rsidR="00763958" w:rsidRDefault="00763958" w:rsidP="00763958">
            <w:r>
              <w:t xml:space="preserve">                            return locationData;</w:t>
            </w:r>
          </w:p>
          <w:p w:rsidR="00763958" w:rsidRDefault="00763958" w:rsidP="00763958">
            <w:r>
              <w:t xml:space="preserve">                        }</w:t>
            </w:r>
          </w:p>
          <w:p w:rsidR="00763958" w:rsidRDefault="00763958" w:rsidP="00763958"/>
          <w:p w:rsidR="00763958" w:rsidRDefault="00763958" w:rsidP="00763958">
            <w:r>
              <w:t xml:space="preserve">                        function geoLocate() {</w:t>
            </w:r>
          </w:p>
          <w:p w:rsidR="00763958" w:rsidRDefault="00763958" w:rsidP="00763958">
            <w:r>
              <w:t xml:space="preserve">                            if (navigator.geolocation) {</w:t>
            </w:r>
          </w:p>
          <w:p w:rsidR="00763958" w:rsidRDefault="00763958" w:rsidP="00763958">
            <w:r>
              <w:t xml:space="preserve">                                navigator.geolocation.getCurrentPosition(function(position) {</w:t>
            </w:r>
          </w:p>
          <w:p w:rsidR="00763958" w:rsidRDefault="00763958" w:rsidP="00763958">
            <w:r>
              <w:t xml:space="preserve">                                    var geolocation = {</w:t>
            </w:r>
          </w:p>
          <w:p w:rsidR="00763958" w:rsidRDefault="00763958" w:rsidP="00763958">
            <w:r>
              <w:t xml:space="preserve">                                        lat: position.coords.latitude,</w:t>
            </w:r>
          </w:p>
          <w:p w:rsidR="00763958" w:rsidRDefault="00763958" w:rsidP="00763958">
            <w:r>
              <w:t xml:space="preserve">                                        lng: position.coords.longitude</w:t>
            </w:r>
          </w:p>
          <w:p w:rsidR="00763958" w:rsidRDefault="00763958" w:rsidP="00763958">
            <w:r>
              <w:t xml:space="preserve">                                    };</w:t>
            </w:r>
          </w:p>
          <w:p w:rsidR="00763958" w:rsidRDefault="00763958" w:rsidP="00763958">
            <w:r>
              <w:t xml:space="preserve">                                    var circle = new google.maps.Circle({</w:t>
            </w:r>
          </w:p>
          <w:p w:rsidR="00763958" w:rsidRDefault="00763958" w:rsidP="00763958">
            <w:r>
              <w:t xml:space="preserve">                                        center: geolocation,</w:t>
            </w:r>
          </w:p>
          <w:p w:rsidR="00763958" w:rsidRDefault="00763958" w:rsidP="00763958">
            <w:r>
              <w:t xml:space="preserve">                                        radius: position.coords.accuracy</w:t>
            </w:r>
          </w:p>
          <w:p w:rsidR="00763958" w:rsidRDefault="00763958" w:rsidP="00763958">
            <w:r>
              <w:t xml:space="preserve">                                    });</w:t>
            </w:r>
          </w:p>
          <w:p w:rsidR="00763958" w:rsidRDefault="00763958" w:rsidP="00763958">
            <w:r>
              <w:t xml:space="preserve">                                    autocomplete.setBounds(circle.getBounds());</w:t>
            </w:r>
          </w:p>
          <w:p w:rsidR="00763958" w:rsidRDefault="00763958" w:rsidP="00763958">
            <w:r>
              <w:t xml:space="preserve">                                    if (!lscache.get("auto_location_off")) {</w:t>
            </w:r>
          </w:p>
          <w:p w:rsidR="00763958" w:rsidRDefault="00763958" w:rsidP="00763958">
            <w:r>
              <w:lastRenderedPageBreak/>
              <w:t xml:space="preserve">                                        var point = new google.maps.LatLng(position.coords.latitude, position</w:t>
            </w:r>
          </w:p>
          <w:p w:rsidR="00763958" w:rsidRDefault="00763958" w:rsidP="00763958">
            <w:r>
              <w:t xml:space="preserve">                                            .coords.longitude);</w:t>
            </w:r>
          </w:p>
          <w:p w:rsidR="00763958" w:rsidRDefault="00763958" w:rsidP="00763958">
            <w:r>
              <w:t xml:space="preserve">                                        new google.maps.Geocoder().geocode({</w:t>
            </w:r>
          </w:p>
          <w:p w:rsidR="00763958" w:rsidRDefault="00763958" w:rsidP="00763958">
            <w:r>
              <w:t xml:space="preserve">                                            'latLng': point</w:t>
            </w:r>
          </w:p>
          <w:p w:rsidR="00763958" w:rsidRDefault="00763958" w:rsidP="00763958">
            <w:r>
              <w:t xml:space="preserve">                                        }, function(res, status) {</w:t>
            </w:r>
          </w:p>
          <w:p w:rsidR="00763958" w:rsidRDefault="00763958" w:rsidP="00763958">
            <w:r>
              <w:t xml:space="preserve">                                            if (status === google.maps.GeocoderStatus.OK &amp;&amp; typeof res[</w:t>
            </w:r>
          </w:p>
          <w:p w:rsidR="00763958" w:rsidRDefault="00763958" w:rsidP="00763958">
            <w:r>
              <w:t xml:space="preserve">                                                    0] !== 'undefined') {</w:t>
            </w:r>
          </w:p>
          <w:p w:rsidR="00763958" w:rsidRDefault="00763958" w:rsidP="00763958">
            <w:r>
              <w:t xml:space="preserve">                                                var locationData = fnGetLocationData(res[0]);</w:t>
            </w:r>
          </w:p>
          <w:p w:rsidR="00763958" w:rsidRDefault="00763958" w:rsidP="00763958">
            <w:r>
              <w:t xml:space="preserve">                                                if (locationData !== "") {</w:t>
            </w:r>
          </w:p>
          <w:p w:rsidR="00763958" w:rsidRDefault="00763958" w:rsidP="00763958">
            <w:r>
              <w:t xml:space="preserve">                                                    fnAddLocationItem(locationData, 'success',</w:t>
            </w:r>
          </w:p>
          <w:p w:rsidR="00763958" w:rsidRDefault="00763958" w:rsidP="00763958">
            <w:r>
              <w:t xml:space="preserve">                                                        'Your Location');</w:t>
            </w:r>
          </w:p>
          <w:p w:rsidR="00763958" w:rsidRDefault="00763958" w:rsidP="00763958">
            <w:r>
              <w:t xml:space="preserve">                                                } else {</w:t>
            </w:r>
          </w:p>
          <w:p w:rsidR="00763958" w:rsidRDefault="00763958" w:rsidP="00763958">
            <w:r>
              <w:t xml:space="preserve">                                                    fail('Unable to get zip code');</w:t>
            </w:r>
          </w:p>
          <w:p w:rsidR="00763958" w:rsidRDefault="00763958" w:rsidP="00763958">
            <w:r>
              <w:t xml:space="preserve">                                                }</w:t>
            </w:r>
          </w:p>
          <w:p w:rsidR="00763958" w:rsidRDefault="00763958" w:rsidP="00763958">
            <w:r>
              <w:t xml:space="preserve">                                            } else {</w:t>
            </w:r>
          </w:p>
          <w:p w:rsidR="00763958" w:rsidRDefault="00763958" w:rsidP="00763958">
            <w:r>
              <w:t xml:space="preserve">                                                fail('Unable to look-up geolocation');</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t xml:space="preserve">                            } else {</w:t>
            </w:r>
          </w:p>
          <w:p w:rsidR="00763958" w:rsidRDefault="00763958" w:rsidP="00763958">
            <w:r>
              <w:t xml:space="preserve">                                console.log("Geolocation not supported");</w:t>
            </w:r>
          </w:p>
          <w:p w:rsidR="00763958" w:rsidRDefault="00763958" w:rsidP="00763958">
            <w:r>
              <w:t xml:space="preserve">                            }</w:t>
            </w:r>
          </w:p>
          <w:p w:rsidR="00763958" w:rsidRDefault="00763958" w:rsidP="00763958">
            <w:r>
              <w:t xml:space="preserve">                        }</w:t>
            </w:r>
          </w:p>
          <w:p w:rsidR="00763958" w:rsidRDefault="00763958" w:rsidP="00763958">
            <w:r>
              <w:t xml:space="preserve">                        &lt;/script&gt;</w:t>
            </w:r>
          </w:p>
          <w:p w:rsidR="00763958" w:rsidRDefault="00763958" w:rsidP="00763958">
            <w:r>
              <w:t xml:space="preserve">                    &lt;/aside&gt;</w:t>
            </w:r>
          </w:p>
          <w:p w:rsidR="00763958" w:rsidRDefault="00763958" w:rsidP="00763958">
            <w:r>
              <w:t>&lt;!---------------Filter validation ends------------------&gt;</w:t>
            </w:r>
          </w:p>
          <w:p w:rsidR="00763958" w:rsidRDefault="00763958" w:rsidP="00763958">
            <w:r>
              <w:t xml:space="preserve">                        </w:t>
            </w:r>
          </w:p>
          <w:p w:rsidR="00763958" w:rsidRDefault="00763958" w:rsidP="00763958">
            <w:r>
              <w:t>&lt;!---------------residences recomendation starts------------------&gt;</w:t>
            </w:r>
          </w:p>
          <w:p w:rsidR="00763958" w:rsidRDefault="00763958" w:rsidP="00763958"/>
          <w:p w:rsidR="00763958" w:rsidRDefault="00763958" w:rsidP="00763958">
            <w:r>
              <w:t xml:space="preserve">            &lt;div class="col-lg-9"&gt;</w:t>
            </w:r>
          </w:p>
          <w:p w:rsidR="00763958" w:rsidRDefault="00763958" w:rsidP="00763958">
            <w:r>
              <w:t xml:space="preserve">                &lt;div class="row"&gt;</w:t>
            </w:r>
          </w:p>
          <w:p w:rsidR="00763958" w:rsidRDefault="00763958" w:rsidP="00763958">
            <w:r>
              <w:t xml:space="preserve">                    &lt;div class="col-md-12"&gt;</w:t>
            </w:r>
          </w:p>
          <w:p w:rsidR="00763958" w:rsidRDefault="00763958" w:rsidP="00763958">
            <w:r>
              <w:t xml:space="preserve">                        &lt;div class="main_title_2"&gt;</w:t>
            </w:r>
          </w:p>
          <w:p w:rsidR="00763958" w:rsidRDefault="00763958" w:rsidP="00763958">
            <w:r>
              <w:t xml:space="preserve">                            &lt;div class="d-flex justify-content-center align-items-center"&gt;</w:t>
            </w:r>
          </w:p>
          <w:p w:rsidR="00763958" w:rsidRDefault="00763958" w:rsidP="00763958">
            <w:r>
              <w:t xml:space="preserve">                               &lt;img src="spf/img/services/icon/assisted-living.png"</w:t>
            </w:r>
          </w:p>
          <w:p w:rsidR="00763958" w:rsidRDefault="00763958" w:rsidP="00763958">
            <w:r>
              <w:t xml:space="preserve">                                            class="img-fluid d-inline-block" width="70" height="70" /&gt;</w:t>
            </w:r>
          </w:p>
          <w:p w:rsidR="00763958" w:rsidRDefault="00763958" w:rsidP="00763958">
            <w:r>
              <w:t xml:space="preserve">                                        &lt;div class="d-inline-block text-left"&gt;</w:t>
            </w:r>
          </w:p>
          <w:p w:rsidR="00763958" w:rsidRDefault="00763958" w:rsidP="00763958">
            <w:r>
              <w:t xml:space="preserve">                                            &lt;h4&gt;Assisted Living Community&lt;/h4&gt;</w:t>
            </w:r>
          </w:p>
          <w:p w:rsidR="00763958" w:rsidRDefault="00763958" w:rsidP="00763958">
            <w:r>
              <w:t xml:space="preserve">                                            &lt;p class="lead"&gt;List based on Resident Type&lt;/p&gt;</w:t>
            </w:r>
          </w:p>
          <w:p w:rsidR="00763958" w:rsidRDefault="00763958" w:rsidP="00763958">
            <w:r>
              <w:t xml:space="preserve">                                        &lt;/div&gt;</w:t>
            </w:r>
          </w:p>
          <w:p w:rsidR="00763958" w:rsidRDefault="00763958" w:rsidP="00763958">
            <w:r>
              <w:t xml:space="preserve">                            &lt;/div&gt;</w:t>
            </w:r>
          </w:p>
          <w:p w:rsidR="00763958" w:rsidRDefault="00763958" w:rsidP="00763958">
            <w:r>
              <w:t xml:space="preserve">                            &lt;span&gt;&lt;em&gt;&lt;/em&gt;&lt;/span&gt;</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 class="col-md-12 no-records"</w:t>
            </w:r>
          </w:p>
          <w:p w:rsidR="00763958" w:rsidRDefault="00763958" w:rsidP="00763958">
            <w:r>
              <w:t xml:space="preserve">                         style="display: none;"&gt;</w:t>
            </w:r>
          </w:p>
          <w:p w:rsidR="00763958" w:rsidRDefault="00763958" w:rsidP="00763958">
            <w:r>
              <w:t xml:space="preserve">                        &lt;div class="pt-3 text-center text-danger"&gt;</w:t>
            </w:r>
          </w:p>
          <w:p w:rsidR="00763958" w:rsidRDefault="00763958" w:rsidP="00763958">
            <w:r>
              <w:lastRenderedPageBreak/>
              <w:t xml:space="preserve">                            &lt;i class="fa fa-smile-wink fa-3x"&gt;&lt;/i&gt;</w:t>
            </w:r>
          </w:p>
          <w:p w:rsidR="00763958" w:rsidRDefault="00763958" w:rsidP="00763958">
            <w:r>
              <w:t xml:space="preserve">                            &lt;h6 class="text-danger mt-3"&gt;Sorry! No matches were found in your search, you can edit your search by selecting more preferences.</w:t>
            </w:r>
          </w:p>
          <w:p w:rsidR="00763958" w:rsidRDefault="00763958" w:rsidP="00763958">
            <w:r>
              <w:t xml:space="preserve">                            &lt;/h6&gt;</w:t>
            </w:r>
          </w:p>
          <w:p w:rsidR="00763958" w:rsidRDefault="00763958" w:rsidP="00763958">
            <w:r>
              <w:t xml:space="preserve">                        &lt;/div&gt;</w:t>
            </w:r>
          </w:p>
          <w:p w:rsidR="00763958" w:rsidRDefault="00763958" w:rsidP="00763958">
            <w:r>
              <w:t xml:space="preserve">                    &lt;/div&gt;</w:t>
            </w:r>
          </w:p>
          <w:p w:rsidR="00763958" w:rsidRDefault="00763958" w:rsidP="00763958">
            <w:r>
              <w:t xml:space="preserve">                    </w:t>
            </w:r>
          </w:p>
          <w:p w:rsidR="00763958" w:rsidRDefault="00763958" w:rsidP="00763958">
            <w:r>
              <w:t xml:space="preserve">                    &lt;div class="row" id="residence_list"&gt;</w:t>
            </w:r>
          </w:p>
          <w:p w:rsidR="00763958" w:rsidRDefault="00763958" w:rsidP="00763958">
            <w:r>
              <w:t xml:space="preserve">                    &lt;/div&gt;</w:t>
            </w:r>
          </w:p>
          <w:p w:rsidR="00763958" w:rsidRDefault="00763958" w:rsidP="00763958">
            <w:r>
              <w:t xml:space="preserve">                &lt;/div&gt;</w:t>
            </w:r>
          </w:p>
          <w:p w:rsidR="00763958" w:rsidRDefault="00763958" w:rsidP="00763958">
            <w:r>
              <w:t xml:space="preserve">                </w:t>
            </w:r>
          </w:p>
          <w:p w:rsidR="00763958" w:rsidRDefault="00763958" w:rsidP="00763958">
            <w:r>
              <w:t xml:space="preserve">            &lt;/div&gt;</w:t>
            </w:r>
          </w:p>
          <w:p w:rsidR="00763958" w:rsidRDefault="00763958" w:rsidP="00763958">
            <w:r>
              <w:t xml:space="preserve">            </w:t>
            </w:r>
          </w:p>
          <w:p w:rsidR="00763958" w:rsidRDefault="00763958" w:rsidP="00763958">
            <w:r>
              <w:t xml:space="preserve">                    &lt;!--&lt;div class="col-md-6 residence wow bounceInUp 0" data-wow-duration="1.5s"</w:t>
            </w:r>
          </w:p>
          <w:p w:rsidR="00763958" w:rsidRDefault="00763958" w:rsidP="00763958">
            <w:r>
              <w:t xml:space="preserve">                             data-wow-delay="0.1s" id="100184"&gt;</w:t>
            </w:r>
          </w:p>
          <w:p w:rsidR="00763958" w:rsidRDefault="00763958" w:rsidP="00763958">
            <w:r>
              <w:t xml:space="preserve">                            &lt;div class="strip grid"&gt;</w:t>
            </w:r>
          </w:p>
          <w:p w:rsidR="00763958" w:rsidRDefault="00763958" w:rsidP="00763958">
            <w:r>
              <w:t xml:space="preserve">    &lt;figure&gt;</w:t>
            </w:r>
          </w:p>
          <w:p w:rsidR="00763958" w:rsidRDefault="00763958" w:rsidP="00763958">
            <w:r>
              <w:t xml:space="preserve">        &lt;a class="wish_bt btn-wishlist " href="javascript:" title="Add To My List"</w:t>
            </w:r>
          </w:p>
          <w:p w:rsidR="00763958" w:rsidRDefault="00763958" w:rsidP="00763958">
            <w:r>
              <w:t xml:space="preserve">           data-toggle="tooltip" data-id="100184"</w:t>
            </w:r>
          </w:p>
          <w:p w:rsidR="00763958" w:rsidRDefault="00763958" w:rsidP="00763958">
            <w:r>
              <w:t xml:space="preserve">           &gt;&lt;/a&gt;</w:t>
            </w:r>
          </w:p>
          <w:p w:rsidR="00763958" w:rsidRDefault="00763958" w:rsidP="00763958">
            <w:r>
              <w:t xml:space="preserve">        &lt;a href="residence/the-meridian-at-anaheim-hills.php"&gt;</w:t>
            </w:r>
          </w:p>
          <w:p w:rsidR="00763958" w:rsidRDefault="00763958" w:rsidP="00763958">
            <w:r>
              <w:t xml:space="preserve">            &lt;img alt="The Meridian at Anaheim Hills" title="The Meridian at Anaheim Hills" class="img-fluid"</w:t>
            </w:r>
          </w:p>
          <w:p w:rsidR="00763958" w:rsidRDefault="00763958" w:rsidP="00763958">
            <w:r>
              <w:t xml:space="preserve">                 height="266" width="400"</w:t>
            </w:r>
          </w:p>
          <w:p w:rsidR="00763958" w:rsidRDefault="00763958" w:rsidP="00763958">
            <w:r>
              <w:t xml:space="preserve">                 src="img/holder/default.svg"/&gt;</w:t>
            </w:r>
          </w:p>
          <w:p w:rsidR="00763958" w:rsidRDefault="00763958" w:rsidP="00763958">
            <w:r>
              <w:t xml:space="preserve">            &lt;div class="read_more"&gt;</w:t>
            </w:r>
          </w:p>
          <w:p w:rsidR="00763958" w:rsidRDefault="00763958" w:rsidP="00763958">
            <w:r>
              <w:t xml:space="preserve">                &lt;span&gt;View Residence&lt;/span&gt;</w:t>
            </w:r>
          </w:p>
          <w:p w:rsidR="00763958" w:rsidRDefault="00763958" w:rsidP="00763958">
            <w:r>
              <w:t xml:space="preserve">            &lt;/div&gt;</w:t>
            </w:r>
          </w:p>
          <w:p w:rsidR="00763958" w:rsidRDefault="00763958" w:rsidP="00763958">
            <w:r>
              <w:t xml:space="preserve">        &lt;/a&gt;</w:t>
            </w:r>
          </w:p>
          <w:p w:rsidR="00763958" w:rsidRDefault="00763958" w:rsidP="00763958">
            <w:r>
              <w:t xml:space="preserve">                    &lt;small&gt;</w:t>
            </w:r>
          </w:p>
          <w:p w:rsidR="00763958" w:rsidRDefault="00763958" w:rsidP="00763958">
            <w:r>
              <w:t xml:space="preserve">                Independent 55+</w:t>
            </w:r>
          </w:p>
          <w:p w:rsidR="00763958" w:rsidRDefault="00763958" w:rsidP="00763958">
            <w:r>
              <w:t xml:space="preserve">            &lt;/small&gt;</w:t>
            </w:r>
          </w:p>
          <w:p w:rsidR="00763958" w:rsidRDefault="00763958" w:rsidP="00763958">
            <w:r>
              <w:t xml:space="preserve">                    &lt;small&gt;</w:t>
            </w:r>
          </w:p>
          <w:p w:rsidR="00763958" w:rsidRDefault="00763958" w:rsidP="00763958">
            <w:r>
              <w:t xml:space="preserve">                Assisted Living</w:t>
            </w:r>
          </w:p>
          <w:p w:rsidR="00763958" w:rsidRDefault="00763958" w:rsidP="00763958">
            <w:r>
              <w:t xml:space="preserve">            &lt;/small&gt;</w:t>
            </w:r>
          </w:p>
          <w:p w:rsidR="00763958" w:rsidRDefault="00763958" w:rsidP="00763958">
            <w:r>
              <w:t xml:space="preserve">                    &lt;/figure&gt;</w:t>
            </w:r>
          </w:p>
          <w:p w:rsidR="00763958" w:rsidRDefault="00763958" w:rsidP="00763958">
            <w:r>
              <w:t xml:space="preserve">    &lt;div class="wrapper"&gt;</w:t>
            </w:r>
          </w:p>
          <w:p w:rsidR="00763958" w:rsidRDefault="00763958" w:rsidP="00763958">
            <w:r>
              <w:t xml:space="preserve">        &lt;h3&gt;</w:t>
            </w:r>
          </w:p>
          <w:p w:rsidR="00763958" w:rsidRDefault="00763958" w:rsidP="00763958">
            <w:r>
              <w:t xml:space="preserve">            &lt;a href="residence/the-meridian-at-anaheim-hills.php"&gt;</w:t>
            </w:r>
          </w:p>
          <w:p w:rsidR="00763958" w:rsidRDefault="00763958" w:rsidP="00763958">
            <w:r>
              <w:t xml:space="preserve">                The Meridian at Anaheim Hills</w:t>
            </w:r>
          </w:p>
          <w:p w:rsidR="00763958" w:rsidRDefault="00763958" w:rsidP="00763958">
            <w:r>
              <w:t xml:space="preserve">            &lt;/a&gt;</w:t>
            </w:r>
          </w:p>
          <w:p w:rsidR="00763958" w:rsidRDefault="00763958" w:rsidP="00763958">
            <w:r>
              <w:t xml:space="preserve">        &lt;/h3&gt;</w:t>
            </w:r>
          </w:p>
          <w:p w:rsidR="00763958" w:rsidRDefault="00763958" w:rsidP="00763958">
            <w:r>
              <w:t xml:space="preserve">        &lt;p&gt;Independent / Adult Active 55+ Community Residence</w:t>
            </w:r>
          </w:p>
          <w:p w:rsidR="00763958" w:rsidRDefault="00763958" w:rsidP="00763958">
            <w:r>
              <w:t xml:space="preserve">                    &lt;/p&gt;</w:t>
            </w:r>
          </w:p>
          <w:p w:rsidR="00763958" w:rsidRDefault="00763958" w:rsidP="00763958">
            <w:r>
              <w:t xml:space="preserve">    &lt;/div&gt;</w:t>
            </w:r>
          </w:p>
          <w:p w:rsidR="00763958" w:rsidRDefault="00763958" w:rsidP="00763958">
            <w:r>
              <w:t xml:space="preserve">    &lt;ul&gt;</w:t>
            </w:r>
          </w:p>
          <w:p w:rsidR="00763958" w:rsidRDefault="00763958" w:rsidP="00763958">
            <w:r>
              <w:t xml:space="preserve">        &lt;li&gt;</w:t>
            </w:r>
          </w:p>
          <w:p w:rsidR="00763958" w:rsidRDefault="00763958" w:rsidP="00763958">
            <w:r>
              <w:t xml:space="preserve">            &lt;div class="score"&gt;</w:t>
            </w:r>
          </w:p>
          <w:p w:rsidR="00763958" w:rsidRDefault="00763958" w:rsidP="00763958">
            <w:r>
              <w:t xml:space="preserve">                &lt;span&gt;Total&lt;em&gt;Views&lt;/em&gt;&lt;/span&gt;</w:t>
            </w:r>
          </w:p>
          <w:p w:rsidR="00763958" w:rsidRDefault="00763958" w:rsidP="00763958">
            <w:r>
              <w:lastRenderedPageBreak/>
              <w:t xml:space="preserve">                &lt;strong&gt;2842&lt;/strong&gt;</w:t>
            </w:r>
          </w:p>
          <w:p w:rsidR="00763958" w:rsidRDefault="00763958" w:rsidP="00763958">
            <w:r>
              <w:t xml:space="preserve">            &lt;/div&gt;</w:t>
            </w:r>
          </w:p>
          <w:p w:rsidR="00763958" w:rsidRDefault="00763958" w:rsidP="00763958">
            <w:r>
              <w:t xml:space="preserve">        &lt;/li&gt;</w:t>
            </w:r>
          </w:p>
          <w:p w:rsidR="00763958" w:rsidRDefault="00763958" w:rsidP="00763958">
            <w:r>
              <w:t xml:space="preserve">        &lt;li&gt;</w:t>
            </w:r>
          </w:p>
          <w:p w:rsidR="00763958" w:rsidRDefault="00763958" w:rsidP="00763958">
            <w:r>
              <w:t xml:space="preserve">            &lt;a class="btn btn-sm btn-success rounded-pill"</w:t>
            </w:r>
          </w:p>
          <w:p w:rsidR="00763958" w:rsidRDefault="00763958" w:rsidP="00763958">
            <w:r>
              <w:t xml:space="preserve">               href="residence/the-meridian-at-anaheim-hills.php"&gt;</w:t>
            </w:r>
          </w:p>
          <w:p w:rsidR="00763958" w:rsidRDefault="00763958" w:rsidP="00763958">
            <w:r>
              <w:t xml:space="preserve">                &lt;i class="fas fa-map-marker-alt mr-1"&gt;&lt;/i&gt;</w:t>
            </w:r>
          </w:p>
          <w:p w:rsidR="00763958" w:rsidRDefault="00763958" w:rsidP="00763958">
            <w:r>
              <w:t xml:space="preserve">                Get Contact Info</w:t>
            </w:r>
          </w:p>
          <w:p w:rsidR="00763958" w:rsidRDefault="00763958" w:rsidP="00763958">
            <w:r>
              <w:t xml:space="preserve">            &lt;/a&gt;</w:t>
            </w:r>
          </w:p>
          <w:p w:rsidR="00763958" w:rsidRDefault="00763958" w:rsidP="00763958">
            <w:r>
              <w:t xml:space="preserve">        &lt;/li&gt;</w:t>
            </w:r>
          </w:p>
          <w:p w:rsidR="00763958" w:rsidRDefault="00763958" w:rsidP="00763958">
            <w:r>
              <w:t xml:space="preserve">    &lt;/ul&gt;</w:t>
            </w:r>
          </w:p>
          <w:p w:rsidR="00763958" w:rsidRDefault="00763958" w:rsidP="00763958">
            <w:r>
              <w:t>&lt;/div&gt;</w:t>
            </w:r>
          </w:p>
          <w:p w:rsidR="00763958" w:rsidRDefault="00763958" w:rsidP="00763958">
            <w:r>
              <w:t xml:space="preserve">    &lt;/div&gt;</w:t>
            </w:r>
          </w:p>
          <w:p w:rsidR="00763958" w:rsidRDefault="00763958" w:rsidP="00763958">
            <w:r>
              <w:t>&lt;div class="col-md-6 residence wow bounceInUp 1" data-wow-duration="1.5s"</w:t>
            </w:r>
          </w:p>
          <w:p w:rsidR="00763958" w:rsidRDefault="00763958" w:rsidP="00763958">
            <w:r>
              <w:t xml:space="preserve">                             data-wow-delay="0.2s" id="100153"&gt;</w:t>
            </w:r>
          </w:p>
          <w:p w:rsidR="00763958" w:rsidRDefault="00763958" w:rsidP="00763958">
            <w:r>
              <w:t xml:space="preserve">                            &lt;div class="strip grid"&gt;</w:t>
            </w:r>
          </w:p>
          <w:p w:rsidR="00763958" w:rsidRDefault="00763958" w:rsidP="00763958">
            <w:r>
              <w:t xml:space="preserve">    &lt;figure&gt;</w:t>
            </w:r>
          </w:p>
          <w:p w:rsidR="00763958" w:rsidRDefault="00763958" w:rsidP="00763958">
            <w:r>
              <w:t xml:space="preserve">        &lt;a class="wish_bt btn-wishlist " href="javascript:" title="Add To My List"</w:t>
            </w:r>
          </w:p>
          <w:p w:rsidR="00763958" w:rsidRDefault="00763958" w:rsidP="00763958">
            <w:r>
              <w:t xml:space="preserve">           data-toggle="tooltip" data-id="100153"&gt;&lt;/a&gt;</w:t>
            </w:r>
          </w:p>
          <w:p w:rsidR="00763958" w:rsidRDefault="00763958" w:rsidP="00763958">
            <w:r>
              <w:t xml:space="preserve">        &lt;a href="residence/leisure-vale-retirement.php"&gt;</w:t>
            </w:r>
          </w:p>
          <w:p w:rsidR="00763958" w:rsidRDefault="00763958" w:rsidP="00763958">
            <w:r>
              <w:t xml:space="preserve">            &lt;img alt="Leisure Vale Retirement" title="Leisure Vale Retirement" class="img-fluid"</w:t>
            </w:r>
          </w:p>
          <w:p w:rsidR="00763958" w:rsidRDefault="00763958" w:rsidP="00763958">
            <w:r>
              <w:t xml:space="preserve">                 height="266" width="400"</w:t>
            </w:r>
          </w:p>
          <w:p w:rsidR="00763958" w:rsidRDefault="00763958" w:rsidP="00763958">
            <w:r>
              <w:t xml:space="preserve">                 src="img/holder/default.svg"/&gt;</w:t>
            </w:r>
          </w:p>
          <w:p w:rsidR="00763958" w:rsidRDefault="00763958" w:rsidP="00763958">
            <w:r>
              <w:t xml:space="preserve">            &lt;div class="read_more"&gt;</w:t>
            </w:r>
          </w:p>
          <w:p w:rsidR="00763958" w:rsidRDefault="00763958" w:rsidP="00763958">
            <w:r>
              <w:t xml:space="preserve">                &lt;span&gt;View Residence&lt;/span&gt;</w:t>
            </w:r>
          </w:p>
          <w:p w:rsidR="00763958" w:rsidRDefault="00763958" w:rsidP="00763958">
            <w:r>
              <w:t xml:space="preserve">            &lt;/div&gt;</w:t>
            </w:r>
          </w:p>
          <w:p w:rsidR="00763958" w:rsidRDefault="00763958" w:rsidP="00763958">
            <w:r>
              <w:t xml:space="preserve">        &lt;/a&gt;</w:t>
            </w:r>
          </w:p>
          <w:p w:rsidR="00763958" w:rsidRDefault="00763958" w:rsidP="00763958">
            <w:r>
              <w:t xml:space="preserve">                    &lt;small&gt;</w:t>
            </w:r>
          </w:p>
          <w:p w:rsidR="00763958" w:rsidRDefault="00763958" w:rsidP="00763958">
            <w:r>
              <w:t xml:space="preserve">                Independent 55+</w:t>
            </w:r>
          </w:p>
          <w:p w:rsidR="00763958" w:rsidRDefault="00763958" w:rsidP="00763958">
            <w:r>
              <w:t xml:space="preserve">            &lt;/small&gt;</w:t>
            </w:r>
          </w:p>
          <w:p w:rsidR="00763958" w:rsidRDefault="00763958" w:rsidP="00763958">
            <w:r>
              <w:t xml:space="preserve">                    &lt;small&gt;</w:t>
            </w:r>
          </w:p>
          <w:p w:rsidR="00763958" w:rsidRDefault="00763958" w:rsidP="00763958">
            <w:r>
              <w:t xml:space="preserve">                Assisted Living</w:t>
            </w:r>
          </w:p>
          <w:p w:rsidR="00763958" w:rsidRDefault="00763958" w:rsidP="00763958">
            <w:r>
              <w:t xml:space="preserve">            &lt;/small&gt;</w:t>
            </w:r>
          </w:p>
          <w:p w:rsidR="00763958" w:rsidRDefault="00763958" w:rsidP="00763958">
            <w:r>
              <w:t xml:space="preserve">                    &lt;/figure&gt;</w:t>
            </w:r>
          </w:p>
          <w:p w:rsidR="00763958" w:rsidRDefault="00763958" w:rsidP="00763958">
            <w:r>
              <w:t xml:space="preserve">    &lt;div class="wrapper"&gt;</w:t>
            </w:r>
          </w:p>
          <w:p w:rsidR="00763958" w:rsidRDefault="00763958" w:rsidP="00763958">
            <w:r>
              <w:t xml:space="preserve">        &lt;h3&gt;</w:t>
            </w:r>
          </w:p>
          <w:p w:rsidR="00763958" w:rsidRDefault="00763958" w:rsidP="00763958">
            <w:r>
              <w:t xml:space="preserve">            &lt;a href="residence/leisure-vale-retirement.php"&gt;</w:t>
            </w:r>
          </w:p>
          <w:p w:rsidR="00763958" w:rsidRDefault="00763958" w:rsidP="00763958">
            <w:r>
              <w:t xml:space="preserve">                Leisure Vale Retirement</w:t>
            </w:r>
          </w:p>
          <w:p w:rsidR="00763958" w:rsidRDefault="00763958" w:rsidP="00763958">
            <w:r>
              <w:t xml:space="preserve">            &lt;/a&gt;</w:t>
            </w:r>
          </w:p>
          <w:p w:rsidR="00763958" w:rsidRDefault="00763958" w:rsidP="00763958">
            <w:r>
              <w:t xml:space="preserve">        &lt;/h3&gt;</w:t>
            </w:r>
          </w:p>
          <w:p w:rsidR="00763958" w:rsidRDefault="00763958" w:rsidP="00763958">
            <w:r>
              <w:t xml:space="preserve">        &lt;p&gt;</w:t>
            </w:r>
          </w:p>
          <w:p w:rsidR="00763958" w:rsidRDefault="00763958" w:rsidP="00763958">
            <w:r>
              <w:t xml:space="preserve">                            Independent / Adult Active 55+ Community Residence</w:t>
            </w:r>
          </w:p>
          <w:p w:rsidR="00763958" w:rsidRDefault="00763958" w:rsidP="00763958">
            <w:r>
              <w:t xml:space="preserve">                    &lt;/p&gt;</w:t>
            </w:r>
          </w:p>
          <w:p w:rsidR="00763958" w:rsidRDefault="00763958" w:rsidP="00763958">
            <w:r>
              <w:t xml:space="preserve">    &lt;/div&gt;</w:t>
            </w:r>
          </w:p>
          <w:p w:rsidR="00763958" w:rsidRDefault="00763958" w:rsidP="00763958">
            <w:r>
              <w:t xml:space="preserve">    &lt;ul&gt;</w:t>
            </w:r>
          </w:p>
          <w:p w:rsidR="00763958" w:rsidRDefault="00763958" w:rsidP="00763958">
            <w:r>
              <w:t xml:space="preserve">        &lt;li&gt;</w:t>
            </w:r>
          </w:p>
          <w:p w:rsidR="00763958" w:rsidRDefault="00763958" w:rsidP="00763958">
            <w:r>
              <w:t xml:space="preserve">            &lt;div class="score"&gt;</w:t>
            </w:r>
          </w:p>
          <w:p w:rsidR="00763958" w:rsidRDefault="00763958" w:rsidP="00763958">
            <w:r>
              <w:t xml:space="preserve">                &lt;span&gt;Total&lt;em&gt;Views&lt;/em&gt;&lt;/span&gt;</w:t>
            </w:r>
          </w:p>
          <w:p w:rsidR="00763958" w:rsidRDefault="00763958" w:rsidP="00763958">
            <w:r>
              <w:lastRenderedPageBreak/>
              <w:t xml:space="preserve">                &lt;strong&gt;1135&lt;/strong&gt;</w:t>
            </w:r>
          </w:p>
          <w:p w:rsidR="00763958" w:rsidRDefault="00763958" w:rsidP="00763958">
            <w:r>
              <w:t xml:space="preserve">            &lt;/div&gt;</w:t>
            </w:r>
          </w:p>
          <w:p w:rsidR="00763958" w:rsidRDefault="00763958" w:rsidP="00763958">
            <w:r>
              <w:t xml:space="preserve">        &lt;/li&gt;</w:t>
            </w:r>
          </w:p>
          <w:p w:rsidR="00763958" w:rsidRDefault="00763958" w:rsidP="00763958">
            <w:r>
              <w:t xml:space="preserve">        &lt;li&gt;</w:t>
            </w:r>
          </w:p>
          <w:p w:rsidR="00763958" w:rsidRDefault="00763958" w:rsidP="00763958">
            <w:r>
              <w:t xml:space="preserve">            &lt;a class="btn btn-sm btn-success rounded-pill"</w:t>
            </w:r>
          </w:p>
          <w:p w:rsidR="00763958" w:rsidRDefault="00763958" w:rsidP="00763958">
            <w:r>
              <w:t xml:space="preserve">               href="residence/leisure-vale-retirement.php"&gt;</w:t>
            </w:r>
          </w:p>
          <w:p w:rsidR="00763958" w:rsidRDefault="00763958" w:rsidP="00763958">
            <w:r>
              <w:t xml:space="preserve">                &lt;i class="fas fa-map-marker-alt mr-1"&gt;&lt;/i&gt;</w:t>
            </w:r>
          </w:p>
          <w:p w:rsidR="00763958" w:rsidRDefault="00763958" w:rsidP="00763958">
            <w:r>
              <w:t xml:space="preserve">                Get Contact Info</w:t>
            </w:r>
          </w:p>
          <w:p w:rsidR="00763958" w:rsidRDefault="00763958" w:rsidP="00763958">
            <w:r>
              <w:t xml:space="preserve">            &lt;/a&gt;</w:t>
            </w:r>
          </w:p>
          <w:p w:rsidR="00763958" w:rsidRDefault="00763958" w:rsidP="00763958">
            <w:r>
              <w:t xml:space="preserve">        &lt;/li&gt;</w:t>
            </w:r>
          </w:p>
          <w:p w:rsidR="00763958" w:rsidRDefault="00763958" w:rsidP="00763958">
            <w:r>
              <w:t xml:space="preserve">    &lt;/ul&gt;</w:t>
            </w:r>
          </w:p>
          <w:p w:rsidR="00763958" w:rsidRDefault="00763958" w:rsidP="00763958">
            <w:r>
              <w:t>&lt;/div&gt;</w:t>
            </w:r>
          </w:p>
          <w:p w:rsidR="00763958" w:rsidRDefault="00763958" w:rsidP="00763958">
            <w:r>
              <w:t xml:space="preserve">                        &lt;/div&gt;</w:t>
            </w:r>
          </w:p>
          <w:p w:rsidR="00763958" w:rsidRDefault="00763958" w:rsidP="00763958">
            <w:r>
              <w:t xml:space="preserve">    &lt;div class="col-md-6 residence wow bounceInUp 2" data-wow-duration="1.5s" data-wow-delay="0.3s" id="100111"&gt;</w:t>
            </w:r>
          </w:p>
          <w:p w:rsidR="00763958" w:rsidRDefault="00763958" w:rsidP="00763958">
            <w:r>
              <w:t xml:space="preserve">                            &lt;div class="strip grid"&gt;</w:t>
            </w:r>
          </w:p>
          <w:p w:rsidR="00763958" w:rsidRDefault="00763958" w:rsidP="00763958">
            <w:r>
              <w:t xml:space="preserve">    &lt;figure&gt;</w:t>
            </w:r>
          </w:p>
          <w:p w:rsidR="00763958" w:rsidRDefault="00763958" w:rsidP="00763958">
            <w:r>
              <w:t xml:space="preserve">        &lt;a class="wish_bt btn-wishlist " href="javascript:" title="Add To My List"</w:t>
            </w:r>
          </w:p>
          <w:p w:rsidR="00763958" w:rsidRDefault="00763958" w:rsidP="00763958">
            <w:r>
              <w:t xml:space="preserve">           data-toggle="tooltip" data-id="100111"</w:t>
            </w:r>
          </w:p>
          <w:p w:rsidR="00763958" w:rsidRDefault="00763958" w:rsidP="00763958">
            <w:r>
              <w:t xml:space="preserve">           &gt;&lt;/a&gt;</w:t>
            </w:r>
          </w:p>
          <w:p w:rsidR="00763958" w:rsidRDefault="00763958" w:rsidP="00763958">
            <w:r>
              <w:t xml:space="preserve">        &lt;a href="residence/fairwinds-ivey-ranch.php"&gt;</w:t>
            </w:r>
          </w:p>
          <w:p w:rsidR="00763958" w:rsidRDefault="00763958" w:rsidP="00763958">
            <w:r>
              <w:t xml:space="preserve">            &lt;img alt="Fairwinds Ivey Ranch" title="Fairwinds Ivey Ranch" class="img-fluid"</w:t>
            </w:r>
          </w:p>
          <w:p w:rsidR="00763958" w:rsidRDefault="00763958" w:rsidP="00763958">
            <w:r>
              <w:t xml:space="preserve">                 height="266" width="400"</w:t>
            </w:r>
          </w:p>
          <w:p w:rsidR="00763958" w:rsidRDefault="00763958" w:rsidP="00763958">
            <w:r>
              <w:t xml:space="preserve">                 src="img/holder/default.svg"/&gt;</w:t>
            </w:r>
          </w:p>
          <w:p w:rsidR="00763958" w:rsidRDefault="00763958" w:rsidP="00763958">
            <w:r>
              <w:t xml:space="preserve">            &lt;div class="read_more"&gt;</w:t>
            </w:r>
          </w:p>
          <w:p w:rsidR="00763958" w:rsidRDefault="00763958" w:rsidP="00763958">
            <w:r>
              <w:t xml:space="preserve">                &lt;span&gt;View Residence&lt;/span&gt;</w:t>
            </w:r>
          </w:p>
          <w:p w:rsidR="00763958" w:rsidRDefault="00763958" w:rsidP="00763958">
            <w:r>
              <w:t xml:space="preserve">            &lt;/div&gt;</w:t>
            </w:r>
          </w:p>
          <w:p w:rsidR="00763958" w:rsidRDefault="00763958" w:rsidP="00763958">
            <w:r>
              <w:t xml:space="preserve">        &lt;/a&gt;</w:t>
            </w:r>
          </w:p>
          <w:p w:rsidR="00763958" w:rsidRDefault="00763958" w:rsidP="00763958">
            <w:r>
              <w:t xml:space="preserve">                    &lt;small&gt;</w:t>
            </w:r>
          </w:p>
          <w:p w:rsidR="00763958" w:rsidRDefault="00763958" w:rsidP="00763958">
            <w:r>
              <w:t xml:space="preserve">                Independent 55+</w:t>
            </w:r>
          </w:p>
          <w:p w:rsidR="00763958" w:rsidRDefault="00763958" w:rsidP="00763958">
            <w:r>
              <w:t xml:space="preserve">            &lt;/small&gt;</w:t>
            </w:r>
          </w:p>
          <w:p w:rsidR="00763958" w:rsidRDefault="00763958" w:rsidP="00763958">
            <w:r>
              <w:t xml:space="preserve">                    &lt;small&gt;</w:t>
            </w:r>
          </w:p>
          <w:p w:rsidR="00763958" w:rsidRDefault="00763958" w:rsidP="00763958">
            <w:r>
              <w:t xml:space="preserve">                Assisted Living</w:t>
            </w:r>
          </w:p>
          <w:p w:rsidR="00763958" w:rsidRDefault="00763958" w:rsidP="00763958">
            <w:r>
              <w:t xml:space="preserve">            &lt;/small&gt;</w:t>
            </w:r>
          </w:p>
          <w:p w:rsidR="00763958" w:rsidRDefault="00763958" w:rsidP="00763958">
            <w:r>
              <w:t xml:space="preserve">                    &lt;/figure&gt;</w:t>
            </w:r>
          </w:p>
          <w:p w:rsidR="00763958" w:rsidRDefault="00763958" w:rsidP="00763958">
            <w:r>
              <w:t xml:space="preserve">    &lt;div class="wrapper"&gt;</w:t>
            </w:r>
          </w:p>
          <w:p w:rsidR="00763958" w:rsidRDefault="00763958" w:rsidP="00763958">
            <w:r>
              <w:t xml:space="preserve">        &lt;h3&gt;</w:t>
            </w:r>
          </w:p>
          <w:p w:rsidR="00763958" w:rsidRDefault="00763958" w:rsidP="00763958">
            <w:r>
              <w:t xml:space="preserve">            &lt;a href="residence/fairwinds-ivey-ranch.php"&gt;</w:t>
            </w:r>
          </w:p>
          <w:p w:rsidR="00763958" w:rsidRDefault="00763958" w:rsidP="00763958">
            <w:r>
              <w:t xml:space="preserve">                Fairwinds Ivey Ranch</w:t>
            </w:r>
          </w:p>
          <w:p w:rsidR="00763958" w:rsidRDefault="00763958" w:rsidP="00763958">
            <w:r>
              <w:t xml:space="preserve">            &lt;/a&gt;</w:t>
            </w:r>
          </w:p>
          <w:p w:rsidR="00763958" w:rsidRDefault="00763958" w:rsidP="00763958">
            <w:r>
              <w:t xml:space="preserve">        &lt;/h3&gt;</w:t>
            </w:r>
          </w:p>
          <w:p w:rsidR="00763958" w:rsidRDefault="00763958" w:rsidP="00763958">
            <w:r>
              <w:t xml:space="preserve">        &lt;p&gt;</w:t>
            </w:r>
          </w:p>
          <w:p w:rsidR="00763958" w:rsidRDefault="00763958" w:rsidP="00763958">
            <w:r>
              <w:t xml:space="preserve">                            Independent / Adult Active 55+ Community Residence</w:t>
            </w:r>
          </w:p>
          <w:p w:rsidR="00763958" w:rsidRDefault="00763958" w:rsidP="00763958">
            <w:r>
              <w:t xml:space="preserve">                    &lt;/p&gt;</w:t>
            </w:r>
          </w:p>
          <w:p w:rsidR="00763958" w:rsidRDefault="00763958" w:rsidP="00763958">
            <w:r>
              <w:t xml:space="preserve">    &lt;/div&gt;</w:t>
            </w:r>
          </w:p>
          <w:p w:rsidR="00763958" w:rsidRDefault="00763958" w:rsidP="00763958">
            <w:r>
              <w:t xml:space="preserve">    &lt;ul&gt;</w:t>
            </w:r>
          </w:p>
          <w:p w:rsidR="00763958" w:rsidRDefault="00763958" w:rsidP="00763958">
            <w:r>
              <w:t xml:space="preserve">        &lt;li&gt;</w:t>
            </w:r>
          </w:p>
          <w:p w:rsidR="00763958" w:rsidRDefault="00763958" w:rsidP="00763958">
            <w:r>
              <w:t xml:space="preserve">            &lt;div class="score"&gt;</w:t>
            </w:r>
          </w:p>
          <w:p w:rsidR="00763958" w:rsidRDefault="00763958" w:rsidP="00763958">
            <w:r>
              <w:lastRenderedPageBreak/>
              <w:t xml:space="preserve">                &lt;span&gt;Total&lt;em&gt;Views&lt;/em&gt;&lt;/span&gt;</w:t>
            </w:r>
          </w:p>
          <w:p w:rsidR="00763958" w:rsidRDefault="00763958" w:rsidP="00763958">
            <w:r>
              <w:t xml:space="preserve">                &lt;strong&gt;2126&lt;/strong&gt;</w:t>
            </w:r>
          </w:p>
          <w:p w:rsidR="00763958" w:rsidRDefault="00763958" w:rsidP="00763958">
            <w:r>
              <w:t xml:space="preserve">            &lt;/div&gt;</w:t>
            </w:r>
          </w:p>
          <w:p w:rsidR="00763958" w:rsidRDefault="00763958" w:rsidP="00763958">
            <w:r>
              <w:t xml:space="preserve">        &lt;/li&gt;</w:t>
            </w:r>
          </w:p>
          <w:p w:rsidR="00763958" w:rsidRDefault="00763958" w:rsidP="00763958">
            <w:r>
              <w:t xml:space="preserve">        &lt;li&gt;</w:t>
            </w:r>
          </w:p>
          <w:p w:rsidR="00763958" w:rsidRDefault="00763958" w:rsidP="00763958">
            <w:r>
              <w:t xml:space="preserve">            &lt;a class="btn btn-sm btn-success rounded-pill"</w:t>
            </w:r>
          </w:p>
          <w:p w:rsidR="00763958" w:rsidRDefault="00763958" w:rsidP="00763958">
            <w:r>
              <w:t xml:space="preserve">               href="residence/fairwinds-ivey-ranch.php"&gt;</w:t>
            </w:r>
          </w:p>
          <w:p w:rsidR="00763958" w:rsidRDefault="00763958" w:rsidP="00763958">
            <w:r>
              <w:t xml:space="preserve">                &lt;i class="fas fa-map-marker-alt mr-1"&gt;&lt;/i&gt;</w:t>
            </w:r>
          </w:p>
          <w:p w:rsidR="00763958" w:rsidRDefault="00763958" w:rsidP="00763958">
            <w:r>
              <w:t xml:space="preserve">                Get Contact Info</w:t>
            </w:r>
          </w:p>
          <w:p w:rsidR="00763958" w:rsidRDefault="00763958" w:rsidP="00763958">
            <w:r>
              <w:t xml:space="preserve">            &lt;/a&gt;</w:t>
            </w:r>
          </w:p>
          <w:p w:rsidR="00763958" w:rsidRDefault="00763958" w:rsidP="00763958">
            <w:r>
              <w:t xml:space="preserve">        &lt;/li&gt;</w:t>
            </w:r>
          </w:p>
          <w:p w:rsidR="00763958" w:rsidRDefault="00763958" w:rsidP="00763958">
            <w:r>
              <w:t xml:space="preserve">    &lt;/ul&gt;</w:t>
            </w:r>
          </w:p>
          <w:p w:rsidR="00763958" w:rsidRDefault="00763958" w:rsidP="00763958">
            <w:r>
              <w:t>&lt;/div&gt;</w:t>
            </w:r>
          </w:p>
          <w:p w:rsidR="00763958" w:rsidRDefault="00763958" w:rsidP="00763958">
            <w:r>
              <w:t xml:space="preserve">                        &lt;/div&gt;</w:t>
            </w:r>
          </w:p>
          <w:p w:rsidR="00763958" w:rsidRDefault="00763958" w:rsidP="00763958">
            <w:r>
              <w:t xml:space="preserve">                                                                    &lt;div class="col-md-6 residence wow bounceInUp 3" data-wow-duration="1.5s"</w:t>
            </w:r>
          </w:p>
          <w:p w:rsidR="00763958" w:rsidRDefault="00763958" w:rsidP="00763958">
            <w:r>
              <w:t xml:space="preserve">                             data-wow-delay="0.4s" id="100112"&gt;</w:t>
            </w:r>
          </w:p>
          <w:p w:rsidR="00763958" w:rsidRDefault="00763958" w:rsidP="00763958">
            <w:r>
              <w:t xml:space="preserve">                            &lt;div class="strip grid"&gt;</w:t>
            </w:r>
          </w:p>
          <w:p w:rsidR="00763958" w:rsidRDefault="00763958" w:rsidP="00763958">
            <w:r>
              <w:t xml:space="preserve">    &lt;figure&gt;</w:t>
            </w:r>
          </w:p>
          <w:p w:rsidR="00763958" w:rsidRDefault="00763958" w:rsidP="00763958">
            <w:r>
              <w:t xml:space="preserve">        &lt;a class="wish_bt btn-wishlist " href="javascript:" title="Add To My List"</w:t>
            </w:r>
          </w:p>
          <w:p w:rsidR="00763958" w:rsidRDefault="00763958" w:rsidP="00763958">
            <w:r>
              <w:t xml:space="preserve">           data-toggle="tooltip" data-id="100112"</w:t>
            </w:r>
          </w:p>
          <w:p w:rsidR="00763958" w:rsidRDefault="00763958" w:rsidP="00763958">
            <w:r>
              <w:t xml:space="preserve">           &gt;&lt;/a&gt;</w:t>
            </w:r>
          </w:p>
          <w:p w:rsidR="00763958" w:rsidRDefault="00763958" w:rsidP="00763958">
            <w:r>
              <w:t xml:space="preserve">        &lt;a href="residence/fairwinds-west-hills.php"&gt;</w:t>
            </w:r>
          </w:p>
          <w:p w:rsidR="00763958" w:rsidRDefault="00763958" w:rsidP="00763958">
            <w:r>
              <w:t xml:space="preserve">            &lt;img alt="Fairwinds West Hills" title="Fairwinds West Hills" class="img-fluid"</w:t>
            </w:r>
          </w:p>
          <w:p w:rsidR="00763958" w:rsidRDefault="00763958" w:rsidP="00763958">
            <w:r>
              <w:t xml:space="preserve">                 height="266" width="400"</w:t>
            </w:r>
          </w:p>
          <w:p w:rsidR="00763958" w:rsidRDefault="00763958" w:rsidP="00763958">
            <w:r>
              <w:t xml:space="preserve">                 src="img/holder/default.svg"/&gt;</w:t>
            </w:r>
          </w:p>
          <w:p w:rsidR="00763958" w:rsidRDefault="00763958" w:rsidP="00763958">
            <w:r>
              <w:t xml:space="preserve">            &lt;div class="read_more"&gt;</w:t>
            </w:r>
          </w:p>
          <w:p w:rsidR="00763958" w:rsidRDefault="00763958" w:rsidP="00763958">
            <w:r>
              <w:t xml:space="preserve">                &lt;span&gt;View Residence&lt;/span&gt;</w:t>
            </w:r>
          </w:p>
          <w:p w:rsidR="00763958" w:rsidRDefault="00763958" w:rsidP="00763958">
            <w:r>
              <w:t xml:space="preserve">            &lt;/div&gt;</w:t>
            </w:r>
          </w:p>
          <w:p w:rsidR="00763958" w:rsidRDefault="00763958" w:rsidP="00763958">
            <w:r>
              <w:t xml:space="preserve">        &lt;/a&gt;</w:t>
            </w:r>
          </w:p>
          <w:p w:rsidR="00763958" w:rsidRDefault="00763958" w:rsidP="00763958">
            <w:r>
              <w:t xml:space="preserve">                    &lt;small&gt;</w:t>
            </w:r>
          </w:p>
          <w:p w:rsidR="00763958" w:rsidRDefault="00763958" w:rsidP="00763958">
            <w:r>
              <w:t xml:space="preserve">                Independent 55+</w:t>
            </w:r>
          </w:p>
          <w:p w:rsidR="00763958" w:rsidRDefault="00763958" w:rsidP="00763958">
            <w:r>
              <w:t xml:space="preserve">            &lt;/small&gt;</w:t>
            </w:r>
          </w:p>
          <w:p w:rsidR="00763958" w:rsidRDefault="00763958" w:rsidP="00763958">
            <w:r>
              <w:t xml:space="preserve">                    &lt;small&gt;</w:t>
            </w:r>
          </w:p>
          <w:p w:rsidR="00763958" w:rsidRDefault="00763958" w:rsidP="00763958">
            <w:r>
              <w:t xml:space="preserve">                Assisted Living</w:t>
            </w:r>
          </w:p>
          <w:p w:rsidR="00763958" w:rsidRDefault="00763958" w:rsidP="00763958">
            <w:r>
              <w:t xml:space="preserve">            &lt;/small&gt;</w:t>
            </w:r>
          </w:p>
          <w:p w:rsidR="00763958" w:rsidRDefault="00763958" w:rsidP="00763958">
            <w:r>
              <w:t xml:space="preserve">                    &lt;/figure&gt;</w:t>
            </w:r>
          </w:p>
          <w:p w:rsidR="00763958" w:rsidRDefault="00763958" w:rsidP="00763958">
            <w:r>
              <w:t xml:space="preserve">    &lt;div class="wrapper"&gt;</w:t>
            </w:r>
          </w:p>
          <w:p w:rsidR="00763958" w:rsidRDefault="00763958" w:rsidP="00763958">
            <w:r>
              <w:t xml:space="preserve">        &lt;h3&gt;</w:t>
            </w:r>
          </w:p>
          <w:p w:rsidR="00763958" w:rsidRDefault="00763958" w:rsidP="00763958">
            <w:r>
              <w:t xml:space="preserve">            &lt;a href="residence/fairwinds-west-hills.php"&gt;</w:t>
            </w:r>
          </w:p>
          <w:p w:rsidR="00763958" w:rsidRDefault="00763958" w:rsidP="00763958">
            <w:r>
              <w:t xml:space="preserve">                Fairwinds West Hills</w:t>
            </w:r>
          </w:p>
          <w:p w:rsidR="00763958" w:rsidRDefault="00763958" w:rsidP="00763958">
            <w:r>
              <w:t xml:space="preserve">            &lt;/a&gt;</w:t>
            </w:r>
          </w:p>
          <w:p w:rsidR="00763958" w:rsidRDefault="00763958" w:rsidP="00763958">
            <w:r>
              <w:t xml:space="preserve">        &lt;/h3&gt;</w:t>
            </w:r>
          </w:p>
          <w:p w:rsidR="00763958" w:rsidRDefault="00763958" w:rsidP="00763958">
            <w:r>
              <w:t xml:space="preserve">        &lt;p&gt;</w:t>
            </w:r>
          </w:p>
          <w:p w:rsidR="00763958" w:rsidRDefault="00763958" w:rsidP="00763958">
            <w:r>
              <w:t xml:space="preserve">                            Independent / Adult Active 55+ Community Residence</w:t>
            </w:r>
          </w:p>
          <w:p w:rsidR="00763958" w:rsidRDefault="00763958" w:rsidP="00763958">
            <w:r>
              <w:t xml:space="preserve">                    &lt;/p&gt;</w:t>
            </w:r>
          </w:p>
          <w:p w:rsidR="00763958" w:rsidRDefault="00763958" w:rsidP="00763958">
            <w:r>
              <w:t xml:space="preserve">    &lt;/div&gt;</w:t>
            </w:r>
          </w:p>
          <w:p w:rsidR="00763958" w:rsidRDefault="00763958" w:rsidP="00763958">
            <w:r>
              <w:t xml:space="preserve">    &lt;ul&gt;</w:t>
            </w:r>
          </w:p>
          <w:p w:rsidR="00763958" w:rsidRDefault="00763958" w:rsidP="00763958">
            <w:r>
              <w:lastRenderedPageBreak/>
              <w:t xml:space="preserve">        &lt;li&gt;</w:t>
            </w:r>
          </w:p>
          <w:p w:rsidR="00763958" w:rsidRDefault="00763958" w:rsidP="00763958">
            <w:r>
              <w:t xml:space="preserve">            &lt;div class="score"&gt;</w:t>
            </w:r>
          </w:p>
          <w:p w:rsidR="00763958" w:rsidRDefault="00763958" w:rsidP="00763958">
            <w:r>
              <w:t xml:space="preserve">                &lt;span&gt;Total&lt;em&gt;Views&lt;/em&gt;&lt;/span&gt;</w:t>
            </w:r>
          </w:p>
          <w:p w:rsidR="00763958" w:rsidRDefault="00763958" w:rsidP="00763958">
            <w:r>
              <w:t xml:space="preserve">                &lt;strong&gt;968&lt;/strong&gt;</w:t>
            </w:r>
          </w:p>
          <w:p w:rsidR="00763958" w:rsidRDefault="00763958" w:rsidP="00763958">
            <w:r>
              <w:t xml:space="preserve">            &lt;/div&gt;</w:t>
            </w:r>
          </w:p>
          <w:p w:rsidR="00763958" w:rsidRDefault="00763958" w:rsidP="00763958">
            <w:r>
              <w:t xml:space="preserve">        &lt;/li&gt;</w:t>
            </w:r>
          </w:p>
          <w:p w:rsidR="00763958" w:rsidRDefault="00763958" w:rsidP="00763958">
            <w:r>
              <w:t xml:space="preserve">        &lt;li&gt;</w:t>
            </w:r>
          </w:p>
          <w:p w:rsidR="00763958" w:rsidRDefault="00763958" w:rsidP="00763958">
            <w:r>
              <w:t xml:space="preserve">            &lt;a class="btn btn-sm btn-success rounded-pill"</w:t>
            </w:r>
          </w:p>
          <w:p w:rsidR="00763958" w:rsidRDefault="00763958" w:rsidP="00763958">
            <w:r>
              <w:t xml:space="preserve">               href="residence/fairwinds-west-hills.php"&gt;</w:t>
            </w:r>
          </w:p>
          <w:p w:rsidR="00763958" w:rsidRDefault="00763958" w:rsidP="00763958">
            <w:r>
              <w:t xml:space="preserve">                &lt;i class="fas fa-map-marker-alt mr-1"&gt;&lt;/i&gt;</w:t>
            </w:r>
          </w:p>
          <w:p w:rsidR="00763958" w:rsidRDefault="00763958" w:rsidP="00763958">
            <w:r>
              <w:t xml:space="preserve">                Get Contact Info</w:t>
            </w:r>
          </w:p>
          <w:p w:rsidR="00763958" w:rsidRDefault="00763958" w:rsidP="00763958">
            <w:r>
              <w:t xml:space="preserve">            &lt;/a&gt;</w:t>
            </w:r>
          </w:p>
          <w:p w:rsidR="00763958" w:rsidRDefault="00763958" w:rsidP="00763958">
            <w:r>
              <w:t xml:space="preserve">        &lt;/li&gt;</w:t>
            </w:r>
          </w:p>
          <w:p w:rsidR="00763958" w:rsidRDefault="00763958" w:rsidP="00763958">
            <w:r>
              <w:t xml:space="preserve">    &lt;/ul&gt;</w:t>
            </w:r>
          </w:p>
          <w:p w:rsidR="00763958" w:rsidRDefault="00763958" w:rsidP="00763958">
            <w:r>
              <w:t>&lt;/div&gt;</w:t>
            </w:r>
          </w:p>
          <w:p w:rsidR="00763958" w:rsidRDefault="00763958" w:rsidP="00763958">
            <w:r>
              <w:t xml:space="preserve">                        &lt;/div&gt;</w:t>
            </w:r>
          </w:p>
          <w:p w:rsidR="00763958" w:rsidRDefault="00763958" w:rsidP="00763958">
            <w:r>
              <w:t xml:space="preserve">                                    &lt;/div&gt;--&gt;</w:t>
            </w:r>
          </w:p>
          <w:p w:rsidR="00763958" w:rsidRDefault="00763958" w:rsidP="00763958"/>
          <w:p w:rsidR="00763958" w:rsidRDefault="00763958" w:rsidP="00763958">
            <w:r>
              <w:t xml:space="preserve">            &lt;/div&gt;</w:t>
            </w:r>
          </w:p>
          <w:p w:rsidR="00763958" w:rsidRDefault="00763958" w:rsidP="00763958">
            <w:r>
              <w:t xml:space="preserve">        &lt;/div&gt;</w:t>
            </w:r>
          </w:p>
          <w:p w:rsidR="00763958" w:rsidRDefault="00763958" w:rsidP="00763958">
            <w:r>
              <w:t xml:space="preserve">    &lt;/div&gt;</w:t>
            </w:r>
          </w:p>
          <w:p w:rsidR="00763958" w:rsidRDefault="00763958" w:rsidP="00763958">
            <w:r>
              <w:t xml:space="preserve">        &lt;/main&gt;</w:t>
            </w:r>
          </w:p>
          <w:p w:rsidR="00763958" w:rsidRDefault="00763958" w:rsidP="00763958">
            <w:r>
              <w:t xml:space="preserve">        </w:t>
            </w:r>
          </w:p>
          <w:p w:rsidR="00763958" w:rsidRDefault="00763958" w:rsidP="00763958">
            <w:r>
              <w:t xml:space="preserve">    &lt;/div&gt;</w:t>
            </w:r>
          </w:p>
          <w:p w:rsidR="00763958" w:rsidRDefault="00763958" w:rsidP="00763958">
            <w:r>
              <w:t>&lt;/div&gt;</w:t>
            </w:r>
          </w:p>
          <w:p w:rsidR="00763958" w:rsidRDefault="00763958" w:rsidP="00763958">
            <w:r>
              <w:t>&lt;!---------------Residences ends------------------&gt;</w:t>
            </w:r>
          </w:p>
          <w:p w:rsidR="00763958" w:rsidRDefault="00763958" w:rsidP="00763958"/>
          <w:p w:rsidR="00763958" w:rsidRDefault="00763958" w:rsidP="00763958"/>
          <w:p w:rsidR="00763958" w:rsidRDefault="00763958" w:rsidP="00763958">
            <w:r>
              <w:t>&lt;!---------------Floating widget Starts------------------&gt;</w:t>
            </w:r>
          </w:p>
          <w:p w:rsidR="00763958" w:rsidRDefault="00763958" w:rsidP="00763958"/>
          <w:p w:rsidR="00763958" w:rsidRDefault="00763958" w:rsidP="00763958">
            <w:r>
              <w:t>&lt;div class="floating-widget"&gt;</w:t>
            </w:r>
          </w:p>
          <w:p w:rsidR="00763958" w:rsidRDefault="00763958" w:rsidP="00763958">
            <w:r>
              <w:t xml:space="preserve">    &lt;a class="float-item all-service d-xl-none d-lg-none d-md-none d-sm-block"&gt;</w:t>
            </w:r>
          </w:p>
          <w:p w:rsidR="00763958" w:rsidRDefault="00763958" w:rsidP="00763958">
            <w:r>
              <w:t xml:space="preserve">        &lt;img src="img/icon/ssp.png" class="icon"/&gt;</w:t>
            </w:r>
          </w:p>
          <w:p w:rsidR="00763958" w:rsidRDefault="00763958" w:rsidP="00763958">
            <w:r>
              <w:t xml:space="preserve">    &lt;/a&gt;</w:t>
            </w:r>
          </w:p>
          <w:p w:rsidR="00763958" w:rsidRDefault="00763958" w:rsidP="00763958">
            <w:r>
              <w:t xml:space="preserve">    &lt;ul&gt;</w:t>
            </w:r>
          </w:p>
          <w:p w:rsidR="00763958" w:rsidRDefault="00763958" w:rsidP="00763958">
            <w:r>
              <w:t xml:space="preserve">                    &lt;li&gt;</w:t>
            </w:r>
          </w:p>
          <w:p w:rsidR="00763958" w:rsidRDefault="00763958" w:rsidP="00763958">
            <w:r>
              <w:t xml:space="preserve">                &lt;a href="https://srepfinder.com/" target="_blank" class="float-item" title="Find Senior Real Estate Professionals specializing in the real estate of seniors"</w:t>
            </w:r>
          </w:p>
          <w:p w:rsidR="00763958" w:rsidRDefault="00763958" w:rsidP="00763958">
            <w:r>
              <w:t xml:space="preserve">                   data-toggle="tooltip" data-placement="right" data-delay="500"&gt;</w:t>
            </w:r>
          </w:p>
          <w:p w:rsidR="00763958" w:rsidRDefault="00763958" w:rsidP="00763958">
            <w:r>
              <w:t xml:space="preserve">                    &lt;img class="rounded-circle icon" src="img/icon/srep.png"/&gt;</w:t>
            </w:r>
          </w:p>
          <w:p w:rsidR="00763958" w:rsidRDefault="00763958" w:rsidP="00763958">
            <w:r>
              <w:t xml:space="preserve">                    &lt;img class="full-logo" src="img/finder/text/srep.png"/&gt;</w:t>
            </w:r>
          </w:p>
          <w:p w:rsidR="00763958" w:rsidRDefault="00763958" w:rsidP="00763958">
            <w:r>
              <w:t xml:space="preserve">                &lt;/a&gt;</w:t>
            </w:r>
          </w:p>
          <w:p w:rsidR="00763958" w:rsidRDefault="00763958" w:rsidP="00763958">
            <w:r>
              <w:t xml:space="preserve">            &lt;/li&gt;</w:t>
            </w:r>
          </w:p>
          <w:p w:rsidR="00763958" w:rsidRDefault="00763958" w:rsidP="00763958">
            <w:r>
              <w:t xml:space="preserve">                    &lt;li&gt;</w:t>
            </w:r>
          </w:p>
          <w:p w:rsidR="00763958" w:rsidRDefault="00763958" w:rsidP="00763958">
            <w:r>
              <w:t xml:space="preserve">                &lt;a href="https://espmfinder.com/" target="_blank" class="float-item" title="Find Professionals Serving Seniors with their Estate Sales, Packing and Moving"</w:t>
            </w:r>
          </w:p>
          <w:p w:rsidR="00763958" w:rsidRDefault="00763958" w:rsidP="00763958">
            <w:r>
              <w:t xml:space="preserve">                   data-toggle="tooltip" data-placement="right" data-delay="500"&gt;</w:t>
            </w:r>
          </w:p>
          <w:p w:rsidR="00763958" w:rsidRDefault="00763958" w:rsidP="00763958">
            <w:r>
              <w:t xml:space="preserve">                    &lt;img class="rounded-circle icon" src="img/icon/espm.png"/&gt;</w:t>
            </w:r>
          </w:p>
          <w:p w:rsidR="00763958" w:rsidRDefault="00763958" w:rsidP="00763958">
            <w:r>
              <w:lastRenderedPageBreak/>
              <w:t xml:space="preserve">                    &lt;img class="full-logo" src="img/finder/text/espm.png"/&gt;</w:t>
            </w:r>
          </w:p>
          <w:p w:rsidR="00763958" w:rsidRDefault="00763958" w:rsidP="00763958">
            <w:r>
              <w:t xml:space="preserve">                &lt;/a&gt;</w:t>
            </w:r>
          </w:p>
          <w:p w:rsidR="00763958" w:rsidRDefault="00763958" w:rsidP="00763958">
            <w:r>
              <w:t xml:space="preserve">            &lt;/li&gt;</w:t>
            </w:r>
          </w:p>
          <w:p w:rsidR="00763958" w:rsidRDefault="00763958" w:rsidP="00763958">
            <w:r>
              <w:t xml:space="preserve">                    &lt;li&gt;</w:t>
            </w:r>
          </w:p>
          <w:p w:rsidR="00763958" w:rsidRDefault="00763958" w:rsidP="00763958">
            <w:r>
              <w:t xml:space="preserve">                &lt;a href="https://elderlawlawyerfinder.com/" target="_blank" class="float-item" title="Find Attorneys specializing in the legal needs of seniors"</w:t>
            </w:r>
          </w:p>
          <w:p w:rsidR="00763958" w:rsidRDefault="00763958" w:rsidP="00763958">
            <w:r>
              <w:t xml:space="preserve">                   data-toggle="tooltip" data-placement="right" data-delay="500"&gt;</w:t>
            </w:r>
          </w:p>
          <w:p w:rsidR="00763958" w:rsidRDefault="00763958" w:rsidP="00763958">
            <w:r>
              <w:t xml:space="preserve">                    &lt;img class="rounded-circle icon" src="img/icon/el.png"/&gt;</w:t>
            </w:r>
          </w:p>
          <w:p w:rsidR="00763958" w:rsidRDefault="00763958" w:rsidP="00763958">
            <w:r>
              <w:t xml:space="preserve">                    &lt;img class="full-logo" src="img/finder/text/el.png"/&gt;</w:t>
            </w:r>
          </w:p>
          <w:p w:rsidR="00763958" w:rsidRDefault="00763958" w:rsidP="00763958">
            <w:r>
              <w:t xml:space="preserve">                &lt;/a&gt;</w:t>
            </w:r>
          </w:p>
          <w:p w:rsidR="00763958" w:rsidRDefault="00763958" w:rsidP="00763958">
            <w:r>
              <w:t xml:space="preserve">            &lt;/li&gt;</w:t>
            </w:r>
          </w:p>
          <w:p w:rsidR="00763958" w:rsidRDefault="00763958" w:rsidP="00763958">
            <w:r>
              <w:t xml:space="preserve">                    &lt;li&gt;</w:t>
            </w:r>
          </w:p>
          <w:p w:rsidR="00763958" w:rsidRDefault="00763958" w:rsidP="00763958">
            <w:r>
              <w:t xml:space="preserve">                &lt;a href="https://eiflfinder.com/" target="_blank" class="float-item" title="Find Professionals specializing in Investment, Finance and Loans for Seniors"</w:t>
            </w:r>
          </w:p>
          <w:p w:rsidR="00763958" w:rsidRDefault="00763958" w:rsidP="00763958">
            <w:r>
              <w:t xml:space="preserve">                   data-toggle="tooltip" data-placement="right" data-delay="500"&gt;</w:t>
            </w:r>
          </w:p>
          <w:p w:rsidR="00763958" w:rsidRDefault="00763958" w:rsidP="00763958">
            <w:r>
              <w:t xml:space="preserve">                    &lt;img class="rounded-circle icon" src="img/icon/eifl.png"/&gt;</w:t>
            </w:r>
          </w:p>
          <w:p w:rsidR="00763958" w:rsidRDefault="00763958" w:rsidP="00763958">
            <w:r>
              <w:t xml:space="preserve">                    &lt;img class="full-logo" src="img/finder/text/eifl.png"/&gt;</w:t>
            </w:r>
          </w:p>
          <w:p w:rsidR="00763958" w:rsidRDefault="00763958" w:rsidP="00763958">
            <w:r>
              <w:t xml:space="preserve">                &lt;/a&gt;</w:t>
            </w:r>
          </w:p>
          <w:p w:rsidR="00763958" w:rsidRDefault="00763958" w:rsidP="00763958">
            <w:r>
              <w:t xml:space="preserve">            &lt;/li&gt;</w:t>
            </w:r>
          </w:p>
          <w:p w:rsidR="00763958" w:rsidRDefault="00763958" w:rsidP="00763958">
            <w:r>
              <w:t xml:space="preserve">                    &lt;li&gt;</w:t>
            </w:r>
          </w:p>
          <w:p w:rsidR="00763958" w:rsidRDefault="00763958" w:rsidP="00763958">
            <w:r>
              <w:t xml:space="preserve">                &lt;a href="https://vabenefitsfinder.com/" target="_blank" class="float-item" title="Find Specialists who guarantee Seniors the Veteran’s Benefits they deserve"</w:t>
            </w:r>
          </w:p>
          <w:p w:rsidR="00763958" w:rsidRDefault="00763958" w:rsidP="00763958">
            <w:r>
              <w:t xml:space="preserve">                   data-toggle="tooltip" data-placement="right" data-delay="500"&gt;</w:t>
            </w:r>
          </w:p>
          <w:p w:rsidR="00763958" w:rsidRDefault="00763958" w:rsidP="00763958">
            <w:r>
              <w:t xml:space="preserve">                    &lt;img class="rounded-circle icon" src="img/icon/vab.png"/&gt;</w:t>
            </w:r>
          </w:p>
          <w:p w:rsidR="00763958" w:rsidRDefault="00763958" w:rsidP="00763958">
            <w:r>
              <w:t xml:space="preserve">                    &lt;img class="full-logo" src="img/finder/text/vab.png"/&gt;</w:t>
            </w:r>
          </w:p>
          <w:p w:rsidR="00763958" w:rsidRDefault="00763958" w:rsidP="00763958">
            <w:r>
              <w:t xml:space="preserve">                &lt;/a&gt;</w:t>
            </w:r>
          </w:p>
          <w:p w:rsidR="00763958" w:rsidRDefault="00763958" w:rsidP="00763958">
            <w:r>
              <w:t xml:space="preserve">            &lt;/li&gt;</w:t>
            </w:r>
          </w:p>
          <w:p w:rsidR="00763958" w:rsidRDefault="00763958" w:rsidP="00763958">
            <w:r>
              <w:t xml:space="preserve">                    &lt;li&gt;</w:t>
            </w:r>
          </w:p>
          <w:p w:rsidR="00763958" w:rsidRDefault="00763958" w:rsidP="00763958">
            <w:r>
              <w:t xml:space="preserve">                &lt;a href="https://insureseniorsfinder.com/" target="_blank" class="float-item" title="Find Professionals who Insure Seniors for life, health, property and peace of mind"</w:t>
            </w:r>
          </w:p>
          <w:p w:rsidR="00763958" w:rsidRDefault="00763958" w:rsidP="00763958">
            <w:r>
              <w:t xml:space="preserve">                   data-toggle="tooltip" data-placement="right" data-delay="500"&gt;</w:t>
            </w:r>
          </w:p>
          <w:p w:rsidR="00763958" w:rsidRDefault="00763958" w:rsidP="00763958">
            <w:r>
              <w:t xml:space="preserve">                    &lt;img class="rounded-circle icon" src="img/icon/is.png"/&gt;</w:t>
            </w:r>
          </w:p>
          <w:p w:rsidR="00763958" w:rsidRDefault="00763958" w:rsidP="00763958">
            <w:r>
              <w:t xml:space="preserve">                    &lt;img class="full-logo" src="img/finder/text/is.png"/&gt;</w:t>
            </w:r>
          </w:p>
          <w:p w:rsidR="00763958" w:rsidRDefault="00763958" w:rsidP="00763958">
            <w:r>
              <w:t xml:space="preserve">                &lt;/a&gt;</w:t>
            </w:r>
          </w:p>
          <w:p w:rsidR="00763958" w:rsidRDefault="00763958" w:rsidP="00763958">
            <w:r>
              <w:t xml:space="preserve">            &lt;/li&gt;</w:t>
            </w:r>
          </w:p>
          <w:p w:rsidR="00763958" w:rsidRDefault="00763958" w:rsidP="00763958">
            <w:r>
              <w:t xml:space="preserve">            &lt;/ul&gt;</w:t>
            </w:r>
          </w:p>
          <w:p w:rsidR="00763958" w:rsidRDefault="00763958" w:rsidP="00763958">
            <w:r>
              <w:t>&lt;/div&gt;</w:t>
            </w:r>
          </w:p>
          <w:p w:rsidR="00763958" w:rsidRDefault="00763958" w:rsidP="00763958">
            <w:r>
              <w:t>&lt;script type="text/javascript"&gt;</w:t>
            </w:r>
          </w:p>
          <w:p w:rsidR="00763958" w:rsidRDefault="00763958" w:rsidP="00763958">
            <w:r>
              <w:t xml:space="preserve">    var isMobile = /iPhone|Android/i.test(navigator.userAgent);</w:t>
            </w:r>
          </w:p>
          <w:p w:rsidR="00763958" w:rsidRDefault="00763958" w:rsidP="00763958">
            <w:r>
              <w:t xml:space="preserve">    $(document).ready(function () {</w:t>
            </w:r>
          </w:p>
          <w:p w:rsidR="00763958" w:rsidRDefault="00763958" w:rsidP="00763958">
            <w:r>
              <w:t xml:space="preserve">        // jQuery reverse</w:t>
            </w:r>
          </w:p>
          <w:p w:rsidR="00763958" w:rsidRDefault="00763958" w:rsidP="00763958">
            <w:r>
              <w:t xml:space="preserve">        $.fn.reverse = [].reverse;</w:t>
            </w:r>
          </w:p>
          <w:p w:rsidR="00763958" w:rsidRDefault="00763958" w:rsidP="00763958">
            <w:r>
              <w:t xml:space="preserve">        $(".floating-widget ul li").hover(function () {</w:t>
            </w:r>
          </w:p>
          <w:p w:rsidR="00763958" w:rsidRDefault="00763958" w:rsidP="00763958">
            <w:r>
              <w:t xml:space="preserve">            $(this).toggleClass("active");</w:t>
            </w:r>
          </w:p>
          <w:p w:rsidR="00763958" w:rsidRDefault="00763958" w:rsidP="00763958">
            <w:r>
              <w:t xml:space="preserve">        });</w:t>
            </w:r>
          </w:p>
          <w:p w:rsidR="00763958" w:rsidRDefault="00763958" w:rsidP="00763958">
            <w:r>
              <w:t xml:space="preserve">        if (isMobile) {</w:t>
            </w:r>
          </w:p>
          <w:p w:rsidR="00763958" w:rsidRDefault="00763958" w:rsidP="00763958">
            <w:r>
              <w:t xml:space="preserve">            // Toggle-on-click behaviour.</w:t>
            </w:r>
          </w:p>
          <w:p w:rsidR="00763958" w:rsidRDefault="00763958" w:rsidP="00763958">
            <w:r>
              <w:t xml:space="preserve">            $(document).on('click.floatingWidget', '.floating-widget &gt; a', function (e) {</w:t>
            </w:r>
          </w:p>
          <w:p w:rsidR="00763958" w:rsidRDefault="00763958" w:rsidP="00763958">
            <w:r>
              <w:lastRenderedPageBreak/>
              <w:t xml:space="preserve">                var $this = $(this);</w:t>
            </w:r>
          </w:p>
          <w:p w:rsidR="00763958" w:rsidRDefault="00763958" w:rsidP="00763958">
            <w:r>
              <w:t xml:space="preserve">                var $menu = $this.parent();</w:t>
            </w:r>
          </w:p>
          <w:p w:rsidR="00763958" w:rsidRDefault="00763958" w:rsidP="00763958">
            <w:r>
              <w:t xml:space="preserve">                if ($menu.hasClass('open')) {</w:t>
            </w:r>
          </w:p>
          <w:p w:rsidR="00763958" w:rsidRDefault="00763958" w:rsidP="00763958">
            <w:r>
              <w:t xml:space="preserve">                    closeFABMenu($menu);</w:t>
            </w:r>
          </w:p>
          <w:p w:rsidR="00763958" w:rsidRDefault="00763958" w:rsidP="00763958">
            <w:r>
              <w:t xml:space="preserve">                } else {</w:t>
            </w:r>
          </w:p>
          <w:p w:rsidR="00763958" w:rsidRDefault="00763958" w:rsidP="00763958">
            <w:r>
              <w:t xml:space="preserve">                    openFABMenu($menu);</w:t>
            </w:r>
          </w:p>
          <w:p w:rsidR="00763958" w:rsidRDefault="00763958" w:rsidP="00763958">
            <w:r>
              <w:t xml:space="preserve">                }</w:t>
            </w:r>
          </w:p>
          <w:p w:rsidR="00763958" w:rsidRDefault="00763958" w:rsidP="00763958">
            <w:r>
              <w:t xml:space="preserve">            });</w:t>
            </w:r>
          </w:p>
          <w:p w:rsidR="00763958" w:rsidRDefault="00763958" w:rsidP="00763958">
            <w:r>
              <w:t xml:space="preserve">        } else {</w:t>
            </w:r>
          </w:p>
          <w:p w:rsidR="00763958" w:rsidRDefault="00763958" w:rsidP="00763958">
            <w:r>
              <w:t xml:space="preserve">            var $menu = $(".floating-widget");</w:t>
            </w:r>
          </w:p>
          <w:p w:rsidR="00763958" w:rsidRDefault="00763958" w:rsidP="00763958">
            <w:r>
              <w:t xml:space="preserve">            openFABMenu($menu);</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fn.extend({</w:t>
            </w:r>
          </w:p>
          <w:p w:rsidR="00763958" w:rsidRDefault="00763958" w:rsidP="00763958">
            <w:r>
              <w:t xml:space="preserve">        openFAB: function () {</w:t>
            </w:r>
          </w:p>
          <w:p w:rsidR="00763958" w:rsidRDefault="00763958" w:rsidP="00763958">
            <w:r>
              <w:t xml:space="preserve">            openFABMenu($(this));</w:t>
            </w:r>
          </w:p>
          <w:p w:rsidR="00763958" w:rsidRDefault="00763958" w:rsidP="00763958">
            <w:r>
              <w:t xml:space="preserve">        },</w:t>
            </w:r>
          </w:p>
          <w:p w:rsidR="00763958" w:rsidRDefault="00763958" w:rsidP="00763958">
            <w:r>
              <w:t xml:space="preserve">        closeFAB: function () {</w:t>
            </w:r>
          </w:p>
          <w:p w:rsidR="00763958" w:rsidRDefault="00763958" w:rsidP="00763958">
            <w:r>
              <w:t xml:space="preserve">            closeFABMenu($(this));</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var openFABMenu = function (btn) {</w:t>
            </w:r>
          </w:p>
          <w:p w:rsidR="00763958" w:rsidRDefault="00763958" w:rsidP="00763958">
            <w:r>
              <w:t xml:space="preserve">        $this = btn;</w:t>
            </w:r>
          </w:p>
          <w:p w:rsidR="00763958" w:rsidRDefault="00763958" w:rsidP="00763958">
            <w:r>
              <w:t xml:space="preserve">        if ($this.hasClass('open') === false) {</w:t>
            </w:r>
          </w:p>
          <w:p w:rsidR="00763958" w:rsidRDefault="00763958" w:rsidP="00763958"/>
          <w:p w:rsidR="00763958" w:rsidRDefault="00763958" w:rsidP="00763958">
            <w:r>
              <w:t xml:space="preserve">            // Get direction option</w:t>
            </w:r>
          </w:p>
          <w:p w:rsidR="00763958" w:rsidRDefault="00763958" w:rsidP="00763958">
            <w:r>
              <w:t xml:space="preserve">            var horizontal = $this.hasClass('horizontal');</w:t>
            </w:r>
          </w:p>
          <w:p w:rsidR="00763958" w:rsidRDefault="00763958" w:rsidP="00763958">
            <w:r>
              <w:t xml:space="preserve">            var offsetY, offsetX;</w:t>
            </w:r>
          </w:p>
          <w:p w:rsidR="00763958" w:rsidRDefault="00763958" w:rsidP="00763958"/>
          <w:p w:rsidR="00763958" w:rsidRDefault="00763958" w:rsidP="00763958">
            <w:r>
              <w:t xml:space="preserve">            if (horizontal === true) {</w:t>
            </w:r>
          </w:p>
          <w:p w:rsidR="00763958" w:rsidRDefault="00763958" w:rsidP="00763958">
            <w:r>
              <w:t xml:space="preserve">                offsetX = 40;</w:t>
            </w:r>
          </w:p>
          <w:p w:rsidR="00763958" w:rsidRDefault="00763958" w:rsidP="00763958">
            <w:r>
              <w:t xml:space="preserve">            } else {</w:t>
            </w:r>
          </w:p>
          <w:p w:rsidR="00763958" w:rsidRDefault="00763958" w:rsidP="00763958">
            <w:r>
              <w:t xml:space="preserve">                offsetY = 40;</w:t>
            </w:r>
          </w:p>
          <w:p w:rsidR="00763958" w:rsidRDefault="00763958" w:rsidP="00763958">
            <w:r>
              <w:t xml:space="preserve">            }</w:t>
            </w:r>
          </w:p>
          <w:p w:rsidR="00763958" w:rsidRDefault="00763958" w:rsidP="00763958"/>
          <w:p w:rsidR="00763958" w:rsidRDefault="00763958" w:rsidP="00763958">
            <w:r>
              <w:t xml:space="preserve">            $this.addClass('open');</w:t>
            </w:r>
          </w:p>
          <w:p w:rsidR="00763958" w:rsidRDefault="00763958" w:rsidP="00763958">
            <w:r>
              <w:t xml:space="preserve">            $this.find('ul .float-item').velocity(</w:t>
            </w:r>
          </w:p>
          <w:p w:rsidR="00763958" w:rsidRDefault="00763958" w:rsidP="00763958">
            <w:r>
              <w:t xml:space="preserve">                {scaleY: ".4", scaleX: ".4", translateY: offsetY + 'px', translateX: offsetX + 'px'},</w:t>
            </w:r>
          </w:p>
          <w:p w:rsidR="00763958" w:rsidRDefault="00763958" w:rsidP="00763958">
            <w:r>
              <w:t xml:space="preserve">                {duration: 0});</w:t>
            </w:r>
          </w:p>
          <w:p w:rsidR="00763958" w:rsidRDefault="00763958" w:rsidP="00763958"/>
          <w:p w:rsidR="00763958" w:rsidRDefault="00763958" w:rsidP="00763958">
            <w:r>
              <w:t xml:space="preserve">            var time = 0;</w:t>
            </w:r>
          </w:p>
          <w:p w:rsidR="00763958" w:rsidRDefault="00763958" w:rsidP="00763958">
            <w:r>
              <w:t xml:space="preserve">            $this.find('ul .float-item').reverse().each(function () {</w:t>
            </w:r>
          </w:p>
          <w:p w:rsidR="00763958" w:rsidRDefault="00763958" w:rsidP="00763958">
            <w:r>
              <w:t xml:space="preserve">                $(this).velocity(</w:t>
            </w:r>
          </w:p>
          <w:p w:rsidR="00763958" w:rsidRDefault="00763958" w:rsidP="00763958">
            <w:r>
              <w:t xml:space="preserve">                    {opacity: "1", scaleX: "1", scaleY: "1", translateY: "0", translateX: '0'},</w:t>
            </w:r>
          </w:p>
          <w:p w:rsidR="00763958" w:rsidRDefault="00763958" w:rsidP="00763958">
            <w:r>
              <w:t xml:space="preserve">                    {duration: 80, delay: time});</w:t>
            </w:r>
          </w:p>
          <w:p w:rsidR="00763958" w:rsidRDefault="00763958" w:rsidP="00763958">
            <w:r>
              <w:t xml:space="preserve">                time += 40;</w:t>
            </w:r>
          </w:p>
          <w:p w:rsidR="00763958" w:rsidRDefault="00763958" w:rsidP="00763958">
            <w:r>
              <w:lastRenderedPageBreak/>
              <w:t xml:space="preserve">            });</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var closeFABMenu = function (btn) {</w:t>
            </w:r>
          </w:p>
          <w:p w:rsidR="00763958" w:rsidRDefault="00763958" w:rsidP="00763958">
            <w:r>
              <w:t xml:space="preserve">        $this = btn;</w:t>
            </w:r>
          </w:p>
          <w:p w:rsidR="00763958" w:rsidRDefault="00763958" w:rsidP="00763958">
            <w:r>
              <w:t xml:space="preserve">        // Get direction option</w:t>
            </w:r>
          </w:p>
          <w:p w:rsidR="00763958" w:rsidRDefault="00763958" w:rsidP="00763958">
            <w:r>
              <w:t xml:space="preserve">        var horizontal = $this.hasClass('horizontal');</w:t>
            </w:r>
          </w:p>
          <w:p w:rsidR="00763958" w:rsidRDefault="00763958" w:rsidP="00763958">
            <w:r>
              <w:t xml:space="preserve">        var offsetY, offsetX;</w:t>
            </w:r>
          </w:p>
          <w:p w:rsidR="00763958" w:rsidRDefault="00763958" w:rsidP="00763958"/>
          <w:p w:rsidR="00763958" w:rsidRDefault="00763958" w:rsidP="00763958">
            <w:r>
              <w:t xml:space="preserve">        if (horizontal === true) {</w:t>
            </w:r>
          </w:p>
          <w:p w:rsidR="00763958" w:rsidRDefault="00763958" w:rsidP="00763958">
            <w:r>
              <w:t xml:space="preserve">            offsetX = 40;</w:t>
            </w:r>
          </w:p>
          <w:p w:rsidR="00763958" w:rsidRDefault="00763958" w:rsidP="00763958">
            <w:r>
              <w:t xml:space="preserve">        } else {</w:t>
            </w:r>
          </w:p>
          <w:p w:rsidR="00763958" w:rsidRDefault="00763958" w:rsidP="00763958">
            <w:r>
              <w:t xml:space="preserve">            offsetY = 40;</w:t>
            </w:r>
          </w:p>
          <w:p w:rsidR="00763958" w:rsidRDefault="00763958" w:rsidP="00763958">
            <w:r>
              <w:t xml:space="preserve">        }</w:t>
            </w:r>
          </w:p>
          <w:p w:rsidR="00763958" w:rsidRDefault="00763958" w:rsidP="00763958"/>
          <w:p w:rsidR="00763958" w:rsidRDefault="00763958" w:rsidP="00763958">
            <w:r>
              <w:t xml:space="preserve">        $this.removeClass('open');</w:t>
            </w:r>
          </w:p>
          <w:p w:rsidR="00763958" w:rsidRDefault="00763958" w:rsidP="00763958">
            <w:r>
              <w:t xml:space="preserve">        var time = 0;</w:t>
            </w:r>
          </w:p>
          <w:p w:rsidR="00763958" w:rsidRDefault="00763958" w:rsidP="00763958">
            <w:r>
              <w:t xml:space="preserve">        $this.find('ul .float-item').velocity("stop", true);</w:t>
            </w:r>
          </w:p>
          <w:p w:rsidR="00763958" w:rsidRDefault="00763958" w:rsidP="00763958">
            <w:r>
              <w:t xml:space="preserve">        $this.find('ul .float-item').velocity(</w:t>
            </w:r>
          </w:p>
          <w:p w:rsidR="00763958" w:rsidRDefault="00763958" w:rsidP="00763958">
            <w:r>
              <w:t xml:space="preserve">            {opacity: "0", scaleX: ".4", scaleY: ".4", translateY: offsetY + 'px', translateX: offsetX + 'px'},</w:t>
            </w:r>
          </w:p>
          <w:p w:rsidR="00763958" w:rsidRDefault="00763958" w:rsidP="00763958">
            <w:r>
              <w:t xml:space="preserve">            {duration: 80}</w:t>
            </w:r>
          </w:p>
          <w:p w:rsidR="00763958" w:rsidRDefault="00763958" w:rsidP="00763958">
            <w:r>
              <w:t xml:space="preserve">        );</w:t>
            </w:r>
          </w:p>
          <w:p w:rsidR="00763958" w:rsidRDefault="00763958" w:rsidP="00763958">
            <w:r>
              <w:t xml:space="preserve">    };</w:t>
            </w:r>
          </w:p>
          <w:p w:rsidR="00763958" w:rsidRDefault="00763958" w:rsidP="00763958">
            <w:r>
              <w:t>&lt;/script&gt;</w:t>
            </w:r>
          </w:p>
          <w:p w:rsidR="00763958" w:rsidRDefault="00763958" w:rsidP="00763958">
            <w:r>
              <w:t>&lt;!---------------floating widget ends------------------&gt;</w:t>
            </w:r>
          </w:p>
          <w:p w:rsidR="00763958" w:rsidRDefault="00763958" w:rsidP="00763958">
            <w:r>
              <w:t>&lt;div id="divLoader" class="loading-widget" align="center"&gt;</w:t>
            </w:r>
          </w:p>
          <w:p w:rsidR="00763958" w:rsidRDefault="00763958" w:rsidP="00763958">
            <w:r>
              <w:t xml:space="preserve">    &lt;br/&gt;</w:t>
            </w:r>
          </w:p>
          <w:p w:rsidR="00763958" w:rsidRDefault="00763958" w:rsidP="00763958">
            <w:r>
              <w:t xml:space="preserve">    &lt;p class="text-default"&gt;</w:t>
            </w:r>
          </w:p>
          <w:p w:rsidR="00763958" w:rsidRDefault="00763958" w:rsidP="00763958">
            <w:r>
              <w:t xml:space="preserve">        Loading, Please Wait for a while...</w:t>
            </w:r>
          </w:p>
          <w:p w:rsidR="00763958" w:rsidRDefault="00763958" w:rsidP="00763958">
            <w:r>
              <w:t xml:space="preserve">    &lt;/p&gt;</w:t>
            </w:r>
          </w:p>
          <w:p w:rsidR="00763958" w:rsidRDefault="00763958" w:rsidP="00763958">
            <w:r>
              <w:t xml:space="preserve">    &lt;br/&gt;</w:t>
            </w:r>
          </w:p>
          <w:p w:rsidR="00763958" w:rsidRDefault="00763958" w:rsidP="00763958">
            <w:r>
              <w:t>&lt;/div&gt;</w:t>
            </w:r>
          </w:p>
          <w:p w:rsidR="00763958" w:rsidRDefault="00763958" w:rsidP="00763958">
            <w:r>
              <w:t>&lt;div id="divOverlay" class="loading-overlay"&gt;&lt;/div&gt;</w:t>
            </w:r>
          </w:p>
          <w:p w:rsidR="00763958" w:rsidRDefault="00763958" w:rsidP="00763958">
            <w:r>
              <w:t>&lt;script type="text/javascript"&gt;</w:t>
            </w:r>
          </w:p>
          <w:p w:rsidR="00763958" w:rsidRDefault="00763958" w:rsidP="00763958">
            <w:r>
              <w:t xml:space="preserve">    window.loading = function (show, message) {</w:t>
            </w:r>
          </w:p>
          <w:p w:rsidR="00763958" w:rsidRDefault="00763958" w:rsidP="00763958">
            <w:r>
              <w:t xml:space="preserve">        let overlay = $(".loading-overlay");</w:t>
            </w:r>
          </w:p>
          <w:p w:rsidR="00763958" w:rsidRDefault="00763958" w:rsidP="00763958">
            <w:r>
              <w:t xml:space="preserve">        let loading = $(".loading-widget");</w:t>
            </w:r>
          </w:p>
          <w:p w:rsidR="00763958" w:rsidRDefault="00763958" w:rsidP="00763958">
            <w:r>
              <w:t xml:space="preserve">        $("p", loading).html(message);</w:t>
            </w:r>
          </w:p>
          <w:p w:rsidR="00763958" w:rsidRDefault="00763958" w:rsidP="00763958">
            <w:r>
              <w:t xml:space="preserve">        if (show) {</w:t>
            </w:r>
          </w:p>
          <w:p w:rsidR="00763958" w:rsidRDefault="00763958" w:rsidP="00763958">
            <w:r>
              <w:t xml:space="preserve">            let top = Math.max($(window).height() / 2 - loading[0].offsetHeight / 2 - 50, 0);</w:t>
            </w:r>
          </w:p>
          <w:p w:rsidR="00763958" w:rsidRDefault="00763958" w:rsidP="00763958">
            <w:r>
              <w:t xml:space="preserve">            overlay.fadeIn();</w:t>
            </w:r>
          </w:p>
          <w:p w:rsidR="00763958" w:rsidRDefault="00763958" w:rsidP="00763958">
            <w:r>
              <w:t xml:space="preserve">            loading.fadeIn();</w:t>
            </w:r>
          </w:p>
          <w:p w:rsidR="00763958" w:rsidRDefault="00763958" w:rsidP="00763958">
            <w:r>
              <w:t xml:space="preserve">            loading.css({</w:t>
            </w:r>
          </w:p>
          <w:p w:rsidR="00763958" w:rsidRDefault="00763958" w:rsidP="00763958">
            <w:r>
              <w:t xml:space="preserve">                top: top</w:t>
            </w:r>
          </w:p>
          <w:p w:rsidR="00763958" w:rsidRDefault="00763958" w:rsidP="00763958">
            <w:r>
              <w:t xml:space="preserve">            });</w:t>
            </w:r>
          </w:p>
          <w:p w:rsidR="00763958" w:rsidRDefault="00763958" w:rsidP="00763958">
            <w:r>
              <w:t xml:space="preserve">        } else {</w:t>
            </w:r>
          </w:p>
          <w:p w:rsidR="00763958" w:rsidRDefault="00763958" w:rsidP="00763958">
            <w:r>
              <w:t xml:space="preserve">            overlay.fadeOut();</w:t>
            </w:r>
          </w:p>
          <w:p w:rsidR="00763958" w:rsidRDefault="00763958" w:rsidP="00763958">
            <w:r>
              <w:lastRenderedPageBreak/>
              <w:t xml:space="preserve">            loading.fadeOut();</w:t>
            </w:r>
          </w:p>
          <w:p w:rsidR="00763958" w:rsidRDefault="00763958" w:rsidP="00763958">
            <w:r>
              <w:t xml:space="preserve">        }</w:t>
            </w:r>
          </w:p>
          <w:p w:rsidR="00763958" w:rsidRDefault="00763958" w:rsidP="00763958">
            <w:r>
              <w:t xml:space="preserve">    }</w:t>
            </w:r>
          </w:p>
          <w:p w:rsidR="00763958" w:rsidRDefault="00763958" w:rsidP="00763958">
            <w:r>
              <w:t>&lt;/script&gt;</w:t>
            </w:r>
          </w:p>
          <w:p w:rsidR="00763958" w:rsidRDefault="00763958" w:rsidP="00763958">
            <w:r>
              <w:t>&lt;style type="text/css"&gt;</w:t>
            </w:r>
          </w:p>
          <w:p w:rsidR="00763958" w:rsidRDefault="00763958" w:rsidP="00763958">
            <w:r>
              <w:t xml:space="preserve">    .loading-overlay {</w:t>
            </w:r>
          </w:p>
          <w:p w:rsidR="00763958" w:rsidRDefault="00763958" w:rsidP="00763958">
            <w:r>
              <w:t xml:space="preserve">        display: none;</w:t>
            </w:r>
          </w:p>
          <w:p w:rsidR="00763958" w:rsidRDefault="00763958" w:rsidP="00763958">
            <w:r>
              <w:t xml:space="preserve">        position: fixed;</w:t>
            </w:r>
          </w:p>
          <w:p w:rsidR="00763958" w:rsidRDefault="00763958" w:rsidP="00763958">
            <w:r>
              <w:t xml:space="preserve">        top: 0;</w:t>
            </w:r>
          </w:p>
          <w:p w:rsidR="00763958" w:rsidRDefault="00763958" w:rsidP="00763958">
            <w:r>
              <w:t xml:space="preserve">        left: 0;</w:t>
            </w:r>
          </w:p>
          <w:p w:rsidR="00763958" w:rsidRDefault="00763958" w:rsidP="00763958">
            <w:r>
              <w:t xml:space="preserve">        background-color: #FFFFFF;</w:t>
            </w:r>
          </w:p>
          <w:p w:rsidR="00763958" w:rsidRDefault="00763958" w:rsidP="00763958">
            <w:r>
              <w:t xml:space="preserve">        z-index: 10060;</w:t>
            </w:r>
          </w:p>
          <w:p w:rsidR="00763958" w:rsidRDefault="00763958" w:rsidP="00763958">
            <w:r>
              <w:t xml:space="preserve">        opacity: 0.8;</w:t>
            </w:r>
          </w:p>
          <w:p w:rsidR="00763958" w:rsidRDefault="00763958" w:rsidP="00763958">
            <w:r>
              <w:t xml:space="preserve">        filter: alpha(opacity=80);</w:t>
            </w:r>
          </w:p>
          <w:p w:rsidR="00763958" w:rsidRDefault="00763958" w:rsidP="00763958">
            <w:r>
              <w:t xml:space="preserve">        -moz-opacity: 0.8;</w:t>
            </w:r>
          </w:p>
          <w:p w:rsidR="00763958" w:rsidRDefault="00763958" w:rsidP="00763958">
            <w:r>
              <w:t xml:space="preserve">        min-height: 100%;</w:t>
            </w:r>
          </w:p>
          <w:p w:rsidR="00763958" w:rsidRDefault="00763958" w:rsidP="00763958">
            <w:r>
              <w:t xml:space="preserve">        width: 100%;</w:t>
            </w:r>
          </w:p>
          <w:p w:rsidR="00763958" w:rsidRDefault="00763958" w:rsidP="00763958">
            <w:r>
              <w:t xml:space="preserve">    }</w:t>
            </w:r>
          </w:p>
          <w:p w:rsidR="00763958" w:rsidRDefault="00763958" w:rsidP="00763958">
            <w:r>
              <w:t xml:space="preserve">    .loading-widget {</w:t>
            </w:r>
          </w:p>
          <w:p w:rsidR="00763958" w:rsidRDefault="00763958" w:rsidP="00763958">
            <w:r>
              <w:t xml:space="preserve">        font-family: Arial;</w:t>
            </w:r>
          </w:p>
          <w:p w:rsidR="00763958" w:rsidRDefault="00763958" w:rsidP="00763958">
            <w:r>
              <w:t xml:space="preserve">        font-size: 10pt;</w:t>
            </w:r>
          </w:p>
          <w:p w:rsidR="00763958" w:rsidRDefault="00763958" w:rsidP="00763958">
            <w:r>
              <w:t xml:space="preserve">        width: 350px;</w:t>
            </w:r>
          </w:p>
          <w:p w:rsidR="00763958" w:rsidRDefault="00763958" w:rsidP="00763958">
            <w:r>
              <w:t xml:space="preserve">        height: 130px;</w:t>
            </w:r>
          </w:p>
          <w:p w:rsidR="00763958" w:rsidRDefault="00763958" w:rsidP="00763958">
            <w:r>
              <w:t xml:space="preserve">        display: none;</w:t>
            </w:r>
          </w:p>
          <w:p w:rsidR="00763958" w:rsidRDefault="00763958" w:rsidP="00763958">
            <w:r>
              <w:t xml:space="preserve">        position: fixed;</w:t>
            </w:r>
          </w:p>
          <w:p w:rsidR="00763958" w:rsidRDefault="00763958" w:rsidP="00763958">
            <w:r>
              <w:t xml:space="preserve">        background: transparent url("{{ url('frontend/img/loader.gif") 50% 50% no-repeat;</w:t>
            </w:r>
          </w:p>
          <w:p w:rsidR="00763958" w:rsidRDefault="00763958" w:rsidP="00763958">
            <w:r>
              <w:t xml:space="preserve">        z-index: 10080;</w:t>
            </w:r>
          </w:p>
          <w:p w:rsidR="00763958" w:rsidRDefault="00763958" w:rsidP="00763958">
            <w:r>
              <w:t xml:space="preserve">        left: 50%;</w:t>
            </w:r>
          </w:p>
          <w:p w:rsidR="00763958" w:rsidRDefault="00763958" w:rsidP="00763958">
            <w:r>
              <w:t xml:space="preserve">        margin-left: -175px;</w:t>
            </w:r>
          </w:p>
          <w:p w:rsidR="00763958" w:rsidRDefault="00763958" w:rsidP="00763958">
            <w:r>
              <w:t xml:space="preserve">    }</w:t>
            </w:r>
          </w:p>
          <w:p w:rsidR="00763958" w:rsidRDefault="00763958" w:rsidP="00763958">
            <w:r>
              <w:t xml:space="preserve">    .loading-widget p {</w:t>
            </w:r>
          </w:p>
          <w:p w:rsidR="00763958" w:rsidRDefault="00763958" w:rsidP="00763958">
            <w:r>
              <w:t xml:space="preserve">        margin-top: 130px;</w:t>
            </w:r>
          </w:p>
          <w:p w:rsidR="00763958" w:rsidRDefault="00763958" w:rsidP="00763958">
            <w:r>
              <w:t xml:space="preserve">        font-weight: bolder;</w:t>
            </w:r>
          </w:p>
          <w:p w:rsidR="00763958" w:rsidRDefault="00763958" w:rsidP="00763958">
            <w:r>
              <w:t xml:space="preserve">        color: #035b67;</w:t>
            </w:r>
          </w:p>
          <w:p w:rsidR="00763958" w:rsidRDefault="00763958" w:rsidP="00763958">
            <w:r>
              <w:t xml:space="preserve">        font-size: 18px;</w:t>
            </w:r>
          </w:p>
          <w:p w:rsidR="00763958" w:rsidRDefault="00763958" w:rsidP="00763958">
            <w:r>
              <w:t xml:space="preserve">    }</w:t>
            </w:r>
          </w:p>
          <w:p w:rsidR="00763958" w:rsidRDefault="00763958" w:rsidP="00763958">
            <w:r>
              <w:t>&lt;/style&gt;&lt;div id="toTop"&gt;&lt;/div&gt;</w:t>
            </w:r>
          </w:p>
          <w:p w:rsidR="00763958" w:rsidRDefault="00763958" w:rsidP="00763958"/>
          <w:p w:rsidR="00763958" w:rsidRDefault="00763958" w:rsidP="00763958">
            <w:r>
              <w:t>&lt;!---------------remove wishlist Starts------------------&gt;</w:t>
            </w:r>
          </w:p>
          <w:p w:rsidR="00763958" w:rsidRDefault="00763958" w:rsidP="00763958">
            <w:r>
              <w:t>&lt;!--theme.js --&gt;</w:t>
            </w:r>
          </w:p>
          <w:p w:rsidR="00763958" w:rsidRDefault="00763958" w:rsidP="00763958">
            <w:r>
              <w:t>&lt;script src="spf/js/theme.js"&gt;&lt;/script&gt;</w:t>
            </w:r>
          </w:p>
          <w:p w:rsidR="00763958" w:rsidRDefault="00763958" w:rsidP="00763958">
            <w:r>
              <w:t>&lt;!--lscache.js --&gt;</w:t>
            </w:r>
          </w:p>
          <w:p w:rsidR="00763958" w:rsidRDefault="00763958" w:rsidP="00763958">
            <w:r>
              <w:t>&lt;script src="js/lscache.js"&gt;&lt;/script&gt;</w:t>
            </w:r>
          </w:p>
          <w:p w:rsidR="00763958" w:rsidRDefault="00763958" w:rsidP="00763958">
            <w:r>
              <w:t>&lt;!--notify.js --&gt;</w:t>
            </w:r>
          </w:p>
          <w:p w:rsidR="00763958" w:rsidRDefault="00763958" w:rsidP="00763958">
            <w:r>
              <w:t>&lt;script src="js/notify.js"&gt;&lt;/script&gt;</w:t>
            </w:r>
          </w:p>
          <w:p w:rsidR="00763958" w:rsidRDefault="00763958" w:rsidP="00763958">
            <w:r>
              <w:t>&lt;!--js/common.js --&gt;</w:t>
            </w:r>
          </w:p>
          <w:p w:rsidR="00763958" w:rsidRDefault="00763958" w:rsidP="00763958">
            <w:r>
              <w:t>&lt;script src="js/common.js"&gt;&lt;/script&gt;</w:t>
            </w:r>
          </w:p>
          <w:p w:rsidR="00763958" w:rsidRDefault="00763958" w:rsidP="00763958">
            <w:r>
              <w:t>&lt;!--animated_canvas.js --&gt;</w:t>
            </w:r>
          </w:p>
          <w:p w:rsidR="00763958" w:rsidRDefault="00763958" w:rsidP="00763958">
            <w:r>
              <w:lastRenderedPageBreak/>
              <w:t xml:space="preserve">    &lt;script src="spf/js/animated_canvas.js"&gt;&lt;/script&gt;</w:t>
            </w:r>
          </w:p>
          <w:p w:rsidR="00763958" w:rsidRDefault="00763958" w:rsidP="00763958">
            <w:r>
              <w:t xml:space="preserve">    &lt;!--selectize.js --&gt;</w:t>
            </w:r>
          </w:p>
          <w:p w:rsidR="00763958" w:rsidRDefault="00763958" w:rsidP="00763958">
            <w:r>
              <w:t xml:space="preserve">    &lt;script src="js/selectize.js"&gt;&lt;/script&gt;</w:t>
            </w:r>
          </w:p>
          <w:p w:rsidR="00763958" w:rsidRDefault="00763958" w:rsidP="00763958">
            <w:r>
              <w:t xml:space="preserve">    &lt;!--googleapis --&gt;</w:t>
            </w:r>
          </w:p>
          <w:p w:rsidR="00763958" w:rsidRDefault="00763958" w:rsidP="00763958">
            <w:r>
              <w:t xml:space="preserve">    &lt;script</w:t>
            </w:r>
          </w:p>
          <w:p w:rsidR="00763958" w:rsidRDefault="00763958" w:rsidP="00763958">
            <w:r>
              <w:t xml:space="preserve">            src="https://maps.googleapis.com/maps/api/js?key=AIzaSyCjN2knZ92ZcETe2mNF2t5l_j21ZTvTnIY&amp;amp;libraries=places&amp;amp;callback=initAutocomplete"</w:t>
            </w:r>
          </w:p>
          <w:p w:rsidR="00763958" w:rsidRDefault="00763958" w:rsidP="00763958">
            <w:r>
              <w:t xml:space="preserve">            async defer&gt;&lt;/script&gt;</w:t>
            </w:r>
          </w:p>
          <w:p w:rsidR="00763958" w:rsidRDefault="00763958" w:rsidP="00763958">
            <w:r>
              <w:t xml:space="preserve">            &lt;!-- velocity.js--&gt;</w:t>
            </w:r>
          </w:p>
          <w:p w:rsidR="00763958" w:rsidRDefault="00763958" w:rsidP="00763958">
            <w:r>
              <w:t>&lt;script src="js/velocity.js"&gt;&lt;/script&gt;</w:t>
            </w:r>
          </w:p>
          <w:p w:rsidR="00763958" w:rsidRDefault="00763958" w:rsidP="00763958">
            <w:r>
              <w:t>&lt;!-- init.js--&gt;</w:t>
            </w:r>
          </w:p>
          <w:p w:rsidR="00763958" w:rsidRDefault="00763958" w:rsidP="00763958">
            <w:r>
              <w:t>&lt;script src="spf/js/init.js"&gt;&lt;/script&gt;</w:t>
            </w:r>
          </w:p>
          <w:p w:rsidR="00763958" w:rsidRDefault="00763958" w:rsidP="00763958">
            <w:r>
              <w:t>&lt;script type="text/javascript"&gt;</w:t>
            </w:r>
          </w:p>
          <w:p w:rsidR="00763958" w:rsidRDefault="00763958" w:rsidP="00763958">
            <w:r>
              <w:t xml:space="preserve">    $(document).ready(function () {</w:t>
            </w:r>
          </w:p>
          <w:p w:rsidR="00763958" w:rsidRDefault="00763958" w:rsidP="00763958">
            <w:r>
              <w:t xml:space="preserve">        /*if (document.referrer !== "" &amp;&amp;</w:t>
            </w:r>
          </w:p>
          <w:p w:rsidR="00763958" w:rsidRDefault="00763958" w:rsidP="00763958">
            <w:r>
              <w:t xml:space="preserve">            (new URL(document.referrer)).origin !== window.location.origin &amp;&amp;</w:t>
            </w:r>
          </w:p>
          <w:p w:rsidR="00763958" w:rsidRDefault="00763958" w:rsidP="00763958">
            <w:r>
              <w:t xml:space="preserve">            lscache.get("last_visited")) {</w:t>
            </w:r>
          </w:p>
          <w:p w:rsidR="00763958" w:rsidRDefault="00763958" w:rsidP="00763958">
            <w:r>
              <w:t xml:space="preserve">            var lastVisited = lscache.get("last_visited");</w:t>
            </w:r>
          </w:p>
          <w:p w:rsidR="00763958" w:rsidRDefault="00763958" w:rsidP="00763958">
            <w:r>
              <w:t xml:space="preserve">            lscache.remove("last_visited");</w:t>
            </w:r>
          </w:p>
          <w:p w:rsidR="00763958" w:rsidRDefault="00763958" w:rsidP="00763958">
            <w:r>
              <w:t xml:space="preserve">            window.location.href = lastVisited;</w:t>
            </w:r>
          </w:p>
          <w:p w:rsidR="00763958" w:rsidRDefault="00763958" w:rsidP="00763958">
            <w:r>
              <w:t xml:space="preserve">        } else {</w:t>
            </w:r>
          </w:p>
          <w:p w:rsidR="00763958" w:rsidRDefault="00763958" w:rsidP="00763958">
            <w:r>
              <w:t xml:space="preserve">            //lscache.set("last_visited", window.location.href);</w:t>
            </w:r>
          </w:p>
          <w:p w:rsidR="00763958" w:rsidRDefault="00763958" w:rsidP="00763958">
            <w:r>
              <w:t xml:space="preserve">        }*/</w:t>
            </w:r>
          </w:p>
          <w:p w:rsidR="00763958" w:rsidRDefault="00763958" w:rsidP="00763958">
            <w:r>
              <w:t xml:space="preserve">        /*window.onbeforeunload = function() {</w:t>
            </w:r>
          </w:p>
          <w:p w:rsidR="00763958" w:rsidRDefault="00763958" w:rsidP="00763958">
            <w:r>
              <w:t xml:space="preserve">            lscache.set("last_visited", window.location.href);</w:t>
            </w:r>
          </w:p>
          <w:p w:rsidR="00763958" w:rsidRDefault="00763958" w:rsidP="00763958">
            <w:r>
              <w:t xml:space="preserve">            return;</w:t>
            </w:r>
          </w:p>
          <w:p w:rsidR="00763958" w:rsidRDefault="00763958" w:rsidP="00763958">
            <w:r>
              <w:t xml:space="preserve">        }*/</w:t>
            </w:r>
          </w:p>
          <w:p w:rsidR="00763958" w:rsidRDefault="00763958" w:rsidP="00763958">
            <w:r>
              <w:t xml:space="preserve">        fnUpdateWishFlag();</w:t>
            </w:r>
          </w:p>
          <w:p w:rsidR="00763958" w:rsidRDefault="00763958" w:rsidP="00763958">
            <w:r>
              <w:t xml:space="preserve">        $(document.body).on("click", ".btn-wishlist", function (e) {</w:t>
            </w:r>
          </w:p>
          <w:p w:rsidR="00763958" w:rsidRDefault="00763958" w:rsidP="00763958">
            <w:r>
              <w:t xml:space="preserve">            e.preventDefault();</w:t>
            </w:r>
          </w:p>
          <w:p w:rsidR="00763958" w:rsidRDefault="00763958" w:rsidP="00763958">
            <w:r>
              <w:t xml:space="preserve">            var that = this;</w:t>
            </w:r>
          </w:p>
          <w:p w:rsidR="00763958" w:rsidRDefault="00763958" w:rsidP="00763958">
            <w:r>
              <w:t xml:space="preserve">            let href = $(that).data("href");</w:t>
            </w:r>
          </w:p>
          <w:p w:rsidR="00763958" w:rsidRDefault="00763958" w:rsidP="00763958">
            <w:r>
              <w:t xml:space="preserve">            let rid = $(that).data("id");</w:t>
            </w:r>
          </w:p>
          <w:p w:rsidR="00763958" w:rsidRDefault="00763958" w:rsidP="00763958">
            <w:r>
              <w:t xml:space="preserve">            if (href) {</w:t>
            </w:r>
          </w:p>
          <w:p w:rsidR="00763958" w:rsidRDefault="00763958" w:rsidP="00763958">
            <w:r>
              <w:t xml:space="preserve">                $.ajax({</w:t>
            </w:r>
          </w:p>
          <w:p w:rsidR="00763958" w:rsidRDefault="00763958" w:rsidP="00763958">
            <w:r>
              <w:t xml:space="preserve">                    type: "get",</w:t>
            </w:r>
          </w:p>
          <w:p w:rsidR="00763958" w:rsidRDefault="00763958" w:rsidP="00763958">
            <w:r>
              <w:t xml:space="preserve">                    url: href,</w:t>
            </w:r>
          </w:p>
          <w:p w:rsidR="00763958" w:rsidRDefault="00763958" w:rsidP="00763958">
            <w:r>
              <w:t xml:space="preserve">                    beforeSend: function () {</w:t>
            </w:r>
          </w:p>
          <w:p w:rsidR="00763958" w:rsidRDefault="00763958" w:rsidP="00763958">
            <w:r>
              <w:t xml:space="preserve">                        $(that).addClass("block-loader");</w:t>
            </w:r>
          </w:p>
          <w:p w:rsidR="00763958" w:rsidRDefault="00763958" w:rsidP="00763958">
            <w:r>
              <w:t xml:space="preserve">                    },</w:t>
            </w:r>
          </w:p>
          <w:p w:rsidR="00763958" w:rsidRDefault="00763958" w:rsidP="00763958">
            <w:r>
              <w:t xml:space="preserve">                    success: function (response) {</w:t>
            </w:r>
          </w:p>
          <w:p w:rsidR="00763958" w:rsidRDefault="00763958" w:rsidP="00763958">
            <w:r>
              <w:t xml:space="preserve">                        $(that).removeClass("block-loader");</w:t>
            </w:r>
          </w:p>
          <w:p w:rsidR="00763958" w:rsidRDefault="00763958" w:rsidP="00763958">
            <w:r>
              <w:t xml:space="preserve">                        $(that).toggleClass("liked");</w:t>
            </w:r>
          </w:p>
          <w:p w:rsidR="00763958" w:rsidRDefault="00763958" w:rsidP="00763958">
            <w:r>
              <w:t xml:space="preserve">                        $("span", that).text($(that).hasClass("liked") ? "In Your List" : "Add To My List");</w:t>
            </w:r>
          </w:p>
          <w:p w:rsidR="00763958" w:rsidRDefault="00763958" w:rsidP="00763958">
            <w:r>
              <w:t xml:space="preserve">                        $(that).attr("data-original-title", $(that).hasClass("liked") ? "Remove From Your List" : "Add To My List").tooltip('show');</w:t>
            </w:r>
          </w:p>
          <w:p w:rsidR="00763958" w:rsidRDefault="00763958" w:rsidP="00763958">
            <w:r>
              <w:t xml:space="preserve">                    }</w:t>
            </w:r>
          </w:p>
          <w:p w:rsidR="00763958" w:rsidRDefault="00763958" w:rsidP="00763958">
            <w:r>
              <w:lastRenderedPageBreak/>
              <w:t xml:space="preserve">                });</w:t>
            </w:r>
          </w:p>
          <w:p w:rsidR="00763958" w:rsidRDefault="00763958" w:rsidP="00763958">
            <w:r>
              <w:t xml:space="preserve">            } else {</w:t>
            </w:r>
          </w:p>
          <w:p w:rsidR="00763958" w:rsidRDefault="00763958" w:rsidP="00763958">
            <w:r>
              <w:t xml:space="preserve">                let wishList = lscache.get("wishlist") || [];</w:t>
            </w:r>
          </w:p>
          <w:p w:rsidR="00763958" w:rsidRDefault="00763958" w:rsidP="00763958">
            <w:r>
              <w:t xml:space="preserve">                if (wishList.includes(rid)) {</w:t>
            </w:r>
          </w:p>
          <w:p w:rsidR="00763958" w:rsidRDefault="00763958" w:rsidP="00763958">
            <w:r>
              <w:t xml:space="preserve">                    wishList = _.without(wishList, rid);</w:t>
            </w:r>
          </w:p>
          <w:p w:rsidR="00763958" w:rsidRDefault="00763958" w:rsidP="00763958">
            <w:r>
              <w:t xml:space="preserve">                } else {</w:t>
            </w:r>
          </w:p>
          <w:p w:rsidR="00763958" w:rsidRDefault="00763958" w:rsidP="00763958">
            <w:r>
              <w:t xml:space="preserve">                    wishList.push(rid);</w:t>
            </w:r>
          </w:p>
          <w:p w:rsidR="00763958" w:rsidRDefault="00763958" w:rsidP="00763958">
            <w:r>
              <w:t xml:space="preserve">                }</w:t>
            </w:r>
          </w:p>
          <w:p w:rsidR="00763958" w:rsidRDefault="00763958" w:rsidP="00763958">
            <w:r>
              <w:t xml:space="preserve">                lscache.set("wishlist", wishList);</w:t>
            </w:r>
          </w:p>
          <w:p w:rsidR="00763958" w:rsidRDefault="00763958" w:rsidP="00763958">
            <w:r>
              <w:t xml:space="preserve">                $(this).toggleClass("liked");</w:t>
            </w:r>
          </w:p>
          <w:p w:rsidR="00763958" w:rsidRDefault="00763958" w:rsidP="00763958">
            <w:r>
              <w:t xml:space="preserve">                $("span", this).text($(this).hasClass("liked") ? "In Your List" : "Add To My List");</w:t>
            </w:r>
          </w:p>
          <w:p w:rsidR="00763958" w:rsidRDefault="00763958" w:rsidP="00763958">
            <w:r>
              <w:t xml:space="preserve">                $(this).attr("data-original-title", $(this).hasClass("liked") ? "Remove From Your List" : "Add To My List").tooltip('show');</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t xml:space="preserve">    window.fnUpdateWishFlag = function () {</w:t>
            </w:r>
          </w:p>
          <w:p w:rsidR="00763958" w:rsidRDefault="00763958" w:rsidP="00763958">
            <w:r>
              <w:t xml:space="preserve">        let wishList = lscache.get("wishlist") || [];</w:t>
            </w:r>
          </w:p>
          <w:p w:rsidR="00763958" w:rsidRDefault="00763958" w:rsidP="00763958">
            <w:r>
              <w:t xml:space="preserve">        wishList.forEach(function (item) {</w:t>
            </w:r>
          </w:p>
          <w:p w:rsidR="00763958" w:rsidRDefault="00763958" w:rsidP="00763958">
            <w:r>
              <w:t xml:space="preserve">            $(".btn-wishlist[data-id='" + item + "']").addClass("liked");</w:t>
            </w:r>
          </w:p>
          <w:p w:rsidR="00763958" w:rsidRDefault="00763958" w:rsidP="00763958">
            <w:r>
              <w:t xml:space="preserve">            $(".btn-wishlist[data-id='" + item + "'].liked span").text("In Your List");</w:t>
            </w:r>
          </w:p>
          <w:p w:rsidR="00763958" w:rsidRDefault="00763958" w:rsidP="00763958">
            <w:r>
              <w:t xml:space="preserve">            $(".btn-wishlist[data-id='" + item + "'].liked").attr("title", "Remove From Your List");</w:t>
            </w:r>
          </w:p>
          <w:p w:rsidR="00763958" w:rsidRDefault="00763958" w:rsidP="00763958">
            <w:r>
              <w:t xml:space="preserve">        });</w:t>
            </w:r>
          </w:p>
          <w:p w:rsidR="00763958" w:rsidRDefault="00763958" w:rsidP="00763958">
            <w:r>
              <w:t xml:space="preserve">    };</w:t>
            </w:r>
          </w:p>
          <w:p w:rsidR="00763958" w:rsidRDefault="00763958" w:rsidP="00763958">
            <w:r>
              <w:t xml:space="preserve">    &lt;/script&gt;</w:t>
            </w:r>
          </w:p>
          <w:p w:rsidR="00763958" w:rsidRDefault="00763958" w:rsidP="00763958">
            <w:r>
              <w:t xml:space="preserve">    &lt;!---------------remove wishlist ends------------------&gt;</w:t>
            </w:r>
          </w:p>
          <w:p w:rsidR="00763958" w:rsidRDefault="00763958" w:rsidP="00763958">
            <w:r>
              <w:t xml:space="preserve">    &lt;script src="spf/js/theme.js"&gt;&lt;/script&gt;</w:t>
            </w:r>
          </w:p>
          <w:p w:rsidR="00763958" w:rsidRDefault="00763958" w:rsidP="00763958">
            <w:r>
              <w:t xml:space="preserve">    &lt;script src="js/lscache.js"&gt;&lt;/script&gt;</w:t>
            </w:r>
          </w:p>
          <w:p w:rsidR="00763958" w:rsidRDefault="00763958" w:rsidP="00763958">
            <w:r>
              <w:t xml:space="preserve">    &lt;script src="js/notify.js"&gt;&lt;/script&gt;</w:t>
            </w:r>
          </w:p>
          <w:p w:rsidR="00763958" w:rsidRDefault="00763958" w:rsidP="00763958">
            <w:r>
              <w:t xml:space="preserve">    &lt;script src="js/common.js"&gt;&lt;/script&gt;</w:t>
            </w:r>
          </w:p>
          <w:p w:rsidR="00763958" w:rsidRDefault="00763958" w:rsidP="00763958">
            <w:r>
              <w:t xml:space="preserve">        &lt;script src="js/selectize.js"&gt;&lt;/script&gt;</w:t>
            </w:r>
          </w:p>
          <w:p w:rsidR="00763958" w:rsidRDefault="00763958" w:rsidP="00763958">
            <w:r>
              <w:t xml:space="preserve">        &lt;script src="js/nouislider.js"&gt;&lt;/script&gt;</w:t>
            </w:r>
          </w:p>
          <w:p w:rsidR="00763958" w:rsidRDefault="00763958" w:rsidP="00763958">
            <w:r>
              <w:t xml:space="preserve">        &lt;script</w:t>
            </w:r>
          </w:p>
          <w:p w:rsidR="00763958" w:rsidRDefault="00763958" w:rsidP="00763958">
            <w:r>
              <w:t xml:space="preserve">                src="https://maps.googleapis.com/maps/api/js?key=AIzaSyCjN2knZ92ZcETe2mNF2t5l_j21ZTvTnIY&amp;amp;libraries=places&amp;amp;callback=initAutocomplete"</w:t>
            </w:r>
          </w:p>
          <w:p w:rsidR="00763958" w:rsidRDefault="00763958" w:rsidP="00763958">
            <w:r>
              <w:t xml:space="preserve">                async defer&gt;&lt;/script&gt;</w:t>
            </w:r>
          </w:p>
          <w:p w:rsidR="00763958" w:rsidRDefault="00763958" w:rsidP="00763958">
            <w:r>
              <w:t xml:space="preserve">    &lt;script src="js/velocity.js"&gt;&lt;/script&gt;</w:t>
            </w:r>
          </w:p>
          <w:p w:rsidR="00763958" w:rsidRDefault="00763958" w:rsidP="00763958">
            <w:r>
              <w:t xml:space="preserve">    &lt;script src="spf/js/init.js"&gt;&lt;/script&gt;</w:t>
            </w:r>
          </w:p>
          <w:p w:rsidR="00763958" w:rsidRDefault="00763958" w:rsidP="00763958">
            <w:r>
              <w:t xml:space="preserve">        &lt;script type="text/javascript"&gt;</w:t>
            </w:r>
          </w:p>
          <w:p w:rsidR="00763958" w:rsidRDefault="00763958" w:rsidP="00763958">
            <w:r>
              <w:t xml:space="preserve">        &lt;/script&gt;</w:t>
            </w:r>
          </w:p>
          <w:p w:rsidR="00763958" w:rsidRDefault="00763958" w:rsidP="00763958">
            <w:r>
              <w:t>&lt;script type="text/javascript"&gt;</w:t>
            </w:r>
          </w:p>
          <w:p w:rsidR="00763958" w:rsidRDefault="00763958" w:rsidP="00763958">
            <w:r>
              <w:t>//$(document).ready(function () {</w:t>
            </w:r>
          </w:p>
          <w:p w:rsidR="00763958" w:rsidRDefault="00763958" w:rsidP="00763958">
            <w:r>
              <w:t>function getResidence() {</w:t>
            </w:r>
          </w:p>
          <w:p w:rsidR="00763958" w:rsidRDefault="00763958" w:rsidP="00763958">
            <w:r>
              <w:t xml:space="preserve">    //alert(1);</w:t>
            </w:r>
          </w:p>
          <w:p w:rsidR="00763958" w:rsidRDefault="00763958" w:rsidP="00763958">
            <w:r>
              <w:t xml:space="preserve">    const residence_type = &lt;?php echo json_encode(residence_type); ?&gt;;</w:t>
            </w:r>
          </w:p>
          <w:p w:rsidR="00763958" w:rsidRDefault="00763958" w:rsidP="00763958">
            <w:r>
              <w:t xml:space="preserve">    var url = new URL(window.location.href);</w:t>
            </w:r>
          </w:p>
          <w:p w:rsidR="00763958" w:rsidRDefault="00763958" w:rsidP="00763958">
            <w:r>
              <w:t xml:space="preserve">    var filter = url.searchParams.get("filter");</w:t>
            </w:r>
          </w:p>
          <w:p w:rsidR="00763958" w:rsidRDefault="00763958" w:rsidP="00763958">
            <w:r>
              <w:lastRenderedPageBreak/>
              <w:t xml:space="preserve">    let filterQuery = fnGetSearchQuery();</w:t>
            </w:r>
          </w:p>
          <w:p w:rsidR="00763958" w:rsidRDefault="00763958" w:rsidP="00763958">
            <w:r>
              <w:tab/>
              <w:t xml:space="preserve">var q </w:t>
            </w:r>
            <w:r>
              <w:tab/>
              <w:t>=</w:t>
            </w:r>
            <w:r>
              <w:tab/>
              <w:t>$("#txtSearchText").val()</w:t>
            </w:r>
          </w:p>
          <w:p w:rsidR="00763958" w:rsidRDefault="00763958" w:rsidP="00763958">
            <w:r>
              <w:t xml:space="preserve">    // console.log("Hello"+q);</w:t>
            </w:r>
          </w:p>
          <w:p w:rsidR="00763958" w:rsidRDefault="00763958" w:rsidP="00763958">
            <w:r>
              <w:t xml:space="preserve">    // console.log(filterQuery, 'filterQuery');</w:t>
            </w:r>
          </w:p>
          <w:p w:rsidR="00763958" w:rsidRDefault="00763958" w:rsidP="00763958">
            <w:r>
              <w:t xml:space="preserve">    $.post("get_residence.php", {</w:t>
            </w:r>
          </w:p>
          <w:p w:rsidR="00763958" w:rsidRDefault="00763958" w:rsidP="00763958">
            <w:r>
              <w:t xml:space="preserve">            "filter": btoa(fnStringifyObject(filterQuery)),</w:t>
            </w:r>
          </w:p>
          <w:p w:rsidR="00763958" w:rsidRDefault="00763958" w:rsidP="00763958">
            <w:r>
              <w:t xml:space="preserve">            "q": q,</w:t>
            </w:r>
          </w:p>
          <w:p w:rsidR="00763958" w:rsidRDefault="00763958" w:rsidP="00763958">
            <w:r>
              <w:t xml:space="preserve">            "filter2": filter,</w:t>
            </w:r>
          </w:p>
          <w:p w:rsidR="00763958" w:rsidRDefault="00763958" w:rsidP="00763958">
            <w:r>
              <w:t xml:space="preserve">            'residence_type': 'assisted_living'</w:t>
            </w:r>
          </w:p>
          <w:p w:rsidR="00763958" w:rsidRDefault="00763958" w:rsidP="00763958"/>
          <w:p w:rsidR="00763958" w:rsidRDefault="00763958" w:rsidP="00763958">
            <w:r>
              <w:t xml:space="preserve">        },</w:t>
            </w:r>
          </w:p>
          <w:p w:rsidR="00763958" w:rsidRDefault="00763958" w:rsidP="00763958">
            <w:r>
              <w:t xml:space="preserve">        function(data, status) {</w:t>
            </w:r>
          </w:p>
          <w:p w:rsidR="00763958" w:rsidRDefault="00763958" w:rsidP="00763958">
            <w:r>
              <w:tab/>
            </w:r>
            <w:r>
              <w:tab/>
            </w:r>
            <w:r>
              <w:tab/>
              <w:t>// console.log(data);</w:t>
            </w:r>
          </w:p>
          <w:p w:rsidR="00763958" w:rsidRDefault="00763958" w:rsidP="00763958">
            <w:r>
              <w:t xml:space="preserve">            let residence_data = JSON.parse(data);</w:t>
            </w:r>
          </w:p>
          <w:p w:rsidR="00763958" w:rsidRDefault="00763958" w:rsidP="00763958"/>
          <w:p w:rsidR="00763958" w:rsidRDefault="00763958" w:rsidP="00763958"/>
          <w:p w:rsidR="00763958" w:rsidRDefault="00763958" w:rsidP="00763958">
            <w:r>
              <w:t xml:space="preserve">            let residence_list = ''; let col_cls = 'col-md-6';</w:t>
            </w:r>
          </w:p>
          <w:p w:rsidR="00763958" w:rsidRDefault="00763958" w:rsidP="00763958">
            <w:r>
              <w:t xml:space="preserve">            if (residence_data['data'].length == 1) {</w:t>
            </w:r>
          </w:p>
          <w:p w:rsidR="00763958" w:rsidRDefault="00763958" w:rsidP="00763958">
            <w:r>
              <w:t xml:space="preserve">                col_cls = 'col-md-12';</w:t>
            </w:r>
          </w:p>
          <w:p w:rsidR="00763958" w:rsidRDefault="00763958" w:rsidP="00763958">
            <w:r>
              <w:t xml:space="preserve">            }</w:t>
            </w:r>
          </w:p>
          <w:p w:rsidR="00763958" w:rsidRDefault="00763958" w:rsidP="00763958">
            <w:r>
              <w:t xml:space="preserve">            residence_data['data'].forEach(function(item) {</w:t>
            </w:r>
          </w:p>
          <w:p w:rsidR="00763958" w:rsidRDefault="00763958" w:rsidP="00763958">
            <w:r>
              <w:t xml:space="preserve">                let residence_types = '';</w:t>
            </w:r>
          </w:p>
          <w:p w:rsidR="00763958" w:rsidRDefault="00763958" w:rsidP="00763958">
            <w:r>
              <w:t xml:space="preserve">                let residence = String(item.residence);</w:t>
            </w:r>
          </w:p>
          <w:p w:rsidR="00763958" w:rsidRDefault="00763958" w:rsidP="00763958">
            <w:r>
              <w:t xml:space="preserve">                residence_split = residence.split(',');</w:t>
            </w:r>
          </w:p>
          <w:p w:rsidR="00763958" w:rsidRDefault="00763958" w:rsidP="00763958">
            <w:r>
              <w:t xml:space="preserve">                residence_split.forEach(function(res) {</w:t>
            </w:r>
          </w:p>
          <w:p w:rsidR="00763958" w:rsidRDefault="00763958" w:rsidP="00763958">
            <w:r>
              <w:t xml:space="preserve">                    residence_types += "&lt;small&gt;" + residence_type[res] +</w:t>
            </w:r>
          </w:p>
          <w:p w:rsidR="00763958" w:rsidRDefault="00763958" w:rsidP="00763958">
            <w:r>
              <w:t xml:space="preserve">                        "&lt;/small&gt;";</w:t>
            </w:r>
          </w:p>
          <w:p w:rsidR="00763958" w:rsidRDefault="00763958" w:rsidP="00763958">
            <w:r>
              <w:t xml:space="preserve">                });</w:t>
            </w:r>
          </w:p>
          <w:p w:rsidR="00763958" w:rsidRDefault="00763958" w:rsidP="00763958">
            <w:r>
              <w:t xml:space="preserve">                var id = item.id; </w:t>
            </w:r>
          </w:p>
          <w:p w:rsidR="00763958" w:rsidRDefault="00763958" w:rsidP="00763958">
            <w:r>
              <w:tab/>
            </w:r>
            <w:r>
              <w:tab/>
            </w:r>
            <w:r>
              <w:tab/>
            </w:r>
            <w:r>
              <w:tab/>
              <w:t>var url = "https://reachseniors.com";</w:t>
            </w:r>
          </w:p>
          <w:p w:rsidR="00763958" w:rsidRDefault="00763958" w:rsidP="00763958">
            <w:r>
              <w:tab/>
            </w:r>
            <w:r>
              <w:tab/>
            </w:r>
            <w:r>
              <w:tab/>
            </w:r>
            <w:r>
              <w:tab/>
              <w:t>if (item.photo1) {</w:t>
            </w:r>
          </w:p>
          <w:p w:rsidR="00763958" w:rsidRDefault="00763958" w:rsidP="00763958">
            <w:r>
              <w:tab/>
            </w:r>
            <w:r>
              <w:tab/>
            </w:r>
            <w:r>
              <w:tab/>
            </w:r>
            <w:r>
              <w:tab/>
            </w:r>
            <w:r>
              <w:tab/>
              <w:t>var photo1 = item.photo1;</w:t>
            </w:r>
          </w:p>
          <w:p w:rsidR="00763958" w:rsidRDefault="00763958" w:rsidP="00763958">
            <w:r>
              <w:tab/>
            </w:r>
            <w:r>
              <w:tab/>
            </w:r>
            <w:r>
              <w:tab/>
            </w:r>
            <w:r>
              <w:tab/>
              <w:t xml:space="preserve">}else{ </w:t>
            </w:r>
          </w:p>
          <w:p w:rsidR="00763958" w:rsidRDefault="00763958" w:rsidP="00763958">
            <w:r>
              <w:tab/>
            </w:r>
            <w:r>
              <w:tab/>
            </w:r>
            <w:r>
              <w:tab/>
            </w:r>
            <w:r>
              <w:tab/>
            </w:r>
            <w:r>
              <w:tab/>
              <w:t>var photo1 = "no-image_No_Photo.png";</w:t>
            </w:r>
          </w:p>
          <w:p w:rsidR="00763958" w:rsidRDefault="00763958" w:rsidP="00763958">
            <w:r>
              <w:tab/>
            </w:r>
            <w:r>
              <w:tab/>
            </w:r>
            <w:r>
              <w:tab/>
            </w:r>
            <w:r>
              <w:tab/>
              <w:t>}</w:t>
            </w:r>
          </w:p>
          <w:p w:rsidR="00763958" w:rsidRDefault="00763958" w:rsidP="00763958"/>
          <w:p w:rsidR="00763958" w:rsidRDefault="00763958" w:rsidP="00763958">
            <w:r>
              <w:t xml:space="preserve">                residence_list +=</w:t>
            </w:r>
          </w:p>
          <w:p w:rsidR="00763958" w:rsidRDefault="00763958" w:rsidP="00763958">
            <w:r>
              <w:t xml:space="preserve">                    '&lt;div class="'+col_cls+' residence wow bounceInUp 0" data-wow-duration="1.5s" data-wow-delay="0.1s" id="100184"&gt;&lt;div class="strip grid"&gt;&lt;figure&gt; &lt;a class="wish_bt btn-wishlist " href="javascript:" title="Add To My List" data-toggle="tooltip" data-id="100184" &gt;&lt;/a&gt;&lt;a href="property-details.php?id='+id+'"&gt;&lt;img alt="" title="" class="img-fluid" height="266" width="400" src="'+url+"/uploads/slg/properties/"+</w:t>
            </w:r>
          </w:p>
          <w:p w:rsidR="00763958" w:rsidRDefault="00763958" w:rsidP="00763958">
            <w:r>
              <w:t xml:space="preserve">                    photo1 +</w:t>
            </w:r>
          </w:p>
          <w:p w:rsidR="00763958" w:rsidRDefault="00763958" w:rsidP="00763958">
            <w:r>
              <w:t xml:space="preserve">                    '"/&gt;&lt;div class="read_more"&gt;&lt;span&gt;View Residence&lt;/span&gt;&lt;/div&gt;&lt;/a&gt;' +</w:t>
            </w:r>
          </w:p>
          <w:p w:rsidR="00763958" w:rsidRDefault="00763958" w:rsidP="00763958">
            <w:r>
              <w:t xml:space="preserve">                    residence_types +</w:t>
            </w:r>
          </w:p>
          <w:p w:rsidR="00763958" w:rsidRDefault="00763958" w:rsidP="00763958">
            <w:r>
              <w:t xml:space="preserve">                    '&lt;/figure&gt;&lt;div class="wrapper"&gt;&lt;h3&gt;&lt;a href="property-details.php?id='+id+'"&gt;' +</w:t>
            </w:r>
          </w:p>
          <w:p w:rsidR="00763958" w:rsidRDefault="00763958" w:rsidP="00763958">
            <w:r>
              <w:t xml:space="preserve">                    item.title +</w:t>
            </w:r>
          </w:p>
          <w:p w:rsidR="00763958" w:rsidRDefault="00763958" w:rsidP="00763958">
            <w:r>
              <w:t xml:space="preserve">                    '&lt;/a&gt;&lt;/h3&gt;&lt;p&gt;Assisted Living Community Residence&lt;/p&gt;&lt;/div&gt;&lt;ul&gt;&lt;li&gt;&lt;div </w:t>
            </w:r>
            <w:r>
              <w:lastRenderedPageBreak/>
              <w:t>class="score"&gt;&lt;span&gt;Total&lt;em&gt;Views&lt;/em&gt;&lt;/span&gt;&lt;strong&gt;' +</w:t>
            </w:r>
          </w:p>
          <w:p w:rsidR="00763958" w:rsidRDefault="00763958" w:rsidP="00763958">
            <w:r>
              <w:t xml:space="preserve">                    item.views +</w:t>
            </w:r>
          </w:p>
          <w:p w:rsidR="00763958" w:rsidRDefault="00763958" w:rsidP="00763958">
            <w:r>
              <w:t xml:space="preserve">                    '&lt;/strong&gt;&lt;/div&gt; &lt;/li&gt;&lt;li&gt;&lt;a class="btn btn-sm btn-success rounded-pill" href="property-details.php?id='+id+'"&gt;&lt;i class="fas fa-map-marker-alt mr-1"&gt;&lt;/i&gt;View More&lt;/a&gt;&lt;/li&gt;&lt;/ul&gt;&lt;/div&gt;&lt;/div&gt;';</w:t>
            </w:r>
          </w:p>
          <w:p w:rsidR="00763958" w:rsidRDefault="00763958" w:rsidP="00763958">
            <w:r>
              <w:t xml:space="preserve">            });</w:t>
            </w:r>
          </w:p>
          <w:p w:rsidR="00763958" w:rsidRDefault="00763958" w:rsidP="00763958">
            <w:r>
              <w:t xml:space="preserve">            $("#residence_list").html(residence_list);</w:t>
            </w:r>
          </w:p>
          <w:p w:rsidR="00763958" w:rsidRDefault="00763958" w:rsidP="00763958">
            <w:r>
              <w:tab/>
            </w:r>
            <w:r>
              <w:tab/>
            </w:r>
            <w:r>
              <w:tab/>
              <w:t>$("#res_count").html(residence_data['data'].length);</w:t>
            </w:r>
          </w:p>
          <w:p w:rsidR="00763958" w:rsidRDefault="00763958" w:rsidP="00763958">
            <w:r>
              <w:tab/>
            </w:r>
            <w:r>
              <w:tab/>
            </w:r>
            <w:r>
              <w:tab/>
              <w:t>console.log(residence_data['data'].length );</w:t>
            </w:r>
          </w:p>
          <w:p w:rsidR="00763958" w:rsidRDefault="00763958" w:rsidP="00763958">
            <w:r>
              <w:t xml:space="preserve">            if (residence_data['data'].length == 0) {</w:t>
            </w:r>
          </w:p>
          <w:p w:rsidR="00763958" w:rsidRDefault="00763958" w:rsidP="00763958">
            <w:r>
              <w:t xml:space="preserve">                $(".no-records").show();</w:t>
            </w:r>
          </w:p>
          <w:p w:rsidR="00763958" w:rsidRDefault="00763958" w:rsidP="00763958">
            <w:r>
              <w:t xml:space="preserve">            } else {</w:t>
            </w:r>
          </w:p>
          <w:p w:rsidR="00763958" w:rsidRDefault="00763958" w:rsidP="00763958">
            <w:r>
              <w:t xml:space="preserve">                $(".no-records").hide();</w:t>
            </w:r>
          </w:p>
          <w:p w:rsidR="00763958" w:rsidRDefault="00763958" w:rsidP="00763958">
            <w:r>
              <w:t xml:space="preserve">            }</w:t>
            </w:r>
          </w:p>
          <w:p w:rsidR="00763958" w:rsidRDefault="00763958" w:rsidP="00763958"/>
          <w:p w:rsidR="00763958" w:rsidRDefault="00763958" w:rsidP="00763958">
            <w:r>
              <w:t xml:space="preserve">            let residenceTypes = residence_data['search_data'];</w:t>
            </w:r>
          </w:p>
          <w:p w:rsidR="00763958" w:rsidRDefault="00763958" w:rsidP="00763958"/>
          <w:p w:rsidR="00763958" w:rsidRDefault="00763958" w:rsidP="00763958"/>
          <w:p w:rsidR="00763958" w:rsidRDefault="00763958" w:rsidP="00763958"/>
          <w:p w:rsidR="00763958" w:rsidRDefault="00763958" w:rsidP="00763958">
            <w:r>
              <w:t xml:space="preserve">        });</w:t>
            </w:r>
          </w:p>
          <w:p w:rsidR="00763958" w:rsidRDefault="00763958" w:rsidP="00763958">
            <w:r>
              <w:t>}</w:t>
            </w:r>
          </w:p>
          <w:p w:rsidR="00763958" w:rsidRDefault="00763958" w:rsidP="00763958">
            <w:r>
              <w:t>// });</w:t>
            </w:r>
          </w:p>
          <w:p w:rsidR="00763958" w:rsidRDefault="00763958" w:rsidP="00763958">
            <w:r>
              <w:t>getResidence();</w:t>
            </w:r>
          </w:p>
          <w:p w:rsidR="00763958" w:rsidRDefault="00763958" w:rsidP="00763958">
            <w:r>
              <w:t>&lt;/script&gt;</w:t>
            </w:r>
          </w:p>
          <w:p w:rsidR="00763958" w:rsidRDefault="00763958" w:rsidP="00763958">
            <w:r>
              <w:t>&lt;style&gt;</w:t>
            </w:r>
          </w:p>
          <w:p w:rsidR="00763958" w:rsidRDefault="00763958" w:rsidP="00763958">
            <w:r>
              <w:t>#residence_list {</w:t>
            </w:r>
          </w:p>
          <w:p w:rsidR="00763958" w:rsidRDefault="00763958" w:rsidP="00763958">
            <w:r>
              <w:t xml:space="preserve">    margin-left: 0px;</w:t>
            </w:r>
          </w:p>
          <w:p w:rsidR="00763958" w:rsidRDefault="00763958" w:rsidP="00763958">
            <w:r>
              <w:t xml:space="preserve">    margin-right: 0px;</w:t>
            </w:r>
          </w:p>
          <w:p w:rsidR="00763958" w:rsidRDefault="00763958" w:rsidP="00763958">
            <w:r>
              <w:t>}</w:t>
            </w:r>
          </w:p>
          <w:p w:rsidR="00763958" w:rsidRDefault="00763958" w:rsidP="00763958">
            <w:r>
              <w:t>&lt;/style&gt;</w:t>
            </w:r>
          </w:p>
          <w:p w:rsidR="00763958" w:rsidRDefault="00763958" w:rsidP="00763958"/>
          <w:p w:rsidR="00763958" w:rsidRDefault="00763958" w:rsidP="00763958">
            <w:r>
              <w:t>&lt;div id = "myModalContainer"&gt;</w:t>
            </w:r>
          </w:p>
          <w:p w:rsidR="00763958" w:rsidRDefault="00763958" w:rsidP="00763958">
            <w:r>
              <w:t xml:space="preserve">                &lt;div class="modal fade" id="myModal" style="max-height: 800px !important; margin-top: 20px;"&gt;</w:t>
            </w:r>
          </w:p>
          <w:p w:rsidR="00763958" w:rsidRDefault="00763958" w:rsidP="00763958">
            <w:r>
              <w:t xml:space="preserve">                    &lt;div class="modal-dialog modal-dialog-scrollable modal-lg" style="height: 846px; width:1000;"&gt;</w:t>
            </w:r>
          </w:p>
          <w:p w:rsidR="00763958" w:rsidRDefault="00763958" w:rsidP="00763958">
            <w:r>
              <w:t xml:space="preserve">                      &lt;div class="modal-content"&gt;</w:t>
            </w:r>
          </w:p>
          <w:p w:rsidR="00763958" w:rsidRDefault="00763958" w:rsidP="00763958"/>
          <w:p w:rsidR="00763958" w:rsidRDefault="00763958" w:rsidP="00763958">
            <w:r>
              <w:t xml:space="preserve">                        &lt;!-- Modal Header --&gt;</w:t>
            </w:r>
          </w:p>
          <w:p w:rsidR="00763958" w:rsidRDefault="00763958" w:rsidP="00763958">
            <w:r>
              <w:t xml:space="preserve">                        &lt;div class="modal-header"&gt;</w:t>
            </w:r>
          </w:p>
          <w:p w:rsidR="00763958" w:rsidRDefault="00763958" w:rsidP="00763958">
            <w:r>
              <w:t xml:space="preserve">                            &lt;h4 class="modal-title"&gt;Your Senior Place Living -  Desires and Needs&lt;/h4&gt;</w:t>
            </w:r>
          </w:p>
          <w:p w:rsidR="00763958" w:rsidRDefault="00763958" w:rsidP="00763958">
            <w:r>
              <w:t xml:space="preserve">                          &lt;button type="button" class="close" data-dismiss="modal"&gt;&amp;#x274C;&lt;/button&gt;</w:t>
            </w:r>
          </w:p>
          <w:p w:rsidR="00763958" w:rsidRDefault="00763958" w:rsidP="00763958">
            <w:r>
              <w:t xml:space="preserve">                        &lt;/div&gt;</w:t>
            </w:r>
          </w:p>
          <w:p w:rsidR="00763958" w:rsidRDefault="00763958" w:rsidP="00763958">
            <w:r>
              <w:t xml:space="preserve">                        </w:t>
            </w:r>
          </w:p>
          <w:p w:rsidR="00763958" w:rsidRDefault="00763958" w:rsidP="00763958">
            <w:r>
              <w:t xml:space="preserve">                        &lt;!-- Modal body --&gt;</w:t>
            </w:r>
          </w:p>
          <w:p w:rsidR="00763958" w:rsidRDefault="00763958" w:rsidP="00763958">
            <w:r>
              <w:t xml:space="preserve">                        &lt;div class="text-left" style= "height: 600px; overflow-y: scroll;"&gt;</w:t>
            </w:r>
          </w:p>
          <w:p w:rsidR="00763958" w:rsidRDefault="00763958" w:rsidP="00763958">
            <w:r>
              <w:t xml:space="preserve">                            &lt;br&gt;</w:t>
            </w:r>
          </w:p>
          <w:p w:rsidR="00763958" w:rsidRDefault="00763958" w:rsidP="00763958">
            <w:r>
              <w:t xml:space="preserve">                            &lt;span style="position:relative;left:50px;" text-align="center;"&gt; We suggest that you take </w:t>
            </w:r>
            <w:r>
              <w:lastRenderedPageBreak/>
              <w:t>a moment to enter your information and further convey your needs and desires&lt;br&gt; for senior living.&lt;/span&gt;</w:t>
            </w:r>
          </w:p>
          <w:p w:rsidR="00763958" w:rsidRDefault="00763958" w:rsidP="00763958">
            <w:r>
              <w:t xml:space="preserve">                            </w:t>
            </w:r>
          </w:p>
          <w:p w:rsidR="00763958" w:rsidRDefault="00763958" w:rsidP="00763958">
            <w:r>
              <w:t xml:space="preserve">                            &lt;div class="modal-body"&gt;</w:t>
            </w:r>
          </w:p>
          <w:p w:rsidR="00763958" w:rsidRDefault="00763958" w:rsidP="00763958">
            <w:r>
              <w:t xml:space="preserve">                            &lt;form action="" method="post" id="newPropertForm"&gt;</w:t>
            </w:r>
          </w:p>
          <w:p w:rsidR="00763958" w:rsidRDefault="00763958" w:rsidP="00763958"/>
          <w:p w:rsidR="00763958" w:rsidRDefault="00763958" w:rsidP="00763958">
            <w:r>
              <w:t xml:space="preserve">                                &lt;input type="hidden" name="userTempId" value="&lt;?php echo $userTempId ; ?&gt;" /&gt;</w:t>
            </w:r>
          </w:p>
          <w:p w:rsidR="00763958" w:rsidRDefault="00763958" w:rsidP="00763958">
            <w:r>
              <w:t xml:space="preserve">                              </w:t>
            </w:r>
          </w:p>
          <w:p w:rsidR="00763958" w:rsidRDefault="00763958" w:rsidP="00763958">
            <w:r>
              <w:t xml:space="preserve">                                &lt;div class="mb-3 row"&gt;</w:t>
            </w:r>
          </w:p>
          <w:p w:rsidR="00763958" w:rsidRDefault="00763958" w:rsidP="00763958">
            <w:r>
              <w:t xml:space="preserve">                                    &lt;br/&gt;</w:t>
            </w:r>
          </w:p>
          <w:p w:rsidR="00763958" w:rsidRDefault="00763958" w:rsidP="00763958">
            <w:r>
              <w:t xml:space="preserve">                                    &lt;br/&gt;</w:t>
            </w:r>
          </w:p>
          <w:p w:rsidR="00763958" w:rsidRDefault="00763958" w:rsidP="00763958">
            <w:r>
              <w:t xml:space="preserve">                                    &lt;label class="col-sm-5 col-form-label text-end"&gt;&lt;b&gt;City/ State/Zipcode* of Senior Residence looking for&lt;/b&gt;&lt;/label&gt;</w:t>
            </w:r>
          </w:p>
          <w:p w:rsidR="00763958" w:rsidRDefault="00763958" w:rsidP="00763958">
            <w:r>
              <w:t xml:space="preserve">                                    &lt;div class="col-sm-6"&gt;</w:t>
            </w:r>
          </w:p>
          <w:p w:rsidR="00763958" w:rsidRDefault="00763958" w:rsidP="00763958">
            <w:r>
              <w:t xml:space="preserve">                                        &lt;select name="cityStateZip" id="cityStateZip" class="form-control" placeholder="Search city, state, zipcode" required="" &gt;</w:t>
            </w:r>
          </w:p>
          <w:p w:rsidR="00763958" w:rsidRDefault="00763958" w:rsidP="00763958">
            <w:r>
              <w:t xml:space="preserve">                                            &lt;option value="&lt;?php echo $SCZ ; ?&gt;"&gt;&lt;?php //echo $SCZ ; ?&gt;&lt;/option&gt;</w:t>
            </w:r>
          </w:p>
          <w:p w:rsidR="00763958" w:rsidRDefault="00763958" w:rsidP="00763958">
            <w:r>
              <w:t xml:space="preserve">                                        &lt;/select&gt;</w:t>
            </w:r>
          </w:p>
          <w:p w:rsidR="00763958" w:rsidRDefault="00763958" w:rsidP="00763958">
            <w:r>
              <w:t xml:space="preserve">                                    &lt;/div&gt;</w:t>
            </w:r>
          </w:p>
          <w:p w:rsidR="00763958" w:rsidRDefault="00763958" w:rsidP="00763958">
            <w:r>
              <w:t xml:space="preserve">                                &lt;/div&gt; </w:t>
            </w:r>
          </w:p>
          <w:p w:rsidR="00763958" w:rsidRDefault="00763958" w:rsidP="00763958">
            <w:r>
              <w:t xml:space="preserve">                                </w:t>
            </w:r>
          </w:p>
          <w:p w:rsidR="00763958" w:rsidRDefault="00763958" w:rsidP="00763958">
            <w:r>
              <w:t xml:space="preserve">                                &lt;div class="mb-3 row"&gt;</w:t>
            </w:r>
          </w:p>
          <w:p w:rsidR="00763958" w:rsidRDefault="00763958" w:rsidP="00763958">
            <w:r>
              <w:t xml:space="preserve">                                </w:t>
            </w:r>
          </w:p>
          <w:p w:rsidR="00763958" w:rsidRDefault="00763958" w:rsidP="00763958">
            <w:r>
              <w:t xml:space="preserve">                                &lt;?php </w:t>
            </w:r>
          </w:p>
          <w:p w:rsidR="00763958" w:rsidRDefault="00763958" w:rsidP="00763958">
            <w:r>
              <w:t xml:space="preserve">                                 </w:t>
            </w:r>
          </w:p>
          <w:p w:rsidR="00763958" w:rsidRDefault="00763958" w:rsidP="00763958">
            <w:r>
              <w:t xml:space="preserve">                            foreach($propertyAttributes as $propertyAttributeCode=&gt;$propertyAttribute){ ?&gt;</w:t>
            </w:r>
          </w:p>
          <w:p w:rsidR="00763958" w:rsidRDefault="00763958" w:rsidP="00763958">
            <w:r>
              <w:t xml:space="preserve">                            &lt;div class="col-sm-4"&gt; </w:t>
            </w:r>
          </w:p>
          <w:p w:rsidR="00763958" w:rsidRDefault="00763958" w:rsidP="00763958">
            <w:r>
              <w:t xml:space="preserve">                                </w:t>
            </w:r>
          </w:p>
          <w:p w:rsidR="00763958" w:rsidRDefault="00763958" w:rsidP="00763958">
            <w:r>
              <w:t xml:space="preserve">                            &lt;label class="col-sm-2 col-form-label text-end"&gt; &lt;strong&gt;&lt;?php echo $propertyAttribute['label']; ?&gt; &lt;/strong&gt; &lt;/label&gt; </w:t>
            </w:r>
          </w:p>
          <w:p w:rsidR="00763958" w:rsidRDefault="00763958" w:rsidP="00763958">
            <w:r>
              <w:t xml:space="preserve">                            </w:t>
            </w:r>
          </w:p>
          <w:p w:rsidR="00763958" w:rsidRDefault="00763958" w:rsidP="00763958">
            <w:r>
              <w:t xml:space="preserve">                                &lt;div class="col-sm-12" class="form-control"&gt;</w:t>
            </w:r>
          </w:p>
          <w:p w:rsidR="00763958" w:rsidRDefault="00763958" w:rsidP="00763958">
            <w:r>
              <w:t xml:space="preserve">                                &lt;!--&lt;fieldset&gt; --&gt;</w:t>
            </w:r>
          </w:p>
          <w:p w:rsidR="00763958" w:rsidRDefault="00763958" w:rsidP="00763958">
            <w:r>
              <w:t xml:space="preserve">                                &lt;?php foreach($propertyAttribute['options'] as $option){ ?&gt;</w:t>
            </w:r>
          </w:p>
          <w:p w:rsidR="00763958" w:rsidRDefault="00763958" w:rsidP="00763958">
            <w:r>
              <w:t xml:space="preserve">                                </w:t>
            </w:r>
          </w:p>
          <w:p w:rsidR="00763958" w:rsidRDefault="00763958" w:rsidP="00763958">
            <w:r>
              <w:t xml:space="preserve">                                &lt;?php </w:t>
            </w:r>
          </w:p>
          <w:p w:rsidR="00763958" w:rsidRDefault="00763958" w:rsidP="00763958">
            <w:r>
              <w:t xml:space="preserve">                                    $priceBox = false;</w:t>
            </w:r>
          </w:p>
          <w:p w:rsidR="00763958" w:rsidRDefault="00763958" w:rsidP="00763958">
            <w:r>
              <w:t xml:space="preserve">                                    $onclick = '';</w:t>
            </w:r>
          </w:p>
          <w:p w:rsidR="00763958" w:rsidRDefault="00763958" w:rsidP="00763958">
            <w:r>
              <w:t xml:space="preserve">                                    if(isset($propertyAttribute['price']) &amp;&amp;  $propertyAttribute['price']){ </w:t>
            </w:r>
          </w:p>
          <w:p w:rsidR="00763958" w:rsidRDefault="00763958" w:rsidP="00763958">
            <w:r>
              <w:t xml:space="preserve">                                        $priceBox = true;</w:t>
            </w:r>
          </w:p>
          <w:p w:rsidR="00763958" w:rsidRDefault="00763958" w:rsidP="00763958">
            <w:r>
              <w:t xml:space="preserve">                                        $onclick = 'onclick="priceBoxShow(\''.$propertyAttributeCode.'_'.$option['value'].'\',\''.$propertyAttributeCode.'_'.$option['value'].'_price\')"';</w:t>
            </w:r>
          </w:p>
          <w:p w:rsidR="00763958" w:rsidRDefault="00763958" w:rsidP="00763958">
            <w:r>
              <w:t xml:space="preserve">                                    }</w:t>
            </w:r>
          </w:p>
          <w:p w:rsidR="00763958" w:rsidRDefault="00763958" w:rsidP="00763958">
            <w:r>
              <w:t xml:space="preserve">                                    ?&gt;</w:t>
            </w:r>
          </w:p>
          <w:p w:rsidR="00763958" w:rsidRDefault="00763958" w:rsidP="00763958">
            <w:r>
              <w:t xml:space="preserve">                                 &lt;label for="&lt;?php echo $option['value']?&gt;"&gt;</w:t>
            </w:r>
          </w:p>
          <w:p w:rsidR="00763958" w:rsidRDefault="00763958" w:rsidP="00763958">
            <w:r>
              <w:t xml:space="preserve">                                  &lt;input &lt;?php echo $onclick ?&gt; type="checkbox" name="&lt;?php echo $propertyAttributeCode?&gt;[]" id="&lt;?php echo$propertyAttributeCode.'_'.$option['value'] ?&gt;" </w:t>
            </w:r>
            <w:r>
              <w:lastRenderedPageBreak/>
              <w:t>value="&lt;?php echo $option['value']?&gt;" &gt;</w:t>
            </w:r>
          </w:p>
          <w:p w:rsidR="00763958" w:rsidRDefault="00763958" w:rsidP="00763958">
            <w:r>
              <w:t xml:space="preserve">                                  &lt;?php echo $option['label']?&gt;&lt;/label&gt;</w:t>
            </w:r>
          </w:p>
          <w:p w:rsidR="00763958" w:rsidRDefault="00763958" w:rsidP="00763958">
            <w:r>
              <w:t xml:space="preserve">                      </w:t>
            </w:r>
          </w:p>
          <w:p w:rsidR="00763958" w:rsidRDefault="00763958" w:rsidP="00763958">
            <w:r>
              <w:t xml:space="preserve">                                  &lt;?php if($priceBox){ ?&gt;</w:t>
            </w:r>
          </w:p>
          <w:p w:rsidR="00763958" w:rsidRDefault="00763958" w:rsidP="00763958">
            <w:r>
              <w:t xml:space="preserve">                                 &lt;div style="display:none" id="&lt;?php echo $propertyAttributeCode.'_'.$option['value']?&gt;_price"&gt;Monthly Price ($)</w:t>
            </w:r>
          </w:p>
          <w:p w:rsidR="00763958" w:rsidRDefault="00763958" w:rsidP="00763958">
            <w:r>
              <w:t xml:space="preserve">                                  &lt;input type="text" name="&lt;?php echo $propertyAttributeCode.'_'.$option['value']?&gt;_price" id="&lt;?php echo $propertyAttributeCode.'_'.$option['value']?&gt;_price" value="" size="10" maxlength="5" placeholder="Numbers only" &gt;</w:t>
            </w:r>
          </w:p>
          <w:p w:rsidR="00763958" w:rsidRDefault="00763958" w:rsidP="00763958">
            <w:r>
              <w:t xml:space="preserve">                                  &lt;/div&gt;</w:t>
            </w:r>
          </w:p>
          <w:p w:rsidR="00763958" w:rsidRDefault="00763958" w:rsidP="00763958">
            <w:r>
              <w:t xml:space="preserve">                                </w:t>
            </w:r>
          </w:p>
          <w:p w:rsidR="00763958" w:rsidRDefault="00763958" w:rsidP="00763958">
            <w:r>
              <w:t xml:space="preserve">                                &lt;?php  }  ?&gt;</w:t>
            </w:r>
          </w:p>
          <w:p w:rsidR="00763958" w:rsidRDefault="00763958" w:rsidP="00763958">
            <w:r>
              <w:t xml:space="preserve">                                &lt;br /&gt; </w:t>
            </w:r>
          </w:p>
          <w:p w:rsidR="00763958" w:rsidRDefault="00763958" w:rsidP="00763958">
            <w:r>
              <w:t xml:space="preserve">                                </w:t>
            </w:r>
          </w:p>
          <w:p w:rsidR="00763958" w:rsidRDefault="00763958" w:rsidP="00763958">
            <w:r>
              <w:t xml:space="preserve">                                &lt;?php  }  ?&gt;</w:t>
            </w:r>
          </w:p>
          <w:p w:rsidR="00763958" w:rsidRDefault="00763958" w:rsidP="00763958">
            <w:r>
              <w:t xml:space="preserve">                                </w:t>
            </w:r>
          </w:p>
          <w:p w:rsidR="00763958" w:rsidRDefault="00763958" w:rsidP="00763958">
            <w:r>
              <w:t xml:space="preserve">                                  &lt;!--&lt;/fieldset&gt; --&gt;</w:t>
            </w:r>
          </w:p>
          <w:p w:rsidR="00763958" w:rsidRDefault="00763958" w:rsidP="00763958">
            <w:r>
              <w:t xml:space="preserve">                                &lt;/div&gt;</w:t>
            </w:r>
          </w:p>
          <w:p w:rsidR="00763958" w:rsidRDefault="00763958" w:rsidP="00763958">
            <w:r>
              <w:t xml:space="preserve">                            &lt;/div&gt;</w:t>
            </w:r>
          </w:p>
          <w:p w:rsidR="00763958" w:rsidRDefault="00763958" w:rsidP="00763958">
            <w:r>
              <w:t xml:space="preserve">                          &lt;?php  }</w:t>
            </w:r>
          </w:p>
          <w:p w:rsidR="00763958" w:rsidRDefault="00763958" w:rsidP="00763958">
            <w:r>
              <w:t xml:space="preserve">                            ?&gt;</w:t>
            </w:r>
          </w:p>
          <w:p w:rsidR="00763958" w:rsidRDefault="00763958" w:rsidP="00763958">
            <w:r>
              <w:t xml:space="preserve">                        &lt;/div&gt;    </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t>&lt;script&gt;</w:t>
            </w:r>
          </w:p>
          <w:p w:rsidR="00763958" w:rsidRDefault="00763958" w:rsidP="00763958">
            <w:r>
              <w:t>function priceBoxShow(checkboxid, divid) {</w:t>
            </w:r>
          </w:p>
          <w:p w:rsidR="00763958" w:rsidRDefault="00763958" w:rsidP="00763958">
            <w:r>
              <w:t xml:space="preserve">      var checkBox = document.getElementById(checkboxid);</w:t>
            </w:r>
          </w:p>
          <w:p w:rsidR="00763958" w:rsidRDefault="00763958" w:rsidP="00763958">
            <w:r>
              <w:t xml:space="preserve">  const pricebox = document.getElementById(divid);</w:t>
            </w:r>
          </w:p>
          <w:p w:rsidR="00763958" w:rsidRDefault="00763958" w:rsidP="00763958">
            <w:r>
              <w:t xml:space="preserve">  if (checkBox.checked == true){</w:t>
            </w:r>
          </w:p>
          <w:p w:rsidR="00763958" w:rsidRDefault="00763958" w:rsidP="00763958">
            <w:r>
              <w:t xml:space="preserve">   pricebox.style.display = 'block';</w:t>
            </w:r>
          </w:p>
          <w:p w:rsidR="00763958" w:rsidRDefault="00763958" w:rsidP="00763958">
            <w:r>
              <w:t xml:space="preserve">  } else {</w:t>
            </w:r>
          </w:p>
          <w:p w:rsidR="00763958" w:rsidRDefault="00763958" w:rsidP="00763958">
            <w:r>
              <w:t xml:space="preserve">    pricebox.style.display = 'none';</w:t>
            </w:r>
          </w:p>
          <w:p w:rsidR="00763958" w:rsidRDefault="00763958" w:rsidP="00763958">
            <w:r>
              <w:t xml:space="preserve">  }</w:t>
            </w:r>
          </w:p>
          <w:p w:rsidR="00763958" w:rsidRDefault="00763958" w:rsidP="00763958">
            <w:r>
              <w:t xml:space="preserve"> </w:t>
            </w:r>
          </w:p>
          <w:p w:rsidR="00763958" w:rsidRDefault="00763958" w:rsidP="00763958">
            <w:r>
              <w:t>}</w:t>
            </w:r>
          </w:p>
          <w:p w:rsidR="00763958" w:rsidRDefault="00763958" w:rsidP="00763958">
            <w:r>
              <w:t>&lt;/script&gt;</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t>&lt;script&gt;</w:t>
            </w:r>
          </w:p>
          <w:p w:rsidR="00763958" w:rsidRDefault="00763958" w:rsidP="00763958">
            <w:r>
              <w:t>$('#cityStateZip').selectize({</w:t>
            </w:r>
          </w:p>
          <w:p w:rsidR="00763958" w:rsidRDefault="00763958" w:rsidP="00763958">
            <w:r>
              <w:t xml:space="preserve">    valueField: 'zipcode',</w:t>
            </w:r>
          </w:p>
          <w:p w:rsidR="00763958" w:rsidRDefault="00763958" w:rsidP="00763958">
            <w:r>
              <w:t xml:space="preserve">    labelField: 'display_text',</w:t>
            </w:r>
          </w:p>
          <w:p w:rsidR="00763958" w:rsidRDefault="00763958" w:rsidP="00763958">
            <w:r>
              <w:t xml:space="preserve">    searchField: 'display_text',</w:t>
            </w:r>
          </w:p>
          <w:p w:rsidR="00763958" w:rsidRDefault="00763958" w:rsidP="00763958">
            <w:r>
              <w:t xml:space="preserve">    options: [],</w:t>
            </w:r>
          </w:p>
          <w:p w:rsidR="00763958" w:rsidRDefault="00763958" w:rsidP="00763958">
            <w:r>
              <w:t xml:space="preserve">  create: false,</w:t>
            </w:r>
          </w:p>
          <w:p w:rsidR="00763958" w:rsidRDefault="00763958" w:rsidP="00763958">
            <w:r>
              <w:lastRenderedPageBreak/>
              <w:t xml:space="preserve">  load: function(query, callback) {</w:t>
            </w:r>
          </w:p>
          <w:p w:rsidR="00763958" w:rsidRDefault="00763958" w:rsidP="00763958">
            <w:r>
              <w:t xml:space="preserve">    if (!query.length) return callback();</w:t>
            </w:r>
          </w:p>
          <w:p w:rsidR="00763958" w:rsidRDefault="00763958" w:rsidP="00763958">
            <w:r>
              <w:t xml:space="preserve">    </w:t>
            </w:r>
          </w:p>
          <w:p w:rsidR="00763958" w:rsidRDefault="00763958" w:rsidP="00763958">
            <w:r>
              <w:t xml:space="preserve">    //var countryId = document.getElementById("countryId").value ;</w:t>
            </w:r>
          </w:p>
          <w:p w:rsidR="00763958" w:rsidRDefault="00763958" w:rsidP="00763958">
            <w:r>
              <w:t xml:space="preserve">    //var selectedCountry = "United States" ; // document.querySelector('#select-country option:checked').text ;</w:t>
            </w:r>
          </w:p>
          <w:p w:rsidR="00763958" w:rsidRDefault="00763958" w:rsidP="00763958">
            <w:r>
              <w:t xml:space="preserve">    </w:t>
            </w:r>
          </w:p>
          <w:p w:rsidR="00763958" w:rsidRDefault="00763958" w:rsidP="00763958">
            <w:r>
              <w:t xml:space="preserve">    //alert(countryId) ;</w:t>
            </w:r>
          </w:p>
          <w:p w:rsidR="00763958" w:rsidRDefault="00763958" w:rsidP="00763958">
            <w:r>
              <w:t xml:space="preserve">    $.ajax({</w:t>
            </w:r>
          </w:p>
          <w:p w:rsidR="00763958" w:rsidRDefault="00763958" w:rsidP="00763958">
            <w:r>
              <w:t xml:space="preserve">      url: '&lt;?php echo SITE_URL_PROFILE ; ?&gt;/selectize/country_usa_state_city_zipcode.php',</w:t>
            </w:r>
          </w:p>
          <w:p w:rsidR="00763958" w:rsidRDefault="00763958" w:rsidP="00763958">
            <w:r>
              <w:t xml:space="preserve">      type: 'GET',</w:t>
            </w:r>
          </w:p>
          <w:p w:rsidR="00763958" w:rsidRDefault="00763958" w:rsidP="00763958">
            <w:r>
              <w:t xml:space="preserve">      dataType: 'json',</w:t>
            </w:r>
          </w:p>
          <w:p w:rsidR="00763958" w:rsidRDefault="00763958" w:rsidP="00763958">
            <w:r>
              <w:t xml:space="preserve">      data: {</w:t>
            </w:r>
          </w:p>
          <w:p w:rsidR="00763958" w:rsidRDefault="00763958" w:rsidP="00763958">
            <w:r>
              <w:t xml:space="preserve">        //countryid: countryId,</w:t>
            </w:r>
          </w:p>
          <w:p w:rsidR="00763958" w:rsidRDefault="00763958" w:rsidP="00763958">
            <w:r>
              <w:t xml:space="preserve">        //countryname: selectedCountry,</w:t>
            </w:r>
          </w:p>
          <w:p w:rsidR="00763958" w:rsidRDefault="00763958" w:rsidP="00763958">
            <w:r>
              <w:t xml:space="preserve">        query: query,</w:t>
            </w:r>
          </w:p>
          <w:p w:rsidR="00763958" w:rsidRDefault="00763958" w:rsidP="00763958">
            <w:r>
              <w:t xml:space="preserve">      },</w:t>
            </w:r>
          </w:p>
          <w:p w:rsidR="00763958" w:rsidRDefault="00763958" w:rsidP="00763958">
            <w:r>
              <w:t xml:space="preserve">      error: function() {</w:t>
            </w:r>
          </w:p>
          <w:p w:rsidR="00763958" w:rsidRDefault="00763958" w:rsidP="00763958">
            <w:r>
              <w:t xml:space="preserve">        callback();</w:t>
            </w:r>
          </w:p>
          <w:p w:rsidR="00763958" w:rsidRDefault="00763958" w:rsidP="00763958">
            <w:r>
              <w:t xml:space="preserve">      },</w:t>
            </w:r>
          </w:p>
          <w:p w:rsidR="00763958" w:rsidRDefault="00763958" w:rsidP="00763958">
            <w:r>
              <w:t xml:space="preserve">      success: function(res) {</w:t>
            </w:r>
          </w:p>
          <w:p w:rsidR="00763958" w:rsidRDefault="00763958" w:rsidP="00763958">
            <w:r>
              <w:t xml:space="preserve">        callback(res);</w:t>
            </w:r>
          </w:p>
          <w:p w:rsidR="00763958" w:rsidRDefault="00763958" w:rsidP="00763958">
            <w:r>
              <w:t xml:space="preserve">        //document.getElementById('cityDiv').style.display = 'block';</w:t>
            </w:r>
          </w:p>
          <w:p w:rsidR="00763958" w:rsidRDefault="00763958" w:rsidP="00763958">
            <w:r>
              <w:t xml:space="preserve">        //alert(res) ;</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t>});</w:t>
            </w:r>
          </w:p>
          <w:p w:rsidR="00763958" w:rsidRDefault="00763958" w:rsidP="00763958">
            <w:r>
              <w:t>&lt;/script&gt;</w:t>
            </w:r>
          </w:p>
          <w:p w:rsidR="00763958" w:rsidRDefault="00763958" w:rsidP="00763958">
            <w:r>
              <w:t xml:space="preserve">            &lt;div class="mb-3 row"&gt;</w:t>
            </w:r>
          </w:p>
          <w:p w:rsidR="00763958" w:rsidRDefault="00763958" w:rsidP="00763958">
            <w:r>
              <w:t xml:space="preserve">                &lt;label class="col-sm-3 col-form-label text-end"&gt;&lt;b&gt;You are the  *&lt;/b&gt;&lt;/label&gt;</w:t>
            </w:r>
          </w:p>
          <w:p w:rsidR="00763958" w:rsidRDefault="00763958" w:rsidP="00763958">
            <w:r>
              <w:t xml:space="preserve">                &lt;div class="col-sm-9"&gt;</w:t>
            </w:r>
          </w:p>
          <w:p w:rsidR="00763958" w:rsidRDefault="00763958" w:rsidP="00763958">
            <w:r>
              <w:t xml:space="preserve">                    &lt;div class="you"&gt;</w:t>
            </w:r>
          </w:p>
          <w:p w:rsidR="00763958" w:rsidRDefault="00763958" w:rsidP="00763958">
            <w:r>
              <w:t xml:space="preserve">                      &lt;input type = "radio" name = "Seniors"</w:t>
            </w:r>
          </w:p>
          <w:p w:rsidR="00763958" w:rsidRDefault="00763958" w:rsidP="00763958">
            <w:r>
              <w:t xml:space="preserve">                        id = "Senior" value = "Senior"</w:t>
            </w:r>
          </w:p>
          <w:p w:rsidR="00763958" w:rsidRDefault="00763958" w:rsidP="00763958">
            <w:r>
              <w:t xml:space="preserve">                         checked = "checked" /&gt;</w:t>
            </w:r>
          </w:p>
          <w:p w:rsidR="00763958" w:rsidRDefault="00763958" w:rsidP="00763958">
            <w:r>
              <w:t xml:space="preserve">                        &lt;label for = "sizeSmall"&gt;Senior&lt;/label&gt;</w:t>
            </w:r>
          </w:p>
          <w:p w:rsidR="00763958" w:rsidRDefault="00763958" w:rsidP="00763958">
            <w:r>
              <w:t xml:space="preserve">                    &lt;/div&gt;</w:t>
            </w:r>
          </w:p>
          <w:p w:rsidR="00763958" w:rsidRDefault="00763958" w:rsidP="00763958">
            <w:r>
              <w:t xml:space="preserve">                    &lt;div class="you"&gt;</w:t>
            </w:r>
          </w:p>
          <w:p w:rsidR="00763958" w:rsidRDefault="00763958" w:rsidP="00763958">
            <w:r>
              <w:t xml:space="preserve">                        &lt;input type = "radio" name = "Seniors"</w:t>
            </w:r>
          </w:p>
          <w:p w:rsidR="00763958" w:rsidRDefault="00763958" w:rsidP="00763958">
            <w:r>
              <w:t xml:space="preserve">                         id = "sizeMed" value = "Adult Child" /&gt;</w:t>
            </w:r>
          </w:p>
          <w:p w:rsidR="00763958" w:rsidRDefault="00763958" w:rsidP="00763958">
            <w:r>
              <w:t xml:space="preserve">                        &lt;label for = "Adult Child"&gt;Adult Child&lt;/label&gt;</w:t>
            </w:r>
          </w:p>
          <w:p w:rsidR="00763958" w:rsidRDefault="00763958" w:rsidP="00763958">
            <w:r>
              <w:t xml:space="preserve">                    &lt;/div&gt;</w:t>
            </w:r>
          </w:p>
          <w:p w:rsidR="00763958" w:rsidRDefault="00763958" w:rsidP="00763958">
            <w:r>
              <w:t xml:space="preserve">                    &lt;div class="you"&gt;    </w:t>
            </w:r>
          </w:p>
          <w:p w:rsidR="00763958" w:rsidRDefault="00763958" w:rsidP="00763958">
            <w:r>
              <w:t xml:space="preserve">                        &lt;input type = "radio" name = "Seniors"</w:t>
            </w:r>
          </w:p>
          <w:p w:rsidR="00763958" w:rsidRDefault="00763958" w:rsidP="00763958">
            <w:r>
              <w:t xml:space="preserve">                         id = "sizeLarge" value = "Family Member" /&gt;</w:t>
            </w:r>
          </w:p>
          <w:p w:rsidR="00763958" w:rsidRDefault="00763958" w:rsidP="00763958">
            <w:r>
              <w:t xml:space="preserve">                        &lt;label for = "Family Member"&gt;Family Member&lt;/label&gt;</w:t>
            </w:r>
          </w:p>
          <w:p w:rsidR="00763958" w:rsidRDefault="00763958" w:rsidP="00763958">
            <w:r>
              <w:t xml:space="preserve">                    &lt;/div&gt;</w:t>
            </w:r>
          </w:p>
          <w:p w:rsidR="00763958" w:rsidRDefault="00763958" w:rsidP="00763958">
            <w:r>
              <w:lastRenderedPageBreak/>
              <w:t xml:space="preserve">                    &lt;div class="you"&gt;    </w:t>
            </w:r>
          </w:p>
          <w:p w:rsidR="00763958" w:rsidRDefault="00763958" w:rsidP="00763958">
            <w:r>
              <w:t xml:space="preserve">                        &lt;input type = "radio" name = "Seniors"</w:t>
            </w:r>
          </w:p>
          <w:p w:rsidR="00763958" w:rsidRDefault="00763958" w:rsidP="00763958">
            <w:r>
              <w:t xml:space="preserve">                        id = "sizeLarge" value = "Friend" /&gt;</w:t>
            </w:r>
          </w:p>
          <w:p w:rsidR="00763958" w:rsidRDefault="00763958" w:rsidP="00763958">
            <w:r>
              <w:t xml:space="preserve">                        &lt;label for = "Friend"&gt;Friend&lt;/label&gt;</w:t>
            </w:r>
          </w:p>
          <w:p w:rsidR="00763958" w:rsidRDefault="00763958" w:rsidP="00763958">
            <w:r>
              <w:t xml:space="preserve">                    &lt;/div&gt;</w:t>
            </w:r>
          </w:p>
          <w:p w:rsidR="00763958" w:rsidRDefault="00763958" w:rsidP="00763958">
            <w:r>
              <w:t xml:space="preserve">                    &lt;div class="you"&gt;    </w:t>
            </w:r>
          </w:p>
          <w:p w:rsidR="00763958" w:rsidRDefault="00763958" w:rsidP="00763958">
            <w:r>
              <w:t xml:space="preserve">                        &lt;input type = "radio" name = "Seniors"</w:t>
            </w:r>
          </w:p>
          <w:p w:rsidR="00763958" w:rsidRDefault="00763958" w:rsidP="00763958">
            <w:r>
              <w:t xml:space="preserve">                         id = "Advisor" value = "Advisor" /&gt;</w:t>
            </w:r>
          </w:p>
          <w:p w:rsidR="00763958" w:rsidRDefault="00763958" w:rsidP="00763958">
            <w:r>
              <w:t xml:space="preserve">                        &lt;label for = "Advisore"&gt;Advisor&lt;/label&gt;</w:t>
            </w:r>
          </w:p>
          <w:p w:rsidR="00763958" w:rsidRDefault="00763958" w:rsidP="00763958">
            <w:r>
              <w:t xml:space="preserve">                    &lt;/div&gt;</w:t>
            </w:r>
          </w:p>
          <w:p w:rsidR="00763958" w:rsidRDefault="00763958" w:rsidP="00763958">
            <w:r>
              <w:t xml:space="preserve">                    &lt;div class="you"&gt;    </w:t>
            </w:r>
          </w:p>
          <w:p w:rsidR="00763958" w:rsidRDefault="00763958" w:rsidP="00763958">
            <w:r>
              <w:t xml:space="preserve">                        &lt;input type = "radio" name = "Seniors"</w:t>
            </w:r>
          </w:p>
          <w:p w:rsidR="00763958" w:rsidRDefault="00763958" w:rsidP="00763958">
            <w:r>
              <w:t xml:space="preserve">                         id = "POA" value = "POA" /&gt;</w:t>
            </w:r>
          </w:p>
          <w:p w:rsidR="00763958" w:rsidRDefault="00763958" w:rsidP="00763958">
            <w:r>
              <w:t xml:space="preserve">                        &lt;label for = "POA"&gt;POA&lt;/label&gt;</w:t>
            </w:r>
          </w:p>
          <w:p w:rsidR="00763958" w:rsidRDefault="00763958" w:rsidP="00763958">
            <w:r>
              <w:t xml:space="preserve">                    &lt;/div&gt;</w:t>
            </w:r>
          </w:p>
          <w:p w:rsidR="00763958" w:rsidRDefault="00763958" w:rsidP="00763958">
            <w:r>
              <w:t xml:space="preserve">                    &lt;div class="you"&gt;    </w:t>
            </w:r>
          </w:p>
          <w:p w:rsidR="00763958" w:rsidRDefault="00763958" w:rsidP="00763958">
            <w:r>
              <w:t xml:space="preserve">                        &lt;input type = "radio" name = "Seniors"</w:t>
            </w:r>
          </w:p>
          <w:p w:rsidR="00763958" w:rsidRDefault="00763958" w:rsidP="00763958">
            <w:r>
              <w:t xml:space="preserve">                         id = "other" value = "Other" /&gt;</w:t>
            </w:r>
          </w:p>
          <w:p w:rsidR="00763958" w:rsidRDefault="00763958" w:rsidP="00763958">
            <w:r>
              <w:t xml:space="preserve">                        &lt;label for = "Other"&gt;Other&lt;/label&gt;</w:t>
            </w:r>
          </w:p>
          <w:p w:rsidR="00763958" w:rsidRDefault="00763958" w:rsidP="00763958">
            <w:r>
              <w:t xml:space="preserve">                    &lt;/div&gt;</w:t>
            </w:r>
          </w:p>
          <w:p w:rsidR="00763958" w:rsidRDefault="00763958" w:rsidP="00763958">
            <w:r>
              <w:t xml:space="preserve">                    &lt;div&gt;</w:t>
            </w:r>
          </w:p>
          <w:p w:rsidR="00763958" w:rsidRDefault="00763958" w:rsidP="00763958">
            <w:r>
              <w:t xml:space="preserve">                       &lt;input type="text" id="dist" name="txtbox"&gt; &lt;label&gt;&lt;/label&gt;</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gt;</w:t>
            </w:r>
          </w:p>
          <w:p w:rsidR="00763958" w:rsidRDefault="00763958" w:rsidP="00763958">
            <w:r>
              <w:t xml:space="preserve">                &lt;!-- start of enable text box when radio button is selected --&gt;</w:t>
            </w:r>
          </w:p>
          <w:p w:rsidR="00763958" w:rsidRDefault="00763958" w:rsidP="00763958">
            <w:r>
              <w:t xml:space="preserve">                    &lt;script type="text/javascript"&gt;</w:t>
            </w:r>
          </w:p>
          <w:p w:rsidR="00763958" w:rsidRDefault="00763958" w:rsidP="00763958">
            <w:r>
              <w:t xml:space="preserve">                        $(document).ready(function () {</w:t>
            </w:r>
          </w:p>
          <w:p w:rsidR="00763958" w:rsidRDefault="00763958" w:rsidP="00763958">
            <w:r>
              <w:t xml:space="preserve">                            $("#dist").prop('disabled', true);</w:t>
            </w:r>
          </w:p>
          <w:p w:rsidR="00763958" w:rsidRDefault="00763958" w:rsidP="00763958">
            <w:r>
              <w:t xml:space="preserve">                            $("#other").click(function () {</w:t>
            </w:r>
          </w:p>
          <w:p w:rsidR="00763958" w:rsidRDefault="00763958" w:rsidP="00763958">
            <w:r>
              <w:t xml:space="preserve">                                $("#dist").prop('disabled', false);</w:t>
            </w:r>
          </w:p>
          <w:p w:rsidR="00763958" w:rsidRDefault="00763958" w:rsidP="00763958">
            <w:r>
              <w:t xml:space="preserve">                            });</w:t>
            </w:r>
          </w:p>
          <w:p w:rsidR="00763958" w:rsidRDefault="00763958" w:rsidP="00763958">
            <w:r>
              <w:t xml:space="preserve">                    }); </w:t>
            </w:r>
          </w:p>
          <w:p w:rsidR="00763958" w:rsidRDefault="00763958" w:rsidP="00763958">
            <w:r>
              <w:t xml:space="preserve">                    &lt;/script&gt;</w:t>
            </w:r>
          </w:p>
          <w:p w:rsidR="00763958" w:rsidRDefault="00763958" w:rsidP="00763958">
            <w:r>
              <w:t xml:space="preserve">                    &lt;!--&lt;script type="text/javascript"&gt;</w:t>
            </w:r>
          </w:p>
          <w:p w:rsidR="00763958" w:rsidRDefault="00763958" w:rsidP="00763958">
            <w:r>
              <w:t xml:space="preserve">                    $(document).ready(function () {</w:t>
            </w:r>
          </w:p>
          <w:p w:rsidR="00763958" w:rsidRDefault="00763958" w:rsidP="00763958">
            <w:r>
              <w:t xml:space="preserve">                        $("#dist").attr("disabled","disabled");</w:t>
            </w:r>
          </w:p>
          <w:p w:rsidR="00763958" w:rsidRDefault="00763958" w:rsidP="00763958">
            <w:r>
              <w:t xml:space="preserve">                        $("#other").click(function () {</w:t>
            </w:r>
          </w:p>
          <w:p w:rsidR="00763958" w:rsidRDefault="00763958" w:rsidP="00763958">
            <w:r>
              <w:t xml:space="preserve">                            $("#dist").removeAttr("disabled");</w:t>
            </w:r>
          </w:p>
          <w:p w:rsidR="00763958" w:rsidRDefault="00763958" w:rsidP="00763958">
            <w:r>
              <w:t xml:space="preserve">                        });</w:t>
            </w:r>
          </w:p>
          <w:p w:rsidR="00763958" w:rsidRDefault="00763958" w:rsidP="00763958">
            <w:r>
              <w:t xml:space="preserve">                    });</w:t>
            </w:r>
          </w:p>
          <w:p w:rsidR="00763958" w:rsidRDefault="00763958" w:rsidP="00763958">
            <w:r>
              <w:t xml:space="preserve">                    &lt;/script&gt; --&gt;</w:t>
            </w:r>
          </w:p>
          <w:p w:rsidR="00763958" w:rsidRDefault="00763958" w:rsidP="00763958">
            <w:r>
              <w:t xml:space="preserve">                &lt;!-- end of enable text box when radio button is selected --&gt;</w:t>
            </w:r>
          </w:p>
          <w:p w:rsidR="00763958" w:rsidRDefault="00763958" w:rsidP="00763958"/>
          <w:p w:rsidR="00763958" w:rsidRDefault="00763958" w:rsidP="00763958">
            <w:r>
              <w:t xml:space="preserve">            &lt;div class="mb-3 row"&gt;</w:t>
            </w:r>
          </w:p>
          <w:p w:rsidR="00763958" w:rsidRDefault="00763958" w:rsidP="00763958">
            <w:r>
              <w:t xml:space="preserve">                &lt;label class="col-sm-3 col-form-label text-end"&gt;&lt;b&gt;Birthdate of &lt;br&gt; Prospective Resident*  &lt;/b&gt;&lt;/label&gt;</w:t>
            </w:r>
          </w:p>
          <w:p w:rsidR="00763958" w:rsidRDefault="00763958" w:rsidP="00763958">
            <w:r>
              <w:t xml:space="preserve">                &lt;div class="col-sm-9"&gt;</w:t>
            </w:r>
          </w:p>
          <w:p w:rsidR="00763958" w:rsidRDefault="00763958" w:rsidP="00763958">
            <w:r>
              <w:lastRenderedPageBreak/>
              <w:t xml:space="preserve">                    &lt;input type="date" id="start" name="trip-start"</w:t>
            </w:r>
          </w:p>
          <w:p w:rsidR="00763958" w:rsidRDefault="00763958" w:rsidP="00763958">
            <w:r>
              <w:t xml:space="preserve">                       value="2004-12-31"</w:t>
            </w:r>
          </w:p>
          <w:p w:rsidR="00763958" w:rsidRDefault="00763958" w:rsidP="00763958">
            <w:r>
              <w:t xml:space="preserve">                       min="1922-01-01" max="2004-12-31"&gt;</w:t>
            </w:r>
          </w:p>
          <w:p w:rsidR="00763958" w:rsidRDefault="00763958" w:rsidP="00763958">
            <w:r>
              <w:t xml:space="preserve">                &lt;/div&gt;</w:t>
            </w:r>
          </w:p>
          <w:p w:rsidR="00763958" w:rsidRDefault="00763958" w:rsidP="00763958">
            <w:r>
              <w:t xml:space="preserve">            &lt;/div&gt;</w:t>
            </w:r>
          </w:p>
          <w:p w:rsidR="00763958" w:rsidRDefault="00763958" w:rsidP="00763958">
            <w:r>
              <w:t xml:space="preserve">            &lt;br&gt;</w:t>
            </w:r>
          </w:p>
          <w:p w:rsidR="00763958" w:rsidRDefault="00763958" w:rsidP="00763958">
            <w:r>
              <w:t xml:space="preserve">            &lt;div class="mb-12 row"&gt;</w:t>
            </w:r>
          </w:p>
          <w:p w:rsidR="00763958" w:rsidRDefault="00763958" w:rsidP="00763958">
            <w:r>
              <w:t xml:space="preserve">                &lt;p class="offset-1"&gt;By entering your name, email and password, you are  able to set-up a free account on Senior Place Finder &lt;br/&gt;and view and manage your profile from your dashboard&lt;/p&gt;</w:t>
            </w:r>
          </w:p>
          <w:p w:rsidR="00763958" w:rsidRDefault="00763958" w:rsidP="00763958">
            <w:r>
              <w:t xml:space="preserve">                </w:t>
            </w:r>
          </w:p>
          <w:p w:rsidR="00763958" w:rsidRDefault="00763958" w:rsidP="00763958">
            <w:r>
              <w:t xml:space="preserve">            &lt;/div&gt;</w:t>
            </w:r>
          </w:p>
          <w:p w:rsidR="00763958" w:rsidRDefault="00763958" w:rsidP="00763958">
            <w:r>
              <w:t xml:space="preserve">            </w:t>
            </w:r>
          </w:p>
          <w:p w:rsidR="00763958" w:rsidRDefault="00763958" w:rsidP="00763958">
            <w:r>
              <w:t xml:space="preserve">            &lt;div class="mb-3 row"&gt;</w:t>
            </w:r>
          </w:p>
          <w:p w:rsidR="00763958" w:rsidRDefault="00763958" w:rsidP="00763958">
            <w:r>
              <w:t xml:space="preserve">                &lt;label class="col-sm-3 col-form-label text-end"&gt;&lt;b&gt;Name*&lt;/b&gt;&lt;/label&gt;</w:t>
            </w:r>
          </w:p>
          <w:p w:rsidR="00763958" w:rsidRDefault="00763958" w:rsidP="00763958">
            <w:r>
              <w:t xml:space="preserve">                &lt;div class="col-sm-9"&gt;</w:t>
            </w:r>
          </w:p>
          <w:p w:rsidR="00763958" w:rsidRDefault="00763958" w:rsidP="00763958">
            <w:r>
              <w:t xml:space="preserve">                    &lt;input type="text" name="title" class="form-control" placeholder="Name" required="" maxlength="50" /&gt;</w:t>
            </w:r>
          </w:p>
          <w:p w:rsidR="00763958" w:rsidRDefault="00763958" w:rsidP="00763958">
            <w:r>
              <w:t xml:space="preserve">                &lt;/div&gt;</w:t>
            </w:r>
          </w:p>
          <w:p w:rsidR="00763958" w:rsidRDefault="00763958" w:rsidP="00763958">
            <w:r>
              <w:t xml:space="preserve">            &lt;/div&gt;</w:t>
            </w:r>
          </w:p>
          <w:p w:rsidR="00763958" w:rsidRDefault="00763958" w:rsidP="00763958"/>
          <w:p w:rsidR="00763958" w:rsidRDefault="00763958" w:rsidP="00763958"/>
          <w:p w:rsidR="00763958" w:rsidRDefault="00763958" w:rsidP="00763958">
            <w:r>
              <w:t xml:space="preserve">            &lt;div class="mb-3 row"&gt;</w:t>
            </w:r>
          </w:p>
          <w:p w:rsidR="00763958" w:rsidRDefault="00763958" w:rsidP="00763958">
            <w:r>
              <w:t xml:space="preserve">                &lt;label class="col-sm-3 col-form-label text-end"&gt;&lt;b&gt;Email*&lt;/b&gt;&lt;/label&gt;</w:t>
            </w:r>
          </w:p>
          <w:p w:rsidR="00763958" w:rsidRDefault="00763958" w:rsidP="00763958">
            <w:r>
              <w:t xml:space="preserve">                &lt;div class="col-sm-9"&gt;</w:t>
            </w:r>
          </w:p>
          <w:p w:rsidR="00763958" w:rsidRDefault="00763958" w:rsidP="00763958">
            <w:r>
              <w:t xml:space="preserve">                    &lt;input type="text" name="title" class="form-control" placeholder="Your email id" required="" maxlength="50" /&gt;</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 class="mb-3 row"&gt;</w:t>
            </w:r>
          </w:p>
          <w:p w:rsidR="00763958" w:rsidRDefault="00763958" w:rsidP="00763958">
            <w:r>
              <w:t xml:space="preserve">                &lt;label class="col-sm-3 col-form-label text-end"&gt;&lt;b&gt;Email*&lt;/b&gt;&lt;/label&gt;</w:t>
            </w:r>
          </w:p>
          <w:p w:rsidR="00763958" w:rsidRDefault="00763958" w:rsidP="00763958">
            <w:r>
              <w:t xml:space="preserve">                &lt;div class="col-sm-9"&gt;</w:t>
            </w:r>
          </w:p>
          <w:p w:rsidR="00763958" w:rsidRDefault="00763958" w:rsidP="00763958">
            <w:r>
              <w:t xml:space="preserve">                    &lt;input type="text" name="title" class="form-control" placeholder="Password" required="" maxlength="50" /&gt;</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 class="mb-3 row"&gt;</w:t>
            </w:r>
          </w:p>
          <w:p w:rsidR="00763958" w:rsidRDefault="00763958" w:rsidP="00763958">
            <w:r>
              <w:t xml:space="preserve">                &lt;label class="col-sm-3 col-form-label text-end"&gt;&lt;b&gt;Confirm Password*&lt;/b&gt;&lt;/label&gt;</w:t>
            </w:r>
          </w:p>
          <w:p w:rsidR="00763958" w:rsidRDefault="00763958" w:rsidP="00763958">
            <w:r>
              <w:t xml:space="preserve">                &lt;div class="col-sm-9"&gt;</w:t>
            </w:r>
          </w:p>
          <w:p w:rsidR="00763958" w:rsidRDefault="00763958" w:rsidP="00763958">
            <w:r>
              <w:t xml:space="preserve">                    &lt;input type="text" name="title" class="form-control" placeholder="Confirm Password" required="" maxlength="50" /&gt;</w:t>
            </w:r>
          </w:p>
          <w:p w:rsidR="00763958" w:rsidRDefault="00763958" w:rsidP="00763958">
            <w:r>
              <w:t xml:space="preserve">                &lt;/div&gt;</w:t>
            </w:r>
          </w:p>
          <w:p w:rsidR="00763958" w:rsidRDefault="00763958" w:rsidP="00763958">
            <w:r>
              <w:t xml:space="preserve">            &lt;/div&gt;</w:t>
            </w:r>
          </w:p>
          <w:p w:rsidR="00763958" w:rsidRDefault="00763958" w:rsidP="00763958"/>
          <w:p w:rsidR="00763958" w:rsidRDefault="00763958" w:rsidP="00763958"/>
          <w:p w:rsidR="00763958" w:rsidRDefault="00763958" w:rsidP="00763958">
            <w:r>
              <w:t xml:space="preserve">            &lt;div class="text-end mt-3"&gt;</w:t>
            </w:r>
          </w:p>
          <w:p w:rsidR="00763958" w:rsidRDefault="00763958" w:rsidP="00763958">
            <w:r>
              <w:t xml:space="preserve">                    &lt;div class="collapse" id="processSpan"&gt;</w:t>
            </w:r>
          </w:p>
          <w:p w:rsidR="00763958" w:rsidRDefault="00763958" w:rsidP="00763958">
            <w:r>
              <w:t xml:space="preserve">                        &lt;div class="spinner-border text-primary" role="status"&gt;</w:t>
            </w:r>
          </w:p>
          <w:p w:rsidR="00763958" w:rsidRDefault="00763958" w:rsidP="00763958">
            <w:r>
              <w:t xml:space="preserve">                          &lt;span class="visually-hidden"&gt;Loading...&lt;/span&gt;</w:t>
            </w:r>
          </w:p>
          <w:p w:rsidR="00763958" w:rsidRDefault="00763958" w:rsidP="00763958">
            <w:r>
              <w:lastRenderedPageBreak/>
              <w:t xml:space="preserve">                        &lt;/div&gt; Processing please wait..</w:t>
            </w:r>
          </w:p>
          <w:p w:rsidR="00763958" w:rsidRDefault="00763958" w:rsidP="00763958">
            <w:r>
              <w:t xml:space="preserve">                    &lt;/div&gt;</w:t>
            </w:r>
          </w:p>
          <w:p w:rsidR="00763958" w:rsidRDefault="00763958" w:rsidP="00763958">
            <w:r>
              <w:t xml:space="preserve">                    &lt;span id="log_result"&gt;&lt;/span&gt;</w:t>
            </w:r>
          </w:p>
          <w:p w:rsidR="00763958" w:rsidRDefault="00763958" w:rsidP="00763958">
            <w:r>
              <w:t xml:space="preserve">                    &lt;div id="submitBtnsBox" style="text-align: right;"&gt;</w:t>
            </w:r>
          </w:p>
          <w:p w:rsidR="00763958" w:rsidRDefault="00763958" w:rsidP="00763958">
            <w:r>
              <w:t xml:space="preserve">                        &lt;button name="submit" type="submit" class="btn btn-success" &gt;&lt;i class="fas fa-2x fa-pen-to-square"&gt;&lt;/i&gt; SUBMIT&lt;/button&gt; </w:t>
            </w:r>
          </w:p>
          <w:p w:rsidR="00763958" w:rsidRDefault="00763958" w:rsidP="00763958">
            <w:r>
              <w:t xml:space="preserve">                        </w:t>
            </w:r>
          </w:p>
          <w:p w:rsidR="00763958" w:rsidRDefault="00763958" w:rsidP="00763958">
            <w:r>
              <w:t xml:space="preserve">                    &lt;/div&gt;</w:t>
            </w:r>
          </w:p>
          <w:p w:rsidR="00763958" w:rsidRDefault="00763958" w:rsidP="00763958">
            <w:r>
              <w:t xml:space="preserve">                &lt;/div&gt;</w:t>
            </w:r>
          </w:p>
          <w:p w:rsidR="00763958" w:rsidRDefault="00763958" w:rsidP="00763958"/>
          <w:p w:rsidR="00763958" w:rsidRDefault="00763958" w:rsidP="00763958">
            <w:r>
              <w:t xml:space="preserve">        &lt;/form&gt;</w:t>
            </w:r>
          </w:p>
          <w:p w:rsidR="00763958" w:rsidRDefault="00763958" w:rsidP="00763958">
            <w:r>
              <w:t xml:space="preserve">                        &lt;/div&gt;</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t xml:space="preserve">                        &lt;/div&gt;</w:t>
            </w:r>
          </w:p>
          <w:p w:rsidR="00763958" w:rsidRDefault="00763958" w:rsidP="00763958">
            <w:r>
              <w:t xml:space="preserve">                        </w:t>
            </w:r>
          </w:p>
          <w:p w:rsidR="00763958" w:rsidRDefault="00763958" w:rsidP="00763958">
            <w:r>
              <w:t xml:space="preserve">                        &lt;!-- Modal footer --&gt;</w:t>
            </w:r>
          </w:p>
          <w:p w:rsidR="00763958" w:rsidRDefault="00763958" w:rsidP="00763958">
            <w:r>
              <w:t xml:space="preserve">                        </w:t>
            </w:r>
          </w:p>
          <w:p w:rsidR="00763958" w:rsidRDefault="00763958" w:rsidP="00763958">
            <w:r>
              <w:t xml:space="preserve">                        &lt;div class="modal-footer"&gt;</w:t>
            </w:r>
          </w:p>
          <w:p w:rsidR="00763958" w:rsidRDefault="00763958" w:rsidP="00763958">
            <w:r>
              <w:t xml:space="preserve">                            &lt;button type="button" class="btn btn-danger" data-dismiss="modal"&gt;Close&lt;/button&gt;</w:t>
            </w:r>
          </w:p>
          <w:p w:rsidR="00763958" w:rsidRDefault="00763958" w:rsidP="00763958">
            <w:r>
              <w:t xml:space="preserve">                        &lt;/div&gt;</w:t>
            </w:r>
          </w:p>
          <w:p w:rsidR="00763958" w:rsidRDefault="00763958" w:rsidP="00763958"/>
          <w:p w:rsidR="00763958" w:rsidRDefault="00763958" w:rsidP="00763958">
            <w:r>
              <w:t xml:space="preserve">                      &lt;/div&gt;</w:t>
            </w:r>
          </w:p>
          <w:p w:rsidR="00763958" w:rsidRDefault="00763958" w:rsidP="00763958">
            <w:r>
              <w:t xml:space="preserve">                    &lt;/div&gt;</w:t>
            </w:r>
          </w:p>
          <w:p w:rsidR="00763958" w:rsidRDefault="00763958" w:rsidP="00763958">
            <w:r>
              <w:t xml:space="preserve">                  &lt;/div&gt;</w:t>
            </w:r>
          </w:p>
          <w:p w:rsidR="00763958" w:rsidRDefault="00763958" w:rsidP="00763958">
            <w:r>
              <w:t xml:space="preserve">                  </w:t>
            </w:r>
          </w:p>
          <w:p w:rsidR="00763958" w:rsidRDefault="00763958" w:rsidP="00763958">
            <w:r>
              <w:t xml:space="preserve">                 </w:t>
            </w:r>
          </w:p>
          <w:p w:rsidR="00763958" w:rsidRDefault="00763958" w:rsidP="00763958">
            <w:r>
              <w:t xml:space="preserve">      &lt;/div&gt;</w:t>
            </w:r>
          </w:p>
          <w:p w:rsidR="00763958" w:rsidRDefault="00763958" w:rsidP="00763958">
            <w:r>
              <w:t xml:space="preserve">            &lt;/div&gt;</w:t>
            </w:r>
          </w:p>
          <w:p w:rsidR="00763958" w:rsidRDefault="00763958" w:rsidP="00763958"/>
          <w:p w:rsidR="00763958" w:rsidRDefault="00763958" w:rsidP="00763958">
            <w:r>
              <w:t>&lt;script type="text/javascript"&gt;</w:t>
            </w:r>
          </w:p>
          <w:p w:rsidR="00763958" w:rsidRDefault="00763958" w:rsidP="00763958"/>
          <w:p w:rsidR="00763958" w:rsidRDefault="00763958" w:rsidP="00763958">
            <w:r>
              <w:t xml:space="preserve">    $("#myBtn").click(function(){</w:t>
            </w:r>
          </w:p>
          <w:p w:rsidR="00763958" w:rsidRDefault="00763958" w:rsidP="00763958">
            <w:r>
              <w:t xml:space="preserve">        $("#myModal").modal();</w:t>
            </w:r>
          </w:p>
          <w:p w:rsidR="00763958" w:rsidRDefault="00763958" w:rsidP="00763958">
            <w:r>
              <w:t xml:space="preserve">        $(".modal-backdrop").addClass("modal fade show");</w:t>
            </w:r>
          </w:p>
          <w:p w:rsidR="00763958" w:rsidRDefault="00763958" w:rsidP="00763958">
            <w:r>
              <w:t xml:space="preserve">    });</w:t>
            </w:r>
          </w:p>
          <w:p w:rsidR="0048012D" w:rsidRDefault="00763958" w:rsidP="00763958">
            <w:r>
              <w:t xml:space="preserve">&lt;/script&gt;    </w:t>
            </w:r>
          </w:p>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763958" w:rsidP="0048012D">
            <w:r w:rsidRPr="00763958">
              <w:rPr>
                <w:highlight w:val="yellow"/>
              </w:rPr>
              <w:t>Memory-care.php</w:t>
            </w:r>
          </w:p>
        </w:tc>
      </w:tr>
      <w:tr w:rsidR="0048012D" w:rsidTr="0048012D">
        <w:tc>
          <w:tcPr>
            <w:tcW w:w="9576" w:type="dxa"/>
          </w:tcPr>
          <w:p w:rsidR="0048012D" w:rsidRDefault="00763958" w:rsidP="0048012D">
            <w:r>
              <w:object w:dxaOrig="3326" w:dyaOrig="4320">
                <v:shape id="_x0000_i1045" type="#_x0000_t75" style="width:454.4pt;height:3in" o:ole="">
                  <v:imagedata r:id="rId46" o:title=""/>
                </v:shape>
                <o:OLEObject Type="Embed" ProgID="PBrush" ShapeID="_x0000_i1045" DrawAspect="Content" ObjectID="_1729694202" r:id="rId47"/>
              </w:object>
            </w:r>
          </w:p>
        </w:tc>
      </w:tr>
      <w:tr w:rsidR="0048012D" w:rsidTr="0048012D">
        <w:tc>
          <w:tcPr>
            <w:tcW w:w="9576" w:type="dxa"/>
          </w:tcPr>
          <w:p w:rsidR="00763958" w:rsidRDefault="00763958" w:rsidP="00763958">
            <w:r>
              <w:t>&lt;?php require_once('config.php') ; ?&gt;</w:t>
            </w:r>
          </w:p>
          <w:p w:rsidR="00763958" w:rsidRDefault="00763958" w:rsidP="00763958">
            <w:r>
              <w:t>&lt;?php include_once ('attribute.php'); ?&gt;</w:t>
            </w:r>
          </w:p>
          <w:p w:rsidR="00763958" w:rsidRDefault="00763958" w:rsidP="00763958"/>
          <w:p w:rsidR="00763958" w:rsidRDefault="00763958" w:rsidP="00763958">
            <w:r>
              <w:t>&lt;head&gt;</w:t>
            </w:r>
          </w:p>
          <w:p w:rsidR="00763958" w:rsidRDefault="00763958" w:rsidP="00763958">
            <w:r>
              <w:t>&lt;!--meta details--&gt;</w:t>
            </w:r>
          </w:p>
          <w:p w:rsidR="00763958" w:rsidRDefault="00763958" w:rsidP="00763958">
            <w:r>
              <w:t xml:space="preserve">    &lt;meta charset="utf-8"/&gt;</w:t>
            </w:r>
          </w:p>
          <w:p w:rsidR="00763958" w:rsidRDefault="00763958" w:rsidP="00763958">
            <w:r>
              <w:t xml:space="preserve">    &lt;meta http-equiv="Content-Type" content="text/html; charset=UTF-8"/&gt;</w:t>
            </w:r>
          </w:p>
          <w:p w:rsidR="00763958" w:rsidRDefault="00763958" w:rsidP="00763958">
            <w:r>
              <w:t xml:space="preserve">    &lt;meta http-equiv="X-UA-Compatible" content="IE=edge"/&gt;</w:t>
            </w:r>
          </w:p>
          <w:p w:rsidR="00763958" w:rsidRDefault="00763958" w:rsidP="00763958">
            <w:r>
              <w:t xml:space="preserve">    &lt;meta name="viewport" content="width=device-width, initial-scale=1.0, user-scalable=0, minimal-ui"/&gt;</w:t>
            </w:r>
          </w:p>
          <w:p w:rsidR="00763958" w:rsidRDefault="00763958" w:rsidP="00763958">
            <w:r>
              <w:t xml:space="preserve">     &lt;!--  Logo on Browser window--&gt;</w:t>
            </w:r>
          </w:p>
          <w:p w:rsidR="00763958" w:rsidRDefault="00763958" w:rsidP="00763958">
            <w:r>
              <w:t xml:space="preserve">    &lt;link href="spf/img/tablogo.png" rel="shortcut icon" type="image/x-icon"&gt;</w:t>
            </w:r>
          </w:p>
          <w:p w:rsidR="00763958" w:rsidRDefault="00763958" w:rsidP="00763958">
            <w:r>
              <w:t xml:space="preserve">    &lt;!--google prefetch--&gt;</w:t>
            </w:r>
          </w:p>
          <w:p w:rsidR="00763958" w:rsidRDefault="00763958" w:rsidP="00763958">
            <w:r>
              <w:t xml:space="preserve">    &lt;link rel="dns-prefetch" href="http://fonts.gstatic.com/"/&gt;</w:t>
            </w:r>
          </w:p>
          <w:p w:rsidR="00763958" w:rsidRDefault="00763958" w:rsidP="00763958">
            <w:r>
              <w:t xml:space="preserve">    &lt;link rel="dns-prefetch" href="http://www.googletagmanager.com/"/&gt;</w:t>
            </w:r>
          </w:p>
          <w:p w:rsidR="00763958" w:rsidRDefault="00763958" w:rsidP="00763958">
            <w:r>
              <w:t xml:space="preserve">    &lt;link rel="dns-prefetch" href="http://www.google-analytics.com/"/&gt;</w:t>
            </w:r>
          </w:p>
          <w:p w:rsidR="00763958" w:rsidRDefault="00763958" w:rsidP="00763958">
            <w:r>
              <w:t xml:space="preserve">    &lt;link rel="dns-prefetch" href="http://pagead2.googlesyndication.com/"/&gt;</w:t>
            </w:r>
          </w:p>
          <w:p w:rsidR="00763958" w:rsidRDefault="00763958" w:rsidP="00763958">
            <w:r>
              <w:t xml:space="preserve">    &lt;link rel="preconnect" href="http://fonts.gstatic.com/"/&gt;</w:t>
            </w:r>
          </w:p>
          <w:p w:rsidR="00763958" w:rsidRDefault="00763958" w:rsidP="00763958">
            <w:r>
              <w:t xml:space="preserve">    &lt;link rel="preconnect" href="http://www.googletagmanager.com/"/&gt;</w:t>
            </w:r>
          </w:p>
          <w:p w:rsidR="00763958" w:rsidRDefault="00763958" w:rsidP="00763958">
            <w:r>
              <w:t xml:space="preserve">    &lt;link rel="preconnect" href="http://www.google-analytics.com/"/&gt;</w:t>
            </w:r>
          </w:p>
          <w:p w:rsidR="00763958" w:rsidRDefault="00763958" w:rsidP="00763958">
            <w:r>
              <w:t xml:space="preserve">    &lt;link rel="preconnect" href="http://pagead2.googlesyndication.com/"/&gt;</w:t>
            </w:r>
          </w:p>
          <w:p w:rsidR="00763958" w:rsidRDefault="00763958" w:rsidP="00763958">
            <w:r>
              <w:t xml:space="preserve">    &lt;meta name="apple-mobile-web-app-title" content="Senior Services | Senior Place Finder | VABF | ISF | ELF | EIFLF | ESPMF"/&gt;</w:t>
            </w:r>
          </w:p>
          <w:p w:rsidR="00763958" w:rsidRDefault="00763958" w:rsidP="00763958">
            <w:r>
              <w:t xml:space="preserve">    &lt;meta name="apple-mobile-web-app-capable" content="yes"/&gt;</w:t>
            </w:r>
          </w:p>
          <w:p w:rsidR="00763958" w:rsidRDefault="00763958" w:rsidP="00763958">
            <w:r>
              <w:t xml:space="preserve">    &lt;meta name="apple-touch-fullscreen" content="yes"/&gt;</w:t>
            </w:r>
          </w:p>
          <w:p w:rsidR="00763958" w:rsidRDefault="00763958" w:rsidP="00763958">
            <w:r>
              <w:t xml:space="preserve">    &lt;meta name="apple-mobile-web-app-status-bar-style" content="default"/&gt;</w:t>
            </w:r>
          </w:p>
          <w:p w:rsidR="00763958" w:rsidRDefault="00763958" w:rsidP="00763958">
            <w:r>
              <w:t xml:space="preserve">    &lt;meta name="google" content="notranslate"/&gt;</w:t>
            </w:r>
          </w:p>
          <w:p w:rsidR="00763958" w:rsidRDefault="00763958" w:rsidP="00763958">
            <w:r>
              <w:t xml:space="preserve">    &lt;meta property="fb:app_id" content="442299370000163"/&gt;</w:t>
            </w:r>
          </w:p>
          <w:p w:rsidR="00763958" w:rsidRDefault="00763958" w:rsidP="00763958">
            <w:r>
              <w:t xml:space="preserve">    &lt;!--screen  resolution--&gt;</w:t>
            </w:r>
          </w:p>
          <w:p w:rsidR="00763958" w:rsidRDefault="00763958" w:rsidP="00763958">
            <w:r>
              <w:t xml:space="preserve">    &lt;link rel="shortcut icon" href="spf/img/favicon.ico" type="image/x-icon"&gt;</w:t>
            </w:r>
          </w:p>
          <w:p w:rsidR="00763958" w:rsidRDefault="00763958" w:rsidP="00763958">
            <w:r>
              <w:t xml:space="preserve">    &lt;link rel="apple-touch-icon" href="spf/img/apple-touch-icon-60x60.html"&gt;</w:t>
            </w:r>
          </w:p>
          <w:p w:rsidR="00763958" w:rsidRDefault="00763958" w:rsidP="00763958">
            <w:r>
              <w:t xml:space="preserve">    &lt;link rel="apple-touch-icon" sizes="76x76" href="spf/img/apple-touch-icon-76x76.html"&gt;</w:t>
            </w:r>
          </w:p>
          <w:p w:rsidR="00763958" w:rsidRDefault="00763958" w:rsidP="00763958">
            <w:r>
              <w:lastRenderedPageBreak/>
              <w:t xml:space="preserve">    &lt;link rel="apple-touch-icon" sizes="120x120" href="spf/img/apple-touch-icon-120x120.html"&gt;</w:t>
            </w:r>
          </w:p>
          <w:p w:rsidR="00763958" w:rsidRDefault="00763958" w:rsidP="00763958">
            <w:r>
              <w:t xml:space="preserve">    &lt;link rel="apple-touch-icon" sizes="152x152" href="spf/img/apple-touch-icon-152x152.html"&gt;</w:t>
            </w:r>
          </w:p>
          <w:p w:rsidR="00763958" w:rsidRDefault="00763958" w:rsidP="00763958">
            <w:r>
              <w:t xml:space="preserve">    &lt;!--site details--&gt;</w:t>
            </w:r>
          </w:p>
          <w:p w:rsidR="00763958" w:rsidRDefault="00763958" w:rsidP="00763958">
            <w:r>
              <w:t xml:space="preserve">    &lt;title&gt;Senior Services | Senior Place Finder | VABF | ISF | ELF | EIFLF | ESPMF&lt;/title&gt;</w:t>
            </w:r>
          </w:p>
          <w:p w:rsidR="00763958" w:rsidRDefault="00763958" w:rsidP="00763958">
            <w:r>
              <w:t xml:space="preserve">    &lt;meta name="keywords" content="Senior Place Finder, VABF, ISF, ELF, EIFLF, ESPMF"/&gt;</w:t>
            </w:r>
          </w:p>
          <w:p w:rsidR="00763958" w:rsidRDefault="00763958" w:rsidP="00763958">
            <w:r>
              <w:t xml:space="preserve">    &lt;meta name="description" content="Find specialist for any service related to the seniors."&gt;</w:t>
            </w:r>
          </w:p>
          <w:p w:rsidR="00763958" w:rsidRDefault="00763958" w:rsidP="00763958">
            <w:r>
              <w:t xml:space="preserve">    &lt;meta property="og:type" content="website"/&gt;</w:t>
            </w:r>
          </w:p>
          <w:p w:rsidR="00763958" w:rsidRDefault="00763958" w:rsidP="00763958">
            <w:r>
              <w:t xml:space="preserve">    &lt;meta property="og:title" content="Senior Services | Senior Place Finder | VABF | ISF | ELF | EIFLF | ESPMF"/&gt;</w:t>
            </w:r>
          </w:p>
          <w:p w:rsidR="00763958" w:rsidRDefault="00763958" w:rsidP="00763958">
            <w:r>
              <w:t xml:space="preserve">    &lt;meta property="og:description" content="Find specialist for any service related to the seniors."/&gt;</w:t>
            </w:r>
          </w:p>
          <w:p w:rsidR="00763958" w:rsidRDefault="00763958" w:rsidP="00763958">
            <w:r>
              <w:t xml:space="preserve">    &lt;meta property="og:url" content="https://theseniorteam.net/"/&gt;</w:t>
            </w:r>
          </w:p>
          <w:p w:rsidR="00763958" w:rsidRDefault="00763958" w:rsidP="00763958">
            <w:r>
              <w:t xml:space="preserve">    &lt;meta property="og:site_name" content="Senior Team"/&gt;</w:t>
            </w:r>
          </w:p>
          <w:p w:rsidR="00763958" w:rsidRDefault="00763958" w:rsidP="00763958">
            <w:r>
              <w:t xml:space="preserve">    &lt;meta property="og:image" content="c"/&gt;</w:t>
            </w:r>
          </w:p>
          <w:p w:rsidR="00763958" w:rsidRDefault="00763958" w:rsidP="00763958">
            <w:r>
              <w:t xml:space="preserve">    &lt;meta name="twitter:card" content="summary_large_image"/&gt;</w:t>
            </w:r>
          </w:p>
          <w:p w:rsidR="00763958" w:rsidRDefault="00763958" w:rsidP="00763958">
            <w:r>
              <w:t xml:space="preserve">    &lt;meta name="twitter:title" content="Senior Services | Senior Place Finder | VABF | ISF | ELF | EIFLF | ESPMF"/&gt;</w:t>
            </w:r>
          </w:p>
          <w:p w:rsidR="00763958" w:rsidRDefault="00763958" w:rsidP="00763958">
            <w:r>
              <w:t xml:space="preserve">    &lt;meta name="twitter:description" content="Find specialist for any service related to the seniors."/&gt;</w:t>
            </w:r>
          </w:p>
          <w:p w:rsidR="00763958" w:rsidRDefault="00763958" w:rsidP="00763958">
            <w:r>
              <w:t xml:space="preserve">    &lt;meta name="twitter:site" content="@seniorteam"/&gt;</w:t>
            </w:r>
          </w:p>
          <w:p w:rsidR="00763958" w:rsidRDefault="00763958" w:rsidP="00763958">
            <w:r>
              <w:t xml:space="preserve">    &lt;meta name="twitter:image" content="img/icon/ssp.png"/&gt;</w:t>
            </w:r>
          </w:p>
          <w:p w:rsidR="00763958" w:rsidRDefault="00763958" w:rsidP="00763958">
            <w:r>
              <w:t xml:space="preserve">   </w:t>
            </w:r>
          </w:p>
          <w:p w:rsidR="00763958" w:rsidRDefault="00763958" w:rsidP="00763958">
            <w:r>
              <w:t xml:space="preserve">    &lt;meta name="csrf-token" content="dgqJnlX1u9TY9MEkfnEcAOPCkhA13RV7pHlBGUUg"/&gt;</w:t>
            </w:r>
          </w:p>
          <w:p w:rsidR="00763958" w:rsidRDefault="00763958" w:rsidP="00763958">
            <w:r>
              <w:t xml:space="preserve">    &lt;!--app.css --&gt;</w:t>
            </w:r>
          </w:p>
          <w:p w:rsidR="00763958" w:rsidRDefault="00763958" w:rsidP="00763958">
            <w:r>
              <w:t xml:space="preserve">    &lt;link media="all" type="text/css" rel="stylesheet" href="spf/css/app.css"&gt;</w:t>
            </w:r>
          </w:p>
          <w:p w:rsidR="00763958" w:rsidRDefault="00763958" w:rsidP="00763958">
            <w:r>
              <w:t xml:space="preserve">    &lt;!--icons.css --&gt;</w:t>
            </w:r>
          </w:p>
          <w:p w:rsidR="00763958" w:rsidRDefault="00763958" w:rsidP="00763958">
            <w:r>
              <w:t xml:space="preserve">    &lt;link media="all" type="text/css" rel="stylesheet" href="css/icons.css"&gt;</w:t>
            </w:r>
          </w:p>
          <w:p w:rsidR="00763958" w:rsidRDefault="00763958" w:rsidP="00763958">
            <w:r>
              <w:t xml:space="preserve">    &lt;!--notify.css --&gt;</w:t>
            </w:r>
          </w:p>
          <w:p w:rsidR="00763958" w:rsidRDefault="00763958" w:rsidP="00763958">
            <w:r>
              <w:t xml:space="preserve">    &lt;link media="all" type="text/css" rel="stylesheet" href="css/notify.css"&gt;</w:t>
            </w:r>
          </w:p>
          <w:p w:rsidR="00763958" w:rsidRDefault="00763958" w:rsidP="00763958">
            <w:r>
              <w:t xml:space="preserve">    &lt;!--floater.css --&gt;</w:t>
            </w:r>
          </w:p>
          <w:p w:rsidR="00763958" w:rsidRDefault="00763958" w:rsidP="00763958">
            <w:r>
              <w:t xml:space="preserve">    &lt;link media="all" type="text/css" rel="stylesheet" href="css/floater.css"&gt;</w:t>
            </w:r>
          </w:p>
          <w:p w:rsidR="00763958" w:rsidRDefault="00763958" w:rsidP="00763958">
            <w:r>
              <w:t xml:space="preserve">    &lt;!--selectize.css --&gt;</w:t>
            </w:r>
          </w:p>
          <w:p w:rsidR="00763958" w:rsidRDefault="00763958" w:rsidP="00763958">
            <w:r>
              <w:t xml:space="preserve">    &lt;link media="all" type="text/css" rel="stylesheet" href="css/selectize.css"&gt;</w:t>
            </w:r>
          </w:p>
          <w:p w:rsidR="00763958" w:rsidRDefault="00763958" w:rsidP="00763958">
            <w:r>
              <w:t xml:space="preserve">    &lt;!--theme.css --&gt;</w:t>
            </w:r>
          </w:p>
          <w:p w:rsidR="00763958" w:rsidRDefault="00763958" w:rsidP="00763958">
            <w:r>
              <w:t xml:space="preserve">    &lt;link media="all" type="text/css" rel="stylesheet" href="spf/css/theme.css"&gt;</w:t>
            </w:r>
          </w:p>
          <w:p w:rsidR="00763958" w:rsidRDefault="00763958" w:rsidP="00763958"/>
          <w:p w:rsidR="00763958" w:rsidRDefault="00763958" w:rsidP="00763958">
            <w:r>
              <w:t xml:space="preserve">    &lt;link rel="stylesheet" href="https://use.fontawesome.com/releases/v5.6.3/css/all.css"&gt;</w:t>
            </w:r>
          </w:p>
          <w:p w:rsidR="00763958" w:rsidRDefault="00763958" w:rsidP="00763958">
            <w:r>
              <w:t xml:space="preserve">    &lt;!--app.js --&gt;</w:t>
            </w:r>
          </w:p>
          <w:p w:rsidR="00763958" w:rsidRDefault="00763958" w:rsidP="00763958">
            <w:r>
              <w:t xml:space="preserve">    &lt;script src="js/app.js"&gt;&lt;/script&gt;</w:t>
            </w:r>
          </w:p>
          <w:p w:rsidR="00763958" w:rsidRDefault="00763958" w:rsidP="00763958">
            <w:r>
              <w:t xml:space="preserve">    &lt;!--jquery.js --&gt;</w:t>
            </w:r>
          </w:p>
          <w:p w:rsidR="00763958" w:rsidRDefault="00763958" w:rsidP="00763958">
            <w:r>
              <w:t xml:space="preserve">    &lt;script src="js/jquery.js"&gt;&lt;/script&gt;</w:t>
            </w:r>
          </w:p>
          <w:p w:rsidR="00763958" w:rsidRDefault="00763958" w:rsidP="00763958">
            <w:r>
              <w:t xml:space="preserve">    &lt;!--popper.js --&gt;</w:t>
            </w:r>
          </w:p>
          <w:p w:rsidR="00763958" w:rsidRDefault="00763958" w:rsidP="00763958">
            <w:r>
              <w:t xml:space="preserve">    &lt;script src="js/popper.js"&gt;&lt;/script&gt;</w:t>
            </w:r>
          </w:p>
          <w:p w:rsidR="00763958" w:rsidRDefault="00763958" w:rsidP="00763958">
            <w:r>
              <w:t xml:space="preserve">    &lt;!--bootstrap.js --&gt;</w:t>
            </w:r>
          </w:p>
          <w:p w:rsidR="00763958" w:rsidRDefault="00763958" w:rsidP="00763958">
            <w:r>
              <w:t xml:space="preserve">    &lt;script src="js/bootstrap.js"&gt;&lt;/script&gt;</w:t>
            </w:r>
          </w:p>
          <w:p w:rsidR="00763958" w:rsidRDefault="00763958" w:rsidP="00763958"/>
          <w:p w:rsidR="00763958" w:rsidRDefault="00763958" w:rsidP="00763958">
            <w:r>
              <w:t xml:space="preserve">    &lt;!-- Global site tag (gtag.js) - Google Analytics --&gt;</w:t>
            </w:r>
          </w:p>
          <w:p w:rsidR="00763958" w:rsidRDefault="00763958" w:rsidP="00763958">
            <w:r>
              <w:t xml:space="preserve">    &lt;script async src="https://www.googletagmanager.com/gtag/js?id="&gt;&lt;/script&gt;</w:t>
            </w:r>
          </w:p>
          <w:p w:rsidR="00763958" w:rsidRDefault="00763958" w:rsidP="00763958">
            <w:r>
              <w:t xml:space="preserve">    &lt;script&gt;</w:t>
            </w:r>
          </w:p>
          <w:p w:rsidR="00763958" w:rsidRDefault="00763958" w:rsidP="00763958">
            <w:r>
              <w:t xml:space="preserve">        window.dataLayer = window.dataLayer || [];</w:t>
            </w:r>
          </w:p>
          <w:p w:rsidR="00763958" w:rsidRDefault="00763958" w:rsidP="00763958">
            <w:r>
              <w:lastRenderedPageBreak/>
              <w:t xml:space="preserve">        function gtag() {</w:t>
            </w:r>
          </w:p>
          <w:p w:rsidR="00763958" w:rsidRDefault="00763958" w:rsidP="00763958">
            <w:r>
              <w:t xml:space="preserve">            dataLayer.push(arguments);</w:t>
            </w:r>
          </w:p>
          <w:p w:rsidR="00763958" w:rsidRDefault="00763958" w:rsidP="00763958">
            <w:r>
              <w:t xml:space="preserve">        }</w:t>
            </w:r>
          </w:p>
          <w:p w:rsidR="00763958" w:rsidRDefault="00763958" w:rsidP="00763958">
            <w:r>
              <w:t xml:space="preserve">        gtag('js', new Date());</w:t>
            </w:r>
          </w:p>
          <w:p w:rsidR="00763958" w:rsidRDefault="00763958" w:rsidP="00763958">
            <w:r>
              <w:t xml:space="preserve">        gtag('config', '');</w:t>
            </w:r>
          </w:p>
          <w:p w:rsidR="00763958" w:rsidRDefault="00763958" w:rsidP="00763958">
            <w:r>
              <w:t xml:space="preserve">    &lt;/script&gt;</w:t>
            </w:r>
          </w:p>
          <w:p w:rsidR="00763958" w:rsidRDefault="00763958" w:rsidP="00763958">
            <w:r>
              <w:t xml:space="preserve">    &lt;!--fingerprint2.js --&gt;</w:t>
            </w:r>
          </w:p>
          <w:p w:rsidR="00763958" w:rsidRDefault="00763958" w:rsidP="00763958">
            <w:r>
              <w:t>&lt;script src="js/fingerprint2.js"&gt;&lt;/script&gt;</w:t>
            </w:r>
          </w:p>
          <w:p w:rsidR="00763958" w:rsidRDefault="00763958" w:rsidP="00763958">
            <w:r>
              <w:t>&lt;!--ua-parser.js --&gt;</w:t>
            </w:r>
          </w:p>
          <w:p w:rsidR="00763958" w:rsidRDefault="00763958" w:rsidP="00763958">
            <w:r>
              <w:t>&lt;script src="js/ua-parser.js"&gt;&lt;/script&gt;</w:t>
            </w:r>
          </w:p>
          <w:p w:rsidR="00763958" w:rsidRDefault="00763958" w:rsidP="00763958">
            <w:r>
              <w:t>&lt;script&gt;</w:t>
            </w:r>
          </w:p>
          <w:p w:rsidR="00763958" w:rsidRDefault="00763958" w:rsidP="00763958">
            <w:r>
              <w:t xml:space="preserve">    let fpCookie = getCookie("FP_UUID");</w:t>
            </w:r>
          </w:p>
          <w:p w:rsidR="00763958" w:rsidRDefault="00763958" w:rsidP="00763958">
            <w:r>
              <w:t xml:space="preserve">    let getFingerPrint = function () {</w:t>
            </w:r>
          </w:p>
          <w:p w:rsidR="00763958" w:rsidRDefault="00763958" w:rsidP="00763958">
            <w:r>
              <w:t xml:space="preserve">        let d1 = new Date();</w:t>
            </w:r>
          </w:p>
          <w:p w:rsidR="00763958" w:rsidRDefault="00763958" w:rsidP="00763958">
            <w:r>
              <w:t xml:space="preserve">        let options = {/*</w:t>
            </w:r>
          </w:p>
          <w:p w:rsidR="00763958" w:rsidRDefault="00763958" w:rsidP="00763958">
            <w:r>
              <w:t xml:space="preserve">            excludes: {</w:t>
            </w:r>
          </w:p>
          <w:p w:rsidR="00763958" w:rsidRDefault="00763958" w:rsidP="00763958">
            <w:r>
              <w:t xml:space="preserve">                enumerateDevices: true,</w:t>
            </w:r>
          </w:p>
          <w:p w:rsidR="00763958" w:rsidRDefault="00763958" w:rsidP="00763958">
            <w:r>
              <w:t xml:space="preserve">                pixelRatio: true,</w:t>
            </w:r>
          </w:p>
          <w:p w:rsidR="00763958" w:rsidRDefault="00763958" w:rsidP="00763958">
            <w:r>
              <w:t xml:space="preserve">                doNotTrack: true,</w:t>
            </w:r>
          </w:p>
          <w:p w:rsidR="00763958" w:rsidRDefault="00763958" w:rsidP="00763958">
            <w:r>
              <w:t xml:space="preserve">                fontsFlash: true/!*,</w:t>
            </w:r>
          </w:p>
          <w:p w:rsidR="00763958" w:rsidRDefault="00763958" w:rsidP="00763958">
            <w:r>
              <w:t xml:space="preserve">                plugins: true*!/</w:t>
            </w:r>
          </w:p>
          <w:p w:rsidR="00763958" w:rsidRDefault="00763958" w:rsidP="00763958">
            <w:r>
              <w:t xml:space="preserve">            },</w:t>
            </w:r>
          </w:p>
          <w:p w:rsidR="00763958" w:rsidRDefault="00763958" w:rsidP="00763958">
            <w:r>
              <w:t xml:space="preserve">            extraComponents: [</w:t>
            </w:r>
          </w:p>
          <w:p w:rsidR="00763958" w:rsidRDefault="00763958" w:rsidP="00763958">
            <w:r>
              <w:t xml:space="preserve">                {</w:t>
            </w:r>
          </w:p>
          <w:p w:rsidR="00763958" w:rsidRDefault="00763958" w:rsidP="00763958">
            <w:r>
              <w:t xml:space="preserve">                    key: 'domain',</w:t>
            </w:r>
          </w:p>
          <w:p w:rsidR="00763958" w:rsidRDefault="00763958" w:rsidP="00763958">
            <w:r>
              <w:t xml:space="preserve">                    getData: function (done, options) {</w:t>
            </w:r>
          </w:p>
          <w:p w:rsidR="00763958" w:rsidRDefault="00763958" w:rsidP="00763958">
            <w:r>
              <w:t xml:space="preserve">                        done(window.location.hostname);</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t xml:space="preserve">                    key: 'domain',</w:t>
            </w:r>
          </w:p>
          <w:p w:rsidR="00763958" w:rsidRDefault="00763958" w:rsidP="00763958">
            <w:r>
              <w:t xml:space="preserve">                    getData: function (done, options) {</w:t>
            </w:r>
          </w:p>
          <w:p w:rsidR="00763958" w:rsidRDefault="00763958" w:rsidP="00763958">
            <w:r>
              <w:t xml:space="preserve">                        done(window.location.hostname);</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t xml:space="preserve">            preprocessor: function (key, value) {</w:t>
            </w:r>
          </w:p>
          <w:p w:rsidR="00763958" w:rsidRDefault="00763958" w:rsidP="00763958">
            <w:r>
              <w:t xml:space="preserve">                if (key === "userAgent") {</w:t>
            </w:r>
          </w:p>
          <w:p w:rsidR="00763958" w:rsidRDefault="00763958" w:rsidP="00763958">
            <w:r>
              <w:t xml:space="preserve">                    let parser = new UAParser(value);</w:t>
            </w:r>
          </w:p>
          <w:p w:rsidR="00763958" w:rsidRDefault="00763958" w:rsidP="00763958">
            <w:r>
              <w:t xml:space="preserve">                    let userAgentMinusVersion = parser.getOS().name + ' ' + parser.getBrowser().name;</w:t>
            </w:r>
          </w:p>
          <w:p w:rsidR="00763958" w:rsidRDefault="00763958" w:rsidP="00763958">
            <w:r>
              <w:t xml:space="preserve">                    return userAgentMinusVersion;</w:t>
            </w:r>
          </w:p>
          <w:p w:rsidR="00763958" w:rsidRDefault="00763958" w:rsidP="00763958">
            <w:r>
              <w:t xml:space="preserve">                }</w:t>
            </w:r>
          </w:p>
          <w:p w:rsidR="00763958" w:rsidRDefault="00763958" w:rsidP="00763958">
            <w:r>
              <w:t xml:space="preserve">                return value;</w:t>
            </w:r>
          </w:p>
          <w:p w:rsidR="00763958" w:rsidRDefault="00763958" w:rsidP="00763958">
            <w:r>
              <w:t xml:space="preserve">            }</w:t>
            </w:r>
          </w:p>
          <w:p w:rsidR="00763958" w:rsidRDefault="00763958" w:rsidP="00763958">
            <w:r>
              <w:t xml:space="preserve">        };</w:t>
            </w:r>
          </w:p>
          <w:p w:rsidR="00763958" w:rsidRDefault="00763958" w:rsidP="00763958">
            <w:r>
              <w:t xml:space="preserve">        Fingerprint2.get(options, function (components) {</w:t>
            </w:r>
          </w:p>
          <w:p w:rsidR="00763958" w:rsidRDefault="00763958" w:rsidP="00763958">
            <w:r>
              <w:t xml:space="preserve">            let fp = Fingerprint2.x64hash128(components.map(function (pair) {</w:t>
            </w:r>
          </w:p>
          <w:p w:rsidR="00763958" w:rsidRDefault="00763958" w:rsidP="00763958">
            <w:r>
              <w:t xml:space="preserve">                return pair.value</w:t>
            </w:r>
          </w:p>
          <w:p w:rsidR="00763958" w:rsidRDefault="00763958" w:rsidP="00763958">
            <w:r>
              <w:lastRenderedPageBreak/>
              <w:t xml:space="preserve">            }).join(), 31);</w:t>
            </w:r>
          </w:p>
          <w:p w:rsidR="00763958" w:rsidRDefault="00763958" w:rsidP="00763958">
            <w:r>
              <w:t xml:space="preserve">            setCookie("FP_UUID", fp, 30);</w:t>
            </w:r>
          </w:p>
          <w:p w:rsidR="00763958" w:rsidRDefault="00763958" w:rsidP="00763958">
            <w:r>
              <w:t xml:space="preserve">            fpCookie = getCookie("FP_UUID");</w:t>
            </w:r>
          </w:p>
          <w:p w:rsidR="00763958" w:rsidRDefault="00763958" w:rsidP="00763958">
            <w:r>
              <w:t xml:space="preserve">            console.log("FP_UUID: ", fpCookie);</w:t>
            </w:r>
          </w:p>
          <w:p w:rsidR="00763958" w:rsidRDefault="00763958" w:rsidP="00763958">
            <w:r>
              <w:t xml:space="preserve">            let d2 = new Date();</w:t>
            </w:r>
          </w:p>
          <w:p w:rsidR="00763958" w:rsidRDefault="00763958" w:rsidP="00763958">
            <w:r>
              <w:t xml:space="preserve">            let tt = d2 - d1;</w:t>
            </w:r>
          </w:p>
          <w:p w:rsidR="00763958" w:rsidRDefault="00763958" w:rsidP="00763958">
            <w:r>
              <w:t xml:space="preserve">            let details = "";</w:t>
            </w:r>
          </w:p>
          <w:p w:rsidR="00763958" w:rsidRDefault="00763958" w:rsidP="00763958">
            <w:r>
              <w:t xml:space="preserve">            console.log("Time Taken : ", tt);</w:t>
            </w:r>
          </w:p>
          <w:p w:rsidR="00763958" w:rsidRDefault="00763958" w:rsidP="00763958">
            <w:r>
              <w:t xml:space="preserve">            console.log("Finger Print : ", fp);</w:t>
            </w:r>
          </w:p>
          <w:p w:rsidR="00763958" w:rsidRDefault="00763958" w:rsidP="00763958">
            <w:r>
              <w:t xml:space="preserve">            for (let index in components) {</w:t>
            </w:r>
          </w:p>
          <w:p w:rsidR="00763958" w:rsidRDefault="00763958" w:rsidP="00763958">
            <w:r>
              <w:t xml:space="preserve">                let obj = components[index];</w:t>
            </w:r>
          </w:p>
          <w:p w:rsidR="00763958" w:rsidRDefault="00763958" w:rsidP="00763958">
            <w:r>
              <w:t xml:space="preserve">                let line = obj.key + " = " + String(obj.value).substr(0, 100);</w:t>
            </w:r>
          </w:p>
          <w:p w:rsidR="00763958" w:rsidRDefault="00763958" w:rsidP="00763958">
            <w:r>
              <w:t xml:space="preserve">                details += line + "\n";</w:t>
            </w:r>
          </w:p>
          <w:p w:rsidR="00763958" w:rsidRDefault="00763958" w:rsidP="00763958">
            <w:r>
              <w:t xml:space="preserve">            }</w:t>
            </w:r>
          </w:p>
          <w:p w:rsidR="00763958" w:rsidRDefault="00763958" w:rsidP="00763958">
            <w:r>
              <w:t xml:space="preserve">            console.log(details);</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if (fpCookie === null) {</w:t>
            </w:r>
          </w:p>
          <w:p w:rsidR="00763958" w:rsidRDefault="00763958" w:rsidP="00763958">
            <w:r>
              <w:t xml:space="preserve">        let cancelId;</w:t>
            </w:r>
          </w:p>
          <w:p w:rsidR="00763958" w:rsidRDefault="00763958" w:rsidP="00763958">
            <w:r>
              <w:t xml:space="preserve">        let cancelFunction;</w:t>
            </w:r>
          </w:p>
          <w:p w:rsidR="00763958" w:rsidRDefault="00763958" w:rsidP="00763958">
            <w:r>
              <w:t xml:space="preserve">        if (window.requestIdleCallback) {</w:t>
            </w:r>
          </w:p>
          <w:p w:rsidR="00763958" w:rsidRDefault="00763958" w:rsidP="00763958">
            <w:r>
              <w:t xml:space="preserve">            cancelId = requestIdleCallback(getFingerPrint);</w:t>
            </w:r>
          </w:p>
          <w:p w:rsidR="00763958" w:rsidRDefault="00763958" w:rsidP="00763958">
            <w:r>
              <w:t xml:space="preserve">            cancelFunction = cancelIdleCallback;</w:t>
            </w:r>
          </w:p>
          <w:p w:rsidR="00763958" w:rsidRDefault="00763958" w:rsidP="00763958">
            <w:r>
              <w:t xml:space="preserve">        } else {</w:t>
            </w:r>
          </w:p>
          <w:p w:rsidR="00763958" w:rsidRDefault="00763958" w:rsidP="00763958">
            <w:r>
              <w:t xml:space="preserve">            cancelId = setTimeout(getFingerPrint, 500);</w:t>
            </w:r>
          </w:p>
          <w:p w:rsidR="00763958" w:rsidRDefault="00763958" w:rsidP="00763958">
            <w:r>
              <w:t xml:space="preserve">            cancelFunction = clearTimeout;</w:t>
            </w:r>
          </w:p>
          <w:p w:rsidR="00763958" w:rsidRDefault="00763958" w:rsidP="00763958">
            <w:r>
              <w:t xml:space="preserve">        }</w:t>
            </w:r>
          </w:p>
          <w:p w:rsidR="00763958" w:rsidRDefault="00763958" w:rsidP="00763958">
            <w:r>
              <w:t xml:space="preserve">    }</w:t>
            </w:r>
          </w:p>
          <w:p w:rsidR="00763958" w:rsidRDefault="00763958" w:rsidP="00763958">
            <w:r>
              <w:t>&lt;/script&gt;</w:t>
            </w:r>
          </w:p>
          <w:p w:rsidR="00763958" w:rsidRDefault="00763958" w:rsidP="00763958">
            <w:r>
              <w:t xml:space="preserve">            &lt;script type="application/ld+json"&gt;</w:t>
            </w:r>
          </w:p>
          <w:p w:rsidR="00763958" w:rsidRDefault="00763958" w:rsidP="00763958">
            <w:r>
              <w:t xml:space="preserve">    {"@context":"http:\/\/schema.org","@type":"WebPage","name":"Senior Services","url":"https:\/\/theseniorteam.net","logo":"https:\/\/assets.elite.dev\/img\/portal\/rect\/ssp.svg","sameAs":["https:\/\/theseniorteam.net"]}</w:t>
            </w:r>
          </w:p>
          <w:p w:rsidR="00763958" w:rsidRDefault="00763958" w:rsidP="00763958">
            <w:r>
              <w:t xml:space="preserve">&lt;/script&gt;   </w:t>
            </w:r>
          </w:p>
          <w:p w:rsidR="00763958" w:rsidRDefault="00763958" w:rsidP="00763958"/>
          <w:p w:rsidR="00763958" w:rsidRDefault="00763958" w:rsidP="00763958"/>
          <w:p w:rsidR="00763958" w:rsidRDefault="00763958" w:rsidP="00763958">
            <w:r>
              <w:t>&lt;!-- Meta Pixel Code --&gt;</w:t>
            </w:r>
          </w:p>
          <w:p w:rsidR="00763958" w:rsidRDefault="00763958" w:rsidP="00763958">
            <w:r>
              <w:t>&lt;script&gt;</w:t>
            </w:r>
          </w:p>
          <w:p w:rsidR="00763958" w:rsidRDefault="00763958" w:rsidP="00763958">
            <w:r>
              <w:t>!function(f,b,e,v,n,t,s)</w:t>
            </w:r>
          </w:p>
          <w:p w:rsidR="00763958" w:rsidRDefault="00763958" w:rsidP="00763958">
            <w:r>
              <w:t>{if(f.fbq)return;n=f.fbq=function(){n.callMethod?</w:t>
            </w:r>
          </w:p>
          <w:p w:rsidR="00763958" w:rsidRDefault="00763958" w:rsidP="00763958">
            <w:r>
              <w:t>n.callMethod.apply(n,arguments):n.queue.push(arguments)};</w:t>
            </w:r>
          </w:p>
          <w:p w:rsidR="00763958" w:rsidRDefault="00763958" w:rsidP="00763958">
            <w:r>
              <w:t>if(!f._fbq)f._fbq=n;n.push=n;n.loaded=!0;n.version='2.0';</w:t>
            </w:r>
          </w:p>
          <w:p w:rsidR="00763958" w:rsidRDefault="00763958" w:rsidP="00763958">
            <w:r>
              <w:t>n.queue=[];t=b.createElement(e);t.async=!0;</w:t>
            </w:r>
          </w:p>
          <w:p w:rsidR="00763958" w:rsidRDefault="00763958" w:rsidP="00763958">
            <w:r>
              <w:t>t.src=v;s=b.getElementsByTagName(e)[0];</w:t>
            </w:r>
          </w:p>
          <w:p w:rsidR="00763958" w:rsidRDefault="00763958" w:rsidP="00763958">
            <w:r>
              <w:t>s.parentNode.insertBefore(t,s)}(window, document,'script',</w:t>
            </w:r>
          </w:p>
          <w:p w:rsidR="00763958" w:rsidRDefault="00763958" w:rsidP="00763958">
            <w:r>
              <w:t>'https://connect.facebook.net/en_US/fbevents.js');</w:t>
            </w:r>
          </w:p>
          <w:p w:rsidR="00763958" w:rsidRDefault="00763958" w:rsidP="00763958">
            <w:r>
              <w:t>fbq('init', '1380363135826732');</w:t>
            </w:r>
          </w:p>
          <w:p w:rsidR="00763958" w:rsidRDefault="00763958" w:rsidP="00763958">
            <w:r>
              <w:lastRenderedPageBreak/>
              <w:t>fbq('track', 'PageView');</w:t>
            </w:r>
          </w:p>
          <w:p w:rsidR="00763958" w:rsidRDefault="00763958" w:rsidP="00763958">
            <w:r>
              <w:t>&lt;/script&gt;</w:t>
            </w:r>
          </w:p>
          <w:p w:rsidR="00763958" w:rsidRDefault="00763958" w:rsidP="00763958">
            <w:r>
              <w:t>&lt;noscript&gt;&lt;img height="1" width="1" style="display:none"</w:t>
            </w:r>
          </w:p>
          <w:p w:rsidR="00763958" w:rsidRDefault="00763958" w:rsidP="00763958">
            <w:r>
              <w:t>src="https://www.facebook.com/tr?id=1380363135826732&amp;ev=PageView&amp;noscript=1"</w:t>
            </w:r>
          </w:p>
          <w:p w:rsidR="00763958" w:rsidRDefault="00763958" w:rsidP="00763958">
            <w:r>
              <w:t>/&gt;&lt;/noscript&gt;</w:t>
            </w:r>
          </w:p>
          <w:p w:rsidR="00763958" w:rsidRDefault="00763958" w:rsidP="00763958">
            <w:r>
              <w:t>&lt;!-- End Meta Pixel Code --&gt;</w:t>
            </w:r>
          </w:p>
          <w:p w:rsidR="00763958" w:rsidRDefault="00763958" w:rsidP="00763958"/>
          <w:p w:rsidR="00763958" w:rsidRDefault="00763958" w:rsidP="00763958"/>
          <w:p w:rsidR="00763958" w:rsidRDefault="00763958" w:rsidP="00763958">
            <w:r>
              <w:t>&lt;/head&gt;</w:t>
            </w:r>
          </w:p>
          <w:p w:rsidR="00763958" w:rsidRDefault="00763958" w:rsidP="00763958">
            <w:r>
              <w:t>&lt;!--head ends--&gt;</w:t>
            </w:r>
          </w:p>
          <w:p w:rsidR="00763958" w:rsidRDefault="00763958" w:rsidP="00763958"/>
          <w:p w:rsidR="00763958" w:rsidRDefault="00763958" w:rsidP="00763958">
            <w:r>
              <w:t>&lt;div class="loading"&gt;</w:t>
            </w:r>
          </w:p>
          <w:p w:rsidR="00763958" w:rsidRDefault="00763958" w:rsidP="00763958">
            <w:r>
              <w:t xml:space="preserve">    &lt;div class="loader"&gt;&lt;/div&gt;</w:t>
            </w:r>
          </w:p>
          <w:p w:rsidR="00763958" w:rsidRDefault="00763958" w:rsidP="00763958">
            <w:r>
              <w:t>&lt;/div&gt;</w:t>
            </w:r>
          </w:p>
          <w:p w:rsidR="00763958" w:rsidRDefault="00763958" w:rsidP="00763958">
            <w:r>
              <w:t>&lt;div id="divVueContainer"&gt;</w:t>
            </w:r>
          </w:p>
          <w:p w:rsidR="00763958" w:rsidRDefault="00763958" w:rsidP="00763958">
            <w:r>
              <w:t xml:space="preserve">    &lt;div id="page"&gt;</w:t>
            </w:r>
          </w:p>
          <w:p w:rsidR="00763958" w:rsidRDefault="00763958" w:rsidP="00763958"/>
          <w:p w:rsidR="00763958" w:rsidRDefault="00763958" w:rsidP="00763958">
            <w:r>
              <w:t xml:space="preserve">        &lt;!--------------------header starts------------------&gt;</w:t>
            </w:r>
          </w:p>
          <w:p w:rsidR="00763958" w:rsidRDefault="00763958" w:rsidP="00763958">
            <w:r>
              <w:t xml:space="preserve">        &lt;!--top bar start--&gt;</w:t>
            </w:r>
          </w:p>
          <w:p w:rsidR="00763958" w:rsidRDefault="00763958" w:rsidP="00763958">
            <w:r>
              <w:t xml:space="preserve">        &lt;header class=" header  menu_fixed"&gt;</w:t>
            </w:r>
          </w:p>
          <w:p w:rsidR="00763958" w:rsidRDefault="00763958" w:rsidP="00763958">
            <w:r>
              <w:t xml:space="preserve">            &lt;div id="logo"&gt;</w:t>
            </w:r>
          </w:p>
          <w:p w:rsidR="00763958" w:rsidRDefault="00763958" w:rsidP="00763958">
            <w:r>
              <w:t xml:space="preserve">                &lt;a href="home.php"</w:t>
            </w:r>
          </w:p>
          <w:p w:rsidR="00763958" w:rsidRDefault="00763958" w:rsidP="00763958">
            <w:r>
              <w:t xml:space="preserve">                   title="Senior Place Finder - A bridge between seniors and senior living gateway."&gt;</w:t>
            </w:r>
          </w:p>
          <w:p w:rsidR="00763958" w:rsidRDefault="00763958" w:rsidP="00763958">
            <w:r>
              <w:t xml:space="preserve">                        &lt;img alt="" class="logo_normal" src="spf/img/logo.png" width="" height="75"/&gt;</w:t>
            </w:r>
          </w:p>
          <w:p w:rsidR="00763958" w:rsidRDefault="00763958" w:rsidP="00763958">
            <w:r>
              <w:t xml:space="preserve">                        &lt;img alt="" class="logo_sticky" src="spf/img/logo_sticky.png" width="" height="75"/&gt;</w:t>
            </w:r>
          </w:p>
          <w:p w:rsidR="00763958" w:rsidRDefault="00763958" w:rsidP="00763958">
            <w:r>
              <w:t xml:space="preserve">                &lt;/a&gt;</w:t>
            </w:r>
          </w:p>
          <w:p w:rsidR="00763958" w:rsidRDefault="00763958" w:rsidP="00763958">
            <w:r>
              <w:t xml:space="preserve">            &lt;/div&gt;</w:t>
            </w:r>
          </w:p>
          <w:p w:rsidR="00763958" w:rsidRDefault="00763958" w:rsidP="00763958">
            <w:r>
              <w:t xml:space="preserve">            &lt;ul id="top_menu"&gt;</w:t>
            </w:r>
          </w:p>
          <w:p w:rsidR="00763958" w:rsidRDefault="00763958" w:rsidP="00763958">
            <w:r>
              <w:t xml:space="preserve">                    &lt;?php if ( LOGGED_STATUS == 0 ) { ?&gt; </w:t>
            </w:r>
          </w:p>
          <w:p w:rsidR="00763958" w:rsidRDefault="00763958" w:rsidP="00763958">
            <w:r>
              <w:t xml:space="preserve">            </w:t>
            </w:r>
          </w:p>
          <w:p w:rsidR="00763958" w:rsidRDefault="00763958" w:rsidP="00763958">
            <w:r>
              <w:t xml:space="preserve">                &lt;li&gt;&lt;br/&gt;</w:t>
            </w:r>
          </w:p>
          <w:p w:rsidR="00763958" w:rsidRDefault="00763958" w:rsidP="00763958">
            <w:r>
              <w:t xml:space="preserve">                    &lt;a class="btn_add" href="&lt;?php echo SITE_URL_SPF ; ?&gt;/login.php" title="Sign In"&gt; Sign In &lt;/a&gt; </w:t>
            </w:r>
          </w:p>
          <w:p w:rsidR="00763958" w:rsidRDefault="00763958" w:rsidP="00763958">
            <w:r>
              <w:t xml:space="preserve">                &lt;/li&gt;</w:t>
            </w:r>
          </w:p>
          <w:p w:rsidR="00763958" w:rsidRDefault="00763958" w:rsidP="00763958"/>
          <w:p w:rsidR="00763958" w:rsidRDefault="00763958" w:rsidP="00763958">
            <w:r>
              <w:t xml:space="preserve">                &lt;li&gt;&lt;br/&gt;</w:t>
            </w:r>
          </w:p>
          <w:p w:rsidR="00763958" w:rsidRDefault="00763958" w:rsidP="00763958">
            <w:r>
              <w:t xml:space="preserve">                    &lt;a class="btn_add" href="&lt;?php echo SITE_URL_SPF; ?&gt;/register.php" title="Register"&gt; Register&lt;/a&gt;</w:t>
            </w:r>
          </w:p>
          <w:p w:rsidR="00763958" w:rsidRDefault="00763958" w:rsidP="00763958">
            <w:r>
              <w:t xml:space="preserve">                &lt;/li&gt;</w:t>
            </w:r>
          </w:p>
          <w:p w:rsidR="00763958" w:rsidRDefault="00763958" w:rsidP="00763958">
            <w:r>
              <w:t xml:space="preserve">                &lt;?php } else { ?&gt;</w:t>
            </w:r>
          </w:p>
          <w:p w:rsidR="00763958" w:rsidRDefault="00763958" w:rsidP="00763958">
            <w:r>
              <w:t xml:space="preserve">                &lt;li&gt;&lt;br/&gt;</w:t>
            </w:r>
          </w:p>
          <w:p w:rsidR="00763958" w:rsidRDefault="00763958" w:rsidP="00763958">
            <w:r>
              <w:t xml:space="preserve">                    &lt;a class="btn_add" href="&lt;?php echo SITE_URL_SPF ; ?&gt;/dashboard/?domain=spf" title="dashboard"&gt; &lt;?php echo $userName ; ?&gt;&lt;/a&gt;</w:t>
            </w:r>
          </w:p>
          <w:p w:rsidR="00763958" w:rsidRDefault="00763958" w:rsidP="00763958">
            <w:r>
              <w:t xml:space="preserve">                &lt;/li&gt;</w:t>
            </w:r>
          </w:p>
          <w:p w:rsidR="00763958" w:rsidRDefault="00763958" w:rsidP="00763958">
            <w:r>
              <w:t xml:space="preserve">                &lt;li&gt;&lt;br/&gt;</w:t>
            </w:r>
          </w:p>
          <w:p w:rsidR="00763958" w:rsidRDefault="00763958" w:rsidP="00763958">
            <w:r>
              <w:t xml:space="preserve">                    &lt;a class="btn_add" href="&lt;?php echo SITE_URL_PROFILE ; ?&gt;/profile/?sort=login" title="dashboard"&gt;Dashboard &lt;/a&gt;</w:t>
            </w:r>
          </w:p>
          <w:p w:rsidR="00763958" w:rsidRDefault="00763958" w:rsidP="00763958">
            <w:r>
              <w:t xml:space="preserve">                &lt;/li&gt;</w:t>
            </w:r>
          </w:p>
          <w:p w:rsidR="00763958" w:rsidRDefault="00763958" w:rsidP="00763958">
            <w:r>
              <w:lastRenderedPageBreak/>
              <w:tab/>
            </w:r>
            <w:r>
              <w:tab/>
            </w:r>
            <w:r>
              <w:tab/>
            </w:r>
            <w:r>
              <w:tab/>
              <w:t>&lt;li&gt;&lt;br/&gt;</w:t>
            </w:r>
          </w:p>
          <w:p w:rsidR="00763958" w:rsidRDefault="00763958" w:rsidP="00763958">
            <w:r>
              <w:t xml:space="preserve">                    &lt;a class="btn_add" href="&lt;?php echo SITE_URL_SPF ; ?&gt;/logout.php" title="Logout"&gt; Logout&lt;/a&gt;</w:t>
            </w:r>
          </w:p>
          <w:p w:rsidR="00763958" w:rsidRDefault="00763958" w:rsidP="00763958">
            <w:r>
              <w:t xml:space="preserve">                &lt;/li&gt;</w:t>
            </w:r>
          </w:p>
          <w:p w:rsidR="00763958" w:rsidRDefault="00763958" w:rsidP="00763958">
            <w:r>
              <w:t xml:space="preserve">                &lt;?php } ?&gt;</w:t>
            </w:r>
          </w:p>
          <w:p w:rsidR="00763958" w:rsidRDefault="00763958" w:rsidP="00763958">
            <w:r>
              <w:t xml:space="preserve">            &lt;/ul&gt;</w:t>
            </w:r>
          </w:p>
          <w:p w:rsidR="00763958" w:rsidRDefault="00763958" w:rsidP="00763958">
            <w:r>
              <w:t xml:space="preserve">            &lt;!--top bar ends--&gt;</w:t>
            </w:r>
          </w:p>
          <w:p w:rsidR="00763958" w:rsidRDefault="00763958" w:rsidP="00763958">
            <w:r>
              <w:t xml:space="preserve">            &lt;a class="btn_mobile" href="#menu"&gt;</w:t>
            </w:r>
          </w:p>
          <w:p w:rsidR="00763958" w:rsidRDefault="00763958" w:rsidP="00763958">
            <w:r>
              <w:t xml:space="preserve">                &lt;div class="hamburger hamburger--spin" id="hamburger"&gt;</w:t>
            </w:r>
          </w:p>
          <w:p w:rsidR="00763958" w:rsidRDefault="00763958" w:rsidP="00763958">
            <w:r>
              <w:t xml:space="preserve">                    &lt;div class="hamburger-box"&gt;</w:t>
            </w:r>
          </w:p>
          <w:p w:rsidR="00763958" w:rsidRDefault="00763958" w:rsidP="00763958">
            <w:r>
              <w:t xml:space="preserve">                        &lt;div class="hamburger-inner"&gt;&lt;/div&gt;</w:t>
            </w:r>
          </w:p>
          <w:p w:rsidR="00763958" w:rsidRDefault="00763958" w:rsidP="00763958">
            <w:r>
              <w:t xml:space="preserve">                    &lt;/div&gt;</w:t>
            </w:r>
          </w:p>
          <w:p w:rsidR="00763958" w:rsidRDefault="00763958" w:rsidP="00763958">
            <w:r>
              <w:t xml:space="preserve">                &lt;/div&gt;</w:t>
            </w:r>
          </w:p>
          <w:p w:rsidR="00763958" w:rsidRDefault="00763958" w:rsidP="00763958">
            <w:r>
              <w:t xml:space="preserve">            &lt;/a&gt;</w:t>
            </w:r>
          </w:p>
          <w:p w:rsidR="00763958" w:rsidRDefault="00763958" w:rsidP="00763958">
            <w:r>
              <w:t xml:space="preserve">            &lt;!--top nav bar start--&gt;</w:t>
            </w:r>
          </w:p>
          <w:p w:rsidR="00763958" w:rsidRDefault="00763958" w:rsidP="00763958">
            <w:r>
              <w:t xml:space="preserve">            &lt;nav class="main-menu" id="menu"&gt;</w:t>
            </w:r>
          </w:p>
          <w:p w:rsidR="00763958" w:rsidRDefault="00763958" w:rsidP="00763958">
            <w:r>
              <w:t xml:space="preserve">                &lt;ul&gt;</w:t>
            </w:r>
          </w:p>
          <w:p w:rsidR="00763958" w:rsidRDefault="00763958" w:rsidP="00763958">
            <w:r>
              <w:t xml:space="preserve">                    &lt;li&gt;</w:t>
            </w:r>
          </w:p>
          <w:p w:rsidR="00763958" w:rsidRDefault="00763958" w:rsidP="00763958">
            <w:r>
              <w:t xml:space="preserve">                        &lt;span&gt;</w:t>
            </w:r>
          </w:p>
          <w:p w:rsidR="00763958" w:rsidRDefault="00763958" w:rsidP="00763958">
            <w:r>
              <w:t xml:space="preserve">                            &lt;a href="home.php"</w:t>
            </w:r>
          </w:p>
          <w:p w:rsidR="00763958" w:rsidRDefault="00763958" w:rsidP="00763958">
            <w:r>
              <w:t xml:space="preserve">                               class="active" style="font-size: 1.1rem; color: #007BCE;"&gt;</w:t>
            </w:r>
          </w:p>
          <w:p w:rsidR="00763958" w:rsidRDefault="00763958" w:rsidP="00763958">
            <w:r>
              <w:t xml:space="preserve">                                Home</w:t>
            </w:r>
          </w:p>
          <w:p w:rsidR="00763958" w:rsidRDefault="00763958" w:rsidP="00763958">
            <w:r>
              <w:t xml:space="preserve">                            &lt;/a&gt;</w:t>
            </w:r>
          </w:p>
          <w:p w:rsidR="00763958" w:rsidRDefault="00763958" w:rsidP="00763958">
            <w:r>
              <w:t xml:space="preserve">                        &lt;/span&gt;</w:t>
            </w:r>
          </w:p>
          <w:p w:rsidR="00763958" w:rsidRDefault="00763958" w:rsidP="00763958">
            <w:r>
              <w:t xml:space="preserve">                    &lt;/li&gt;</w:t>
            </w:r>
          </w:p>
          <w:p w:rsidR="00763958" w:rsidRDefault="00763958" w:rsidP="00763958">
            <w:r>
              <w:t xml:space="preserve">                    &lt;li&gt;</w:t>
            </w:r>
          </w:p>
          <w:p w:rsidR="00763958" w:rsidRDefault="00763958" w:rsidP="00763958">
            <w:r>
              <w:t xml:space="preserve">                        &lt;span&gt;</w:t>
            </w:r>
          </w:p>
          <w:p w:rsidR="00763958" w:rsidRDefault="00763958" w:rsidP="00763958">
            <w:r>
              <w:t xml:space="preserve">                            &lt;a href="aboutus.php"</w:t>
            </w:r>
          </w:p>
          <w:p w:rsidR="00763958" w:rsidRDefault="00763958" w:rsidP="00763958">
            <w:r>
              <w:t xml:space="preserve">                               class="" style="font-size: 1.1rem; color: #007BCE;"&gt;</w:t>
            </w:r>
          </w:p>
          <w:p w:rsidR="00763958" w:rsidRDefault="00763958" w:rsidP="00763958">
            <w:r>
              <w:t xml:space="preserve">                                About us</w:t>
            </w:r>
          </w:p>
          <w:p w:rsidR="00763958" w:rsidRDefault="00763958" w:rsidP="00763958">
            <w:r>
              <w:t xml:space="preserve">                            &lt;/a&gt;</w:t>
            </w:r>
          </w:p>
          <w:p w:rsidR="00763958" w:rsidRDefault="00763958" w:rsidP="00763958">
            <w:r>
              <w:t xml:space="preserve">                        &lt;/span&gt;</w:t>
            </w:r>
          </w:p>
          <w:p w:rsidR="00763958" w:rsidRDefault="00763958" w:rsidP="00763958">
            <w:r>
              <w:t xml:space="preserve">                    &lt;/li&gt;</w:t>
            </w:r>
          </w:p>
          <w:p w:rsidR="00763958" w:rsidRDefault="00763958" w:rsidP="00763958">
            <w:r>
              <w:t xml:space="preserve">                    </w:t>
            </w:r>
          </w:p>
          <w:p w:rsidR="00763958" w:rsidRDefault="00763958" w:rsidP="00763958">
            <w:r>
              <w:t xml:space="preserve">                    &lt;li&gt;</w:t>
            </w:r>
          </w:p>
          <w:p w:rsidR="00763958" w:rsidRDefault="00763958" w:rsidP="00763958">
            <w:r>
              <w:t xml:space="preserve">                        &lt;span&gt;</w:t>
            </w:r>
          </w:p>
          <w:p w:rsidR="00763958" w:rsidRDefault="00763958" w:rsidP="00763958">
            <w:r>
              <w:t xml:space="preserve">                            &lt;a href="howitworks.php"</w:t>
            </w:r>
          </w:p>
          <w:p w:rsidR="00763958" w:rsidRDefault="00763958" w:rsidP="00763958">
            <w:r>
              <w:t xml:space="preserve">                               class="" style="font-size: 1.1rem; color: #007BCE;"&gt;</w:t>
            </w:r>
          </w:p>
          <w:p w:rsidR="00763958" w:rsidRDefault="00763958" w:rsidP="00763958">
            <w:r>
              <w:t xml:space="preserve">                                How it works</w:t>
            </w:r>
          </w:p>
          <w:p w:rsidR="00763958" w:rsidRDefault="00763958" w:rsidP="00763958">
            <w:r>
              <w:t xml:space="preserve">                            &lt;/a&gt;</w:t>
            </w:r>
          </w:p>
          <w:p w:rsidR="00763958" w:rsidRDefault="00763958" w:rsidP="00763958">
            <w:r>
              <w:t xml:space="preserve">                        &lt;/span&gt;</w:t>
            </w:r>
          </w:p>
          <w:p w:rsidR="00763958" w:rsidRDefault="00763958" w:rsidP="00763958">
            <w:r>
              <w:t xml:space="preserve">                    &lt;/li&gt;</w:t>
            </w:r>
          </w:p>
          <w:p w:rsidR="00763958" w:rsidRDefault="00763958" w:rsidP="00763958">
            <w:r>
              <w:t xml:space="preserve">                    &lt;li&gt;</w:t>
            </w:r>
          </w:p>
          <w:p w:rsidR="00763958" w:rsidRDefault="00763958" w:rsidP="00763958">
            <w:r>
              <w:t xml:space="preserve">                          &lt;a href=""class="" style="font-size: 1.1rem; color: #007BCE;"&gt;Find More&lt;/a&gt;</w:t>
            </w:r>
          </w:p>
          <w:p w:rsidR="00763958" w:rsidRDefault="00763958" w:rsidP="00763958">
            <w:r>
              <w:t xml:space="preserve">                    &lt;ul&gt;</w:t>
            </w:r>
          </w:p>
          <w:p w:rsidR="00763958" w:rsidRDefault="00763958" w:rsidP="00763958">
            <w:r>
              <w:t xml:space="preserve">                        &lt;li&gt;</w:t>
            </w:r>
          </w:p>
          <w:p w:rsidR="00763958" w:rsidRDefault="00763958" w:rsidP="00763958">
            <w:r>
              <w:t xml:space="preserve">                        &lt;a href=""&gt;Your Senior Team&lt;/a&gt;</w:t>
            </w:r>
          </w:p>
          <w:p w:rsidR="00763958" w:rsidRDefault="00763958" w:rsidP="00763958">
            <w:r>
              <w:t xml:space="preserve">                        &lt;/li&gt;</w:t>
            </w:r>
          </w:p>
          <w:p w:rsidR="00763958" w:rsidRDefault="00763958" w:rsidP="00763958">
            <w:r>
              <w:lastRenderedPageBreak/>
              <w:t xml:space="preserve">                        &lt;li&gt;</w:t>
            </w:r>
          </w:p>
          <w:p w:rsidR="00763958" w:rsidRDefault="00763958" w:rsidP="00763958">
            <w:r>
              <w:t xml:space="preserve">                        &lt;a href=""&gt;SRES Finder&lt;/a&gt;</w:t>
            </w:r>
          </w:p>
          <w:p w:rsidR="00763958" w:rsidRDefault="00763958" w:rsidP="00763958">
            <w:r>
              <w:t xml:space="preserve">                        &lt;/li&gt;</w:t>
            </w:r>
          </w:p>
          <w:p w:rsidR="00763958" w:rsidRDefault="00763958" w:rsidP="00763958">
            <w:r>
              <w:t xml:space="preserve">                        &lt;li&gt;</w:t>
            </w:r>
          </w:p>
          <w:p w:rsidR="00763958" w:rsidRDefault="00763958" w:rsidP="00763958">
            <w:r>
              <w:t xml:space="preserve">                        &lt;a href=""&gt;VA Benefits Finder&lt;/a&gt;</w:t>
            </w:r>
          </w:p>
          <w:p w:rsidR="00763958" w:rsidRDefault="00763958" w:rsidP="00763958">
            <w:r>
              <w:t xml:space="preserve">                        &lt;/li&gt;</w:t>
            </w:r>
          </w:p>
          <w:p w:rsidR="00763958" w:rsidRDefault="00763958" w:rsidP="00763958">
            <w:r>
              <w:t xml:space="preserve">                        &lt;li&gt;</w:t>
            </w:r>
          </w:p>
          <w:p w:rsidR="00763958" w:rsidRDefault="00763958" w:rsidP="00763958">
            <w:r>
              <w:t xml:space="preserve">                        &lt;a href=""&gt;Senior Investment &amp; Finance&lt;/a&gt;</w:t>
            </w:r>
          </w:p>
          <w:p w:rsidR="00763958" w:rsidRDefault="00763958" w:rsidP="00763958">
            <w:r>
              <w:t xml:space="preserve">                        &lt;/li&gt;</w:t>
            </w:r>
          </w:p>
          <w:p w:rsidR="00763958" w:rsidRDefault="00763958" w:rsidP="00763958">
            <w:r>
              <w:t xml:space="preserve">                        &lt;li&gt;</w:t>
            </w:r>
          </w:p>
          <w:p w:rsidR="00763958" w:rsidRDefault="00763958" w:rsidP="00763958">
            <w:r>
              <w:t xml:space="preserve">                        &lt;a href=""&gt;Insure Seniors Finder&lt;/a&gt;</w:t>
            </w:r>
          </w:p>
          <w:p w:rsidR="00763958" w:rsidRDefault="00763958" w:rsidP="00763958">
            <w:r>
              <w:t xml:space="preserve">                        &lt;/li&gt;</w:t>
            </w:r>
          </w:p>
          <w:p w:rsidR="00763958" w:rsidRDefault="00763958" w:rsidP="00763958">
            <w:r>
              <w:t xml:space="preserve">                        &lt;li&gt;</w:t>
            </w:r>
          </w:p>
          <w:p w:rsidR="00763958" w:rsidRDefault="00763958" w:rsidP="00763958">
            <w:r>
              <w:t xml:space="preserve">                        &lt;a href=""&gt;ESPM Finder&lt;/a&gt;</w:t>
            </w:r>
          </w:p>
          <w:p w:rsidR="00763958" w:rsidRDefault="00763958" w:rsidP="00763958">
            <w:r>
              <w:t xml:space="preserve">                        &lt;/li&gt;</w:t>
            </w:r>
          </w:p>
          <w:p w:rsidR="00763958" w:rsidRDefault="00763958" w:rsidP="00763958">
            <w:r>
              <w:t xml:space="preserve">                        &lt;li&gt;</w:t>
            </w:r>
          </w:p>
          <w:p w:rsidR="00763958" w:rsidRDefault="00763958" w:rsidP="00763958">
            <w:r>
              <w:t xml:space="preserve">                        &lt;a href=""&gt;Senior Elder Finder&lt;/a&gt;</w:t>
            </w:r>
          </w:p>
          <w:p w:rsidR="00763958" w:rsidRDefault="00763958" w:rsidP="00763958">
            <w:r>
              <w:t xml:space="preserve">                        &lt;/li&gt;                </w:t>
            </w:r>
          </w:p>
          <w:p w:rsidR="00763958" w:rsidRDefault="00763958" w:rsidP="00763958">
            <w:r>
              <w:t xml:space="preserve">                    &lt;/ul&gt;</w:t>
            </w:r>
          </w:p>
          <w:p w:rsidR="00763958" w:rsidRDefault="00763958" w:rsidP="00763958">
            <w:r>
              <w:t xml:space="preserve">                </w:t>
            </w:r>
          </w:p>
          <w:p w:rsidR="00763958" w:rsidRDefault="00763958" w:rsidP="00763958">
            <w:r>
              <w:t xml:space="preserve">                    &lt;li&gt;</w:t>
            </w:r>
          </w:p>
          <w:p w:rsidR="00763958" w:rsidRDefault="00763958" w:rsidP="00763958">
            <w:r>
              <w:t xml:space="preserve">                        &lt;span&gt;</w:t>
            </w:r>
          </w:p>
          <w:p w:rsidR="00763958" w:rsidRDefault="00763958" w:rsidP="00763958">
            <w:r>
              <w:t xml:space="preserve">                            &lt;a href="contactus.php"</w:t>
            </w:r>
          </w:p>
          <w:p w:rsidR="00763958" w:rsidRDefault="00763958" w:rsidP="00763958">
            <w:r>
              <w:t xml:space="preserve">                               class="" style="font-size: 1.1rem; color: #007BCE;"&gt;</w:t>
            </w:r>
          </w:p>
          <w:p w:rsidR="00763958" w:rsidRDefault="00763958" w:rsidP="00763958">
            <w:r>
              <w:t xml:space="preserve">                                Contact us</w:t>
            </w:r>
          </w:p>
          <w:p w:rsidR="00763958" w:rsidRDefault="00763958" w:rsidP="00763958">
            <w:r>
              <w:t xml:space="preserve">                            &lt;/a&gt;</w:t>
            </w:r>
          </w:p>
          <w:p w:rsidR="00763958" w:rsidRDefault="00763958" w:rsidP="00763958">
            <w:r>
              <w:t xml:space="preserve">                        &lt;/span&gt;</w:t>
            </w:r>
          </w:p>
          <w:p w:rsidR="00763958" w:rsidRDefault="00763958" w:rsidP="00763958">
            <w:r>
              <w:t xml:space="preserve">                    &lt;/li&gt;</w:t>
            </w:r>
          </w:p>
          <w:p w:rsidR="00763958" w:rsidRDefault="00763958" w:rsidP="00763958">
            <w:r>
              <w:t xml:space="preserve">                &lt;/ul&gt;</w:t>
            </w:r>
          </w:p>
          <w:p w:rsidR="00763958" w:rsidRDefault="00763958" w:rsidP="00763958">
            <w:r>
              <w:t xml:space="preserve">            &lt;/nav&gt;</w:t>
            </w:r>
          </w:p>
          <w:p w:rsidR="00763958" w:rsidRDefault="00763958" w:rsidP="00763958">
            <w:r>
              <w:t xml:space="preserve">            &lt;!--top nav bar ends--&gt;</w:t>
            </w:r>
          </w:p>
          <w:p w:rsidR="00763958" w:rsidRDefault="00763958" w:rsidP="00763958">
            <w:r>
              <w:t xml:space="preserve">            &lt;/header&gt;</w:t>
            </w:r>
          </w:p>
          <w:p w:rsidR="00763958" w:rsidRDefault="00763958" w:rsidP="00763958">
            <w:r>
              <w:t xml:space="preserve">            &lt;!--------------------header ends------------------&gt;</w:t>
            </w:r>
          </w:p>
          <w:p w:rsidR="00763958" w:rsidRDefault="00763958" w:rsidP="00763958">
            <w:r>
              <w:t xml:space="preserve">        &lt;main&gt;</w:t>
            </w:r>
          </w:p>
          <w:p w:rsidR="00763958" w:rsidRDefault="00763958" w:rsidP="00763958">
            <w:r>
              <w:t xml:space="preserve">        </w:t>
            </w:r>
          </w:p>
          <w:p w:rsidR="00763958" w:rsidRDefault="00763958" w:rsidP="00763958">
            <w:r>
              <w:t xml:space="preserve">                &lt;div id="results"&gt;&lt;br/&gt;</w:t>
            </w:r>
          </w:p>
          <w:p w:rsidR="00763958" w:rsidRDefault="00763958" w:rsidP="00763958">
            <w:r>
              <w:t xml:space="preserve">        &lt;div class="container"&gt;</w:t>
            </w:r>
          </w:p>
          <w:p w:rsidR="00763958" w:rsidRDefault="00763958" w:rsidP="00763958">
            <w:r>
              <w:t xml:space="preserve">            </w:t>
            </w:r>
          </w:p>
          <w:p w:rsidR="00763958" w:rsidRDefault="00763958" w:rsidP="00763958">
            <w:r>
              <w:t xml:space="preserve">            &lt;div class="row"&gt;</w:t>
            </w:r>
          </w:p>
          <w:p w:rsidR="00763958" w:rsidRDefault="00763958" w:rsidP="00763958">
            <w:r>
              <w:t xml:space="preserve">                &lt;div class="col-lg-3 col-md-4 col-10"&gt;</w:t>
            </w:r>
          </w:p>
          <w:p w:rsidR="00763958" w:rsidRDefault="00763958" w:rsidP="00763958">
            <w:r>
              <w:t xml:space="preserve">                    &lt;h4&gt;</w:t>
            </w:r>
          </w:p>
          <w:p w:rsidR="00763958" w:rsidRDefault="00763958" w:rsidP="00763958">
            <w:r>
              <w:t xml:space="preserve">                        &lt;span id="res_count"&gt;&lt;/span&gt; </w:t>
            </w:r>
          </w:p>
          <w:p w:rsidR="00763958" w:rsidRDefault="00763958" w:rsidP="00763958">
            <w:r>
              <w:t xml:space="preserve">                        Residences found</w:t>
            </w:r>
          </w:p>
          <w:p w:rsidR="00763958" w:rsidRDefault="00763958" w:rsidP="00763958">
            <w:r>
              <w:t xml:space="preserve">                    &lt;/h4&gt;</w:t>
            </w:r>
          </w:p>
          <w:p w:rsidR="00763958" w:rsidRDefault="00763958" w:rsidP="00763958">
            <w:r>
              <w:t xml:space="preserve">                &lt;/div&gt;</w:t>
            </w:r>
          </w:p>
          <w:p w:rsidR="00763958" w:rsidRDefault="00763958" w:rsidP="00763958">
            <w:r>
              <w:t xml:space="preserve">                &lt;div class="col-lg-4"&gt;</w:t>
            </w:r>
          </w:p>
          <w:p w:rsidR="00763958" w:rsidRDefault="00763958" w:rsidP="00763958">
            <w:r>
              <w:t xml:space="preserve">                    &lt;div style="color:blue;" text-align="center;"&gt;</w:t>
            </w:r>
          </w:p>
          <w:p w:rsidR="00763958" w:rsidRDefault="00763958" w:rsidP="00763958">
            <w:r>
              <w:t xml:space="preserve">                        &lt;h4&gt;</w:t>
            </w:r>
          </w:p>
          <w:p w:rsidR="00763958" w:rsidRDefault="00763958" w:rsidP="00763958">
            <w:r>
              <w:lastRenderedPageBreak/>
              <w:t xml:space="preserve">                        &lt;a id="myBtn" text-align="center;" data-toggle="popover" data-trigger="hover" data-placement="bottom"</w:t>
            </w:r>
          </w:p>
          <w:p w:rsidR="00763958" w:rsidRDefault="00763958" w:rsidP="00763958">
            <w:r>
              <w:t xml:space="preserve">                        data-content="Please take a moment to enter your information and further convey your needs and desires for senior living."&gt;</w:t>
            </w:r>
          </w:p>
          <w:p w:rsidR="00763958" w:rsidRDefault="00763958" w:rsidP="00763958">
            <w:r>
              <w:t xml:space="preserve">                            Enhance search by desires and needs</w:t>
            </w:r>
          </w:p>
          <w:p w:rsidR="00763958" w:rsidRDefault="00763958" w:rsidP="00763958">
            <w:r>
              <w:t xml:space="preserve">                            </w:t>
            </w:r>
          </w:p>
          <w:p w:rsidR="00763958" w:rsidRDefault="00763958" w:rsidP="00763958">
            <w:r>
              <w:t xml:space="preserve">                        &lt;/a&gt;</w:t>
            </w:r>
          </w:p>
          <w:p w:rsidR="00763958" w:rsidRDefault="00763958" w:rsidP="00763958">
            <w:r>
              <w:t xml:space="preserve">                        &lt;/h4&gt;</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 class="col-lg-5 col-md-8 col-2"&gt;</w:t>
            </w:r>
          </w:p>
          <w:p w:rsidR="00763958" w:rsidRDefault="00763958" w:rsidP="00763958">
            <w:r>
              <w:t xml:space="preserve">                    &lt;!--&lt;form id="frmSearchResidence"&gt;</w:t>
            </w:r>
          </w:p>
          <w:p w:rsidR="00763958" w:rsidRDefault="00763958" w:rsidP="00763958">
            <w:r>
              <w:t xml:space="preserve">                        &lt;a class="side_panel btn_search_mobile" href="#"&gt;&lt;/a&gt;</w:t>
            </w:r>
          </w:p>
          <w:p w:rsidR="00763958" w:rsidRDefault="00763958" w:rsidP="00763958">
            <w:r>
              <w:t xml:space="preserve">                        &lt;div class="row no-gutters m-0 custom-search-input-2 inner"&gt;</w:t>
            </w:r>
          </w:p>
          <w:p w:rsidR="00763958" w:rsidRDefault="00763958" w:rsidP="00763958">
            <w:r>
              <w:t xml:space="preserve">                            &lt;div class="col-lg-11"&gt;</w:t>
            </w:r>
          </w:p>
          <w:p w:rsidR="00763958" w:rsidRDefault="00763958" w:rsidP="00763958">
            <w:r>
              <w:t xml:space="preserve">                                &lt;div class="form-group"&gt;</w:t>
            </w:r>
          </w:p>
          <w:p w:rsidR="00763958" w:rsidRDefault="00763958" w:rsidP="00763958">
            <w:r>
              <w:t xml:space="preserve">                                    &lt;input type="hidden" class="form-control border-0" id="txtSearchText"</w:t>
            </w:r>
          </w:p>
          <w:p w:rsidR="00763958" w:rsidRDefault="00763958" w:rsidP="00763958">
            <w:r>
              <w:t xml:space="preserve">                                           placeholder="Search by residence or company name..." type="text"</w:t>
            </w:r>
          </w:p>
          <w:p w:rsidR="00763958" w:rsidRDefault="00763958" w:rsidP="00763958">
            <w:r>
              <w:t xml:space="preserve">                                           value=""/&gt;</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 class="col-lg-1"&gt;</w:t>
            </w:r>
          </w:p>
          <w:p w:rsidR="00763958" w:rsidRDefault="00763958" w:rsidP="00763958">
            <w:r>
              <w:t xml:space="preserve">                                &lt;!--&lt;button type="submit" class="btn btn-lg btn-block submit"&gt;SUBMIT&lt;/button&gt; --&gt;</w:t>
            </w:r>
          </w:p>
          <w:p w:rsidR="00763958" w:rsidRDefault="00763958" w:rsidP="00763958">
            <w:r>
              <w:t xml:space="preserve">                            &lt;!--&lt;/div&gt;</w:t>
            </w:r>
          </w:p>
          <w:p w:rsidR="00763958" w:rsidRDefault="00763958" w:rsidP="00763958">
            <w:r>
              <w:t xml:space="preserve">                        &lt;/div&gt;</w:t>
            </w:r>
          </w:p>
          <w:p w:rsidR="00763958" w:rsidRDefault="00763958" w:rsidP="00763958">
            <w:r>
              <w:t xml:space="preserve">                    &lt;/form&gt; --&gt;</w:t>
            </w:r>
          </w:p>
          <w:p w:rsidR="00763958" w:rsidRDefault="00763958" w:rsidP="00763958">
            <w:r>
              <w:t xml:space="preserve">                &lt;/div&gt;</w:t>
            </w:r>
          </w:p>
          <w:p w:rsidR="00763958" w:rsidRDefault="00763958" w:rsidP="00763958">
            <w:r>
              <w:t xml:space="preserve">                </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gt;</w:t>
            </w:r>
          </w:p>
          <w:p w:rsidR="00763958" w:rsidRDefault="00763958" w:rsidP="00763958">
            <w:r>
              <w:t xml:space="preserve">    &lt;!--&lt;div class="filters_listing version_2 sticky_horizontal"&gt;</w:t>
            </w:r>
          </w:p>
          <w:p w:rsidR="00763958" w:rsidRDefault="00763958" w:rsidP="00763958">
            <w:r>
              <w:t xml:space="preserve">        &lt;div class="container"&gt;</w:t>
            </w:r>
          </w:p>
          <w:p w:rsidR="00763958" w:rsidRDefault="00763958" w:rsidP="00763958">
            <w:r>
              <w:t xml:space="preserve">            &lt;ul class="clearfix"&gt;</w:t>
            </w:r>
          </w:p>
          <w:p w:rsidR="00763958" w:rsidRDefault="00763958" w:rsidP="00763958">
            <w:r>
              <w:t xml:space="preserve">                &lt;li&gt;</w:t>
            </w:r>
          </w:p>
          <w:p w:rsidR="00763958" w:rsidRDefault="00763958" w:rsidP="00763958">
            <w:r>
              <w:t xml:space="preserve">                    &lt;div class="switch-field"&gt;</w:t>
            </w:r>
          </w:p>
          <w:p w:rsidR="00763958" w:rsidRDefault="00763958" w:rsidP="00763958">
            <w:r>
              <w:t xml:space="preserve">                        &lt;input checked id="all" name="listing_filter" type="radio" value="all"&gt;</w:t>
            </w:r>
          </w:p>
          <w:p w:rsidR="00763958" w:rsidRDefault="00763958" w:rsidP="00763958">
            <w:r>
              <w:t xml:space="preserve">                        &lt;label for="all"&gt;All&lt;/label&gt;</w:t>
            </w:r>
          </w:p>
          <w:p w:rsidR="00763958" w:rsidRDefault="00763958" w:rsidP="00763958">
            <w:r>
              <w:t xml:space="preserve">                        &lt;input id="popular" name="listing_filter" type="radio" value="popular"&gt;</w:t>
            </w:r>
          </w:p>
          <w:p w:rsidR="00763958" w:rsidRDefault="00763958" w:rsidP="00763958">
            <w:r>
              <w:t xml:space="preserve">                        &lt;label for="popular"&gt;Popular&lt;/label&gt;</w:t>
            </w:r>
          </w:p>
          <w:p w:rsidR="00763958" w:rsidRDefault="00763958" w:rsidP="00763958">
            <w:r>
              <w:t xml:space="preserve">                        &lt;input id="latest" name="listing_filter" type="radio" value="latest"&gt;</w:t>
            </w:r>
          </w:p>
          <w:p w:rsidR="00763958" w:rsidRDefault="00763958" w:rsidP="00763958">
            <w:r>
              <w:t xml:space="preserve">                        &lt;label for="latest"&gt;Latest&lt;/label&gt;</w:t>
            </w:r>
          </w:p>
          <w:p w:rsidR="00763958" w:rsidRDefault="00763958" w:rsidP="00763958">
            <w:r>
              <w:t xml:space="preserve">                    &lt;/div&gt;</w:t>
            </w:r>
          </w:p>
          <w:p w:rsidR="00763958" w:rsidRDefault="00763958" w:rsidP="00763958">
            <w:r>
              <w:t xml:space="preserve">                &lt;/li&gt;</w:t>
            </w:r>
          </w:p>
          <w:p w:rsidR="00763958" w:rsidRDefault="00763958" w:rsidP="00763958"/>
          <w:p w:rsidR="00763958" w:rsidRDefault="00763958" w:rsidP="00763958"/>
          <w:p w:rsidR="00763958" w:rsidRDefault="00763958" w:rsidP="00763958">
            <w:r>
              <w:t xml:space="preserve">            &lt;/ul&gt;</w:t>
            </w:r>
          </w:p>
          <w:p w:rsidR="00763958" w:rsidRDefault="00763958" w:rsidP="00763958">
            <w:r>
              <w:t xml:space="preserve">        &lt;/div&gt;</w:t>
            </w:r>
          </w:p>
          <w:p w:rsidR="00763958" w:rsidRDefault="00763958" w:rsidP="00763958">
            <w:r>
              <w:lastRenderedPageBreak/>
              <w:t xml:space="preserve">    &lt;/div&gt;--&gt;</w:t>
            </w:r>
          </w:p>
          <w:p w:rsidR="00763958" w:rsidRDefault="00763958" w:rsidP="00763958">
            <w:r>
              <w:t xml:space="preserve">    </w:t>
            </w:r>
          </w:p>
          <w:p w:rsidR="00763958" w:rsidRDefault="00763958" w:rsidP="00763958">
            <w:r>
              <w:t xml:space="preserve">    &lt;!--&lt;div class="offset-1 col-lg-2"&gt;</w:t>
            </w:r>
          </w:p>
          <w:p w:rsidR="00763958" w:rsidRDefault="00763958" w:rsidP="00763958">
            <w:r>
              <w:t xml:space="preserve">        &lt;div style="background-color:LightGray;color:blue;padding:2%" text-align="center;"&gt;</w:t>
            </w:r>
          </w:p>
          <w:p w:rsidR="00763958" w:rsidRDefault="00763958" w:rsidP="00763958">
            <w:r>
              <w:t xml:space="preserve">            &lt;a id="myBtn" text-align="center;"&gt;</w:t>
            </w:r>
          </w:p>
          <w:p w:rsidR="00763958" w:rsidRDefault="00763958" w:rsidP="00763958">
            <w:r>
              <w:t xml:space="preserve">                Enhance search by desires and needs</w:t>
            </w:r>
          </w:p>
          <w:p w:rsidR="00763958" w:rsidRDefault="00763958" w:rsidP="00763958">
            <w:r>
              <w:t xml:space="preserve">                </w:t>
            </w:r>
          </w:p>
          <w:p w:rsidR="00763958" w:rsidRDefault="00763958" w:rsidP="00763958">
            <w:r>
              <w:t xml:space="preserve">            &lt;/a&gt;</w:t>
            </w:r>
          </w:p>
          <w:p w:rsidR="00763958" w:rsidRDefault="00763958" w:rsidP="00763958">
            <w:r>
              <w:t xml:space="preserve">        &lt;/div&gt;</w:t>
            </w:r>
          </w:p>
          <w:p w:rsidR="00763958" w:rsidRDefault="00763958" w:rsidP="00763958">
            <w:r>
              <w:t xml:space="preserve">    &lt;/div&gt;--&gt;</w:t>
            </w:r>
          </w:p>
          <w:p w:rsidR="00763958" w:rsidRDefault="00763958" w:rsidP="00763958">
            <w:r>
              <w:t>&lt;!---------------Filter Starts------------------&gt;</w:t>
            </w:r>
          </w:p>
          <w:p w:rsidR="00763958" w:rsidRDefault="00763958" w:rsidP="00763958">
            <w:r>
              <w:t xml:space="preserve">    &lt;div class="container pt-2"&gt;</w:t>
            </w:r>
          </w:p>
          <w:p w:rsidR="00763958" w:rsidRDefault="00763958" w:rsidP="00763958">
            <w:r>
              <w:t xml:space="preserve">        &lt;div class="row"&gt;</w:t>
            </w:r>
          </w:p>
          <w:p w:rsidR="00763958" w:rsidRDefault="00763958" w:rsidP="00763958">
            <w:r>
              <w:t xml:space="preserve">            &lt;aside class="col-lg-3" id="sidebar"&gt;</w:t>
            </w:r>
          </w:p>
          <w:p w:rsidR="00763958" w:rsidRDefault="00763958" w:rsidP="00763958">
            <w:r>
              <w:t xml:space="preserve">                &lt;div id="divPrimaryFilter" class="filter-section" style= "height: 200px; overflow-y: scroll;"&gt;</w:t>
            </w:r>
          </w:p>
          <w:p w:rsidR="00763958" w:rsidRDefault="00763958" w:rsidP="00763958">
            <w:r>
              <w:t xml:space="preserve">    &lt;a aria-controls="collapseFilter" aria-expanded="true" data-toggle="collapse"</w:t>
            </w:r>
          </w:p>
          <w:p w:rsidR="00763958" w:rsidRDefault="00763958" w:rsidP="00763958">
            <w:r>
              <w:t xml:space="preserve">       href="#collapseFilter" class="collapse-toggler"&gt;</w:t>
            </w:r>
          </w:p>
          <w:p w:rsidR="00763958" w:rsidRDefault="00763958" w:rsidP="00763958">
            <w:r>
              <w:t xml:space="preserve">        &lt;b&gt;Expand/Modify Your Search&lt;/b&gt;</w:t>
            </w:r>
          </w:p>
          <w:p w:rsidR="00763958" w:rsidRDefault="00763958" w:rsidP="00763958">
            <w:r>
              <w:t xml:space="preserve">    &lt;/a&gt;</w:t>
            </w:r>
          </w:p>
          <w:p w:rsidR="00763958" w:rsidRDefault="00763958" w:rsidP="00763958">
            <w:r>
              <w:t xml:space="preserve">    &lt;!---------------location Filter Starts------------------&gt;</w:t>
            </w:r>
          </w:p>
          <w:p w:rsidR="00763958" w:rsidRDefault="00763958" w:rsidP="00763958">
            <w:r>
              <w:t xml:space="preserve">    &lt;div class="collapse show" id="collapseFilter"&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Location" aria-expanded="true" data-toggle="collapse" href="#collapseLocation"</w:t>
            </w:r>
          </w:p>
          <w:p w:rsidR="00763958" w:rsidRDefault="00763958" w:rsidP="00763958">
            <w:r>
              <w:t xml:space="preserve">                   class="collapse-toggler"&gt;</w:t>
            </w:r>
          </w:p>
          <w:p w:rsidR="00763958" w:rsidRDefault="00763958" w:rsidP="00763958">
            <w:r>
              <w:t xml:space="preserve">                    Location</w:t>
            </w:r>
          </w:p>
          <w:p w:rsidR="00763958" w:rsidRDefault="00763958" w:rsidP="00763958">
            <w:r>
              <w:t xml:space="preserve">                &lt;/a&gt;</w:t>
            </w:r>
          </w:p>
          <w:p w:rsidR="00763958" w:rsidRDefault="00763958" w:rsidP="00763958">
            <w:r>
              <w:t xml:space="preserve">            &lt;/h6&gt;</w:t>
            </w:r>
          </w:p>
          <w:p w:rsidR="00763958" w:rsidRDefault="00763958" w:rsidP="00763958">
            <w:r>
              <w:t xml:space="preserve">            &lt;div class="collapse show" id="collapseLocation"&gt;</w:t>
            </w:r>
          </w:p>
          <w:p w:rsidR="00763958" w:rsidRDefault="00763958" w:rsidP="00763958">
            <w:r>
              <w:t xml:space="preserve">                &lt;div class="form-group"&gt;</w:t>
            </w:r>
          </w:p>
          <w:p w:rsidR="00763958" w:rsidRDefault="00763958" w:rsidP="00763958">
            <w:r>
              <w:t xml:space="preserve">                    &lt;input class="form-control" placeholder="City or Zip code..."</w:t>
            </w:r>
          </w:p>
          <w:p w:rsidR="00763958" w:rsidRDefault="00763958" w:rsidP="00763958">
            <w:r>
              <w:t xml:space="preserve">                           type="text" id="txtLocation"/&gt;</w:t>
            </w:r>
          </w:p>
          <w:p w:rsidR="00763958" w:rsidRDefault="00763958" w:rsidP="00763958">
            <w:r>
              <w:t xml:space="preserve">                &lt;/div&gt;</w:t>
            </w:r>
          </w:p>
          <w:p w:rsidR="00763958" w:rsidRDefault="00763958" w:rsidP="00763958">
            <w:r>
              <w:t xml:space="preserve">                &lt;div class="text-left" id="divLocations"&gt;</w:t>
            </w:r>
          </w:p>
          <w:p w:rsidR="00763958" w:rsidRDefault="00763958" w:rsidP="00763958">
            <w:r>
              <w:t xml:space="preserve">                &lt;/div&gt;</w:t>
            </w:r>
          </w:p>
          <w:p w:rsidR="00763958" w:rsidRDefault="00763958" w:rsidP="00763958">
            <w:r>
              <w:t xml:space="preserve">                &lt;div id="divRadius" style="display: none;"&gt;</w:t>
            </w:r>
          </w:p>
          <w:p w:rsidR="00763958" w:rsidRDefault="00763958" w:rsidP="00763958">
            <w:r>
              <w:t xml:space="preserve">                    &lt;!--&lt;h6&gt;</w:t>
            </w:r>
          </w:p>
          <w:p w:rsidR="00763958" w:rsidRDefault="00763958" w:rsidP="00763958">
            <w:r>
              <w:t xml:space="preserve">                        Search By</w:t>
            </w:r>
          </w:p>
          <w:p w:rsidR="00763958" w:rsidRDefault="00763958" w:rsidP="00763958">
            <w:r>
              <w:t xml:space="preserve">                    &lt;/h6&gt; --&gt;</w:t>
            </w:r>
          </w:p>
          <w:p w:rsidR="00763958" w:rsidRDefault="00763958" w:rsidP="00763958">
            <w:r>
              <w:t xml:space="preserve">                    &lt;div class="distance"&gt;</w:t>
            </w:r>
          </w:p>
          <w:p w:rsidR="00763958" w:rsidRDefault="00763958" w:rsidP="00763958">
            <w:r>
              <w:t xml:space="preserve">                        &lt;!--Radius</w:t>
            </w:r>
          </w:p>
          <w:p w:rsidR="00763958" w:rsidRDefault="00763958" w:rsidP="00763958">
            <w:r>
              <w:t xml:space="preserve">                        &lt;span&gt;&lt;/span&gt;</w:t>
            </w:r>
          </w:p>
          <w:p w:rsidR="00763958" w:rsidRDefault="00763958" w:rsidP="00763958">
            <w:r>
              <w:t xml:space="preserve">                        miles--&gt;</w:t>
            </w:r>
          </w:p>
          <w:p w:rsidR="00763958" w:rsidRDefault="00763958" w:rsidP="00763958">
            <w:r>
              <w:t xml:space="preserve">                    &lt;/div&gt;</w:t>
            </w:r>
          </w:p>
          <w:p w:rsidR="00763958" w:rsidRDefault="00763958" w:rsidP="00763958">
            <w:r>
              <w:t xml:space="preserve">                    &lt;input type="hidden" data-orientation="horizontal" max="100" min="5" step="5" type="range"</w:t>
            </w:r>
          </w:p>
          <w:p w:rsidR="00763958" w:rsidRDefault="00763958" w:rsidP="00763958">
            <w:r>
              <w:t xml:space="preserve">                           value="5" id="txtRadius"/&gt;</w:t>
            </w:r>
          </w:p>
          <w:p w:rsidR="00763958" w:rsidRDefault="00763958" w:rsidP="00763958">
            <w:r>
              <w:lastRenderedPageBreak/>
              <w:t xml:space="preserve">                &lt;/div&gt;</w:t>
            </w:r>
          </w:p>
          <w:p w:rsidR="00763958" w:rsidRDefault="00763958" w:rsidP="00763958">
            <w:r>
              <w:t xml:space="preserve">            &lt;/div&gt;</w:t>
            </w:r>
          </w:p>
          <w:p w:rsidR="00763958" w:rsidRDefault="00763958" w:rsidP="00763958">
            <w:r>
              <w:t xml:space="preserve">        &lt;/div&gt;</w:t>
            </w:r>
          </w:p>
          <w:p w:rsidR="00763958" w:rsidRDefault="00763958" w:rsidP="00763958">
            <w:r>
              <w:t xml:space="preserve">        &lt;!---------------Location Filter ends------------------&gt;</w:t>
            </w:r>
          </w:p>
          <w:p w:rsidR="00763958" w:rsidRDefault="00763958" w:rsidP="00763958"/>
          <w:p w:rsidR="00763958" w:rsidRDefault="00763958" w:rsidP="00763958">
            <w:r>
              <w:t xml:space="preserve">        &lt;!---------------Budget Filter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Budget" aria-expanded="false" data-toggle="collapse" href="#collapseBudget"</w:t>
            </w:r>
          </w:p>
          <w:p w:rsidR="00763958" w:rsidRDefault="00763958" w:rsidP="00763958">
            <w:r>
              <w:t xml:space="preserve">                   class="collapse-toggler collapsed"&gt;</w:t>
            </w:r>
          </w:p>
          <w:p w:rsidR="00763958" w:rsidRDefault="00763958" w:rsidP="00763958">
            <w:r>
              <w:t xml:space="preserve">                    Budget</w:t>
            </w:r>
          </w:p>
          <w:p w:rsidR="00763958" w:rsidRDefault="00763958" w:rsidP="00763958">
            <w:r>
              <w:t xml:space="preserve">                &lt;/a&gt;</w:t>
            </w:r>
          </w:p>
          <w:p w:rsidR="00763958" w:rsidRDefault="00763958" w:rsidP="00763958">
            <w:r>
              <w:t xml:space="preserve">            &lt;/h6&gt;</w:t>
            </w:r>
          </w:p>
          <w:p w:rsidR="00763958" w:rsidRDefault="00763958" w:rsidP="00763958">
            <w:r>
              <w:t xml:space="preserve">            &lt;div class="form-group collapse" id="collapseBudget"&gt;</w:t>
            </w:r>
          </w:p>
          <w:p w:rsidR="00763958" w:rsidRDefault="00763958" w:rsidP="00763958">
            <w:r>
              <w:t xml:space="preserve">                &lt;div id="divBudgetSlider" data-min="0" data-max="15000" data-format="price" data-step="100"</w:t>
            </w:r>
          </w:p>
          <w:p w:rsidR="00763958" w:rsidRDefault="00763958" w:rsidP="00763958">
            <w:r>
              <w:t xml:space="preserve">                     data-target="BudgetRange"</w:t>
            </w:r>
          </w:p>
          <w:p w:rsidR="00763958" w:rsidRDefault="00763958" w:rsidP="00763958">
            <w:r>
              <w:t xml:space="preserve">                     class="slider-xs slider-range mt-4"&gt;&lt;/div&gt;</w:t>
            </w:r>
          </w:p>
          <w:p w:rsidR="00763958" w:rsidRDefault="00763958" w:rsidP="00763958">
            <w:r>
              <w:t xml:space="preserve">                &lt;div class="controls mt-4"&gt;</w:t>
            </w:r>
          </w:p>
          <w:p w:rsidR="00763958" w:rsidRDefault="00763958" w:rsidP="00763958">
            <w:r>
              <w:t xml:space="preserve">                    &lt;div class="input-group input-group-sm"&gt;</w:t>
            </w:r>
          </w:p>
          <w:p w:rsidR="00763958" w:rsidRDefault="00763958" w:rsidP="00763958">
            <w:r>
              <w:t xml:space="preserve">                        &lt;input type="number" class="form-control" id="txtMinBudgetRange"</w:t>
            </w:r>
          </w:p>
          <w:p w:rsidR="00763958" w:rsidRDefault="00763958" w:rsidP="00763958">
            <w:r>
              <w:t xml:space="preserve">                               placeholder="Min Budget" min="0" max="15000" value="0" step="100"/&gt;</w:t>
            </w:r>
          </w:p>
          <w:p w:rsidR="00763958" w:rsidRDefault="00763958" w:rsidP="00763958">
            <w:r>
              <w:t xml:space="preserve">                        &lt;div class="input-group-append"&gt;</w:t>
            </w:r>
          </w:p>
          <w:p w:rsidR="00763958" w:rsidRDefault="00763958" w:rsidP="00763958">
            <w:r>
              <w:t xml:space="preserve">                            &lt;span class="input-group-text"&gt;-&lt;/span&gt;</w:t>
            </w:r>
          </w:p>
          <w:p w:rsidR="00763958" w:rsidRDefault="00763958" w:rsidP="00763958">
            <w:r>
              <w:t xml:space="preserve">                        &lt;/div&gt;</w:t>
            </w:r>
          </w:p>
          <w:p w:rsidR="00763958" w:rsidRDefault="00763958" w:rsidP="00763958">
            <w:r>
              <w:t xml:space="preserve">                        &lt;input type="number" class="form-control" id="txtMaxBudgetRange"</w:t>
            </w:r>
          </w:p>
          <w:p w:rsidR="00763958" w:rsidRDefault="00763958" w:rsidP="00763958">
            <w:r>
              <w:t xml:space="preserve">                               placeholder="Max Budget" min="0" max="15000" value="15000" step="100"/&gt;</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gt;</w:t>
            </w:r>
          </w:p>
          <w:p w:rsidR="00763958" w:rsidRDefault="00763958" w:rsidP="00763958">
            <w:r>
              <w:t xml:space="preserve">        &lt;!---------------Budget Filter ends------------------&gt;</w:t>
            </w:r>
          </w:p>
          <w:p w:rsidR="00763958" w:rsidRDefault="00763958" w:rsidP="00763958">
            <w:r>
              <w:t xml:space="preserve">        &lt;div class="justify-content-center mt-4"&gt;</w:t>
            </w:r>
          </w:p>
          <w:p w:rsidR="00763958" w:rsidRDefault="00763958" w:rsidP="00763958">
            <w:r>
              <w:t xml:space="preserve">            &lt;input type="hidden" id="txtFilterData" value=""/&gt;</w:t>
            </w:r>
          </w:p>
          <w:p w:rsidR="00763958" w:rsidRDefault="00763958" w:rsidP="00763958">
            <w:r>
              <w:t xml:space="preserve">            &lt;a href="#" class="btn btn-sm btn-outline-danger btnClearFilter"&gt;Clear&lt;/a&gt;</w:t>
            </w:r>
          </w:p>
          <w:p w:rsidR="00763958" w:rsidRDefault="00763958" w:rsidP="00763958">
            <w:r>
              <w:t xml:space="preserve">            &lt;a href="#" id="btnApplyFilter" class="btn btn-sm btn-primary float-right"&gt;Apply&lt;/a&gt;</w:t>
            </w:r>
          </w:p>
          <w:p w:rsidR="00763958" w:rsidRDefault="00763958" w:rsidP="00763958">
            <w:r>
              <w:t xml:space="preserve">        &lt;/div&gt;</w:t>
            </w:r>
          </w:p>
          <w:p w:rsidR="00763958" w:rsidRDefault="00763958" w:rsidP="00763958">
            <w:r>
              <w:t xml:space="preserve">    &lt;/div&gt; </w:t>
            </w:r>
          </w:p>
          <w:p w:rsidR="00763958" w:rsidRDefault="00763958" w:rsidP="00763958">
            <w:r>
              <w:t>&lt;/div&gt;</w:t>
            </w:r>
          </w:p>
          <w:p w:rsidR="00763958" w:rsidRDefault="00763958" w:rsidP="00763958">
            <w:r>
              <w:t>&lt;!---------------Additional Filter Starts------------------&gt;</w:t>
            </w:r>
          </w:p>
          <w:p w:rsidR="00763958" w:rsidRDefault="00763958" w:rsidP="00763958">
            <w:r>
              <w:t>&lt;div id="divRefiner" class="filter-section" style= "height: 200px; overflow-y: scroll;"&gt;</w:t>
            </w:r>
          </w:p>
          <w:p w:rsidR="00763958" w:rsidRDefault="00763958" w:rsidP="00763958">
            <w:r>
              <w:t xml:space="preserve">    &lt;a aria-controls="collapseRefiner" aria-expanded="true" data-toggle="collapse"</w:t>
            </w:r>
          </w:p>
          <w:p w:rsidR="00763958" w:rsidRDefault="00763958" w:rsidP="00763958">
            <w:r>
              <w:t xml:space="preserve">       href="#collapseRefiner" class="collapse-toggler"&gt;</w:t>
            </w:r>
          </w:p>
          <w:p w:rsidR="00763958" w:rsidRDefault="00763958" w:rsidP="00763958">
            <w:r>
              <w:t xml:space="preserve">        &lt;b&gt;Additional Search&lt;/b&gt;</w:t>
            </w:r>
          </w:p>
          <w:p w:rsidR="00763958" w:rsidRDefault="00763958" w:rsidP="00763958">
            <w:r>
              <w:t xml:space="preserve">    &lt;/a&gt;</w:t>
            </w:r>
          </w:p>
          <w:p w:rsidR="00763958" w:rsidRDefault="00763958" w:rsidP="00763958">
            <w:r>
              <w:t xml:space="preserve">     &lt;!---------------Residence Types------------------&gt;</w:t>
            </w:r>
          </w:p>
          <w:p w:rsidR="00763958" w:rsidRDefault="00763958" w:rsidP="00763958">
            <w:r>
              <w:t xml:space="preserve">    &lt;div class="collapse show" id="collapseRefiner"&gt;</w:t>
            </w:r>
          </w:p>
          <w:p w:rsidR="00763958" w:rsidRDefault="00763958" w:rsidP="00763958">
            <w:r>
              <w:lastRenderedPageBreak/>
              <w:t xml:space="preserve">        &lt;!--&lt;div class="filter_type"&gt;</w:t>
            </w:r>
          </w:p>
          <w:p w:rsidR="00763958" w:rsidRDefault="00763958" w:rsidP="00763958">
            <w:r>
              <w:t xml:space="preserve">            &lt;h6&gt;</w:t>
            </w:r>
          </w:p>
          <w:p w:rsidR="00763958" w:rsidRDefault="00763958" w:rsidP="00763958">
            <w:r>
              <w:t xml:space="preserve">                &lt;a aria-controls="collapseResidence" aria-expanded="false" data-toggle="collapse"</w:t>
            </w:r>
          </w:p>
          <w:p w:rsidR="00763958" w:rsidRDefault="00763958" w:rsidP="00763958">
            <w:r>
              <w:t xml:space="preserve">                   href="#collapseResidence" class="collapse-toggler collapsed"&gt;</w:t>
            </w:r>
          </w:p>
          <w:p w:rsidR="00763958" w:rsidRDefault="00763958" w:rsidP="00763958">
            <w:r>
              <w:t xml:space="preserve">                    Residence Types</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Residence"&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Independent 55+</w:t>
            </w:r>
          </w:p>
          <w:p w:rsidR="00763958" w:rsidRDefault="00763958" w:rsidP="00763958"/>
          <w:p w:rsidR="00763958" w:rsidRDefault="00763958" w:rsidP="00763958">
            <w:r>
              <w:t xml:space="preserve">                            &lt;input type="checkbox" name="residences[]" value="independent_55"/&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Assisted Living</w:t>
            </w:r>
          </w:p>
          <w:p w:rsidR="00763958" w:rsidRDefault="00763958" w:rsidP="00763958"/>
          <w:p w:rsidR="00763958" w:rsidRDefault="00763958" w:rsidP="00763958">
            <w:r>
              <w:t xml:space="preserve">                            &lt;input type="checkbox" name="residences[]" value="assisted_living"/&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Memory Care</w:t>
            </w:r>
          </w:p>
          <w:p w:rsidR="00763958" w:rsidRDefault="00763958" w:rsidP="00763958"/>
          <w:p w:rsidR="00763958" w:rsidRDefault="00763958" w:rsidP="00763958">
            <w:r>
              <w:t xml:space="preserve">                            &lt;input type="checkbox" name="residences[]" value="memory_care"/&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oard &amp; Care</w:t>
            </w:r>
          </w:p>
          <w:p w:rsidR="00763958" w:rsidRDefault="00763958" w:rsidP="00763958"/>
          <w:p w:rsidR="00763958" w:rsidRDefault="00763958" w:rsidP="00763958">
            <w:r>
              <w:t xml:space="preserve">                            &lt;input type="checkbox" name="residences[]" value="board_care"/&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CCRC</w:t>
            </w:r>
          </w:p>
          <w:p w:rsidR="00763958" w:rsidRDefault="00763958" w:rsidP="00763958"/>
          <w:p w:rsidR="00763958" w:rsidRDefault="00763958" w:rsidP="00763958">
            <w:r>
              <w:t xml:space="preserve">                            &lt;input type="checkbox" name="residences[]" value="ccrc"/&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lastRenderedPageBreak/>
              <w:t xml:space="preserve">                    &lt;li&gt;</w:t>
            </w:r>
          </w:p>
          <w:p w:rsidR="00763958" w:rsidRDefault="00763958" w:rsidP="00763958">
            <w:r>
              <w:t xml:space="preserve">                        &lt;label class="container_check"&gt;</w:t>
            </w:r>
          </w:p>
          <w:p w:rsidR="00763958" w:rsidRDefault="00763958" w:rsidP="00763958">
            <w:r>
              <w:t xml:space="preserve">                            Respite</w:t>
            </w:r>
          </w:p>
          <w:p w:rsidR="00763958" w:rsidRDefault="00763958" w:rsidP="00763958"/>
          <w:p w:rsidR="00763958" w:rsidRDefault="00763958" w:rsidP="00763958">
            <w:r>
              <w:t xml:space="preserve">                            &lt;input type="checkbox" name="residences[]" value="respite"/&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 --&gt;</w:t>
            </w:r>
          </w:p>
          <w:p w:rsidR="00763958" w:rsidRDefault="00763958" w:rsidP="00763958">
            <w:r>
              <w:t xml:space="preserve">        &lt;!---------------Residence types ends------------------&gt;</w:t>
            </w:r>
          </w:p>
          <w:p w:rsidR="00763958" w:rsidRDefault="00763958" w:rsidP="00763958">
            <w:r>
              <w:t xml:space="preserve">            &lt;div class="collapse show" id="collapseRefiner"&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Accommodation" aria-expanded="false"</w:t>
            </w:r>
          </w:p>
          <w:p w:rsidR="00763958" w:rsidRDefault="00763958" w:rsidP="00763958">
            <w:r>
              <w:t xml:space="preserve">                                            data-toggle="collapse" href="#collapseAccommodation"</w:t>
            </w:r>
          </w:p>
          <w:p w:rsidR="00763958" w:rsidRDefault="00763958" w:rsidP="00763958">
            <w:r>
              <w:t xml:space="preserve">                                            class="collapse-toggler collapsed"&gt;</w:t>
            </w:r>
          </w:p>
          <w:p w:rsidR="00763958" w:rsidRDefault="00763958" w:rsidP="00763958">
            <w:r>
              <w:t xml:space="preserve">                                            Accommodations</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Accommodation"&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hared Room</w:t>
            </w:r>
          </w:p>
          <w:p w:rsidR="00763958" w:rsidRDefault="00763958" w:rsidP="00763958"/>
          <w:p w:rsidR="00763958" w:rsidRDefault="00763958" w:rsidP="00763958">
            <w:r>
              <w:t xml:space="preserve">                                                &lt;input type="checkbox" name="accommodations[]" value="shared_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rivate Room</w:t>
            </w:r>
          </w:p>
          <w:p w:rsidR="00763958" w:rsidRDefault="00763958" w:rsidP="00763958"/>
          <w:p w:rsidR="00763958" w:rsidRDefault="00763958" w:rsidP="00763958">
            <w:r>
              <w:t xml:space="preserve">                                                &lt;input type="checkbox" name="accommodations[]" value="private_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tudio Shared Bathroom</w:t>
            </w:r>
          </w:p>
          <w:p w:rsidR="00763958" w:rsidRDefault="00763958" w:rsidP="00763958"/>
          <w:p w:rsidR="00763958" w:rsidRDefault="00763958" w:rsidP="00763958">
            <w:r>
              <w:t xml:space="preserve">                                                &lt;input type="checkbox" name="accommodations[]"</w:t>
            </w:r>
          </w:p>
          <w:p w:rsidR="00763958" w:rsidRDefault="00763958" w:rsidP="00763958">
            <w:r>
              <w:t xml:space="preserve">                                                    value="studio_shared_bath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lastRenderedPageBreak/>
              <w:t xml:space="preserve">                                                Studio Private Bathroom</w:t>
            </w:r>
          </w:p>
          <w:p w:rsidR="00763958" w:rsidRDefault="00763958" w:rsidP="00763958"/>
          <w:p w:rsidR="00763958" w:rsidRDefault="00763958" w:rsidP="00763958">
            <w:r>
              <w:t xml:space="preserve">                                                &lt;input type="checkbox" name="accommodations[]"</w:t>
            </w:r>
          </w:p>
          <w:p w:rsidR="00763958" w:rsidRDefault="00763958" w:rsidP="00763958">
            <w:r>
              <w:t xml:space="preserve">                                                    value="studio_Private_bath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One Bedroom One Bathroom</w:t>
            </w:r>
          </w:p>
          <w:p w:rsidR="00763958" w:rsidRDefault="00763958" w:rsidP="00763958"/>
          <w:p w:rsidR="00763958" w:rsidRDefault="00763958" w:rsidP="00763958">
            <w:r>
              <w:t xml:space="preserve">                                                &lt;input type="checkbox" name="accommodations[]"</w:t>
            </w:r>
          </w:p>
          <w:p w:rsidR="00763958" w:rsidRDefault="00763958" w:rsidP="00763958">
            <w:r>
              <w:t xml:space="preserve">                                                    value="one_bedroom_one_bath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One Bedroom Two Bathrooms</w:t>
            </w:r>
          </w:p>
          <w:p w:rsidR="00763958" w:rsidRDefault="00763958" w:rsidP="00763958"/>
          <w:p w:rsidR="00763958" w:rsidRDefault="00763958" w:rsidP="00763958">
            <w:r>
              <w:t xml:space="preserve">                                                &lt;input type="checkbox" name="accommodations[]"</w:t>
            </w:r>
          </w:p>
          <w:p w:rsidR="00763958" w:rsidRDefault="00763958" w:rsidP="00763958">
            <w:r>
              <w:t xml:space="preserve">                                                    value="one_bedroom_two_bathroom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Two Bedrooms One Bathroom</w:t>
            </w:r>
          </w:p>
          <w:p w:rsidR="00763958" w:rsidRDefault="00763958" w:rsidP="00763958"/>
          <w:p w:rsidR="00763958" w:rsidRDefault="00763958" w:rsidP="00763958">
            <w:r>
              <w:t xml:space="preserve">                                                &lt;input type="checkbox" name="accommodations[]"</w:t>
            </w:r>
          </w:p>
          <w:p w:rsidR="00763958" w:rsidRDefault="00763958" w:rsidP="00763958">
            <w:r>
              <w:t xml:space="preserve">                                                    value="two_bedrooms_one_bath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Two Bedrooms Two Bathrooms</w:t>
            </w:r>
          </w:p>
          <w:p w:rsidR="00763958" w:rsidRDefault="00763958" w:rsidP="00763958"/>
          <w:p w:rsidR="00763958" w:rsidRDefault="00763958" w:rsidP="00763958">
            <w:r>
              <w:t xml:space="preserve">                                                &lt;input type="checkbox" name="accommodations[]"</w:t>
            </w:r>
          </w:p>
          <w:p w:rsidR="00763958" w:rsidRDefault="00763958" w:rsidP="00763958">
            <w:r>
              <w:t xml:space="preserve">                                                    value="two_bedrooms_two_bathroom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Cottages</w:t>
            </w:r>
          </w:p>
          <w:p w:rsidR="00763958" w:rsidRDefault="00763958" w:rsidP="00763958"/>
          <w:p w:rsidR="00763958" w:rsidRDefault="00763958" w:rsidP="00763958">
            <w:r>
              <w:t xml:space="preserve">                                                &lt;input type="checkbox" name="accommodations[]" value="cottages" /&gt;</w:t>
            </w:r>
          </w:p>
          <w:p w:rsidR="00763958" w:rsidRDefault="00763958" w:rsidP="00763958">
            <w:r>
              <w:lastRenderedPageBreak/>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ungalows</w:t>
            </w:r>
          </w:p>
          <w:p w:rsidR="00763958" w:rsidRDefault="00763958" w:rsidP="00763958"/>
          <w:p w:rsidR="00763958" w:rsidRDefault="00763958" w:rsidP="00763958">
            <w:r>
              <w:t xml:space="preserve">                                                &lt;input type="checkbox" name="accommodations[]" value="bungalow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Town Homes</w:t>
            </w:r>
          </w:p>
          <w:p w:rsidR="00763958" w:rsidRDefault="00763958" w:rsidP="00763958"/>
          <w:p w:rsidR="00763958" w:rsidRDefault="00763958" w:rsidP="00763958">
            <w:r>
              <w:t xml:space="preserve">                                                &lt;input type="checkbox" name="accommodations[]" value="town_home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Condominium</w:t>
            </w:r>
          </w:p>
          <w:p w:rsidR="00763958" w:rsidRDefault="00763958" w:rsidP="00763958"/>
          <w:p w:rsidR="00763958" w:rsidRDefault="00763958" w:rsidP="00763958">
            <w:r>
              <w:t xml:space="preserve">                                                &lt;input type="checkbox" name="accommodations[]" value="condominiu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w:t>
            </w:r>
          </w:p>
          <w:p w:rsidR="00763958" w:rsidRDefault="00763958" w:rsidP="00763958">
            <w:r>
              <w:t xml:space="preserve">                                &lt;!---------------accomodation ends------------------&gt;</w:t>
            </w:r>
          </w:p>
          <w:p w:rsidR="00763958" w:rsidRDefault="00763958" w:rsidP="00763958"/>
          <w:p w:rsidR="00763958" w:rsidRDefault="00763958" w:rsidP="00763958">
            <w:r>
              <w:t>&lt;!---------------services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Rental" aria-expanded="false" data-toggle="collapse"</w:t>
            </w:r>
          </w:p>
          <w:p w:rsidR="00763958" w:rsidRDefault="00763958" w:rsidP="00763958">
            <w:r>
              <w:t xml:space="preserve">                                            href="#collapseRental" class="collapse-toggler collapsed"&gt;</w:t>
            </w:r>
          </w:p>
          <w:p w:rsidR="00763958" w:rsidRDefault="00763958" w:rsidP="00763958">
            <w:r>
              <w:t xml:space="preserve">                                            Services</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Rental"&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House Keeping</w:t>
            </w:r>
          </w:p>
          <w:p w:rsidR="00763958" w:rsidRDefault="00763958" w:rsidP="00763958"/>
          <w:p w:rsidR="00763958" w:rsidRDefault="00763958" w:rsidP="00763958">
            <w:r>
              <w:t xml:space="preserve">                                                &lt;input type="checkbox" name="rental_services[]" value="housekeep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lastRenderedPageBreak/>
              <w:t xml:space="preserve">                                        &lt;li&gt;</w:t>
            </w:r>
          </w:p>
          <w:p w:rsidR="00763958" w:rsidRDefault="00763958" w:rsidP="00763958">
            <w:r>
              <w:t xml:space="preserve">                                            &lt;label class="container_check"&gt;</w:t>
            </w:r>
          </w:p>
          <w:p w:rsidR="00763958" w:rsidRDefault="00763958" w:rsidP="00763958">
            <w:r>
              <w:t xml:space="preserve">                                                Transportation</w:t>
            </w:r>
          </w:p>
          <w:p w:rsidR="00763958" w:rsidRDefault="00763958" w:rsidP="00763958"/>
          <w:p w:rsidR="00763958" w:rsidRDefault="00763958" w:rsidP="00763958">
            <w:r>
              <w:t xml:space="preserve">                                                &lt;input type="checkbox" name="rental_services[]"</w:t>
            </w:r>
          </w:p>
          <w:p w:rsidR="00763958" w:rsidRDefault="00763958" w:rsidP="00763958">
            <w:r>
              <w:t xml:space="preserve">                                                    value="transportation"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Laundry</w:t>
            </w:r>
          </w:p>
          <w:p w:rsidR="00763958" w:rsidRDefault="00763958" w:rsidP="00763958"/>
          <w:p w:rsidR="00763958" w:rsidRDefault="00763958" w:rsidP="00763958">
            <w:r>
              <w:t xml:space="preserve">                                                &lt;input type="checkbox" name="rental_services[]" value="laundry"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Room Service</w:t>
            </w:r>
          </w:p>
          <w:p w:rsidR="00763958" w:rsidRDefault="00763958" w:rsidP="00763958"/>
          <w:p w:rsidR="00763958" w:rsidRDefault="00763958" w:rsidP="00763958">
            <w:r>
              <w:t xml:space="preserve">                                                &lt;input type="checkbox" name="rental_services[]" value="room_service"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w:t>
            </w:r>
          </w:p>
          <w:p w:rsidR="00763958" w:rsidRDefault="00763958" w:rsidP="00763958">
            <w:r>
              <w:t xml:space="preserve">                                &lt;!---------------services ends------------------&gt;</w:t>
            </w:r>
          </w:p>
          <w:p w:rsidR="00763958" w:rsidRDefault="00763958" w:rsidP="00763958"/>
          <w:p w:rsidR="00763958" w:rsidRDefault="00763958" w:rsidP="00763958">
            <w:r>
              <w:t xml:space="preserve">        &lt;!---------------meals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Meals" aria-expanded="false" data-toggle="collapse"</w:t>
            </w:r>
          </w:p>
          <w:p w:rsidR="00763958" w:rsidRDefault="00763958" w:rsidP="00763958">
            <w:r>
              <w:t xml:space="preserve">                                            href="#collapseMeals" class="collapse-toggler collapsed"&gt;</w:t>
            </w:r>
          </w:p>
          <w:p w:rsidR="00763958" w:rsidRDefault="00763958" w:rsidP="00763958">
            <w:r>
              <w:t xml:space="preserve">                                            Meals</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Meals"&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1 Meal</w:t>
            </w:r>
          </w:p>
          <w:p w:rsidR="00763958" w:rsidRDefault="00763958" w:rsidP="00763958">
            <w:r>
              <w:t xml:space="preserve">                                                &lt;div style="font-size: 11px;" class="text-muted"&gt;</w:t>
            </w:r>
          </w:p>
          <w:p w:rsidR="00763958" w:rsidRDefault="00763958" w:rsidP="00763958">
            <w:r>
              <w:t xml:space="preserve">                                                    Lunch or Dinner</w:t>
            </w:r>
          </w:p>
          <w:p w:rsidR="00763958" w:rsidRDefault="00763958" w:rsidP="00763958">
            <w:r>
              <w:t xml:space="preserve">                                                &lt;/div&gt;</w:t>
            </w:r>
          </w:p>
          <w:p w:rsidR="00763958" w:rsidRDefault="00763958" w:rsidP="00763958"/>
          <w:p w:rsidR="00763958" w:rsidRDefault="00763958" w:rsidP="00763958">
            <w:r>
              <w:t xml:space="preserve">                                                &lt;input type="checkbox" name="meals[]" value="one_meal_lunch_r_dinner" /&gt;</w:t>
            </w:r>
          </w:p>
          <w:p w:rsidR="00763958" w:rsidRDefault="00763958" w:rsidP="00763958">
            <w:r>
              <w:t xml:space="preserve">                                                &lt;span class="checkmark"&gt;&lt;/span&gt;</w:t>
            </w:r>
          </w:p>
          <w:p w:rsidR="00763958" w:rsidRDefault="00763958" w:rsidP="00763958">
            <w:r>
              <w:lastRenderedPageBreak/>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2 Meal</w:t>
            </w:r>
          </w:p>
          <w:p w:rsidR="00763958" w:rsidRDefault="00763958" w:rsidP="00763958">
            <w:r>
              <w:t xml:space="preserve">                                                &lt;div style="font-size: 11px;" class="text-muted"&gt;</w:t>
            </w:r>
          </w:p>
          <w:p w:rsidR="00763958" w:rsidRDefault="00763958" w:rsidP="00763958">
            <w:r>
              <w:t xml:space="preserve">                                                    Breakfast, Lunch or Dinner</w:t>
            </w:r>
          </w:p>
          <w:p w:rsidR="00763958" w:rsidRDefault="00763958" w:rsidP="00763958">
            <w:r>
              <w:t xml:space="preserve">                                                &lt;/div&gt;</w:t>
            </w:r>
          </w:p>
          <w:p w:rsidR="00763958" w:rsidRDefault="00763958" w:rsidP="00763958"/>
          <w:p w:rsidR="00763958" w:rsidRDefault="00763958" w:rsidP="00763958">
            <w:r>
              <w:t xml:space="preserve">                                                &lt;input type="checkbox" name="meals[]"</w:t>
            </w:r>
          </w:p>
          <w:p w:rsidR="00763958" w:rsidRDefault="00763958" w:rsidP="00763958">
            <w:r>
              <w:t xml:space="preserve">                                                    value="two_meal_breakfast_lunch_r_dinner"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3 Meal</w:t>
            </w:r>
          </w:p>
          <w:p w:rsidR="00763958" w:rsidRDefault="00763958" w:rsidP="00763958">
            <w:r>
              <w:t xml:space="preserve">                                                &lt;div style="font-size: 11px;" class="text-muted"&gt;</w:t>
            </w:r>
          </w:p>
          <w:p w:rsidR="00763958" w:rsidRDefault="00763958" w:rsidP="00763958">
            <w:r>
              <w:t xml:space="preserve">                                                    Breakfast, Lunch &amp;amp; Dinner</w:t>
            </w:r>
          </w:p>
          <w:p w:rsidR="00763958" w:rsidRDefault="00763958" w:rsidP="00763958">
            <w:r>
              <w:t xml:space="preserve">                                                &lt;/div&gt;</w:t>
            </w:r>
          </w:p>
          <w:p w:rsidR="00763958" w:rsidRDefault="00763958" w:rsidP="00763958"/>
          <w:p w:rsidR="00763958" w:rsidRDefault="00763958" w:rsidP="00763958">
            <w:r>
              <w:t xml:space="preserve">                                                &lt;input type="checkbox" name="meals[]"</w:t>
            </w:r>
          </w:p>
          <w:p w:rsidR="00763958" w:rsidRDefault="00763958" w:rsidP="00763958">
            <w:r>
              <w:t xml:space="preserve">                                                    value="three_meal_breakfast_Lunch_a_dinner"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w:t>
            </w:r>
          </w:p>
          <w:p w:rsidR="00763958" w:rsidRDefault="00763958" w:rsidP="00763958"/>
          <w:p w:rsidR="00763958" w:rsidRDefault="00763958" w:rsidP="00763958">
            <w:r>
              <w:t xml:space="preserve">                                &lt;!---------------Meal ends------------------&gt;</w:t>
            </w:r>
          </w:p>
          <w:p w:rsidR="00763958" w:rsidRDefault="00763958" w:rsidP="00763958"/>
          <w:p w:rsidR="00763958" w:rsidRDefault="00763958" w:rsidP="00763958">
            <w:r>
              <w:t xml:space="preserve">                                &lt;!---------------Diet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Diet" aria-expanded="false" data-toggle="collapse"</w:t>
            </w:r>
          </w:p>
          <w:p w:rsidR="00763958" w:rsidRDefault="00763958" w:rsidP="00763958">
            <w:r>
              <w:t xml:space="preserve">                                            href="#collapseDiet" class="collapse-toggler collapsed"&gt;</w:t>
            </w:r>
          </w:p>
          <w:p w:rsidR="00763958" w:rsidRDefault="00763958" w:rsidP="00763958">
            <w:r>
              <w:t xml:space="preserve">                                            Diet</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Diet"&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ugar Free / Diabetic</w:t>
            </w:r>
          </w:p>
          <w:p w:rsidR="00763958" w:rsidRDefault="00763958" w:rsidP="00763958"/>
          <w:p w:rsidR="00763958" w:rsidRDefault="00763958" w:rsidP="00763958">
            <w:r>
              <w:t xml:space="preserve">                                                &lt;input type="checkbox" name="diets[]" value="sugar_free_diabetic"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lastRenderedPageBreak/>
              <w:t xml:space="preserve">                                        &lt;li&gt;</w:t>
            </w:r>
          </w:p>
          <w:p w:rsidR="00763958" w:rsidRDefault="00763958" w:rsidP="00763958">
            <w:r>
              <w:t xml:space="preserve">                                            &lt;label class="container_check"&gt;</w:t>
            </w:r>
          </w:p>
          <w:p w:rsidR="00763958" w:rsidRDefault="00763958" w:rsidP="00763958">
            <w:r>
              <w:t xml:space="preserve">                                                Vegetarian</w:t>
            </w:r>
          </w:p>
          <w:p w:rsidR="00763958" w:rsidRDefault="00763958" w:rsidP="00763958"/>
          <w:p w:rsidR="00763958" w:rsidRDefault="00763958" w:rsidP="00763958">
            <w:r>
              <w:t xml:space="preserve">                                                &lt;input type="checkbox" name="diets[]" value="vegetarian"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Dairy Free</w:t>
            </w:r>
          </w:p>
          <w:p w:rsidR="00763958" w:rsidRDefault="00763958" w:rsidP="00763958"/>
          <w:p w:rsidR="00763958" w:rsidRDefault="00763958" w:rsidP="00763958">
            <w:r>
              <w:t xml:space="preserve">                                                &lt;input type="checkbox" name="diets[]" value="dairy_free"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Gluten Free</w:t>
            </w:r>
          </w:p>
          <w:p w:rsidR="00763958" w:rsidRDefault="00763958" w:rsidP="00763958"/>
          <w:p w:rsidR="00763958" w:rsidRDefault="00763958" w:rsidP="00763958">
            <w:r>
              <w:t xml:space="preserve">                                                &lt;input type="checkbox" name="diets[]" value="gluten_free"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Kosher</w:t>
            </w:r>
          </w:p>
          <w:p w:rsidR="00763958" w:rsidRDefault="00763958" w:rsidP="00763958"/>
          <w:p w:rsidR="00763958" w:rsidRDefault="00763958" w:rsidP="00763958">
            <w:r>
              <w:t xml:space="preserve">                                                &lt;input type="checkbox" name="diets[]" value="kosher"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w:t>
            </w:r>
          </w:p>
          <w:p w:rsidR="00763958" w:rsidRDefault="00763958" w:rsidP="00763958">
            <w:r>
              <w:t xml:space="preserve">                                &lt;!---------------diet ends------------------&gt;</w:t>
            </w:r>
          </w:p>
          <w:p w:rsidR="00763958" w:rsidRDefault="00763958" w:rsidP="00763958"/>
          <w:p w:rsidR="00763958" w:rsidRDefault="00763958" w:rsidP="00763958">
            <w:r>
              <w:t xml:space="preserve">        &lt;!---------------care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CareTypes" aria-expanded="false"</w:t>
            </w:r>
          </w:p>
          <w:p w:rsidR="00763958" w:rsidRDefault="00763958" w:rsidP="00763958">
            <w:r>
              <w:t xml:space="preserve">                                            data-toggle="collapse" href="#collapseCareTypes"</w:t>
            </w:r>
          </w:p>
          <w:p w:rsidR="00763958" w:rsidRDefault="00763958" w:rsidP="00763958">
            <w:r>
              <w:t xml:space="preserve">                                            class="collapse-toggler collapsed"&gt;</w:t>
            </w:r>
          </w:p>
          <w:p w:rsidR="00763958" w:rsidRDefault="00763958" w:rsidP="00763958">
            <w:r>
              <w:t xml:space="preserve">                                            Care</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CareTypes"&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lastRenderedPageBreak/>
              <w:t xml:space="preserve">                                                Bathing</w:t>
            </w:r>
          </w:p>
          <w:p w:rsidR="00763958" w:rsidRDefault="00763958" w:rsidP="00763958"/>
          <w:p w:rsidR="00763958" w:rsidRDefault="00763958" w:rsidP="00763958">
            <w:r>
              <w:t xml:space="preserve">                                                &lt;input type="checkbox" name="cares[]" value="bath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Dressing</w:t>
            </w:r>
          </w:p>
          <w:p w:rsidR="00763958" w:rsidRDefault="00763958" w:rsidP="00763958"/>
          <w:p w:rsidR="00763958" w:rsidRDefault="00763958" w:rsidP="00763958">
            <w:r>
              <w:t xml:space="preserve">                                                &lt;input type="checkbox" name="cares[]" value="dress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Grooming</w:t>
            </w:r>
          </w:p>
          <w:p w:rsidR="00763958" w:rsidRDefault="00763958" w:rsidP="00763958"/>
          <w:p w:rsidR="00763958" w:rsidRDefault="00763958" w:rsidP="00763958">
            <w:r>
              <w:t xml:space="preserve">                                                &lt;input type="checkbox" name="cares[]" value="groom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Medication Management</w:t>
            </w:r>
          </w:p>
          <w:p w:rsidR="00763958" w:rsidRDefault="00763958" w:rsidP="00763958"/>
          <w:p w:rsidR="00763958" w:rsidRDefault="00763958" w:rsidP="00763958">
            <w:r>
              <w:t xml:space="preserve">                                                &lt;input type="checkbox" name="cares[]" value="Medication Managemen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Toileting</w:t>
            </w:r>
          </w:p>
          <w:p w:rsidR="00763958" w:rsidRDefault="00763958" w:rsidP="00763958"/>
          <w:p w:rsidR="00763958" w:rsidRDefault="00763958" w:rsidP="00763958">
            <w:r>
              <w:t xml:space="preserve">                                                &lt;input type="checkbox" name="cares[]" value="Toilet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Escorting</w:t>
            </w:r>
          </w:p>
          <w:p w:rsidR="00763958" w:rsidRDefault="00763958" w:rsidP="00763958"/>
          <w:p w:rsidR="00763958" w:rsidRDefault="00763958" w:rsidP="00763958">
            <w:r>
              <w:t xml:space="preserve">                                                &lt;input type="checkbox" name="cares[]" value="escort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lastRenderedPageBreak/>
              <w:t xml:space="preserve">                                                Feeding</w:t>
            </w:r>
          </w:p>
          <w:p w:rsidR="00763958" w:rsidRDefault="00763958" w:rsidP="00763958"/>
          <w:p w:rsidR="00763958" w:rsidRDefault="00763958" w:rsidP="00763958">
            <w:r>
              <w:t xml:space="preserve">                                                &lt;input type="checkbox" name="cares[]" value="feed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Hoyer Lift</w:t>
            </w:r>
          </w:p>
          <w:p w:rsidR="00763958" w:rsidRDefault="00763958" w:rsidP="00763958"/>
          <w:p w:rsidR="00763958" w:rsidRDefault="00763958" w:rsidP="00763958">
            <w:r>
              <w:t xml:space="preserve">                                                &lt;input type="checkbox" name="cares[]" value="hoyer_lif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Insulin Injection Assistance</w:t>
            </w:r>
          </w:p>
          <w:p w:rsidR="00763958" w:rsidRDefault="00763958" w:rsidP="00763958"/>
          <w:p w:rsidR="00763958" w:rsidRDefault="00763958" w:rsidP="00763958">
            <w:r>
              <w:t xml:space="preserve">                                                &lt;input type="checkbox" name="cares[]"</w:t>
            </w:r>
          </w:p>
          <w:p w:rsidR="00763958" w:rsidRDefault="00763958" w:rsidP="00763958">
            <w:r>
              <w:t xml:space="preserve">                                                    value="insulin_injection_assistance"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Catheter Assistance</w:t>
            </w:r>
          </w:p>
          <w:p w:rsidR="00763958" w:rsidRDefault="00763958" w:rsidP="00763958"/>
          <w:p w:rsidR="00763958" w:rsidRDefault="00763958" w:rsidP="00763958">
            <w:r>
              <w:t xml:space="preserve">                                                &lt;input type="checkbox" name="cares[]" value="catheter_assistance"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Visiting Podiatrist</w:t>
            </w:r>
          </w:p>
          <w:p w:rsidR="00763958" w:rsidRDefault="00763958" w:rsidP="00763958"/>
          <w:p w:rsidR="00763958" w:rsidRDefault="00763958" w:rsidP="00763958">
            <w:r>
              <w:t xml:space="preserve">                                                &lt;input type="checkbox" name="cares[]" value="visiting_podiatris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Visiting Primary Physician</w:t>
            </w:r>
          </w:p>
          <w:p w:rsidR="00763958" w:rsidRDefault="00763958" w:rsidP="00763958"/>
          <w:p w:rsidR="00763958" w:rsidRDefault="00763958" w:rsidP="00763958">
            <w:r>
              <w:t xml:space="preserve">                                                &lt;input type="checkbox" name="cares[]"</w:t>
            </w:r>
          </w:p>
          <w:p w:rsidR="00763958" w:rsidRDefault="00763958" w:rsidP="00763958">
            <w:r>
              <w:t xml:space="preserve">                                                    value="visiting_primary_physician"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lastRenderedPageBreak/>
              <w:t xml:space="preserve">                                        &lt;li&gt;</w:t>
            </w:r>
          </w:p>
          <w:p w:rsidR="00763958" w:rsidRDefault="00763958" w:rsidP="00763958">
            <w:r>
              <w:t xml:space="preserve">                                            &lt;label class="container_check"&gt;</w:t>
            </w:r>
          </w:p>
          <w:p w:rsidR="00763958" w:rsidRDefault="00763958" w:rsidP="00763958">
            <w:r>
              <w:t xml:space="preserve">                                                Visiting Nurse Practitioner</w:t>
            </w:r>
          </w:p>
          <w:p w:rsidR="00763958" w:rsidRDefault="00763958" w:rsidP="00763958"/>
          <w:p w:rsidR="00763958" w:rsidRDefault="00763958" w:rsidP="00763958">
            <w:r>
              <w:t xml:space="preserve">                                                &lt;input type="checkbox" name="cares[]"</w:t>
            </w:r>
          </w:p>
          <w:p w:rsidR="00763958" w:rsidRDefault="00763958" w:rsidP="00763958">
            <w:r>
              <w:t xml:space="preserve">                                                    value="visiting_nurse_practioner"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Visiting Physical Therapist</w:t>
            </w:r>
          </w:p>
          <w:p w:rsidR="00763958" w:rsidRDefault="00763958" w:rsidP="00763958"/>
          <w:p w:rsidR="00763958" w:rsidRDefault="00763958" w:rsidP="00763958">
            <w:r>
              <w:t xml:space="preserve">                                                &lt;input type="checkbox" name="cares[]"</w:t>
            </w:r>
          </w:p>
          <w:p w:rsidR="00763958" w:rsidRDefault="00763958" w:rsidP="00763958">
            <w:r>
              <w:t xml:space="preserve">                                                    value="visiting_physical_therapis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w:t>
            </w:r>
          </w:p>
          <w:p w:rsidR="00763958" w:rsidRDefault="00763958" w:rsidP="00763958">
            <w:r>
              <w:t xml:space="preserve">                                &lt;!---------------Care ends------------------&gt;</w:t>
            </w:r>
          </w:p>
          <w:p w:rsidR="00763958" w:rsidRDefault="00763958" w:rsidP="00763958"/>
          <w:p w:rsidR="00763958" w:rsidRDefault="00763958" w:rsidP="00763958">
            <w:r>
              <w:t xml:space="preserve">                                &lt;!---------------amentites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Amenities" aria-expanded="false"</w:t>
            </w:r>
          </w:p>
          <w:p w:rsidR="00763958" w:rsidRDefault="00763958" w:rsidP="00763958">
            <w:r>
              <w:t xml:space="preserve">                                            data-toggle="collapse" href="#collapseAmenities"</w:t>
            </w:r>
          </w:p>
          <w:p w:rsidR="00763958" w:rsidRDefault="00763958" w:rsidP="00763958">
            <w:r>
              <w:t xml:space="preserve">                                            class="collapse-toggler collapsed"&gt;</w:t>
            </w:r>
          </w:p>
          <w:p w:rsidR="00763958" w:rsidRDefault="00763958" w:rsidP="00763958">
            <w:r>
              <w:t xml:space="preserve">                                            Amenities</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Amenities"&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Dining room for Guest</w:t>
            </w:r>
          </w:p>
          <w:p w:rsidR="00763958" w:rsidRDefault="00763958" w:rsidP="00763958"/>
          <w:p w:rsidR="00763958" w:rsidRDefault="00763958" w:rsidP="00763958">
            <w:r>
              <w:t xml:space="preserve">                                                &lt;input type="checkbox" name="amenities[]"</w:t>
            </w:r>
          </w:p>
          <w:p w:rsidR="00763958" w:rsidRDefault="00763958" w:rsidP="00763958">
            <w:r>
              <w:t xml:space="preserve">                                                    value="dining_room_for_gues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Lounge - Common Areas</w:t>
            </w:r>
          </w:p>
          <w:p w:rsidR="00763958" w:rsidRDefault="00763958" w:rsidP="00763958"/>
          <w:p w:rsidR="00763958" w:rsidRDefault="00763958" w:rsidP="00763958">
            <w:r>
              <w:t xml:space="preserve">                                                &lt;input type="checkbox" name="amenities[]" value="lounge_common_areas" /&gt;</w:t>
            </w:r>
          </w:p>
          <w:p w:rsidR="00763958" w:rsidRDefault="00763958" w:rsidP="00763958">
            <w:r>
              <w:t xml:space="preserve">                                                &lt;span class="checkmark"&gt;&lt;/span&gt;</w:t>
            </w:r>
          </w:p>
          <w:p w:rsidR="00763958" w:rsidRDefault="00763958" w:rsidP="00763958">
            <w:r>
              <w:lastRenderedPageBreak/>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eauty Salon / Barber Shop</w:t>
            </w:r>
          </w:p>
          <w:p w:rsidR="00763958" w:rsidRDefault="00763958" w:rsidP="00763958"/>
          <w:p w:rsidR="00763958" w:rsidRDefault="00763958" w:rsidP="00763958">
            <w:r>
              <w:t xml:space="preserve">                                                &lt;input type="checkbox" name="amenities[]"</w:t>
            </w:r>
          </w:p>
          <w:p w:rsidR="00763958" w:rsidRDefault="00763958" w:rsidP="00763958">
            <w:r>
              <w:t xml:space="preserve">                                                    value="beauty_salon_barber_shop"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Theater Room</w:t>
            </w:r>
          </w:p>
          <w:p w:rsidR="00763958" w:rsidRDefault="00763958" w:rsidP="00763958"/>
          <w:p w:rsidR="00763958" w:rsidRDefault="00763958" w:rsidP="00763958">
            <w:r>
              <w:t xml:space="preserve">                                                &lt;input type="checkbox" name="amenities[]" value="theater_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Exercise Room</w:t>
            </w:r>
          </w:p>
          <w:p w:rsidR="00763958" w:rsidRDefault="00763958" w:rsidP="00763958"/>
          <w:p w:rsidR="00763958" w:rsidRDefault="00763958" w:rsidP="00763958">
            <w:r>
              <w:t xml:space="preserve">                                                &lt;input type="checkbox" name="amenities[]" value="exercise_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hysical Therapy</w:t>
            </w:r>
          </w:p>
          <w:p w:rsidR="00763958" w:rsidRDefault="00763958" w:rsidP="00763958"/>
          <w:p w:rsidR="00763958" w:rsidRDefault="00763958" w:rsidP="00763958">
            <w:r>
              <w:t xml:space="preserve">                                                &lt;input type="checkbox" name="amenities[]" value="physical_therapy"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Library</w:t>
            </w:r>
          </w:p>
          <w:p w:rsidR="00763958" w:rsidRDefault="00763958" w:rsidP="00763958"/>
          <w:p w:rsidR="00763958" w:rsidRDefault="00763958" w:rsidP="00763958">
            <w:r>
              <w:t xml:space="preserve">                                                &lt;input type="checkbox" name="amenities[]" value="library"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ool</w:t>
            </w:r>
          </w:p>
          <w:p w:rsidR="00763958" w:rsidRDefault="00763958" w:rsidP="00763958"/>
          <w:p w:rsidR="00763958" w:rsidRDefault="00763958" w:rsidP="00763958">
            <w:r>
              <w:t xml:space="preserve">                                                &lt;input type="checkbox" name="amenities[]" value="pool" /&gt;</w:t>
            </w:r>
          </w:p>
          <w:p w:rsidR="00763958" w:rsidRDefault="00763958" w:rsidP="00763958">
            <w:r>
              <w:lastRenderedPageBreak/>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utting Green</w:t>
            </w:r>
          </w:p>
          <w:p w:rsidR="00763958" w:rsidRDefault="00763958" w:rsidP="00763958"/>
          <w:p w:rsidR="00763958" w:rsidRDefault="00763958" w:rsidP="00763958">
            <w:r>
              <w:t xml:space="preserve">                                                &lt;input type="checkbox" name="amenities[]" value="putting_green"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Golf Course</w:t>
            </w:r>
          </w:p>
          <w:p w:rsidR="00763958" w:rsidRDefault="00763958" w:rsidP="00763958"/>
          <w:p w:rsidR="00763958" w:rsidRDefault="00763958" w:rsidP="00763958">
            <w:r>
              <w:t xml:space="preserve">                                                &lt;input type="checkbox" name="amenities[]" value="100009"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icnic Areas</w:t>
            </w:r>
          </w:p>
          <w:p w:rsidR="00763958" w:rsidRDefault="00763958" w:rsidP="00763958"/>
          <w:p w:rsidR="00763958" w:rsidRDefault="00763958" w:rsidP="00763958">
            <w:r>
              <w:t xml:space="preserve">                                                &lt;input type="checkbox" name="amenities[]" value="100010"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arbecues</w:t>
            </w:r>
          </w:p>
          <w:p w:rsidR="00763958" w:rsidRDefault="00763958" w:rsidP="00763958"/>
          <w:p w:rsidR="00763958" w:rsidRDefault="00763958" w:rsidP="00763958">
            <w:r>
              <w:t xml:space="preserve">                                                &lt;input type="checkbox" name="amenities[]" value="barbecue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istro</w:t>
            </w:r>
          </w:p>
          <w:p w:rsidR="00763958" w:rsidRDefault="00763958" w:rsidP="00763958"/>
          <w:p w:rsidR="00763958" w:rsidRDefault="00763958" w:rsidP="00763958">
            <w:r>
              <w:t xml:space="preserve">                                                &lt;input type="checkbox" name="amenities[]" value="bistro"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izza Grotto</w:t>
            </w:r>
          </w:p>
          <w:p w:rsidR="00763958" w:rsidRDefault="00763958" w:rsidP="00763958"/>
          <w:p w:rsidR="00763958" w:rsidRDefault="00763958" w:rsidP="00763958">
            <w:r>
              <w:t xml:space="preserve">                                                &lt;input type="checkbox" name="amenities[]" value="pizza_grotto" /&gt;</w:t>
            </w:r>
          </w:p>
          <w:p w:rsidR="00763958" w:rsidRDefault="00763958" w:rsidP="00763958">
            <w:r>
              <w:lastRenderedPageBreak/>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ar</w:t>
            </w:r>
          </w:p>
          <w:p w:rsidR="00763958" w:rsidRDefault="00763958" w:rsidP="00763958"/>
          <w:p w:rsidR="00763958" w:rsidRDefault="00763958" w:rsidP="00763958">
            <w:r>
              <w:t xml:space="preserve">                                                &lt;input type="checkbox" name="amenities[]" value="bar"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Restaurants</w:t>
            </w:r>
          </w:p>
          <w:p w:rsidR="00763958" w:rsidRDefault="00763958" w:rsidP="00763958"/>
          <w:p w:rsidR="00763958" w:rsidRDefault="00763958" w:rsidP="00763958">
            <w:r>
              <w:t xml:space="preserve">                                                &lt;input type="checkbox" name="amenities[]" value="restaurant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Recreation Room</w:t>
            </w:r>
          </w:p>
          <w:p w:rsidR="00763958" w:rsidRDefault="00763958" w:rsidP="00763958"/>
          <w:p w:rsidR="00763958" w:rsidRDefault="00763958" w:rsidP="00763958">
            <w:r>
              <w:t xml:space="preserve">                                                &lt;input type="checkbox" name="amenities[]" value="recreation_roo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Jacuzzi</w:t>
            </w:r>
          </w:p>
          <w:p w:rsidR="00763958" w:rsidRDefault="00763958" w:rsidP="00763958"/>
          <w:p w:rsidR="00763958" w:rsidRDefault="00763958" w:rsidP="00763958">
            <w:r>
              <w:t xml:space="preserve">                                                &lt;input type="checkbox" name="amenities[]" value="jacuzzi"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auna</w:t>
            </w:r>
          </w:p>
          <w:p w:rsidR="00763958" w:rsidRDefault="00763958" w:rsidP="00763958"/>
          <w:p w:rsidR="00763958" w:rsidRDefault="00763958" w:rsidP="00763958">
            <w:r>
              <w:t xml:space="preserve">                                                &lt;input type="checkbox" name="amenities[]" value="sauna"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w:t>
            </w:r>
          </w:p>
          <w:p w:rsidR="00763958" w:rsidRDefault="00763958" w:rsidP="00763958">
            <w:r>
              <w:t xml:space="preserve">                                &lt;!---------------amenities ends------------------&gt;</w:t>
            </w:r>
          </w:p>
          <w:p w:rsidR="00763958" w:rsidRDefault="00763958" w:rsidP="00763958"/>
          <w:p w:rsidR="00763958" w:rsidRDefault="00763958" w:rsidP="00763958">
            <w:r>
              <w:t xml:space="preserve">                                &lt;!---------------Entertainments Starts------------------&gt;</w:t>
            </w:r>
          </w:p>
          <w:p w:rsidR="00763958" w:rsidRDefault="00763958" w:rsidP="00763958">
            <w:r>
              <w:lastRenderedPageBreak/>
              <w:t xml:space="preserve">                                &lt;div class="filter_type"&gt;</w:t>
            </w:r>
          </w:p>
          <w:p w:rsidR="00763958" w:rsidRDefault="00763958" w:rsidP="00763958">
            <w:r>
              <w:t xml:space="preserve">                                    &lt;h6&gt;</w:t>
            </w:r>
          </w:p>
          <w:p w:rsidR="00763958" w:rsidRDefault="00763958" w:rsidP="00763958">
            <w:r>
              <w:t xml:space="preserve">                                        &lt;a aria-controls="collapseEntertainments" aria-expanded="false"</w:t>
            </w:r>
          </w:p>
          <w:p w:rsidR="00763958" w:rsidRDefault="00763958" w:rsidP="00763958">
            <w:r>
              <w:t xml:space="preserve">                                            data-toggle="collapse" href="#collapseEntertainments"</w:t>
            </w:r>
          </w:p>
          <w:p w:rsidR="00763958" w:rsidRDefault="00763958" w:rsidP="00763958">
            <w:r>
              <w:t xml:space="preserve">                                            class="collapse-toggler collapsed"&gt;</w:t>
            </w:r>
          </w:p>
          <w:p w:rsidR="00763958" w:rsidRDefault="00763958" w:rsidP="00763958">
            <w:r>
              <w:t xml:space="preserve">                                            Entertainment</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Entertainments"&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Arts &amp;amp; Crafts</w:t>
            </w:r>
          </w:p>
          <w:p w:rsidR="00763958" w:rsidRDefault="00763958" w:rsidP="00763958"/>
          <w:p w:rsidR="00763958" w:rsidRDefault="00763958" w:rsidP="00763958">
            <w:r>
              <w:t xml:space="preserve">                                                &lt;input type="checkbox" name="entertainments[]" value="arts_craft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Field Trips</w:t>
            </w:r>
          </w:p>
          <w:p w:rsidR="00763958" w:rsidRDefault="00763958" w:rsidP="00763958"/>
          <w:p w:rsidR="00763958" w:rsidRDefault="00763958" w:rsidP="00763958">
            <w:r>
              <w:t xml:space="preserve">                                                &lt;input type="checkbox" name="entertainments[]" value="field_trip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Movie Nights</w:t>
            </w:r>
          </w:p>
          <w:p w:rsidR="00763958" w:rsidRDefault="00763958" w:rsidP="00763958"/>
          <w:p w:rsidR="00763958" w:rsidRDefault="00763958" w:rsidP="00763958">
            <w:r>
              <w:t xml:space="preserve">                                                &lt;input type="checkbox" name="entertainments[]" value="movie_night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Live Entertainment</w:t>
            </w:r>
          </w:p>
          <w:p w:rsidR="00763958" w:rsidRDefault="00763958" w:rsidP="00763958"/>
          <w:p w:rsidR="00763958" w:rsidRDefault="00763958" w:rsidP="00763958">
            <w:r>
              <w:t xml:space="preserve">                                                &lt;input type="checkbox" name="entertainments[]"</w:t>
            </w:r>
          </w:p>
          <w:p w:rsidR="00763958" w:rsidRDefault="00763958" w:rsidP="00763958">
            <w:r>
              <w:t xml:space="preserve">                                                    value="live_entertainmen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ingo</w:t>
            </w:r>
          </w:p>
          <w:p w:rsidR="00763958" w:rsidRDefault="00763958" w:rsidP="00763958"/>
          <w:p w:rsidR="00763958" w:rsidRDefault="00763958" w:rsidP="00763958">
            <w:r>
              <w:t xml:space="preserve">                                                &lt;input type="checkbox" name="entertainments[]" value="bingo" /&gt;</w:t>
            </w:r>
          </w:p>
          <w:p w:rsidR="00763958" w:rsidRDefault="00763958" w:rsidP="00763958">
            <w:r>
              <w:t xml:space="preserve">                                                &lt;span class="checkmark"&gt;&lt;/span&gt;</w:t>
            </w:r>
          </w:p>
          <w:p w:rsidR="00763958" w:rsidRDefault="00763958" w:rsidP="00763958">
            <w:r>
              <w:lastRenderedPageBreak/>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ocial &amp;amp; Hobby Clubs</w:t>
            </w:r>
          </w:p>
          <w:p w:rsidR="00763958" w:rsidRDefault="00763958" w:rsidP="00763958"/>
          <w:p w:rsidR="00763958" w:rsidRDefault="00763958" w:rsidP="00763958">
            <w:r>
              <w:t xml:space="preserve">                                                &lt;input type="checkbox" name="entertainments[]" value="100005"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Classes for Learning</w:t>
            </w:r>
          </w:p>
          <w:p w:rsidR="00763958" w:rsidRDefault="00763958" w:rsidP="00763958"/>
          <w:p w:rsidR="00763958" w:rsidRDefault="00763958" w:rsidP="00763958">
            <w:r>
              <w:t xml:space="preserve">                                                &lt;input type="checkbox" name="entertainments[]"</w:t>
            </w:r>
          </w:p>
          <w:p w:rsidR="00763958" w:rsidRDefault="00763958" w:rsidP="00763958">
            <w:r>
              <w:t xml:space="preserve">                                                    value="classes_for_learn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Holiday Celebrations</w:t>
            </w:r>
          </w:p>
          <w:p w:rsidR="00763958" w:rsidRDefault="00763958" w:rsidP="00763958"/>
          <w:p w:rsidR="00763958" w:rsidRDefault="00763958" w:rsidP="00763958">
            <w:r>
              <w:t xml:space="preserve">                                                &lt;input type="checkbox" name="entertainments[]"</w:t>
            </w:r>
          </w:p>
          <w:p w:rsidR="00763958" w:rsidRDefault="00763958" w:rsidP="00763958">
            <w:r>
              <w:t xml:space="preserve">                                                    value="holiday_celebration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Resident Council / Caucus</w:t>
            </w:r>
          </w:p>
          <w:p w:rsidR="00763958" w:rsidRDefault="00763958" w:rsidP="00763958"/>
          <w:p w:rsidR="00763958" w:rsidRDefault="00763958" w:rsidP="00763958">
            <w:r>
              <w:t xml:space="preserve">                                                &lt;input type="checkbox" name="entertainments[]"</w:t>
            </w:r>
          </w:p>
          <w:p w:rsidR="00763958" w:rsidRDefault="00763958" w:rsidP="00763958">
            <w:r>
              <w:t xml:space="preserve">                                                    value="resident_council_caucu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huffleboard</w:t>
            </w:r>
          </w:p>
          <w:p w:rsidR="00763958" w:rsidRDefault="00763958" w:rsidP="00763958"/>
          <w:p w:rsidR="00763958" w:rsidRDefault="00763958" w:rsidP="00763958">
            <w:r>
              <w:t xml:space="preserve">                                                &lt;input type="checkbox" name="entertainments[]" value="shuffleboard"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occe Ball</w:t>
            </w:r>
          </w:p>
          <w:p w:rsidR="00763958" w:rsidRDefault="00763958" w:rsidP="00763958"/>
          <w:p w:rsidR="00763958" w:rsidRDefault="00763958" w:rsidP="00763958">
            <w:r>
              <w:t xml:space="preserve">                                                &lt;input type="checkbox" name="entertainments[]" value="bocce_ball"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Tennis Courts</w:t>
            </w:r>
          </w:p>
          <w:p w:rsidR="00763958" w:rsidRDefault="00763958" w:rsidP="00763958"/>
          <w:p w:rsidR="00763958" w:rsidRDefault="00763958" w:rsidP="00763958">
            <w:r>
              <w:t xml:space="preserve">                                                &lt;input type="checkbox" name="entertainments[]" value="tennis_court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ickle Ball</w:t>
            </w:r>
          </w:p>
          <w:p w:rsidR="00763958" w:rsidRDefault="00763958" w:rsidP="00763958"/>
          <w:p w:rsidR="00763958" w:rsidRDefault="00763958" w:rsidP="00763958">
            <w:r>
              <w:t xml:space="preserve">                                                &lt;input type="checkbox" name="entertainments[]" value="pickle_ball"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Ping Pong</w:t>
            </w:r>
          </w:p>
          <w:p w:rsidR="00763958" w:rsidRDefault="00763958" w:rsidP="00763958"/>
          <w:p w:rsidR="00763958" w:rsidRDefault="00763958" w:rsidP="00763958">
            <w:r>
              <w:t xml:space="preserve">                                                &lt;input type="checkbox" name="entertainments[]" value="ping_po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w:t>
            </w:r>
          </w:p>
          <w:p w:rsidR="00763958" w:rsidRDefault="00763958" w:rsidP="00763958">
            <w:r>
              <w:t xml:space="preserve">                                &lt;!---------------Entertainment ends------------------&gt;</w:t>
            </w:r>
          </w:p>
          <w:p w:rsidR="00763958" w:rsidRDefault="00763958" w:rsidP="00763958"/>
          <w:p w:rsidR="00763958" w:rsidRDefault="00763958" w:rsidP="00763958">
            <w:r>
              <w:t xml:space="preserve">                                &lt;!---------------religion Starts------------------&gt;</w:t>
            </w:r>
          </w:p>
          <w:p w:rsidR="00763958" w:rsidRDefault="00763958" w:rsidP="00763958">
            <w:r>
              <w:t xml:space="preserve">                                &lt;div class="filter_type"&gt;</w:t>
            </w:r>
          </w:p>
          <w:p w:rsidR="00763958" w:rsidRDefault="00763958" w:rsidP="00763958">
            <w:r>
              <w:t xml:space="preserve">                                    &lt;h6&gt;</w:t>
            </w:r>
          </w:p>
          <w:p w:rsidR="00763958" w:rsidRDefault="00763958" w:rsidP="00763958">
            <w:r>
              <w:t xml:space="preserve">                                        &lt;a aria-controls="collapseReligions" aria-expanded="false"</w:t>
            </w:r>
          </w:p>
          <w:p w:rsidR="00763958" w:rsidRDefault="00763958" w:rsidP="00763958">
            <w:r>
              <w:t xml:space="preserve">                                            data-toggle="collapse" href="#collapseReligions"</w:t>
            </w:r>
          </w:p>
          <w:p w:rsidR="00763958" w:rsidRDefault="00763958" w:rsidP="00763958">
            <w:r>
              <w:t xml:space="preserve">                                            class="collapse-toggler collapsed"&gt;</w:t>
            </w:r>
          </w:p>
          <w:p w:rsidR="00763958" w:rsidRDefault="00763958" w:rsidP="00763958">
            <w:r>
              <w:t xml:space="preserve">                                            Religious Services</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Religions"&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Christian</w:t>
            </w:r>
          </w:p>
          <w:p w:rsidR="00763958" w:rsidRDefault="00763958" w:rsidP="00763958"/>
          <w:p w:rsidR="00763958" w:rsidRDefault="00763958" w:rsidP="00763958">
            <w:r>
              <w:t xml:space="preserve">                                                &lt;input type="checkbox" name="religions[]" value="christian" /&gt;</w:t>
            </w:r>
          </w:p>
          <w:p w:rsidR="00763958" w:rsidRDefault="00763958" w:rsidP="00763958">
            <w:r>
              <w:lastRenderedPageBreak/>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Catholic</w:t>
            </w:r>
          </w:p>
          <w:p w:rsidR="00763958" w:rsidRDefault="00763958" w:rsidP="00763958"/>
          <w:p w:rsidR="00763958" w:rsidRDefault="00763958" w:rsidP="00763958">
            <w:r>
              <w:t xml:space="preserve">                                                &lt;input type="checkbox" name="religions[]" value="catholic"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Jewish</w:t>
            </w:r>
          </w:p>
          <w:p w:rsidR="00763958" w:rsidRDefault="00763958" w:rsidP="00763958"/>
          <w:p w:rsidR="00763958" w:rsidRDefault="00763958" w:rsidP="00763958">
            <w:r>
              <w:t xml:space="preserve">                                                &lt;input type="checkbox" name="religions[]" value="jewish"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Muslim</w:t>
            </w:r>
          </w:p>
          <w:p w:rsidR="00763958" w:rsidRDefault="00763958" w:rsidP="00763958"/>
          <w:p w:rsidR="00763958" w:rsidRDefault="00763958" w:rsidP="00763958">
            <w:r>
              <w:t xml:space="preserve">                                                &lt;input type="checkbox" name="religions[]" value="muslim"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Buddhist</w:t>
            </w:r>
          </w:p>
          <w:p w:rsidR="00763958" w:rsidRDefault="00763958" w:rsidP="00763958"/>
          <w:p w:rsidR="00763958" w:rsidRDefault="00763958" w:rsidP="00763958">
            <w:r>
              <w:t xml:space="preserve">                                                &lt;input type="checkbox" name="religions[]" value="buddhis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Hindu</w:t>
            </w:r>
          </w:p>
          <w:p w:rsidR="00763958" w:rsidRDefault="00763958" w:rsidP="00763958"/>
          <w:p w:rsidR="00763958" w:rsidRDefault="00763958" w:rsidP="00763958">
            <w:r>
              <w:t xml:space="preserve">                                                &lt;input type="checkbox" name="religions[]" value="hindu"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ul&gt;</w:t>
            </w:r>
          </w:p>
          <w:p w:rsidR="00763958" w:rsidRDefault="00763958" w:rsidP="00763958">
            <w:r>
              <w:t xml:space="preserve">                                &lt;/div&gt;</w:t>
            </w:r>
          </w:p>
          <w:p w:rsidR="00763958" w:rsidRDefault="00763958" w:rsidP="00763958">
            <w:r>
              <w:t xml:space="preserve">                                &lt;!---------------religion ends------------------&gt;</w:t>
            </w:r>
          </w:p>
          <w:p w:rsidR="00763958" w:rsidRDefault="00763958" w:rsidP="00763958">
            <w:r>
              <w:t xml:space="preserve">                                </w:t>
            </w:r>
          </w:p>
          <w:p w:rsidR="00763958" w:rsidRDefault="00763958" w:rsidP="00763958">
            <w:r>
              <w:t xml:space="preserve">                                &lt;!---------------feature Starts------------------&gt;</w:t>
            </w:r>
          </w:p>
          <w:p w:rsidR="00763958" w:rsidRDefault="00763958" w:rsidP="00763958">
            <w:r>
              <w:lastRenderedPageBreak/>
              <w:t xml:space="preserve">                                &lt;div class="filter_type"&gt;</w:t>
            </w:r>
          </w:p>
          <w:p w:rsidR="00763958" w:rsidRDefault="00763958" w:rsidP="00763958">
            <w:r>
              <w:t xml:space="preserve">                                    &lt;h6&gt;</w:t>
            </w:r>
          </w:p>
          <w:p w:rsidR="00763958" w:rsidRDefault="00763958" w:rsidP="00763958">
            <w:r>
              <w:t xml:space="preserve">                                        &lt;a aria-controls="collapseFeatures" aria-expanded="false"</w:t>
            </w:r>
          </w:p>
          <w:p w:rsidR="00763958" w:rsidRDefault="00763958" w:rsidP="00763958">
            <w:r>
              <w:t xml:space="preserve">                                            data-toggle="collapse" href="#collapseFeatures"</w:t>
            </w:r>
          </w:p>
          <w:p w:rsidR="00763958" w:rsidRDefault="00763958" w:rsidP="00763958">
            <w:r>
              <w:t xml:space="preserve">                                            class="collapse-toggler collapsed"&gt;</w:t>
            </w:r>
          </w:p>
          <w:p w:rsidR="00763958" w:rsidRDefault="00763958" w:rsidP="00763958">
            <w:r>
              <w:t xml:space="preserve">                                            Features</w:t>
            </w:r>
          </w:p>
          <w:p w:rsidR="00763958" w:rsidRDefault="00763958" w:rsidP="00763958">
            <w:r>
              <w:t xml:space="preserve">                                        &lt;/a&gt;</w:t>
            </w:r>
          </w:p>
          <w:p w:rsidR="00763958" w:rsidRDefault="00763958" w:rsidP="00763958">
            <w:r>
              <w:t xml:space="preserve">                                    &lt;/h6&gt;</w:t>
            </w:r>
          </w:p>
          <w:p w:rsidR="00763958" w:rsidRDefault="00763958" w:rsidP="00763958">
            <w:r>
              <w:t xml:space="preserve">                                    &lt;ul class="collapse" id="collapseFeatures"&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Electric Wheelchair</w:t>
            </w:r>
          </w:p>
          <w:p w:rsidR="00763958" w:rsidRDefault="00763958" w:rsidP="00763958"/>
          <w:p w:rsidR="00763958" w:rsidRDefault="00763958" w:rsidP="00763958">
            <w:r>
              <w:t xml:space="preserve">                                                &lt;input type="checkbox" name="features[]" value="electric_wheelchair"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1 Bird</w:t>
            </w:r>
          </w:p>
          <w:p w:rsidR="00763958" w:rsidRDefault="00763958" w:rsidP="00763958"/>
          <w:p w:rsidR="00763958" w:rsidRDefault="00763958" w:rsidP="00763958">
            <w:r>
              <w:t xml:space="preserve">                                                &lt;input type="checkbox" name="features[]" value="one_bird"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1 Cat</w:t>
            </w:r>
          </w:p>
          <w:p w:rsidR="00763958" w:rsidRDefault="00763958" w:rsidP="00763958"/>
          <w:p w:rsidR="00763958" w:rsidRDefault="00763958" w:rsidP="00763958">
            <w:r>
              <w:t xml:space="preserve">                                                &lt;input type="checkbox" name="features[]" value="one_cat"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1 Dog</w:t>
            </w:r>
          </w:p>
          <w:p w:rsidR="00763958" w:rsidRDefault="00763958" w:rsidP="00763958"/>
          <w:p w:rsidR="00763958" w:rsidRDefault="00763958" w:rsidP="00763958">
            <w:r>
              <w:t xml:space="preserve">                                                &lt;input type="checkbox" name="features[]" value="one_dog_20lbs"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t xml:space="preserve">                                        &lt;/li&gt;</w:t>
            </w:r>
          </w:p>
          <w:p w:rsidR="00763958" w:rsidRDefault="00763958" w:rsidP="00763958">
            <w:r>
              <w:t xml:space="preserve">                                        &lt;li&gt;</w:t>
            </w:r>
          </w:p>
          <w:p w:rsidR="00763958" w:rsidRDefault="00763958" w:rsidP="00763958">
            <w:r>
              <w:t xml:space="preserve">                                            &lt;label class="container_check"&gt;</w:t>
            </w:r>
          </w:p>
          <w:p w:rsidR="00763958" w:rsidRDefault="00763958" w:rsidP="00763958">
            <w:r>
              <w:t xml:space="preserve">                                                Smoking</w:t>
            </w:r>
          </w:p>
          <w:p w:rsidR="00763958" w:rsidRDefault="00763958" w:rsidP="00763958"/>
          <w:p w:rsidR="00763958" w:rsidRDefault="00763958" w:rsidP="00763958">
            <w:r>
              <w:t xml:space="preserve">                                                &lt;input type="checkbox" name="features[]" value="smoking" /&gt;</w:t>
            </w:r>
          </w:p>
          <w:p w:rsidR="00763958" w:rsidRDefault="00763958" w:rsidP="00763958">
            <w:r>
              <w:t xml:space="preserve">                                                &lt;span class="checkmark"&gt;&lt;/span&gt;</w:t>
            </w:r>
          </w:p>
          <w:p w:rsidR="00763958" w:rsidRDefault="00763958" w:rsidP="00763958">
            <w:r>
              <w:t xml:space="preserve">                                            &lt;/label&gt;</w:t>
            </w:r>
          </w:p>
          <w:p w:rsidR="00763958" w:rsidRDefault="00763958" w:rsidP="00763958">
            <w:r>
              <w:lastRenderedPageBreak/>
              <w:t xml:space="preserve">                                        &lt;/li&gt;</w:t>
            </w:r>
          </w:p>
          <w:p w:rsidR="00763958" w:rsidRDefault="00763958" w:rsidP="00763958">
            <w:r>
              <w:t xml:space="preserve">                                        </w:t>
            </w:r>
          </w:p>
          <w:p w:rsidR="00763958" w:rsidRDefault="00763958" w:rsidP="00763958">
            <w:r>
              <w:t xml:space="preserve">                                    &lt;/ul&gt;</w:t>
            </w:r>
          </w:p>
          <w:p w:rsidR="00763958" w:rsidRDefault="00763958" w:rsidP="00763958">
            <w:r>
              <w:t xml:space="preserve">                                &lt;/div&gt;</w:t>
            </w:r>
          </w:p>
          <w:p w:rsidR="00763958" w:rsidRDefault="00763958" w:rsidP="00763958">
            <w:r>
              <w:t xml:space="preserve">                                &lt;!--------------feature ends------------------&gt;</w:t>
            </w:r>
          </w:p>
          <w:p w:rsidR="00763958" w:rsidRDefault="00763958" w:rsidP="00763958">
            <w:r>
              <w:t xml:space="preserve">        &lt;input type="hidden" id="txtFeatures" value="[{&amp;quot;residences_id&amp;quot;:100184,&amp;quot;accomodations&amp;quot;:[100002,100006,100007,100008,100009],&amp;quot;rental_services&amp;quot;:[100000,100002],&amp;quot;meals&amp;quot;:[100004],&amp;quot;dietss&amp;quot;:[100000,100001,100004],&amp;quot;cares&amp;quot;:[100006,100012,100013],&amp;quot;entertainments&amp;quot;:[100001,100003,100004,100005,100008,100011,100013],&amp;quot;amenities&amp;quot;:[100001,100005,100007,100008,100009,100010,100011,100013,100014,100017],&amp;quot;religion&amp;quot;:[100000,100002]},{&amp;quot;residences_id&amp;quot;:100153,&amp;quot;accomodations&amp;quot;:[100002,100005,100006,100007,100008],&amp;quot;rental_services&amp;quot;:[100002,100003],&amp;quot;meals&amp;quot;:[100001],&amp;quot;diets&amp;quot;:[100001,100002,100004],&amp;quot;cares&amp;quot;:[100004,100007,100011],&amp;quot;entertainments&amp;quot;:[100000,100001,100003,100008,100010,100011,100013],&amp;quot;amenities&amp;quot;:[100000,100002,100003,100005,100006,100008,100011,100013,100014,100016],&amp;quot;religions&amp;quot;:[100000,100001]},{&amp;quot;residences_id&amp;quot;:100111,&amp;quot;accomodations&amp;quot;:[100001,100004,100006,100008,100011],&amp;quot;rental_services&amp;quot;:[100000,100002],&amp;quot;meals&amp;quot;:[100001],&amp;quot;diets&amp;quot;:[100002,100003,100004],&amp;quot;cares&amp;quot;:[100001,100003,100006],&amp;quot;entertainments&amp;quot;:[100000,100001,100003,100004,100005,100006,100008],&amp;quot;amenities&amp;quot;:[100000,100001,100005,100007,100010,100011,100013,100016,100017,100018],&amp;quot;religions&amp;quot;:[100000,100002]},{&amp;quot;residences_id&amp;quot;:100112,&amp;quot;accomodations&amp;quot;:[100000,100001,100004,100007,100008],&amp;quot;rental_services&amp;quot;:[100000,100002],&amp;quot;meals&amp;quot;:[100001],&amp;quot;diets&amp;quot;:[100002,100003,100004],&amp;quot;cares&amp;quot;:[100001,100007,100013],&amp;quot;entertainments&amp;quot;:[100000,100004,100007,100009,100010,100011,100013],&amp;quot;amenities&amp;quot;:[100000,100001,100002,100004,100008,100011,100012,100013,100014,100016],&amp;quot;religions&amp;quot;:[100002,100004]}]"/&gt;</w:t>
            </w:r>
          </w:p>
          <w:p w:rsidR="00763958" w:rsidRDefault="00763958" w:rsidP="00763958">
            <w:r>
              <w:t xml:space="preserve">    &lt;/div&gt;</w:t>
            </w:r>
          </w:p>
          <w:p w:rsidR="00763958" w:rsidRDefault="00763958" w:rsidP="00763958">
            <w:r>
              <w:t>&lt;/div&gt;</w:t>
            </w:r>
          </w:p>
          <w:p w:rsidR="00763958" w:rsidRDefault="00763958" w:rsidP="00763958">
            <w:r>
              <w:t>&lt;!---------------Filter ends------------------&gt;</w:t>
            </w:r>
          </w:p>
          <w:p w:rsidR="00763958" w:rsidRDefault="00763958" w:rsidP="00763958">
            <w:r>
              <w:t xml:space="preserve">                    </w:t>
            </w:r>
          </w:p>
          <w:p w:rsidR="00763958" w:rsidRDefault="00763958" w:rsidP="00763958">
            <w:r>
              <w:t>&lt;!---------------Filter Validation Starts------------------&gt;</w:t>
            </w:r>
          </w:p>
          <w:p w:rsidR="00763958" w:rsidRDefault="00763958" w:rsidP="00763958">
            <w:r>
              <w:t>&lt;script type="text/javascript"&gt;</w:t>
            </w:r>
          </w:p>
          <w:p w:rsidR="00763958" w:rsidRDefault="00763958" w:rsidP="00763958">
            <w:r>
              <w:t xml:space="preserve">                        var placeSearch, autoComplete;</w:t>
            </w:r>
          </w:p>
          <w:p w:rsidR="00763958" w:rsidRDefault="00763958" w:rsidP="00763958">
            <w:r>
              <w:t xml:space="preserve">                        var filter = {};</w:t>
            </w:r>
          </w:p>
          <w:p w:rsidR="00763958" w:rsidRDefault="00763958" w:rsidP="00763958">
            <w:r>
              <w:t xml:space="preserve">                        /*$(window).on("load", function () {</w:t>
            </w:r>
          </w:p>
          <w:p w:rsidR="00763958" w:rsidRDefault="00763958" w:rsidP="00763958">
            <w:r>
              <w:t xml:space="preserve">                            geoLocate();</w:t>
            </w:r>
          </w:p>
          <w:p w:rsidR="00763958" w:rsidRDefault="00763958" w:rsidP="00763958">
            <w:r>
              <w:t xml:space="preserve">                        });*/</w:t>
            </w:r>
          </w:p>
          <w:p w:rsidR="00763958" w:rsidRDefault="00763958" w:rsidP="00763958">
            <w:r>
              <w:t xml:space="preserve">                        $(document).ready(function() {</w:t>
            </w:r>
          </w:p>
          <w:p w:rsidR="00763958" w:rsidRDefault="00763958" w:rsidP="00763958">
            <w:r>
              <w:t xml:space="preserve">                            filter = fnParseFilter("");</w:t>
            </w:r>
          </w:p>
          <w:p w:rsidR="00763958" w:rsidRDefault="00763958" w:rsidP="00763958"/>
          <w:p w:rsidR="00763958" w:rsidRDefault="00763958" w:rsidP="00763958">
            <w:r>
              <w:t xml:space="preserve">                            $('input[type="range"]').rangeslider({</w:t>
            </w:r>
          </w:p>
          <w:p w:rsidR="00763958" w:rsidRDefault="00763958" w:rsidP="00763958">
            <w:r>
              <w:t xml:space="preserve">                                polyfill: false,</w:t>
            </w:r>
          </w:p>
          <w:p w:rsidR="00763958" w:rsidRDefault="00763958" w:rsidP="00763958">
            <w:r>
              <w:t xml:space="preserve">                                onInit: function() {</w:t>
            </w:r>
          </w:p>
          <w:p w:rsidR="00763958" w:rsidRDefault="00763958" w:rsidP="00763958">
            <w:r>
              <w:t xml:space="preserve">                                    this.output = $('.distance span').html(this.$element.val())</w:t>
            </w:r>
          </w:p>
          <w:p w:rsidR="00763958" w:rsidRDefault="00763958" w:rsidP="00763958">
            <w:r>
              <w:t xml:space="preserve">                                },</w:t>
            </w:r>
          </w:p>
          <w:p w:rsidR="00763958" w:rsidRDefault="00763958" w:rsidP="00763958">
            <w:r>
              <w:t xml:space="preserve">                                onSlide: function(i, e) {</w:t>
            </w:r>
          </w:p>
          <w:p w:rsidR="00763958" w:rsidRDefault="00763958" w:rsidP="00763958">
            <w:r>
              <w:t xml:space="preserve">                                    this.output.html(e)</w:t>
            </w:r>
          </w:p>
          <w:p w:rsidR="00763958" w:rsidRDefault="00763958" w:rsidP="00763958">
            <w:r>
              <w:t xml:space="preserve">                                }</w:t>
            </w:r>
          </w:p>
          <w:p w:rsidR="00763958" w:rsidRDefault="00763958" w:rsidP="00763958">
            <w:r>
              <w:lastRenderedPageBreak/>
              <w:t xml:space="preserve">                            });</w:t>
            </w:r>
          </w:p>
          <w:p w:rsidR="00763958" w:rsidRDefault="00763958" w:rsidP="00763958"/>
          <w:p w:rsidR="00763958" w:rsidRDefault="00763958" w:rsidP="00763958">
            <w:r>
              <w:t xml:space="preserve">                            $(".slider-range").each(function() {</w:t>
            </w:r>
          </w:p>
          <w:p w:rsidR="00763958" w:rsidRDefault="00763958" w:rsidP="00763958">
            <w:r>
              <w:t xml:space="preserve">                                var instance = this;</w:t>
            </w:r>
          </w:p>
          <w:p w:rsidR="00763958" w:rsidRDefault="00763958" w:rsidP="00763958">
            <w:r>
              <w:t xml:space="preserve">                                var data = $(this).data();</w:t>
            </w:r>
          </w:p>
          <w:p w:rsidR="00763958" w:rsidRDefault="00763958" w:rsidP="00763958">
            <w:r>
              <w:t xml:space="preserve">                                var formatter = {</w:t>
            </w:r>
          </w:p>
          <w:p w:rsidR="00763958" w:rsidRDefault="00763958" w:rsidP="00763958">
            <w:r>
              <w:t xml:space="preserve">                                    decimals: 0</w:t>
            </w:r>
          </w:p>
          <w:p w:rsidR="00763958" w:rsidRDefault="00763958" w:rsidP="00763958">
            <w:r>
              <w:t xml:space="preserve">                                };</w:t>
            </w:r>
          </w:p>
          <w:p w:rsidR="00763958" w:rsidRDefault="00763958" w:rsidP="00763958">
            <w:r>
              <w:t xml:space="preserve">                                var minTarget = $("#txtMin" + data.target);</w:t>
            </w:r>
          </w:p>
          <w:p w:rsidR="00763958" w:rsidRDefault="00763958" w:rsidP="00763958">
            <w:r>
              <w:t xml:space="preserve">                                var maxTarget = $("#txtMax" + data.target);</w:t>
            </w:r>
          </w:p>
          <w:p w:rsidR="00763958" w:rsidRDefault="00763958" w:rsidP="00763958">
            <w:r>
              <w:t xml:space="preserve">                                if (data.format === "price") {</w:t>
            </w:r>
          </w:p>
          <w:p w:rsidR="00763958" w:rsidRDefault="00763958" w:rsidP="00763958">
            <w:r>
              <w:t xml:space="preserve">                                    formatter["thousand"] = ',';</w:t>
            </w:r>
          </w:p>
          <w:p w:rsidR="00763958" w:rsidRDefault="00763958" w:rsidP="00763958">
            <w:r>
              <w:t xml:space="preserve">                                    formatter["prefix"] = '$ ';</w:t>
            </w:r>
          </w:p>
          <w:p w:rsidR="00763958" w:rsidRDefault="00763958" w:rsidP="00763958">
            <w:r>
              <w:t xml:space="preserve">                                }</w:t>
            </w:r>
          </w:p>
          <w:p w:rsidR="00763958" w:rsidRDefault="00763958" w:rsidP="00763958">
            <w:r>
              <w:t xml:space="preserve">                                data.start = minTarget.val() || data.min;</w:t>
            </w:r>
          </w:p>
          <w:p w:rsidR="00763958" w:rsidRDefault="00763958" w:rsidP="00763958">
            <w:r>
              <w:t xml:space="preserve">                                data.end = maxTarget.val() || data.max;</w:t>
            </w:r>
          </w:p>
          <w:p w:rsidR="00763958" w:rsidRDefault="00763958" w:rsidP="00763958">
            <w:r>
              <w:t xml:space="preserve">                                noUiSlider.create(this, {</w:t>
            </w:r>
          </w:p>
          <w:p w:rsidR="00763958" w:rsidRDefault="00763958" w:rsidP="00763958">
            <w:r>
              <w:t xml:space="preserve">                                    start: [data.start, data.end],</w:t>
            </w:r>
          </w:p>
          <w:p w:rsidR="00763958" w:rsidRDefault="00763958" w:rsidP="00763958">
            <w:r>
              <w:t xml:space="preserve">                                    connect: true,</w:t>
            </w:r>
          </w:p>
          <w:p w:rsidR="00763958" w:rsidRDefault="00763958" w:rsidP="00763958">
            <w:r>
              <w:t xml:space="preserve">                                    step: data.step,</w:t>
            </w:r>
          </w:p>
          <w:p w:rsidR="00763958" w:rsidRDefault="00763958" w:rsidP="00763958">
            <w:r>
              <w:t xml:space="preserve">                                    /*tooltips: [wNumb(formatter), wNumb(formatter)],*/</w:t>
            </w:r>
          </w:p>
          <w:p w:rsidR="00763958" w:rsidRDefault="00763958" w:rsidP="00763958">
            <w:r>
              <w:t xml:space="preserve">                                    range: {</w:t>
            </w:r>
          </w:p>
          <w:p w:rsidR="00763958" w:rsidRDefault="00763958" w:rsidP="00763958">
            <w:r>
              <w:t xml:space="preserve">                                        'min': data.min,</w:t>
            </w:r>
          </w:p>
          <w:p w:rsidR="00763958" w:rsidRDefault="00763958" w:rsidP="00763958">
            <w:r>
              <w:t xml:space="preserve">                                        'max': data.max</w:t>
            </w:r>
          </w:p>
          <w:p w:rsidR="00763958" w:rsidRDefault="00763958" w:rsidP="00763958">
            <w:r>
              <w:t xml:space="preserve">                                    }</w:t>
            </w:r>
          </w:p>
          <w:p w:rsidR="00763958" w:rsidRDefault="00763958" w:rsidP="00763958">
            <w:r>
              <w:t xml:space="preserve">                                }).on('update', function(values) {</w:t>
            </w:r>
          </w:p>
          <w:p w:rsidR="00763958" w:rsidRDefault="00763958" w:rsidP="00763958">
            <w:r>
              <w:t xml:space="preserve">                                    minTarget.val(parseInt(values[0]));</w:t>
            </w:r>
          </w:p>
          <w:p w:rsidR="00763958" w:rsidRDefault="00763958" w:rsidP="00763958">
            <w:r>
              <w:t xml:space="preserve">                                    maxTarget.val(parseInt(values[1]));</w:t>
            </w:r>
          </w:p>
          <w:p w:rsidR="00763958" w:rsidRDefault="00763958" w:rsidP="00763958">
            <w:r>
              <w:t xml:space="preserve">                                });</w:t>
            </w:r>
          </w:p>
          <w:p w:rsidR="00763958" w:rsidRDefault="00763958" w:rsidP="00763958"/>
          <w:p w:rsidR="00763958" w:rsidRDefault="00763958" w:rsidP="00763958">
            <w:r>
              <w:t xml:space="preserve">                                minTarget.on('change', function() {</w:t>
            </w:r>
          </w:p>
          <w:p w:rsidR="00763958" w:rsidRDefault="00763958" w:rsidP="00763958">
            <w:r>
              <w:t xml:space="preserve">                                    instance.noUiSlider.set([this.value, null]);</w:t>
            </w:r>
          </w:p>
          <w:p w:rsidR="00763958" w:rsidRDefault="00763958" w:rsidP="00763958">
            <w:r>
              <w:t xml:space="preserve">                                });</w:t>
            </w:r>
          </w:p>
          <w:p w:rsidR="00763958" w:rsidRDefault="00763958" w:rsidP="00763958"/>
          <w:p w:rsidR="00763958" w:rsidRDefault="00763958" w:rsidP="00763958">
            <w:r>
              <w:t xml:space="preserve">                                maxTarget.on('change', function() {</w:t>
            </w:r>
          </w:p>
          <w:p w:rsidR="00763958" w:rsidRDefault="00763958" w:rsidP="00763958">
            <w:r>
              <w:t xml:space="preserve">                                    instance.noUiSlider.set([null, this.value]);</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document.body).on("click", ".remove-item", function(e) {</w:t>
            </w:r>
          </w:p>
          <w:p w:rsidR="00763958" w:rsidRDefault="00763958" w:rsidP="00763958">
            <w:r>
              <w:t xml:space="preserve">                                e.preventDefault();</w:t>
            </w:r>
          </w:p>
          <w:p w:rsidR="00763958" w:rsidRDefault="00763958" w:rsidP="00763958">
            <w:r>
              <w:t xml:space="preserve">                                var item = $(this).parents("button");</w:t>
            </w:r>
          </w:p>
          <w:p w:rsidR="00763958" w:rsidRDefault="00763958" w:rsidP="00763958">
            <w:r>
              <w:t xml:space="preserve">                                if (item.attr("title") === "Your Location") {</w:t>
            </w:r>
          </w:p>
          <w:p w:rsidR="00763958" w:rsidRDefault="00763958" w:rsidP="00763958">
            <w:r>
              <w:t xml:space="preserve">                                    swal.fire({</w:t>
            </w:r>
          </w:p>
          <w:p w:rsidR="00763958" w:rsidRDefault="00763958" w:rsidP="00763958">
            <w:r>
              <w:t xml:space="preserve">                                        title: 'Are you sure?',</w:t>
            </w:r>
          </w:p>
          <w:p w:rsidR="00763958" w:rsidRDefault="00763958" w:rsidP="00763958">
            <w:r>
              <w:t xml:space="preserve">                                        text: "You are removing your location that was detected by the system. If you choose to remove, you will not be shown with your location automatically, until you clear this preference manually.",</w:t>
            </w:r>
          </w:p>
          <w:p w:rsidR="00763958" w:rsidRDefault="00763958" w:rsidP="00763958">
            <w:r>
              <w:lastRenderedPageBreak/>
              <w:t xml:space="preserve">                                        icon: 'warning',</w:t>
            </w:r>
          </w:p>
          <w:p w:rsidR="00763958" w:rsidRDefault="00763958" w:rsidP="00763958">
            <w:r>
              <w:t xml:space="preserve">                                        showCancelButton: true,</w:t>
            </w:r>
          </w:p>
          <w:p w:rsidR="00763958" w:rsidRDefault="00763958" w:rsidP="00763958">
            <w:r>
              <w:t xml:space="preserve">                                        confirmButtonColor: '#0CC27E',</w:t>
            </w:r>
          </w:p>
          <w:p w:rsidR="00763958" w:rsidRDefault="00763958" w:rsidP="00763958">
            <w:r>
              <w:t xml:space="preserve">                                        cancelButtonColor: '#FF586B',</w:t>
            </w:r>
          </w:p>
          <w:p w:rsidR="00763958" w:rsidRDefault="00763958" w:rsidP="00763958">
            <w:r>
              <w:t xml:space="preserve">                                        confirmButtonText: 'Yes, Remove',</w:t>
            </w:r>
          </w:p>
          <w:p w:rsidR="00763958" w:rsidRDefault="00763958" w:rsidP="00763958">
            <w:r>
              <w:t xml:space="preserve">                                        cancelButtonText: 'Let it be',</w:t>
            </w:r>
          </w:p>
          <w:p w:rsidR="00763958" w:rsidRDefault="00763958" w:rsidP="00763958">
            <w:r>
              <w:t xml:space="preserve">                                        showLoaderOnConfirm: true,</w:t>
            </w:r>
          </w:p>
          <w:p w:rsidR="00763958" w:rsidRDefault="00763958" w:rsidP="00763958">
            <w:r>
              <w:t xml:space="preserve">                                        reverseButtons: true</w:t>
            </w:r>
          </w:p>
          <w:p w:rsidR="00763958" w:rsidRDefault="00763958" w:rsidP="00763958">
            <w:r>
              <w:t xml:space="preserve">                                    }).then((result) =&gt; {</w:t>
            </w:r>
          </w:p>
          <w:p w:rsidR="00763958" w:rsidRDefault="00763958" w:rsidP="00763958">
            <w:r>
              <w:t xml:space="preserve">                                        if (result.value) {</w:t>
            </w:r>
          </w:p>
          <w:p w:rsidR="00763958" w:rsidRDefault="00763958" w:rsidP="00763958">
            <w:r>
              <w:t xml:space="preserve">                                            lscache.set("auto_location_off", 1, (7 * 24 * 60));</w:t>
            </w:r>
          </w:p>
          <w:p w:rsidR="00763958" w:rsidRDefault="00763958" w:rsidP="00763958">
            <w:r>
              <w:t xml:space="preserve">                                            item.remove();</w:t>
            </w:r>
          </w:p>
          <w:p w:rsidR="00763958" w:rsidRDefault="00763958" w:rsidP="00763958">
            <w:r>
              <w:t xml:space="preserve">                                            noty("success",</w:t>
            </w:r>
          </w:p>
          <w:p w:rsidR="00763958" w:rsidRDefault="00763958" w:rsidP="00763958">
            <w:r>
              <w:t xml:space="preserve">                                                "Your preference has been updated!!",</w:t>
            </w:r>
          </w:p>
          <w:p w:rsidR="00763958" w:rsidRDefault="00763958" w:rsidP="00763958">
            <w:r>
              <w:t xml:space="preserve">                                                "You will not be shown with your location for the next 7 days.",</w:t>
            </w:r>
          </w:p>
          <w:p w:rsidR="00763958" w:rsidRDefault="00763958" w:rsidP="00763958">
            <w:r>
              <w:t xml:space="preserve">                                                5000, "top-right");</w:t>
            </w:r>
          </w:p>
          <w:p w:rsidR="00763958" w:rsidRDefault="00763958" w:rsidP="00763958">
            <w:r>
              <w:t xml:space="preserve">                                            /*Swal.fire({</w:t>
            </w:r>
          </w:p>
          <w:p w:rsidR="00763958" w:rsidRDefault="00763958" w:rsidP="00763958">
            <w:r>
              <w:t xml:space="preserve">                                                title: "Your preference has been updated!!",</w:t>
            </w:r>
          </w:p>
          <w:p w:rsidR="00763958" w:rsidRDefault="00763958" w:rsidP="00763958">
            <w:r>
              <w:t xml:space="preserve">                                                text: "You will not be shown with your location for the next 7 days.",</w:t>
            </w:r>
          </w:p>
          <w:p w:rsidR="00763958" w:rsidRDefault="00763958" w:rsidP="00763958">
            <w:r>
              <w:t xml:space="preserve">                                                icon: "success",</w:t>
            </w:r>
          </w:p>
          <w:p w:rsidR="00763958" w:rsidRDefault="00763958" w:rsidP="00763958">
            <w:r>
              <w:t xml:space="preserve">                                                confirmButtonText: "Ok, Got it!!"</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t xml:space="preserve">                                } else {</w:t>
            </w:r>
          </w:p>
          <w:p w:rsidR="00763958" w:rsidRDefault="00763958" w:rsidP="00763958">
            <w:r>
              <w:t xml:space="preserve">                                    item.remove();</w:t>
            </w:r>
          </w:p>
          <w:p w:rsidR="00763958" w:rsidRDefault="00763958" w:rsidP="00763958">
            <w:r>
              <w:t xml:space="preserve">                                }</w:t>
            </w:r>
          </w:p>
          <w:p w:rsidR="00763958" w:rsidRDefault="00763958" w:rsidP="00763958">
            <w:r>
              <w:t xml:space="preserve">                                var eLocations = [...new Set($("#divLocations button").map(function() {</w:t>
            </w:r>
          </w:p>
          <w:p w:rsidR="00763958" w:rsidRDefault="00763958" w:rsidP="00763958">
            <w:r>
              <w:t xml:space="preserve">                                    return $(this).data("location");</w:t>
            </w:r>
          </w:p>
          <w:p w:rsidR="00763958" w:rsidRDefault="00763958" w:rsidP="00763958">
            <w:r>
              <w:t xml:space="preserve">                                }).get())];</w:t>
            </w:r>
          </w:p>
          <w:p w:rsidR="00763958" w:rsidRDefault="00763958" w:rsidP="00763958">
            <w:r>
              <w:t xml:space="preserve">                                if (eLocations.find(item =&gt; item.startsWith("zip_code"))) {</w:t>
            </w:r>
          </w:p>
          <w:p w:rsidR="00763958" w:rsidRDefault="00763958" w:rsidP="00763958">
            <w:r>
              <w:t xml:space="preserve">                                    $("#divRadius").show();</w:t>
            </w:r>
          </w:p>
          <w:p w:rsidR="00763958" w:rsidRDefault="00763958" w:rsidP="00763958">
            <w:r>
              <w:t xml:space="preserve">                                } else {</w:t>
            </w:r>
          </w:p>
          <w:p w:rsidR="00763958" w:rsidRDefault="00763958" w:rsidP="00763958">
            <w:r>
              <w:t xml:space="preserve">                                    $("#divRadius").hide();</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fnInitFilter();</w:t>
            </w:r>
          </w:p>
          <w:p w:rsidR="00763958" w:rsidRDefault="00763958" w:rsidP="00763958"/>
          <w:p w:rsidR="00763958" w:rsidRDefault="00763958" w:rsidP="00763958">
            <w:r>
              <w:t xml:space="preserve">                            $(document.body).on("click", "#btnApplyFilter", function(e) {</w:t>
            </w:r>
          </w:p>
          <w:p w:rsidR="00763958" w:rsidRDefault="00763958" w:rsidP="00763958">
            <w:r>
              <w:t xml:space="preserve">                                e.preventDefault();</w:t>
            </w:r>
          </w:p>
          <w:p w:rsidR="00763958" w:rsidRDefault="00763958" w:rsidP="00763958">
            <w:r>
              <w:t xml:space="preserve">                                $(this).attr("disabled", "disabled");</w:t>
            </w:r>
          </w:p>
          <w:p w:rsidR="00763958" w:rsidRDefault="00763958" w:rsidP="00763958">
            <w:r>
              <w:t xml:space="preserve">                                fnApplyFilter();</w:t>
            </w:r>
          </w:p>
          <w:p w:rsidR="00763958" w:rsidRDefault="00763958" w:rsidP="00763958">
            <w:r>
              <w:t xml:space="preserve">                            });</w:t>
            </w:r>
          </w:p>
          <w:p w:rsidR="00763958" w:rsidRDefault="00763958" w:rsidP="00763958"/>
          <w:p w:rsidR="00763958" w:rsidRDefault="00763958" w:rsidP="00763958">
            <w:r>
              <w:t xml:space="preserve">                            $(document.body).on("click", "#divRefiner input:checkbox", function() {</w:t>
            </w:r>
          </w:p>
          <w:p w:rsidR="00763958" w:rsidRDefault="00763958" w:rsidP="00763958">
            <w:r>
              <w:t xml:space="preserve">                                var refine = {};</w:t>
            </w:r>
          </w:p>
          <w:p w:rsidR="00763958" w:rsidRDefault="00763958" w:rsidP="00763958">
            <w:r>
              <w:t xml:space="preserve">                                getResidence();</w:t>
            </w:r>
          </w:p>
          <w:p w:rsidR="00763958" w:rsidRDefault="00763958" w:rsidP="00763958">
            <w:r>
              <w:lastRenderedPageBreak/>
              <w:t xml:space="preserve">                                let checkGroups = [</w:t>
            </w:r>
          </w:p>
          <w:p w:rsidR="00763958" w:rsidRDefault="00763958" w:rsidP="00763958">
            <w:r>
              <w:t xml:space="preserve">                                    'residences',</w:t>
            </w:r>
          </w:p>
          <w:p w:rsidR="00763958" w:rsidRDefault="00763958" w:rsidP="00763958">
            <w:r>
              <w:t xml:space="preserve">                                    'accommodations',</w:t>
            </w:r>
          </w:p>
          <w:p w:rsidR="00763958" w:rsidRDefault="00763958" w:rsidP="00763958">
            <w:r>
              <w:t xml:space="preserve">                                    'rental_services',</w:t>
            </w:r>
          </w:p>
          <w:p w:rsidR="00763958" w:rsidRDefault="00763958" w:rsidP="00763958">
            <w:r>
              <w:t xml:space="preserve">                                    'meals',</w:t>
            </w:r>
          </w:p>
          <w:p w:rsidR="00763958" w:rsidRDefault="00763958" w:rsidP="00763958">
            <w:r>
              <w:t xml:space="preserve">                                    'diets',</w:t>
            </w:r>
          </w:p>
          <w:p w:rsidR="00763958" w:rsidRDefault="00763958" w:rsidP="00763958">
            <w:r>
              <w:t xml:space="preserve">                                    'cares',</w:t>
            </w:r>
          </w:p>
          <w:p w:rsidR="00763958" w:rsidRDefault="00763958" w:rsidP="00763958">
            <w:r>
              <w:t xml:space="preserve">                                    'amenities',</w:t>
            </w:r>
          </w:p>
          <w:p w:rsidR="00763958" w:rsidRDefault="00763958" w:rsidP="00763958">
            <w:r>
              <w:t xml:space="preserve">                                    'entertainments',</w:t>
            </w:r>
          </w:p>
          <w:p w:rsidR="00763958" w:rsidRDefault="00763958" w:rsidP="00763958">
            <w:r>
              <w:t xml:space="preserve">                                    'religions',</w:t>
            </w:r>
          </w:p>
          <w:p w:rsidR="00763958" w:rsidRDefault="00763958" w:rsidP="00763958">
            <w:r>
              <w:t xml:space="preserve">                                    'features'</w:t>
            </w:r>
          </w:p>
          <w:p w:rsidR="00763958" w:rsidRDefault="00763958" w:rsidP="00763958">
            <w:r>
              <w:t xml:space="preserve">                                    </w:t>
            </w:r>
          </w:p>
          <w:p w:rsidR="00763958" w:rsidRDefault="00763958" w:rsidP="00763958">
            <w:r>
              <w:t xml:space="preserve">                                ];</w:t>
            </w:r>
          </w:p>
          <w:p w:rsidR="00763958" w:rsidRDefault="00763958" w:rsidP="00763958">
            <w:r>
              <w:t xml:space="preserve">                                checkGroups.forEach(function(item, index) {</w:t>
            </w:r>
          </w:p>
          <w:p w:rsidR="00763958" w:rsidRDefault="00763958" w:rsidP="00763958">
            <w:r>
              <w:t xml:space="preserve">                                    refine[item] = $("input[name='" + item + "[]']:checked")</w:t>
            </w:r>
          </w:p>
          <w:p w:rsidR="00763958" w:rsidRDefault="00763958" w:rsidP="00763958">
            <w:r>
              <w:t xml:space="preserve">                                        .map(function() {</w:t>
            </w:r>
          </w:p>
          <w:p w:rsidR="00763958" w:rsidRDefault="00763958" w:rsidP="00763958">
            <w:r>
              <w:t xml:space="preserve">                                            return parseInt(this.value);</w:t>
            </w:r>
          </w:p>
          <w:p w:rsidR="00763958" w:rsidRDefault="00763958" w:rsidP="00763958">
            <w:r>
              <w:t xml:space="preserve">                                        }).get();</w:t>
            </w:r>
          </w:p>
          <w:p w:rsidR="00763958" w:rsidRDefault="00763958" w:rsidP="00763958">
            <w:r>
              <w:t xml:space="preserve">                                });</w:t>
            </w:r>
          </w:p>
          <w:p w:rsidR="00763958" w:rsidRDefault="00763958" w:rsidP="00763958">
            <w:r>
              <w:t xml:space="preserve">                                var query = buildFilter(refine);</w:t>
            </w:r>
          </w:p>
          <w:p w:rsidR="00763958" w:rsidRDefault="00763958" w:rsidP="00763958">
            <w:r>
              <w:t xml:space="preserve">                                var searchQuery = fnGetSearchQuery();</w:t>
            </w:r>
          </w:p>
          <w:p w:rsidR="00763958" w:rsidRDefault="00763958" w:rsidP="00763958">
            <w:r>
              <w:t xml:space="preserve">                                var pref = {</w:t>
            </w:r>
          </w:p>
          <w:p w:rsidR="00763958" w:rsidRDefault="00763958" w:rsidP="00763958">
            <w:r>
              <w:t xml:space="preserve">                                    ...searchQuery,</w:t>
            </w:r>
          </w:p>
          <w:p w:rsidR="00763958" w:rsidRDefault="00763958" w:rsidP="00763958">
            <w:r>
              <w:t xml:space="preserve">                                    ...query</w:t>
            </w:r>
          </w:p>
          <w:p w:rsidR="00763958" w:rsidRDefault="00763958" w:rsidP="00763958">
            <w:r>
              <w:t xml:space="preserve">                                };</w:t>
            </w:r>
          </w:p>
          <w:p w:rsidR="00763958" w:rsidRDefault="00763958" w:rsidP="00763958">
            <w:r>
              <w:t xml:space="preserve">                                var features = $("#txtFeatures").val();</w:t>
            </w:r>
          </w:p>
          <w:p w:rsidR="00763958" w:rsidRDefault="00763958" w:rsidP="00763958">
            <w:r>
              <w:t xml:space="preserve">                                var refined = filterData($.parseJSON(features), query);</w:t>
            </w:r>
          </w:p>
          <w:p w:rsidR="00763958" w:rsidRDefault="00763958" w:rsidP="00763958">
            <w:r>
              <w:t xml:space="preserve">                                var ids = _.map(refined, "residence_id");</w:t>
            </w:r>
          </w:p>
          <w:p w:rsidR="00763958" w:rsidRDefault="00763958" w:rsidP="00763958">
            <w:r>
              <w:t xml:space="preserve">                                window.setCookie("RIDS", ids, 1);</w:t>
            </w:r>
          </w:p>
          <w:p w:rsidR="00763958" w:rsidRDefault="00763958" w:rsidP="00763958">
            <w:r>
              <w:t xml:space="preserve">                                window.setCookie("PREF", btoa(fnStringifyObject(pref)), 30);</w:t>
            </w:r>
          </w:p>
          <w:p w:rsidR="00763958" w:rsidRDefault="00763958" w:rsidP="00763958">
            <w:r>
              <w:t xml:space="preserve">                                var elements = $(ids.map(i =&gt; '#' + i).join(","));</w:t>
            </w:r>
          </w:p>
          <w:p w:rsidR="00763958" w:rsidRDefault="00763958" w:rsidP="00763958">
            <w:r>
              <w:t xml:space="preserve">                                $(".residence").not(elements).hide();</w:t>
            </w:r>
          </w:p>
          <w:p w:rsidR="00763958" w:rsidRDefault="00763958" w:rsidP="00763958">
            <w:r>
              <w:t xml:space="preserve">                                elements.show();</w:t>
            </w:r>
          </w:p>
          <w:p w:rsidR="00763958" w:rsidRDefault="00763958" w:rsidP="00763958">
            <w:r>
              <w:t xml:space="preserve">                                if (elements.length &gt; 0) {</w:t>
            </w:r>
          </w:p>
          <w:p w:rsidR="00763958" w:rsidRDefault="00763958" w:rsidP="00763958">
            <w:r>
              <w:t xml:space="preserve">                                    $(".no-records").hide();</w:t>
            </w:r>
          </w:p>
          <w:p w:rsidR="00763958" w:rsidRDefault="00763958" w:rsidP="00763958">
            <w:r>
              <w:t xml:space="preserve">                                } else {</w:t>
            </w:r>
          </w:p>
          <w:p w:rsidR="00763958" w:rsidRDefault="00763958" w:rsidP="00763958">
            <w:r>
              <w:t xml:space="preserve">                                    $(".no-records").show();</w:t>
            </w:r>
          </w:p>
          <w:p w:rsidR="00763958" w:rsidRDefault="00763958" w:rsidP="00763958">
            <w:r>
              <w:t xml:space="preserve">                                }</w:t>
            </w:r>
          </w:p>
          <w:p w:rsidR="00763958" w:rsidRDefault="00763958" w:rsidP="00763958">
            <w:r>
              <w:t xml:space="preserve">                                new WOW().init();</w:t>
            </w:r>
          </w:p>
          <w:p w:rsidR="00763958" w:rsidRDefault="00763958" w:rsidP="00763958">
            <w:r>
              <w:t xml:space="preserve">                                $("#spnRefined").text(elements.length + " of ");</w:t>
            </w:r>
          </w:p>
          <w:p w:rsidR="00763958" w:rsidRDefault="00763958" w:rsidP="00763958">
            <w:r>
              <w:t xml:space="preserve">                            });</w:t>
            </w:r>
          </w:p>
          <w:p w:rsidR="00763958" w:rsidRDefault="00763958" w:rsidP="00763958"/>
          <w:p w:rsidR="00763958" w:rsidRDefault="00763958" w:rsidP="00763958">
            <w:r>
              <w:t xml:space="preserve">                            window.buildFilter = (filter) =&gt; {</w:t>
            </w:r>
          </w:p>
          <w:p w:rsidR="00763958" w:rsidRDefault="00763958" w:rsidP="00763958">
            <w:r>
              <w:t xml:space="preserve">                                let query = {};</w:t>
            </w:r>
          </w:p>
          <w:p w:rsidR="00763958" w:rsidRDefault="00763958" w:rsidP="00763958">
            <w:r>
              <w:t xml:space="preserve">                                for (let keys in filter) {</w:t>
            </w:r>
          </w:p>
          <w:p w:rsidR="00763958" w:rsidRDefault="00763958" w:rsidP="00763958">
            <w:r>
              <w:t xml:space="preserve">                                    if (filter[keys].constructor === Array &amp;&amp; filter[keys].length &gt; 0) {</w:t>
            </w:r>
          </w:p>
          <w:p w:rsidR="00763958" w:rsidRDefault="00763958" w:rsidP="00763958">
            <w:r>
              <w:t xml:space="preserve">                                        query[keys] = filter[keys];</w:t>
            </w:r>
          </w:p>
          <w:p w:rsidR="00763958" w:rsidRDefault="00763958" w:rsidP="00763958">
            <w:r>
              <w:t xml:space="preserve">                                    }</w:t>
            </w:r>
          </w:p>
          <w:p w:rsidR="00763958" w:rsidRDefault="00763958" w:rsidP="00763958">
            <w:r>
              <w:lastRenderedPageBreak/>
              <w:t xml:space="preserve">                                }</w:t>
            </w:r>
          </w:p>
          <w:p w:rsidR="00763958" w:rsidRDefault="00763958" w:rsidP="00763958">
            <w:r>
              <w:t xml:space="preserve">                                return query;</w:t>
            </w:r>
          </w:p>
          <w:p w:rsidR="00763958" w:rsidRDefault="00763958" w:rsidP="00763958">
            <w:r>
              <w:t xml:space="preserve">                            };</w:t>
            </w:r>
          </w:p>
          <w:p w:rsidR="00763958" w:rsidRDefault="00763958" w:rsidP="00763958"/>
          <w:p w:rsidR="00763958" w:rsidRDefault="00763958" w:rsidP="00763958">
            <w:r>
              <w:t xml:space="preserve">                            window.filterData = (data, query, any = true) =&gt; {</w:t>
            </w:r>
          </w:p>
          <w:p w:rsidR="00763958" w:rsidRDefault="00763958" w:rsidP="00763958">
            <w:r>
              <w:t xml:space="preserve">                                const filteredData = data.filter((item) =&gt; {</w:t>
            </w:r>
          </w:p>
          <w:p w:rsidR="00763958" w:rsidRDefault="00763958" w:rsidP="00763958">
            <w:r>
              <w:t xml:space="preserve">                                    if (any) {</w:t>
            </w:r>
          </w:p>
          <w:p w:rsidR="00763958" w:rsidRDefault="00763958" w:rsidP="00763958">
            <w:r>
              <w:t xml:space="preserve">                                        var result = false;</w:t>
            </w:r>
          </w:p>
          <w:p w:rsidR="00763958" w:rsidRDefault="00763958" w:rsidP="00763958">
            <w:r>
              <w:t xml:space="preserve">                                        for (let key in query) {</w:t>
            </w:r>
          </w:p>
          <w:p w:rsidR="00763958" w:rsidRDefault="00763958" w:rsidP="00763958">
            <w:r>
              <w:t xml:space="preserve">                                            if (item[key] === undefined || !item[key].some(r =&gt;</w:t>
            </w:r>
          </w:p>
          <w:p w:rsidR="00763958" w:rsidRDefault="00763958" w:rsidP="00763958">
            <w:r>
              <w:t xml:space="preserve">                                                    query[key].indexOf(r) &gt;= 0)) {</w:t>
            </w:r>
          </w:p>
          <w:p w:rsidR="00763958" w:rsidRDefault="00763958" w:rsidP="00763958">
            <w:r>
              <w:t xml:space="preserve">                                                result = result || false;</w:t>
            </w:r>
          </w:p>
          <w:p w:rsidR="00763958" w:rsidRDefault="00763958" w:rsidP="00763958">
            <w:r>
              <w:t xml:space="preserve">                                            } else {</w:t>
            </w:r>
          </w:p>
          <w:p w:rsidR="00763958" w:rsidRDefault="00763958" w:rsidP="00763958">
            <w:r>
              <w:t xml:space="preserve">                                                result = result || true;</w:t>
            </w:r>
          </w:p>
          <w:p w:rsidR="00763958" w:rsidRDefault="00763958" w:rsidP="00763958">
            <w:r>
              <w:t xml:space="preserve">                                            }</w:t>
            </w:r>
          </w:p>
          <w:p w:rsidR="00763958" w:rsidRDefault="00763958" w:rsidP="00763958">
            <w:r>
              <w:t xml:space="preserve">                                        }</w:t>
            </w:r>
          </w:p>
          <w:p w:rsidR="00763958" w:rsidRDefault="00763958" w:rsidP="00763958">
            <w:r>
              <w:t xml:space="preserve">                                        return result;</w:t>
            </w:r>
          </w:p>
          <w:p w:rsidR="00763958" w:rsidRDefault="00763958" w:rsidP="00763958">
            <w:r>
              <w:t xml:space="preserve">                                    } else {</w:t>
            </w:r>
          </w:p>
          <w:p w:rsidR="00763958" w:rsidRDefault="00763958" w:rsidP="00763958">
            <w:r>
              <w:t xml:space="preserve">                                        for (let key in query) {</w:t>
            </w:r>
          </w:p>
          <w:p w:rsidR="00763958" w:rsidRDefault="00763958" w:rsidP="00763958">
            <w:r>
              <w:t xml:space="preserve">                                            if (item[key] === undefined || !item[key].some(r =&gt;</w:t>
            </w:r>
          </w:p>
          <w:p w:rsidR="00763958" w:rsidRDefault="00763958" w:rsidP="00763958">
            <w:r>
              <w:t xml:space="preserve">                                                    query[key].indexOf(r) &gt;= 0)) {</w:t>
            </w:r>
          </w:p>
          <w:p w:rsidR="00763958" w:rsidRDefault="00763958" w:rsidP="00763958">
            <w:r>
              <w:t xml:space="preserve">                                                return false;</w:t>
            </w:r>
          </w:p>
          <w:p w:rsidR="00763958" w:rsidRDefault="00763958" w:rsidP="00763958">
            <w:r>
              <w:t xml:space="preserve">                                            }</w:t>
            </w:r>
          </w:p>
          <w:p w:rsidR="00763958" w:rsidRDefault="00763958" w:rsidP="00763958">
            <w:r>
              <w:t xml:space="preserve">                                        }</w:t>
            </w:r>
          </w:p>
          <w:p w:rsidR="00763958" w:rsidRDefault="00763958" w:rsidP="00763958">
            <w:r>
              <w:t xml:space="preserve">                                        return true;</w:t>
            </w:r>
          </w:p>
          <w:p w:rsidR="00763958" w:rsidRDefault="00763958" w:rsidP="00763958">
            <w:r>
              <w:t xml:space="preserve">                                    }</w:t>
            </w:r>
          </w:p>
          <w:p w:rsidR="00763958" w:rsidRDefault="00763958" w:rsidP="00763958">
            <w:r>
              <w:t xml:space="preserve">                                });</w:t>
            </w:r>
          </w:p>
          <w:p w:rsidR="00763958" w:rsidRDefault="00763958" w:rsidP="00763958">
            <w:r>
              <w:t xml:space="preserve">                                return filteredData;</w:t>
            </w:r>
          </w:p>
          <w:p w:rsidR="00763958" w:rsidRDefault="00763958" w:rsidP="00763958">
            <w:r>
              <w:t xml:space="preserve">                            };</w:t>
            </w:r>
          </w:p>
          <w:p w:rsidR="00763958" w:rsidRDefault="00763958" w:rsidP="00763958"/>
          <w:p w:rsidR="00763958" w:rsidRDefault="00763958" w:rsidP="00763958">
            <w:r>
              <w:t xml:space="preserve">                            $("#frmSearchResidence").on("submit", function(e) {</w:t>
            </w:r>
          </w:p>
          <w:p w:rsidR="00763958" w:rsidRDefault="00763958" w:rsidP="00763958">
            <w:r>
              <w:t xml:space="preserve">                                e.preventDefault();</w:t>
            </w:r>
          </w:p>
          <w:p w:rsidR="00763958" w:rsidRDefault="00763958" w:rsidP="00763958">
            <w:r>
              <w:t xml:space="preserve">                                fnApplyFilter();</w:t>
            </w:r>
          </w:p>
          <w:p w:rsidR="00763958" w:rsidRDefault="00763958" w:rsidP="00763958">
            <w:r>
              <w:t xml:space="preserve">                            });</w:t>
            </w:r>
          </w:p>
          <w:p w:rsidR="00763958" w:rsidRDefault="00763958" w:rsidP="00763958"/>
          <w:p w:rsidR="00763958" w:rsidRDefault="00763958" w:rsidP="00763958">
            <w:r>
              <w:t xml:space="preserve">                            $(document.body).on("click", ".btnClearFilter", function(e) {</w:t>
            </w:r>
          </w:p>
          <w:p w:rsidR="00763958" w:rsidRDefault="00763958" w:rsidP="00763958">
            <w:r>
              <w:t xml:space="preserve">                                e.preventDefault();</w:t>
            </w:r>
          </w:p>
          <w:p w:rsidR="00763958" w:rsidRDefault="00763958" w:rsidP="00763958">
            <w:r>
              <w:t xml:space="preserve">                                $(this).attr("disabled", "disabled");</w:t>
            </w:r>
          </w:p>
          <w:p w:rsidR="00763958" w:rsidRDefault="00763958" w:rsidP="00763958">
            <w:r>
              <w:t xml:space="preserve">                                $("#txtSearchText").val("");</w:t>
            </w:r>
          </w:p>
          <w:p w:rsidR="00763958" w:rsidRDefault="00763958" w:rsidP="00763958">
            <w:r>
              <w:t xml:space="preserve">                                $("#txtFilterData").val("");</w:t>
            </w:r>
          </w:p>
          <w:p w:rsidR="00763958" w:rsidRDefault="00763958" w:rsidP="00763958">
            <w:r>
              <w:t xml:space="preserve">                                fnRedirect(window.location.pathname);</w:t>
            </w:r>
          </w:p>
          <w:p w:rsidR="00763958" w:rsidRDefault="00763958" w:rsidP="00763958">
            <w:r>
              <w:t xml:space="preserve">                                /*let sText = $("#txtSearchText").val().trim();</w:t>
            </w:r>
          </w:p>
          <w:p w:rsidR="00763958" w:rsidRDefault="00763958" w:rsidP="00763958">
            <w:r>
              <w:t xml:space="preserve">                                let params = {</w:t>
            </w:r>
          </w:p>
          <w:p w:rsidR="00763958" w:rsidRDefault="00763958" w:rsidP="00763958">
            <w:r>
              <w:t xml:space="preserve">                                    "q": sText</w:t>
            </w:r>
          </w:p>
          <w:p w:rsidR="00763958" w:rsidRDefault="00763958" w:rsidP="00763958">
            <w:r>
              <w:t xml:space="preserve">                                };</w:t>
            </w:r>
          </w:p>
          <w:p w:rsidR="00763958" w:rsidRDefault="00763958" w:rsidP="00763958">
            <w:r>
              <w:t xml:space="preserve">                                $("#txtFilterData").val(JSON.stringify(fnRefineObject(params)));</w:t>
            </w:r>
          </w:p>
          <w:p w:rsidR="00763958" w:rsidRDefault="00763958" w:rsidP="00763958">
            <w:r>
              <w:t xml:space="preserve">                                fnRedirect(window.location.pathname, fnObjectToQuery(params));*/</w:t>
            </w:r>
          </w:p>
          <w:p w:rsidR="00763958" w:rsidRDefault="00763958" w:rsidP="00763958">
            <w:r>
              <w:t xml:space="preserve">                            });</w:t>
            </w:r>
          </w:p>
          <w:p w:rsidR="00763958" w:rsidRDefault="00763958" w:rsidP="00763958">
            <w:r>
              <w:lastRenderedPageBreak/>
              <w:t xml:space="preserve">                        });</w:t>
            </w:r>
          </w:p>
          <w:p w:rsidR="00763958" w:rsidRDefault="00763958" w:rsidP="00763958"/>
          <w:p w:rsidR="00763958" w:rsidRDefault="00763958" w:rsidP="00763958">
            <w:r>
              <w:t xml:space="preserve">                        function fnGetSearchQuery() {</w:t>
            </w:r>
          </w:p>
          <w:p w:rsidR="00763958" w:rsidRDefault="00763958" w:rsidP="00763958">
            <w:r>
              <w:t xml:space="preserve">                            var query = {};</w:t>
            </w:r>
          </w:p>
          <w:p w:rsidR="00763958" w:rsidRDefault="00763958" w:rsidP="00763958">
            <w:r>
              <w:t xml:space="preserve">                            query["residences"] = $("input[name='residences[]']:checked").map(function() {</w:t>
            </w:r>
          </w:p>
          <w:p w:rsidR="00763958" w:rsidRDefault="00763958" w:rsidP="00763958">
            <w:r>
              <w:t xml:space="preserve">                                return this.value;</w:t>
            </w:r>
          </w:p>
          <w:p w:rsidR="00763958" w:rsidRDefault="00763958" w:rsidP="00763958">
            <w:r>
              <w:t xml:space="preserve">                            }).get();</w:t>
            </w:r>
          </w:p>
          <w:p w:rsidR="00763958" w:rsidRDefault="00763958" w:rsidP="00763958">
            <w:r>
              <w:t xml:space="preserve">                            query["min"] = $("#txtMinBudgetRange").val();</w:t>
            </w:r>
          </w:p>
          <w:p w:rsidR="00763958" w:rsidRDefault="00763958" w:rsidP="00763958">
            <w:r>
              <w:t xml:space="preserve">                            query["max"] = $("#txtMaxBudgetRange").val();</w:t>
            </w:r>
          </w:p>
          <w:p w:rsidR="00763958" w:rsidRDefault="00763958" w:rsidP="00763958">
            <w:r>
              <w:t xml:space="preserve">                            query["location"] = [...new Set($("#divLocations button").map(function() {</w:t>
            </w:r>
          </w:p>
          <w:p w:rsidR="00763958" w:rsidRDefault="00763958" w:rsidP="00763958">
            <w:r>
              <w:t xml:space="preserve">                                return $(this).data("location");</w:t>
            </w:r>
          </w:p>
          <w:p w:rsidR="00763958" w:rsidRDefault="00763958" w:rsidP="00763958">
            <w:r>
              <w:t xml:space="preserve">                            }).get())];</w:t>
            </w:r>
          </w:p>
          <w:p w:rsidR="00763958" w:rsidRDefault="00763958" w:rsidP="00763958">
            <w:r>
              <w:t xml:space="preserve">                            if (query["location"].length) {</w:t>
            </w:r>
          </w:p>
          <w:p w:rsidR="00763958" w:rsidRDefault="00763958" w:rsidP="00763958">
            <w:r>
              <w:t xml:space="preserve">                                query["radius"] = $("#txtRadius").val();</w:t>
            </w:r>
          </w:p>
          <w:p w:rsidR="00763958" w:rsidRDefault="00763958" w:rsidP="00763958">
            <w:r>
              <w:t xml:space="preserve">                            }</w:t>
            </w:r>
          </w:p>
          <w:p w:rsidR="00763958" w:rsidRDefault="00763958" w:rsidP="00763958">
            <w:r>
              <w:t xml:space="preserve">                            let checkGroups = [</w:t>
            </w:r>
          </w:p>
          <w:p w:rsidR="00763958" w:rsidRDefault="00763958" w:rsidP="00763958">
            <w:r>
              <w:t xml:space="preserve">                                'residences',</w:t>
            </w:r>
          </w:p>
          <w:p w:rsidR="00763958" w:rsidRDefault="00763958" w:rsidP="00763958">
            <w:r>
              <w:t xml:space="preserve">                                'accommodations',</w:t>
            </w:r>
          </w:p>
          <w:p w:rsidR="00763958" w:rsidRDefault="00763958" w:rsidP="00763958">
            <w:r>
              <w:t xml:space="preserve">                                'rental_services',</w:t>
            </w:r>
          </w:p>
          <w:p w:rsidR="00763958" w:rsidRDefault="00763958" w:rsidP="00763958">
            <w:r>
              <w:t xml:space="preserve">                                'meals',</w:t>
            </w:r>
          </w:p>
          <w:p w:rsidR="00763958" w:rsidRDefault="00763958" w:rsidP="00763958">
            <w:r>
              <w:t xml:space="preserve">                                'diets',</w:t>
            </w:r>
          </w:p>
          <w:p w:rsidR="00763958" w:rsidRDefault="00763958" w:rsidP="00763958">
            <w:r>
              <w:t xml:space="preserve">                                'cares',</w:t>
            </w:r>
          </w:p>
          <w:p w:rsidR="00763958" w:rsidRDefault="00763958" w:rsidP="00763958">
            <w:r>
              <w:t xml:space="preserve">                                'amenities',</w:t>
            </w:r>
          </w:p>
          <w:p w:rsidR="00763958" w:rsidRDefault="00763958" w:rsidP="00763958">
            <w:r>
              <w:t xml:space="preserve">                                'entertainments',</w:t>
            </w:r>
          </w:p>
          <w:p w:rsidR="00763958" w:rsidRDefault="00763958" w:rsidP="00763958">
            <w:r>
              <w:t xml:space="preserve">                                'religions',</w:t>
            </w:r>
          </w:p>
          <w:p w:rsidR="00763958" w:rsidRDefault="00763958" w:rsidP="00763958">
            <w:r>
              <w:t xml:space="preserve">                                'features'</w:t>
            </w:r>
          </w:p>
          <w:p w:rsidR="00763958" w:rsidRDefault="00763958" w:rsidP="00763958">
            <w:r>
              <w:t xml:space="preserve">                            ];</w:t>
            </w:r>
          </w:p>
          <w:p w:rsidR="00763958" w:rsidRDefault="00763958" w:rsidP="00763958">
            <w:r>
              <w:t xml:space="preserve">                            checkGroups.forEach(function(item, index) {</w:t>
            </w:r>
          </w:p>
          <w:p w:rsidR="00763958" w:rsidRDefault="00763958" w:rsidP="00763958">
            <w:r>
              <w:t xml:space="preserve">                                query[item] = $("input[name='" + item + "[]']:checked").map(function() {</w:t>
            </w:r>
          </w:p>
          <w:p w:rsidR="00763958" w:rsidRDefault="00763958" w:rsidP="00763958">
            <w:r>
              <w:t xml:space="preserve">                                    return this.value;</w:t>
            </w:r>
          </w:p>
          <w:p w:rsidR="00763958" w:rsidRDefault="00763958" w:rsidP="00763958">
            <w:r>
              <w:t xml:space="preserve">                                }).get();</w:t>
            </w:r>
          </w:p>
          <w:p w:rsidR="00763958" w:rsidRDefault="00763958" w:rsidP="00763958">
            <w:r>
              <w:t xml:space="preserve">                            });</w:t>
            </w:r>
          </w:p>
          <w:p w:rsidR="00763958" w:rsidRDefault="00763958" w:rsidP="00763958"/>
          <w:p w:rsidR="00763958" w:rsidRDefault="00763958" w:rsidP="00763958">
            <w:r>
              <w:t xml:space="preserve">                            return query;</w:t>
            </w:r>
          </w:p>
          <w:p w:rsidR="00763958" w:rsidRDefault="00763958" w:rsidP="00763958">
            <w:r>
              <w:t xml:space="preserve">                        }</w:t>
            </w:r>
          </w:p>
          <w:p w:rsidR="00763958" w:rsidRDefault="00763958" w:rsidP="00763958"/>
          <w:p w:rsidR="00763958" w:rsidRDefault="00763958" w:rsidP="00763958">
            <w:r>
              <w:t xml:space="preserve">                        function fnApplyFilter() {</w:t>
            </w:r>
          </w:p>
          <w:p w:rsidR="00763958" w:rsidRDefault="00763958" w:rsidP="00763958">
            <w:r>
              <w:t xml:space="preserve">                            let filterQuery = fnGetSearchQuery();</w:t>
            </w:r>
          </w:p>
          <w:p w:rsidR="00763958" w:rsidRDefault="00763958" w:rsidP="00763958">
            <w:r>
              <w:t xml:space="preserve">                            let sText = $("#txtSearchText").val().trim();</w:t>
            </w:r>
          </w:p>
          <w:p w:rsidR="00763958" w:rsidRDefault="00763958" w:rsidP="00763958">
            <w:r>
              <w:t xml:space="preserve">                            let params = {</w:t>
            </w:r>
          </w:p>
          <w:p w:rsidR="00763958" w:rsidRDefault="00763958" w:rsidP="00763958">
            <w:r>
              <w:t xml:space="preserve">                                "q": sText,</w:t>
            </w:r>
          </w:p>
          <w:p w:rsidR="00763958" w:rsidRDefault="00763958" w:rsidP="00763958">
            <w:r>
              <w:t xml:space="preserve">                                "filter": btoa(fnStringifyObject(filterQuery))</w:t>
            </w:r>
          </w:p>
          <w:p w:rsidR="00763958" w:rsidRDefault="00763958" w:rsidP="00763958">
            <w:r>
              <w:t xml:space="preserve">                            };</w:t>
            </w:r>
          </w:p>
          <w:p w:rsidR="00763958" w:rsidRDefault="00763958" w:rsidP="00763958">
            <w:r>
              <w:t xml:space="preserve">                            $("#txtFilterData").val(JSON.stringify(fnRefineObject(params)));</w:t>
            </w:r>
          </w:p>
          <w:p w:rsidR="00763958" w:rsidRDefault="00763958" w:rsidP="00763958">
            <w:r>
              <w:t xml:space="preserve">                            fnSetSPFCookie();</w:t>
            </w:r>
          </w:p>
          <w:p w:rsidR="00763958" w:rsidRDefault="00763958" w:rsidP="00763958">
            <w:r>
              <w:t xml:space="preserve">                            // fnRedirect(window.location.pathname, fnObjectToQuery(params));</w:t>
            </w:r>
          </w:p>
          <w:p w:rsidR="00763958" w:rsidRDefault="00763958" w:rsidP="00763958">
            <w:r>
              <w:t xml:space="preserve">                            getResidence();</w:t>
            </w:r>
          </w:p>
          <w:p w:rsidR="00763958" w:rsidRDefault="00763958" w:rsidP="00763958">
            <w:r>
              <w:t xml:space="preserve">                        }</w:t>
            </w:r>
          </w:p>
          <w:p w:rsidR="00763958" w:rsidRDefault="00763958" w:rsidP="00763958"/>
          <w:p w:rsidR="00763958" w:rsidRDefault="00763958" w:rsidP="00763958">
            <w:r>
              <w:t xml:space="preserve">                        function fnRedirect(url, query) {</w:t>
            </w:r>
          </w:p>
          <w:p w:rsidR="00763958" w:rsidRDefault="00763958" w:rsidP="00763958">
            <w:r>
              <w:t xml:space="preserve">                            window.location.href = url + (query ? "?" + query : "");</w:t>
            </w:r>
          </w:p>
          <w:p w:rsidR="00763958" w:rsidRDefault="00763958" w:rsidP="00763958">
            <w:r>
              <w:t xml:space="preserve">                        }</w:t>
            </w:r>
          </w:p>
          <w:p w:rsidR="00763958" w:rsidRDefault="00763958" w:rsidP="00763958"/>
          <w:p w:rsidR="00763958" w:rsidRDefault="00763958" w:rsidP="00763958">
            <w:r>
              <w:t xml:space="preserve">                        function fnInitFilter() {</w:t>
            </w:r>
          </w:p>
          <w:p w:rsidR="00763958" w:rsidRDefault="00763958" w:rsidP="00763958">
            <w:r>
              <w:t xml:space="preserve">                            $("#txtMinBudgetRange").val(filter.min || 100).change();</w:t>
            </w:r>
          </w:p>
          <w:p w:rsidR="00763958" w:rsidRDefault="00763958" w:rsidP="00763958">
            <w:r>
              <w:t xml:space="preserve">                            $("#txtMaxBudgetRange").val(filter.max || 15000).change();</w:t>
            </w:r>
          </w:p>
          <w:p w:rsidR="00763958" w:rsidRDefault="00763958" w:rsidP="00763958">
            <w:r>
              <w:t xml:space="preserve">                            $("#txtRadius").val(filter.radius || 5).change();</w:t>
            </w:r>
          </w:p>
          <w:p w:rsidR="00763958" w:rsidRDefault="00763958" w:rsidP="00763958">
            <w:r>
              <w:t xml:space="preserve">                            fnSetCheckbox(filter['residences'], 'residences');</w:t>
            </w:r>
          </w:p>
          <w:p w:rsidR="00763958" w:rsidRDefault="00763958" w:rsidP="00763958">
            <w:r>
              <w:t xml:space="preserve">                            fnSetLocations(filter.location);</w:t>
            </w:r>
          </w:p>
          <w:p w:rsidR="00763958" w:rsidRDefault="00763958" w:rsidP="00763958">
            <w:r>
              <w:t xml:space="preserve">                            let params = {</w:t>
            </w:r>
          </w:p>
          <w:p w:rsidR="00763958" w:rsidRDefault="00763958" w:rsidP="00763958">
            <w:r>
              <w:t xml:space="preserve">                                "q": $("#txtSearchText").val(),</w:t>
            </w:r>
          </w:p>
          <w:p w:rsidR="00763958" w:rsidRDefault="00763958" w:rsidP="00763958">
            <w:r>
              <w:t xml:space="preserve">                                "filter": btoa(fnStringifyObject(filter))</w:t>
            </w:r>
          </w:p>
          <w:p w:rsidR="00763958" w:rsidRDefault="00763958" w:rsidP="00763958">
            <w:r>
              <w:t xml:space="preserve">                            };</w:t>
            </w:r>
          </w:p>
          <w:p w:rsidR="00763958" w:rsidRDefault="00763958" w:rsidP="00763958">
            <w:r>
              <w:t xml:space="preserve">                            $("#txtFilterData").val(JSON.stringify(fnRefineObject(params)));</w:t>
            </w:r>
          </w:p>
          <w:p w:rsidR="00763958" w:rsidRDefault="00763958" w:rsidP="00763958">
            <w:r>
              <w:t xml:space="preserve">                            fnSetSPFCookie();</w:t>
            </w:r>
          </w:p>
          <w:p w:rsidR="00763958" w:rsidRDefault="00763958" w:rsidP="00763958">
            <w:r>
              <w:t xml:space="preserve">                        }</w:t>
            </w:r>
          </w:p>
          <w:p w:rsidR="00763958" w:rsidRDefault="00763958" w:rsidP="00763958"/>
          <w:p w:rsidR="00763958" w:rsidRDefault="00763958" w:rsidP="00763958">
            <w:r>
              <w:t xml:space="preserve">                        function fnSetSPFCookie() {</w:t>
            </w:r>
          </w:p>
          <w:p w:rsidR="00763958" w:rsidRDefault="00763958" w:rsidP="00763958">
            <w:r>
              <w:t xml:space="preserve">                            var pref = fnGetSearchQuery();</w:t>
            </w:r>
          </w:p>
          <w:p w:rsidR="00763958" w:rsidRDefault="00763958" w:rsidP="00763958">
            <w:r>
              <w:t xml:space="preserve">                            window.setCookie("PREF", btoa(fnStringifyObject(pref)), 30);</w:t>
            </w:r>
          </w:p>
          <w:p w:rsidR="00763958" w:rsidRDefault="00763958" w:rsidP="00763958">
            <w:r>
              <w:t xml:space="preserve">                        }</w:t>
            </w:r>
          </w:p>
          <w:p w:rsidR="00763958" w:rsidRDefault="00763958" w:rsidP="00763958"/>
          <w:p w:rsidR="00763958" w:rsidRDefault="00763958" w:rsidP="00763958">
            <w:r>
              <w:t xml:space="preserve">                        function fnSetLocations(data) {</w:t>
            </w:r>
          </w:p>
          <w:p w:rsidR="00763958" w:rsidRDefault="00763958" w:rsidP="00763958">
            <w:r>
              <w:t xml:space="preserve">                            if (data instanceof Array) {</w:t>
            </w:r>
          </w:p>
          <w:p w:rsidR="00763958" w:rsidRDefault="00763958" w:rsidP="00763958">
            <w:r>
              <w:t xml:space="preserve">                                data.forEach(function(item) {</w:t>
            </w:r>
          </w:p>
          <w:p w:rsidR="00763958" w:rsidRDefault="00763958" w:rsidP="00763958">
            <w:r>
              <w:t xml:space="preserve">                                    fnAddLocationItem(item);</w:t>
            </w:r>
          </w:p>
          <w:p w:rsidR="00763958" w:rsidRDefault="00763958" w:rsidP="00763958">
            <w:r>
              <w:t xml:space="preserve">                                });</w:t>
            </w:r>
          </w:p>
          <w:p w:rsidR="00763958" w:rsidRDefault="00763958" w:rsidP="00763958">
            <w:r>
              <w:t xml:space="preserve">                            } else if (data !== "") {</w:t>
            </w:r>
          </w:p>
          <w:p w:rsidR="00763958" w:rsidRDefault="00763958" w:rsidP="00763958">
            <w:r>
              <w:t xml:space="preserve">                                fnAddLocationItem(data);</w:t>
            </w:r>
          </w:p>
          <w:p w:rsidR="00763958" w:rsidRDefault="00763958" w:rsidP="00763958">
            <w:r>
              <w:t xml:space="preserve">                            }</w:t>
            </w:r>
          </w:p>
          <w:p w:rsidR="00763958" w:rsidRDefault="00763958" w:rsidP="00763958">
            <w:r>
              <w:t xml:space="preserve">                            $("#txtLocation").val("");</w:t>
            </w:r>
          </w:p>
          <w:p w:rsidR="00763958" w:rsidRDefault="00763958" w:rsidP="00763958">
            <w:r>
              <w:t xml:space="preserve">                        }</w:t>
            </w:r>
          </w:p>
          <w:p w:rsidR="00763958" w:rsidRDefault="00763958" w:rsidP="00763958"/>
          <w:p w:rsidR="00763958" w:rsidRDefault="00763958" w:rsidP="00763958">
            <w:r>
              <w:t xml:space="preserve">                        function fnAddLocationItem(data, theme = 'primary', title = "Added Location") {</w:t>
            </w:r>
          </w:p>
          <w:p w:rsidR="00763958" w:rsidRDefault="00763958" w:rsidP="00763958">
            <w:r>
              <w:t xml:space="preserve">                            let locData = data.split('~');</w:t>
            </w:r>
          </w:p>
          <w:p w:rsidR="00763958" w:rsidRDefault="00763958" w:rsidP="00763958">
            <w:r>
              <w:t xml:space="preserve">                            var existing = $("#divLocations button:contains(" + locData[1] + ")");</w:t>
            </w:r>
          </w:p>
          <w:p w:rsidR="00763958" w:rsidRDefault="00763958" w:rsidP="00763958">
            <w:r>
              <w:t xml:space="preserve">                            if (existing.length &gt; 0) {</w:t>
            </w:r>
          </w:p>
          <w:p w:rsidR="00763958" w:rsidRDefault="00763958" w:rsidP="00763958">
            <w:r>
              <w:t xml:space="preserve">                                $(existing).attr("title", title);</w:t>
            </w:r>
          </w:p>
          <w:p w:rsidR="00763958" w:rsidRDefault="00763958" w:rsidP="00763958">
            <w:r>
              <w:t xml:space="preserve">                                $(existing).removeClass("btn-outline-primary");</w:t>
            </w:r>
          </w:p>
          <w:p w:rsidR="00763958" w:rsidRDefault="00763958" w:rsidP="00763958">
            <w:r>
              <w:t xml:space="preserve">                                $(existing).addClass("btn-outline-" + theme);</w:t>
            </w:r>
          </w:p>
          <w:p w:rsidR="00763958" w:rsidRDefault="00763958" w:rsidP="00763958">
            <w:r>
              <w:t xml:space="preserve">                            } else {</w:t>
            </w:r>
          </w:p>
          <w:p w:rsidR="00763958" w:rsidRDefault="00763958" w:rsidP="00763958">
            <w:r>
              <w:t xml:space="preserve">                                var template = $('&lt;button type="button" class="btn btn-outline-' + theme +</w:t>
            </w:r>
          </w:p>
          <w:p w:rsidR="00763958" w:rsidRDefault="00763958" w:rsidP="00763958">
            <w:r>
              <w:t xml:space="preserve">                                    ' btn-sm mr-1 mb-1 wow fadeInDown"&gt;&lt;span class="badge remove-item ml-1"&gt;&amp;times;&lt;/span&gt;&lt;/button&gt;'</w:t>
            </w:r>
          </w:p>
          <w:p w:rsidR="00763958" w:rsidRDefault="00763958" w:rsidP="00763958">
            <w:r>
              <w:t xml:space="preserve">                                );</w:t>
            </w:r>
          </w:p>
          <w:p w:rsidR="00763958" w:rsidRDefault="00763958" w:rsidP="00763958">
            <w:r>
              <w:t xml:space="preserve">                                template.prepend(_.upperFirst(_.camelCase(locData[0])) + ": " + locData[1]);</w:t>
            </w:r>
          </w:p>
          <w:p w:rsidR="00763958" w:rsidRDefault="00763958" w:rsidP="00763958">
            <w:r>
              <w:lastRenderedPageBreak/>
              <w:t xml:space="preserve">                                $(template).data("location", data);</w:t>
            </w:r>
          </w:p>
          <w:p w:rsidR="00763958" w:rsidRDefault="00763958" w:rsidP="00763958">
            <w:r>
              <w:t xml:space="preserve">                                $(template).attr("title", title);</w:t>
            </w:r>
          </w:p>
          <w:p w:rsidR="00763958" w:rsidRDefault="00763958" w:rsidP="00763958">
            <w:r>
              <w:t xml:space="preserve">                                $("#divLocations").append(template);</w:t>
            </w:r>
          </w:p>
          <w:p w:rsidR="00763958" w:rsidRDefault="00763958" w:rsidP="00763958">
            <w:r>
              <w:t xml:space="preserve">                            }</w:t>
            </w:r>
          </w:p>
          <w:p w:rsidR="00763958" w:rsidRDefault="00763958" w:rsidP="00763958">
            <w:r>
              <w:t xml:space="preserve">                            if (locData[0] === "zip_code") {</w:t>
            </w:r>
          </w:p>
          <w:p w:rsidR="00763958" w:rsidRDefault="00763958" w:rsidP="00763958">
            <w:r>
              <w:t xml:space="preserve">                                $("#divRadius").show();</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function fnSetCheckbox(data, name) {</w:t>
            </w:r>
          </w:p>
          <w:p w:rsidR="00763958" w:rsidRDefault="00763958" w:rsidP="00763958">
            <w:r>
              <w:t xml:space="preserve">                            if (data instanceof Array) {</w:t>
            </w:r>
          </w:p>
          <w:p w:rsidR="00763958" w:rsidRDefault="00763958" w:rsidP="00763958">
            <w:r>
              <w:t xml:space="preserve">                                data.forEach(function(item, index) {</w:t>
            </w:r>
          </w:p>
          <w:p w:rsidR="00763958" w:rsidRDefault="00763958" w:rsidP="00763958">
            <w:r>
              <w:t xml:space="preserve">                                    $("input[name='" + name + "[]'][value='" + item + "']").prop("checked",</w:t>
            </w:r>
          </w:p>
          <w:p w:rsidR="00763958" w:rsidRDefault="00763958" w:rsidP="00763958">
            <w:r>
              <w:t xml:space="preserve">                                        true);</w:t>
            </w:r>
          </w:p>
          <w:p w:rsidR="00763958" w:rsidRDefault="00763958" w:rsidP="00763958">
            <w:r>
              <w:t xml:space="preserve">                                });</w:t>
            </w:r>
          </w:p>
          <w:p w:rsidR="00763958" w:rsidRDefault="00763958" w:rsidP="00763958">
            <w:r>
              <w:t xml:space="preserve">                            } else if (data !== "") {</w:t>
            </w:r>
          </w:p>
          <w:p w:rsidR="00763958" w:rsidRDefault="00763958" w:rsidP="00763958">
            <w:r>
              <w:t xml:space="preserve">                                $("input[name='" + name + "[]'][value='" + data + "']").prop("checked", true);</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function fnObjectToQuery(obj) {</w:t>
            </w:r>
          </w:p>
          <w:p w:rsidR="00763958" w:rsidRDefault="00763958" w:rsidP="00763958">
            <w:r>
              <w:t xml:space="preserve">                            obj = fnRefineObject(obj);</w:t>
            </w:r>
          </w:p>
          <w:p w:rsidR="00763958" w:rsidRDefault="00763958" w:rsidP="00763958">
            <w:r>
              <w:t xml:space="preserve">                            return Object.keys(obj).map(function(prop) {</w:t>
            </w:r>
          </w:p>
          <w:p w:rsidR="00763958" w:rsidRDefault="00763958" w:rsidP="00763958">
            <w:r>
              <w:t xml:space="preserve">                                return prop + "=" + obj[prop];</w:t>
            </w:r>
          </w:p>
          <w:p w:rsidR="00763958" w:rsidRDefault="00763958" w:rsidP="00763958">
            <w:r>
              <w:t xml:space="preserve">                            }).join("&amp;");</w:t>
            </w:r>
          </w:p>
          <w:p w:rsidR="00763958" w:rsidRDefault="00763958" w:rsidP="00763958">
            <w:r>
              <w:t xml:space="preserve">                        }</w:t>
            </w:r>
          </w:p>
          <w:p w:rsidR="00763958" w:rsidRDefault="00763958" w:rsidP="00763958"/>
          <w:p w:rsidR="00763958" w:rsidRDefault="00763958" w:rsidP="00763958">
            <w:r>
              <w:t xml:space="preserve">                        function fnParseFilter(sFilter) {</w:t>
            </w:r>
          </w:p>
          <w:p w:rsidR="00763958" w:rsidRDefault="00763958" w:rsidP="00763958">
            <w:r>
              <w:t xml:space="preserve">                            sFilter = atob(sFilter.replace(/\s+/g, '+'));</w:t>
            </w:r>
          </w:p>
          <w:p w:rsidR="00763958" w:rsidRDefault="00763958" w:rsidP="00763958">
            <w:r>
              <w:t xml:space="preserve">                            let newArray = {</w:t>
            </w:r>
          </w:p>
          <w:p w:rsidR="00763958" w:rsidRDefault="00763958" w:rsidP="00763958">
            <w:r>
              <w:t xml:space="preserve">                                'radius': '',</w:t>
            </w:r>
          </w:p>
          <w:p w:rsidR="00763958" w:rsidRDefault="00763958" w:rsidP="00763958">
            <w:r>
              <w:t xml:space="preserve">                                'location': '',</w:t>
            </w:r>
          </w:p>
          <w:p w:rsidR="00763958" w:rsidRDefault="00763958" w:rsidP="00763958">
            <w:r>
              <w:t xml:space="preserve">                                //'residences': '',</w:t>
            </w:r>
          </w:p>
          <w:p w:rsidR="00763958" w:rsidRDefault="00763958" w:rsidP="00763958">
            <w:r>
              <w:t xml:space="preserve">                                'price_range': ''</w:t>
            </w:r>
          </w:p>
          <w:p w:rsidR="00763958" w:rsidRDefault="00763958" w:rsidP="00763958">
            <w:r>
              <w:t xml:space="preserve">                            };</w:t>
            </w:r>
          </w:p>
          <w:p w:rsidR="00763958" w:rsidRDefault="00763958" w:rsidP="00763958">
            <w:r>
              <w:t xml:space="preserve">                            if (sFilter) {</w:t>
            </w:r>
          </w:p>
          <w:p w:rsidR="00763958" w:rsidRDefault="00763958" w:rsidP="00763958">
            <w:r>
              <w:t xml:space="preserve">                                let aryFilter = sFilter.split("|");</w:t>
            </w:r>
          </w:p>
          <w:p w:rsidR="00763958" w:rsidRDefault="00763958" w:rsidP="00763958">
            <w:r>
              <w:t xml:space="preserve">                                aryFilter.forEach(function(item, index) {</w:t>
            </w:r>
          </w:p>
          <w:p w:rsidR="00763958" w:rsidRDefault="00763958" w:rsidP="00763958">
            <w:r>
              <w:t xml:space="preserve">                                    let keyPair = item.split(":");</w:t>
            </w:r>
          </w:p>
          <w:p w:rsidR="00763958" w:rsidRDefault="00763958" w:rsidP="00763958">
            <w:r>
              <w:t xml:space="preserve">                                    newArray[keyPair[0]] = (keyPair[1].indexOf(",") === -1 ? keyPair[1] :</w:t>
            </w:r>
          </w:p>
          <w:p w:rsidR="00763958" w:rsidRDefault="00763958" w:rsidP="00763958">
            <w:r>
              <w:t xml:space="preserve">                                        keyPair[1].split(","));</w:t>
            </w:r>
          </w:p>
          <w:p w:rsidR="00763958" w:rsidRDefault="00763958" w:rsidP="00763958">
            <w:r>
              <w:t xml:space="preserve">                                });</w:t>
            </w:r>
          </w:p>
          <w:p w:rsidR="00763958" w:rsidRDefault="00763958" w:rsidP="00763958">
            <w:r>
              <w:t xml:space="preserve">                            }</w:t>
            </w:r>
          </w:p>
          <w:p w:rsidR="00763958" w:rsidRDefault="00763958" w:rsidP="00763958">
            <w:r>
              <w:t xml:space="preserve">                            return newArray;</w:t>
            </w:r>
          </w:p>
          <w:p w:rsidR="00763958" w:rsidRDefault="00763958" w:rsidP="00763958">
            <w:r>
              <w:t xml:space="preserve">                        }</w:t>
            </w:r>
          </w:p>
          <w:p w:rsidR="00763958" w:rsidRDefault="00763958" w:rsidP="00763958"/>
          <w:p w:rsidR="00763958" w:rsidRDefault="00763958" w:rsidP="00763958">
            <w:r>
              <w:t xml:space="preserve">                        function fnStringifyObject(obj) {</w:t>
            </w:r>
          </w:p>
          <w:p w:rsidR="00763958" w:rsidRDefault="00763958" w:rsidP="00763958">
            <w:r>
              <w:t xml:space="preserve">                            obj = fnRefineObject(obj);</w:t>
            </w:r>
          </w:p>
          <w:p w:rsidR="00763958" w:rsidRDefault="00763958" w:rsidP="00763958">
            <w:r>
              <w:lastRenderedPageBreak/>
              <w:t xml:space="preserve">                            let newArray = [];</w:t>
            </w:r>
          </w:p>
          <w:p w:rsidR="00763958" w:rsidRDefault="00763958" w:rsidP="00763958">
            <w:r>
              <w:t xml:space="preserve">                            Object.keys(obj).forEach((prop) =&gt; {</w:t>
            </w:r>
          </w:p>
          <w:p w:rsidR="00763958" w:rsidRDefault="00763958" w:rsidP="00763958">
            <w:r>
              <w:t xml:space="preserve">                                newArray.push(prop + ":" + ((obj[prop].constructor === Array) ? obj[prop].join(</w:t>
            </w:r>
          </w:p>
          <w:p w:rsidR="00763958" w:rsidRDefault="00763958" w:rsidP="00763958">
            <w:r>
              <w:t xml:space="preserve">                                    ",") : obj[prop]));</w:t>
            </w:r>
          </w:p>
          <w:p w:rsidR="00763958" w:rsidRDefault="00763958" w:rsidP="00763958">
            <w:r>
              <w:t xml:space="preserve">                            });</w:t>
            </w:r>
          </w:p>
          <w:p w:rsidR="00763958" w:rsidRDefault="00763958" w:rsidP="00763958">
            <w:r>
              <w:t xml:space="preserve">                            return newArray.join("|");</w:t>
            </w:r>
          </w:p>
          <w:p w:rsidR="00763958" w:rsidRDefault="00763958" w:rsidP="00763958">
            <w:r>
              <w:t xml:space="preserve">                        }</w:t>
            </w:r>
          </w:p>
          <w:p w:rsidR="00763958" w:rsidRDefault="00763958" w:rsidP="00763958"/>
          <w:p w:rsidR="00763958" w:rsidRDefault="00763958" w:rsidP="00763958">
            <w:r>
              <w:t xml:space="preserve">                        function fnRefineObject(obj) {</w:t>
            </w:r>
          </w:p>
          <w:p w:rsidR="00763958" w:rsidRDefault="00763958" w:rsidP="00763958">
            <w:r>
              <w:t xml:space="preserve">                            let newObj = {};</w:t>
            </w:r>
          </w:p>
          <w:p w:rsidR="00763958" w:rsidRDefault="00763958" w:rsidP="00763958">
            <w:r>
              <w:t xml:space="preserve">                            Object.keys(obj).forEach((prop) =&gt; {</w:t>
            </w:r>
          </w:p>
          <w:p w:rsidR="00763958" w:rsidRDefault="00763958" w:rsidP="00763958">
            <w:r>
              <w:t xml:space="preserve">                                if (obj[prop] &amp;&amp; !(Object.keys(obj[prop]).length === 0 &amp;&amp; obj[prop]</w:t>
            </w:r>
          </w:p>
          <w:p w:rsidR="00763958" w:rsidRDefault="00763958" w:rsidP="00763958">
            <w:r>
              <w:t xml:space="preserve">                                        .constructor === Object) &amp;&amp;</w:t>
            </w:r>
          </w:p>
          <w:p w:rsidR="00763958" w:rsidRDefault="00763958" w:rsidP="00763958">
            <w:r>
              <w:t xml:space="preserve">                                    !(obj[prop].constructor === Array &amp;&amp; obj[prop].length === 0)) {</w:t>
            </w:r>
          </w:p>
          <w:p w:rsidR="00763958" w:rsidRDefault="00763958" w:rsidP="00763958">
            <w:r>
              <w:t xml:space="preserve">                                    newObj[prop] = obj[prop];</w:t>
            </w:r>
          </w:p>
          <w:p w:rsidR="00763958" w:rsidRDefault="00763958" w:rsidP="00763958">
            <w:r>
              <w:t xml:space="preserve">                                }</w:t>
            </w:r>
          </w:p>
          <w:p w:rsidR="00763958" w:rsidRDefault="00763958" w:rsidP="00763958">
            <w:r>
              <w:t xml:space="preserve">                            });</w:t>
            </w:r>
          </w:p>
          <w:p w:rsidR="00763958" w:rsidRDefault="00763958" w:rsidP="00763958">
            <w:r>
              <w:t xml:space="preserve">                            return newObj;</w:t>
            </w:r>
          </w:p>
          <w:p w:rsidR="00763958" w:rsidRDefault="00763958" w:rsidP="00763958">
            <w:r>
              <w:t xml:space="preserve">                        }</w:t>
            </w:r>
          </w:p>
          <w:p w:rsidR="00763958" w:rsidRDefault="00763958" w:rsidP="00763958"/>
          <w:p w:rsidR="00763958" w:rsidRDefault="00763958" w:rsidP="00763958">
            <w:r>
              <w:t xml:space="preserve">                        function initAutocomplete() {</w:t>
            </w:r>
          </w:p>
          <w:p w:rsidR="00763958" w:rsidRDefault="00763958" w:rsidP="00763958">
            <w:r>
              <w:t xml:space="preserve">                            geoLocate();</w:t>
            </w:r>
          </w:p>
          <w:p w:rsidR="00763958" w:rsidRDefault="00763958" w:rsidP="00763958">
            <w:r>
              <w:t xml:space="preserve">                            autocomplete = new google.maps.places.Autocomplete(</w:t>
            </w:r>
          </w:p>
          <w:p w:rsidR="00763958" w:rsidRDefault="00763958" w:rsidP="00763958">
            <w:r>
              <w:t xml:space="preserve">                                document.getElementById('txtLocation'), {</w:t>
            </w:r>
          </w:p>
          <w:p w:rsidR="00763958" w:rsidRDefault="00763958" w:rsidP="00763958">
            <w:r>
              <w:t xml:space="preserve">                                    types: ['geocode'],</w:t>
            </w:r>
          </w:p>
          <w:p w:rsidR="00763958" w:rsidRDefault="00763958" w:rsidP="00763958">
            <w:r>
              <w:t xml:space="preserve">                                    componentRestrictions: {</w:t>
            </w:r>
          </w:p>
          <w:p w:rsidR="00763958" w:rsidRDefault="00763958" w:rsidP="00763958">
            <w:r>
              <w:t xml:space="preserve">                                        country: "us"</w:t>
            </w:r>
          </w:p>
          <w:p w:rsidR="00763958" w:rsidRDefault="00763958" w:rsidP="00763958">
            <w:r>
              <w:t xml:space="preserve">                                    }</w:t>
            </w:r>
          </w:p>
          <w:p w:rsidR="00763958" w:rsidRDefault="00763958" w:rsidP="00763958">
            <w:r>
              <w:t xml:space="preserve">                                });</w:t>
            </w:r>
          </w:p>
          <w:p w:rsidR="00763958" w:rsidRDefault="00763958" w:rsidP="00763958">
            <w:r>
              <w:t xml:space="preserve">                            autocomplete.setFields(['address_component']);</w:t>
            </w:r>
          </w:p>
          <w:p w:rsidR="00763958" w:rsidRDefault="00763958" w:rsidP="00763958">
            <w:r>
              <w:t xml:space="preserve">                            autocomplete.addListener('place_changed', fnPlaceChanged);</w:t>
            </w:r>
          </w:p>
          <w:p w:rsidR="00763958" w:rsidRDefault="00763958" w:rsidP="00763958">
            <w:r>
              <w:t xml:space="preserve">                            google.maps.event.addDomListener(document.getElementById('txtLocation'), 'keydown',</w:t>
            </w:r>
          </w:p>
          <w:p w:rsidR="00763958" w:rsidRDefault="00763958" w:rsidP="00763958">
            <w:r>
              <w:t xml:space="preserve">                                function(e) {</w:t>
            </w:r>
          </w:p>
          <w:p w:rsidR="00763958" w:rsidRDefault="00763958" w:rsidP="00763958">
            <w:r>
              <w:t xml:space="preserve">                                    if (e.keyCode === 13) {</w:t>
            </w:r>
          </w:p>
          <w:p w:rsidR="00763958" w:rsidRDefault="00763958" w:rsidP="00763958">
            <w:r>
              <w:t xml:space="preserve">                                        e.preventDefault();</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function fnPlaceChanged() {</w:t>
            </w:r>
          </w:p>
          <w:p w:rsidR="00763958" w:rsidRDefault="00763958" w:rsidP="00763958">
            <w:r>
              <w:t xml:space="preserve">                            var place = autocomplete.getPlace();</w:t>
            </w:r>
          </w:p>
          <w:p w:rsidR="00763958" w:rsidRDefault="00763958" w:rsidP="00763958">
            <w:r>
              <w:t xml:space="preserve">                            var locationData = fnGetLocationData(place);</w:t>
            </w:r>
          </w:p>
          <w:p w:rsidR="00763958" w:rsidRDefault="00763958" w:rsidP="00763958">
            <w:r>
              <w:t xml:space="preserve">                            if (locationData !== "") {</w:t>
            </w:r>
          </w:p>
          <w:p w:rsidR="00763958" w:rsidRDefault="00763958" w:rsidP="00763958">
            <w:r>
              <w:t xml:space="preserve">                                fnAddLocationItem(locationData);</w:t>
            </w:r>
          </w:p>
          <w:p w:rsidR="00763958" w:rsidRDefault="00763958" w:rsidP="00763958">
            <w:r>
              <w:t xml:space="preserve">                            } else {</w:t>
            </w:r>
          </w:p>
          <w:p w:rsidR="00763958" w:rsidRDefault="00763958" w:rsidP="00763958">
            <w:r>
              <w:t xml:space="preserve">                                swal.fire({</w:t>
            </w:r>
          </w:p>
          <w:p w:rsidR="00763958" w:rsidRDefault="00763958" w:rsidP="00763958">
            <w:r>
              <w:t xml:space="preserve">                                    title: "Invalid input!!",</w:t>
            </w:r>
          </w:p>
          <w:p w:rsidR="00763958" w:rsidRDefault="00763958" w:rsidP="00763958">
            <w:r>
              <w:lastRenderedPageBreak/>
              <w:t xml:space="preserve">                                    text: "Please enter a city or zip code.",</w:t>
            </w:r>
          </w:p>
          <w:p w:rsidR="00763958" w:rsidRDefault="00763958" w:rsidP="00763958">
            <w:r>
              <w:t xml:space="preserve">                                    icon: "warning",</w:t>
            </w:r>
          </w:p>
          <w:p w:rsidR="00763958" w:rsidRDefault="00763958" w:rsidP="00763958">
            <w:r>
              <w:t xml:space="preserve">                                    confirmButtonColor: "#DD6B55",</w:t>
            </w:r>
          </w:p>
          <w:p w:rsidR="00763958" w:rsidRDefault="00763958" w:rsidP="00763958">
            <w:r>
              <w:t xml:space="preserve">                                    confirmButtonText: "Ok, Got it!!",</w:t>
            </w:r>
          </w:p>
          <w:p w:rsidR="00763958" w:rsidRDefault="00763958" w:rsidP="00763958">
            <w:r>
              <w:t xml:space="preserve">                                    allowOutsideClick: false</w:t>
            </w:r>
          </w:p>
          <w:p w:rsidR="00763958" w:rsidRDefault="00763958" w:rsidP="00763958">
            <w:r>
              <w:t xml:space="preserve">                                });</w:t>
            </w:r>
          </w:p>
          <w:p w:rsidR="00763958" w:rsidRDefault="00763958" w:rsidP="00763958">
            <w:r>
              <w:t xml:space="preserve">                            }</w:t>
            </w:r>
          </w:p>
          <w:p w:rsidR="00763958" w:rsidRDefault="00763958" w:rsidP="00763958">
            <w:r>
              <w:t xml:space="preserve">                            $("#txtLocation").val("");</w:t>
            </w:r>
          </w:p>
          <w:p w:rsidR="00763958" w:rsidRDefault="00763958" w:rsidP="00763958">
            <w:r>
              <w:t xml:space="preserve">                        }</w:t>
            </w:r>
          </w:p>
          <w:p w:rsidR="00763958" w:rsidRDefault="00763958" w:rsidP="00763958"/>
          <w:p w:rsidR="00763958" w:rsidRDefault="00763958" w:rsidP="00763958">
            <w:r>
              <w:t xml:space="preserve">                        function fnGetLocationData(place) {</w:t>
            </w:r>
          </w:p>
          <w:p w:rsidR="00763958" w:rsidRDefault="00763958" w:rsidP="00763958">
            <w:r>
              <w:t xml:space="preserve">                            var location = {},</w:t>
            </w:r>
          </w:p>
          <w:p w:rsidR="00763958" w:rsidRDefault="00763958" w:rsidP="00763958">
            <w:r>
              <w:t xml:space="preserve">                                locationData = "";</w:t>
            </w:r>
          </w:p>
          <w:p w:rsidR="00763958" w:rsidRDefault="00763958" w:rsidP="00763958">
            <w:r>
              <w:t xml:space="preserve">                            for (var i = 0; i &lt; place.address_components.length; i++) {</w:t>
            </w:r>
          </w:p>
          <w:p w:rsidR="00763958" w:rsidRDefault="00763958" w:rsidP="00763958">
            <w:r>
              <w:t xml:space="preserve">                                var addressType = place.address_components[i].types[0];</w:t>
            </w:r>
          </w:p>
          <w:p w:rsidR="00763958" w:rsidRDefault="00763958" w:rsidP="00763958">
            <w:r>
              <w:t xml:space="preserve">                                if (addressType === "postal_code") {</w:t>
            </w:r>
          </w:p>
          <w:p w:rsidR="00763958" w:rsidRDefault="00763958" w:rsidP="00763958">
            <w:r>
              <w:t xml:space="preserve">                                    location["zip_code"] = place.address_components[i]["short_name"];</w:t>
            </w:r>
          </w:p>
          <w:p w:rsidR="00763958" w:rsidRDefault="00763958" w:rsidP="00763958">
            <w:r>
              <w:t xml:space="preserve">                                }</w:t>
            </w:r>
          </w:p>
          <w:p w:rsidR="00763958" w:rsidRDefault="00763958" w:rsidP="00763958">
            <w:r>
              <w:t xml:space="preserve">                                if (addressType === "locality") {</w:t>
            </w:r>
          </w:p>
          <w:p w:rsidR="00763958" w:rsidRDefault="00763958" w:rsidP="00763958">
            <w:r>
              <w:t xml:space="preserve">                                    location["city_alt"] = place.address_components[i]["long_name"];</w:t>
            </w:r>
          </w:p>
          <w:p w:rsidR="00763958" w:rsidRDefault="00763958" w:rsidP="00763958">
            <w:r>
              <w:t xml:space="preserve">                                }</w:t>
            </w:r>
          </w:p>
          <w:p w:rsidR="00763958" w:rsidRDefault="00763958" w:rsidP="00763958">
            <w:r>
              <w:t xml:space="preserve">                                if (addressType === "neighborhood") {</w:t>
            </w:r>
          </w:p>
          <w:p w:rsidR="00763958" w:rsidRDefault="00763958" w:rsidP="00763958">
            <w:r>
              <w:t xml:space="preserve">                                    location["city"] = place.address_components[i]["long_name"];</w:t>
            </w:r>
          </w:p>
          <w:p w:rsidR="00763958" w:rsidRDefault="00763958" w:rsidP="00763958">
            <w:r>
              <w:t xml:space="preserve">                                }</w:t>
            </w:r>
          </w:p>
          <w:p w:rsidR="00763958" w:rsidRDefault="00763958" w:rsidP="00763958">
            <w:r>
              <w:t xml:space="preserve">                                if (addressType === "administrative_area_level_1") {</w:t>
            </w:r>
          </w:p>
          <w:p w:rsidR="00763958" w:rsidRDefault="00763958" w:rsidP="00763958">
            <w:r>
              <w:t xml:space="preserve">                                    location["state"] = place.address_components[i]["short_name"];</w:t>
            </w:r>
          </w:p>
          <w:p w:rsidR="00763958" w:rsidRDefault="00763958" w:rsidP="00763958">
            <w:r>
              <w:t xml:space="preserve">                                }</w:t>
            </w:r>
          </w:p>
          <w:p w:rsidR="00763958" w:rsidRDefault="00763958" w:rsidP="00763958">
            <w:r>
              <w:t xml:space="preserve">                            }</w:t>
            </w:r>
          </w:p>
          <w:p w:rsidR="00763958" w:rsidRDefault="00763958" w:rsidP="00763958">
            <w:r>
              <w:t xml:space="preserve">                            if (location.hasOwnProperty("zip_code")) {</w:t>
            </w:r>
          </w:p>
          <w:p w:rsidR="00763958" w:rsidRDefault="00763958" w:rsidP="00763958">
            <w:r>
              <w:t xml:space="preserve">                                locationData = "zip_code~" + location["zip_code"];</w:t>
            </w:r>
          </w:p>
          <w:p w:rsidR="00763958" w:rsidRDefault="00763958" w:rsidP="00763958">
            <w:r>
              <w:t xml:space="preserve">                            } else if (location.hasOwnProperty("city")) {</w:t>
            </w:r>
          </w:p>
          <w:p w:rsidR="00763958" w:rsidRDefault="00763958" w:rsidP="00763958">
            <w:r>
              <w:t xml:space="preserve">                                locationData = "city~" + location["city"];</w:t>
            </w:r>
          </w:p>
          <w:p w:rsidR="00763958" w:rsidRDefault="00763958" w:rsidP="00763958">
            <w:r>
              <w:t xml:space="preserve">                            } else if (location.hasOwnProperty("city_alt")) {</w:t>
            </w:r>
          </w:p>
          <w:p w:rsidR="00763958" w:rsidRDefault="00763958" w:rsidP="00763958">
            <w:r>
              <w:t xml:space="preserve">                                locationData = "city~" + location["city_alt"];</w:t>
            </w:r>
          </w:p>
          <w:p w:rsidR="00763958" w:rsidRDefault="00763958" w:rsidP="00763958">
            <w:r>
              <w:t xml:space="preserve">                            }</w:t>
            </w:r>
          </w:p>
          <w:p w:rsidR="00763958" w:rsidRDefault="00763958" w:rsidP="00763958">
            <w:r>
              <w:t xml:space="preserve">                            /* else if (location.hasOwnProperty("state")) {</w:t>
            </w:r>
          </w:p>
          <w:p w:rsidR="00763958" w:rsidRDefault="00763958" w:rsidP="00763958">
            <w:r>
              <w:t xml:space="preserve">                                            locationData = "state~" + location["state"];</w:t>
            </w:r>
          </w:p>
          <w:p w:rsidR="00763958" w:rsidRDefault="00763958" w:rsidP="00763958">
            <w:r>
              <w:t xml:space="preserve">                                        }*/</w:t>
            </w:r>
          </w:p>
          <w:p w:rsidR="00763958" w:rsidRDefault="00763958" w:rsidP="00763958">
            <w:r>
              <w:t xml:space="preserve">                            return locationData;</w:t>
            </w:r>
          </w:p>
          <w:p w:rsidR="00763958" w:rsidRDefault="00763958" w:rsidP="00763958">
            <w:r>
              <w:t xml:space="preserve">                        }</w:t>
            </w:r>
          </w:p>
          <w:p w:rsidR="00763958" w:rsidRDefault="00763958" w:rsidP="00763958"/>
          <w:p w:rsidR="00763958" w:rsidRDefault="00763958" w:rsidP="00763958">
            <w:r>
              <w:t xml:space="preserve">                        function geoLocate() {</w:t>
            </w:r>
          </w:p>
          <w:p w:rsidR="00763958" w:rsidRDefault="00763958" w:rsidP="00763958">
            <w:r>
              <w:t xml:space="preserve">                            if (navigator.geolocation) {</w:t>
            </w:r>
          </w:p>
          <w:p w:rsidR="00763958" w:rsidRDefault="00763958" w:rsidP="00763958">
            <w:r>
              <w:t xml:space="preserve">                                navigator.geolocation.getCurrentPosition(function(position) {</w:t>
            </w:r>
          </w:p>
          <w:p w:rsidR="00763958" w:rsidRDefault="00763958" w:rsidP="00763958">
            <w:r>
              <w:t xml:space="preserve">                                    var geolocation = {</w:t>
            </w:r>
          </w:p>
          <w:p w:rsidR="00763958" w:rsidRDefault="00763958" w:rsidP="00763958">
            <w:r>
              <w:t xml:space="preserve">                                        lat: position.coords.latitude,</w:t>
            </w:r>
          </w:p>
          <w:p w:rsidR="00763958" w:rsidRDefault="00763958" w:rsidP="00763958">
            <w:r>
              <w:t xml:space="preserve">                                        lng: position.coords.longitude</w:t>
            </w:r>
          </w:p>
          <w:p w:rsidR="00763958" w:rsidRDefault="00763958" w:rsidP="00763958">
            <w:r>
              <w:t xml:space="preserve">                                    };</w:t>
            </w:r>
          </w:p>
          <w:p w:rsidR="00763958" w:rsidRDefault="00763958" w:rsidP="00763958">
            <w:r>
              <w:lastRenderedPageBreak/>
              <w:t xml:space="preserve">                                    var circle = new google.maps.Circle({</w:t>
            </w:r>
          </w:p>
          <w:p w:rsidR="00763958" w:rsidRDefault="00763958" w:rsidP="00763958">
            <w:r>
              <w:t xml:space="preserve">                                        center: geolocation,</w:t>
            </w:r>
          </w:p>
          <w:p w:rsidR="00763958" w:rsidRDefault="00763958" w:rsidP="00763958">
            <w:r>
              <w:t xml:space="preserve">                                        radius: position.coords.accuracy</w:t>
            </w:r>
          </w:p>
          <w:p w:rsidR="00763958" w:rsidRDefault="00763958" w:rsidP="00763958">
            <w:r>
              <w:t xml:space="preserve">                                    });</w:t>
            </w:r>
          </w:p>
          <w:p w:rsidR="00763958" w:rsidRDefault="00763958" w:rsidP="00763958">
            <w:r>
              <w:t xml:space="preserve">                                    autocomplete.setBounds(circle.getBounds());</w:t>
            </w:r>
          </w:p>
          <w:p w:rsidR="00763958" w:rsidRDefault="00763958" w:rsidP="00763958">
            <w:r>
              <w:t xml:space="preserve">                                    if (!lscache.get("auto_location_off")) {</w:t>
            </w:r>
          </w:p>
          <w:p w:rsidR="00763958" w:rsidRDefault="00763958" w:rsidP="00763958">
            <w:r>
              <w:t xml:space="preserve">                                        var point = new google.maps.LatLng(position.coords.latitude, position</w:t>
            </w:r>
          </w:p>
          <w:p w:rsidR="00763958" w:rsidRDefault="00763958" w:rsidP="00763958">
            <w:r>
              <w:t xml:space="preserve">                                            .coords.longitude);</w:t>
            </w:r>
          </w:p>
          <w:p w:rsidR="00763958" w:rsidRDefault="00763958" w:rsidP="00763958">
            <w:r>
              <w:t xml:space="preserve">                                        new google.maps.Geocoder().geocode({</w:t>
            </w:r>
          </w:p>
          <w:p w:rsidR="00763958" w:rsidRDefault="00763958" w:rsidP="00763958">
            <w:r>
              <w:t xml:space="preserve">                                            'latLng': point</w:t>
            </w:r>
          </w:p>
          <w:p w:rsidR="00763958" w:rsidRDefault="00763958" w:rsidP="00763958">
            <w:r>
              <w:t xml:space="preserve">                                        }, function(res, status) {</w:t>
            </w:r>
          </w:p>
          <w:p w:rsidR="00763958" w:rsidRDefault="00763958" w:rsidP="00763958">
            <w:r>
              <w:t xml:space="preserve">                                            if (status === google.maps.GeocoderStatus.OK &amp;&amp; typeof res[</w:t>
            </w:r>
          </w:p>
          <w:p w:rsidR="00763958" w:rsidRDefault="00763958" w:rsidP="00763958">
            <w:r>
              <w:t xml:space="preserve">                                                    0] !== 'undefined') {</w:t>
            </w:r>
          </w:p>
          <w:p w:rsidR="00763958" w:rsidRDefault="00763958" w:rsidP="00763958">
            <w:r>
              <w:t xml:space="preserve">                                                var locationData = fnGetLocationData(res[0]);</w:t>
            </w:r>
          </w:p>
          <w:p w:rsidR="00763958" w:rsidRDefault="00763958" w:rsidP="00763958">
            <w:r>
              <w:t xml:space="preserve">                                                if (locationData !== "") {</w:t>
            </w:r>
          </w:p>
          <w:p w:rsidR="00763958" w:rsidRDefault="00763958" w:rsidP="00763958">
            <w:r>
              <w:t xml:space="preserve">                                                    fnAddLocationItem(locationData, 'success',</w:t>
            </w:r>
          </w:p>
          <w:p w:rsidR="00763958" w:rsidRDefault="00763958" w:rsidP="00763958">
            <w:r>
              <w:t xml:space="preserve">                                                        'Your Location');</w:t>
            </w:r>
          </w:p>
          <w:p w:rsidR="00763958" w:rsidRDefault="00763958" w:rsidP="00763958">
            <w:r>
              <w:t xml:space="preserve">                                                } else {</w:t>
            </w:r>
          </w:p>
          <w:p w:rsidR="00763958" w:rsidRDefault="00763958" w:rsidP="00763958">
            <w:r>
              <w:t xml:space="preserve">                                                    fail('Unable to get zip code');</w:t>
            </w:r>
          </w:p>
          <w:p w:rsidR="00763958" w:rsidRDefault="00763958" w:rsidP="00763958">
            <w:r>
              <w:t xml:space="preserve">                                                }</w:t>
            </w:r>
          </w:p>
          <w:p w:rsidR="00763958" w:rsidRDefault="00763958" w:rsidP="00763958">
            <w:r>
              <w:t xml:space="preserve">                                            } else {</w:t>
            </w:r>
          </w:p>
          <w:p w:rsidR="00763958" w:rsidRDefault="00763958" w:rsidP="00763958">
            <w:r>
              <w:t xml:space="preserve">                                                fail('Unable to look-up geolocation');</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t xml:space="preserve">                            } else {</w:t>
            </w:r>
          </w:p>
          <w:p w:rsidR="00763958" w:rsidRDefault="00763958" w:rsidP="00763958">
            <w:r>
              <w:t xml:space="preserve">                                console.log("Geolocation not supported");</w:t>
            </w:r>
          </w:p>
          <w:p w:rsidR="00763958" w:rsidRDefault="00763958" w:rsidP="00763958">
            <w:r>
              <w:t xml:space="preserve">                            }</w:t>
            </w:r>
          </w:p>
          <w:p w:rsidR="00763958" w:rsidRDefault="00763958" w:rsidP="00763958">
            <w:r>
              <w:t xml:space="preserve">                        }</w:t>
            </w:r>
          </w:p>
          <w:p w:rsidR="00763958" w:rsidRDefault="00763958" w:rsidP="00763958">
            <w:r>
              <w:t xml:space="preserve">                        &lt;/script&gt;</w:t>
            </w:r>
          </w:p>
          <w:p w:rsidR="00763958" w:rsidRDefault="00763958" w:rsidP="00763958">
            <w:r>
              <w:t xml:space="preserve">                    &lt;/aside&gt;</w:t>
            </w:r>
          </w:p>
          <w:p w:rsidR="00763958" w:rsidRDefault="00763958" w:rsidP="00763958">
            <w:r>
              <w:t>&lt;!---------------Filter validation ends------------------&gt;</w:t>
            </w:r>
          </w:p>
          <w:p w:rsidR="00763958" w:rsidRDefault="00763958" w:rsidP="00763958">
            <w:r>
              <w:t xml:space="preserve">                        </w:t>
            </w:r>
          </w:p>
          <w:p w:rsidR="00763958" w:rsidRDefault="00763958" w:rsidP="00763958">
            <w:r>
              <w:t>&lt;!---------------residences recomendation starts------------------&gt;</w:t>
            </w:r>
          </w:p>
          <w:p w:rsidR="00763958" w:rsidRDefault="00763958" w:rsidP="00763958"/>
          <w:p w:rsidR="00763958" w:rsidRDefault="00763958" w:rsidP="00763958">
            <w:r>
              <w:t xml:space="preserve">            &lt;div class="col-lg-9"&gt;</w:t>
            </w:r>
          </w:p>
          <w:p w:rsidR="00763958" w:rsidRDefault="00763958" w:rsidP="00763958">
            <w:r>
              <w:t xml:space="preserve">                &lt;div class="row"&gt;</w:t>
            </w:r>
          </w:p>
          <w:p w:rsidR="00763958" w:rsidRDefault="00763958" w:rsidP="00763958">
            <w:r>
              <w:t xml:space="preserve">                    &lt;div class="col-md-12"&gt;</w:t>
            </w:r>
          </w:p>
          <w:p w:rsidR="00763958" w:rsidRDefault="00763958" w:rsidP="00763958">
            <w:r>
              <w:t xml:space="preserve">                        &lt;div class="main_title_2"&gt;</w:t>
            </w:r>
          </w:p>
          <w:p w:rsidR="00763958" w:rsidRDefault="00763958" w:rsidP="00763958">
            <w:r>
              <w:t xml:space="preserve">                            &lt;div class="d-flex justify-content-center align-items-center"&gt;</w:t>
            </w:r>
          </w:p>
          <w:p w:rsidR="00763958" w:rsidRDefault="00763958" w:rsidP="00763958">
            <w:r>
              <w:t xml:space="preserve">                                &lt;img src="spf/img/services/icon/memory-care.png"</w:t>
            </w:r>
          </w:p>
          <w:p w:rsidR="00763958" w:rsidRDefault="00763958" w:rsidP="00763958">
            <w:r>
              <w:t xml:space="preserve">                                            class="img-fluid d-inline-block" width="70" height="70" /&gt;</w:t>
            </w:r>
          </w:p>
          <w:p w:rsidR="00763958" w:rsidRDefault="00763958" w:rsidP="00763958">
            <w:r>
              <w:t xml:space="preserve">                                    &lt;div class="d-inline-block text-left"&gt;</w:t>
            </w:r>
          </w:p>
          <w:p w:rsidR="00763958" w:rsidRDefault="00763958" w:rsidP="00763958">
            <w:r>
              <w:t xml:space="preserve">                                        &lt;h4&gt;Memory Care Community&lt;/h4&gt;</w:t>
            </w:r>
          </w:p>
          <w:p w:rsidR="00763958" w:rsidRDefault="00763958" w:rsidP="00763958">
            <w:r>
              <w:t xml:space="preserve">                                        &lt;p class="lead"&gt;List based on Resident Type&lt;/p&gt;</w:t>
            </w:r>
          </w:p>
          <w:p w:rsidR="00763958" w:rsidRDefault="00763958" w:rsidP="00763958">
            <w:r>
              <w:t xml:space="preserve">                                    &lt;/div&gt;</w:t>
            </w:r>
          </w:p>
          <w:p w:rsidR="00763958" w:rsidRDefault="00763958" w:rsidP="00763958">
            <w:r>
              <w:t xml:space="preserve">                            &lt;/div&gt;</w:t>
            </w:r>
          </w:p>
          <w:p w:rsidR="00763958" w:rsidRDefault="00763958" w:rsidP="00763958">
            <w:r>
              <w:lastRenderedPageBreak/>
              <w:t xml:space="preserve">                            &lt;span&gt;&lt;em&gt;&lt;/em&gt;&lt;/span&gt;</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 class="col-md-12 no-records"</w:t>
            </w:r>
          </w:p>
          <w:p w:rsidR="00763958" w:rsidRDefault="00763958" w:rsidP="00763958">
            <w:r>
              <w:t xml:space="preserve">                         style="display: none;"&gt;</w:t>
            </w:r>
          </w:p>
          <w:p w:rsidR="00763958" w:rsidRDefault="00763958" w:rsidP="00763958">
            <w:r>
              <w:t xml:space="preserve">                        &lt;div class="pt-3 text-center text-danger"&gt;</w:t>
            </w:r>
          </w:p>
          <w:p w:rsidR="00763958" w:rsidRDefault="00763958" w:rsidP="00763958">
            <w:r>
              <w:t xml:space="preserve">                            &lt;i class="fa fa-smile-wink fa-3x"&gt;&lt;/i&gt;</w:t>
            </w:r>
          </w:p>
          <w:p w:rsidR="00763958" w:rsidRDefault="00763958" w:rsidP="00763958">
            <w:r>
              <w:t xml:space="preserve">                            &lt;h6 class="text-danger mt-3"&gt;Sorry! No matches were found in your search, you can edit your search by selecting more preferences.</w:t>
            </w:r>
          </w:p>
          <w:p w:rsidR="00763958" w:rsidRDefault="00763958" w:rsidP="00763958">
            <w:r>
              <w:t xml:space="preserve">                        &lt;/h6&gt;</w:t>
            </w:r>
          </w:p>
          <w:p w:rsidR="00763958" w:rsidRDefault="00763958" w:rsidP="00763958">
            <w:r>
              <w:t xml:space="preserve">                        &lt;/div&gt;</w:t>
            </w:r>
          </w:p>
          <w:p w:rsidR="00763958" w:rsidRDefault="00763958" w:rsidP="00763958">
            <w:r>
              <w:t xml:space="preserve">                    &lt;/div&gt;</w:t>
            </w:r>
          </w:p>
          <w:p w:rsidR="00763958" w:rsidRDefault="00763958" w:rsidP="00763958">
            <w:r>
              <w:t xml:space="preserve">                    </w:t>
            </w:r>
          </w:p>
          <w:p w:rsidR="00763958" w:rsidRDefault="00763958" w:rsidP="00763958">
            <w:r>
              <w:t xml:space="preserve">                    &lt;div class="row" id="residence_list"&gt;</w:t>
            </w:r>
          </w:p>
          <w:p w:rsidR="00763958" w:rsidRDefault="00763958" w:rsidP="00763958">
            <w:r>
              <w:t xml:space="preserve">                    &lt;/div&gt;</w:t>
            </w:r>
          </w:p>
          <w:p w:rsidR="00763958" w:rsidRDefault="00763958" w:rsidP="00763958">
            <w:r>
              <w:t xml:space="preserve">                &lt;/div&gt;</w:t>
            </w:r>
          </w:p>
          <w:p w:rsidR="00763958" w:rsidRDefault="00763958" w:rsidP="00763958">
            <w:r>
              <w:t xml:space="preserve">                </w:t>
            </w:r>
          </w:p>
          <w:p w:rsidR="00763958" w:rsidRDefault="00763958" w:rsidP="00763958">
            <w:r>
              <w:t xml:space="preserve">            &lt;/div&gt;</w:t>
            </w:r>
          </w:p>
          <w:p w:rsidR="00763958" w:rsidRDefault="00763958" w:rsidP="00763958">
            <w:r>
              <w:t xml:space="preserve">            </w:t>
            </w:r>
          </w:p>
          <w:p w:rsidR="00763958" w:rsidRDefault="00763958" w:rsidP="00763958">
            <w:r>
              <w:t xml:space="preserve">                    &lt;!--&lt;div class="col-md-6 residence wow bounceInUp 0" data-wow-duration="1.5s"</w:t>
            </w:r>
          </w:p>
          <w:p w:rsidR="00763958" w:rsidRDefault="00763958" w:rsidP="00763958">
            <w:r>
              <w:t xml:space="preserve">                             data-wow-delay="0.1s" id="100184"&gt;</w:t>
            </w:r>
          </w:p>
          <w:p w:rsidR="00763958" w:rsidRDefault="00763958" w:rsidP="00763958">
            <w:r>
              <w:t xml:space="preserve">                            &lt;div class="strip grid"&gt;</w:t>
            </w:r>
          </w:p>
          <w:p w:rsidR="00763958" w:rsidRDefault="00763958" w:rsidP="00763958">
            <w:r>
              <w:t xml:space="preserve">    &lt;figure&gt;</w:t>
            </w:r>
          </w:p>
          <w:p w:rsidR="00763958" w:rsidRDefault="00763958" w:rsidP="00763958">
            <w:r>
              <w:t xml:space="preserve">        &lt;a class="wish_bt btn-wishlist " href="javascript:" title="Add To My List"</w:t>
            </w:r>
          </w:p>
          <w:p w:rsidR="00763958" w:rsidRDefault="00763958" w:rsidP="00763958">
            <w:r>
              <w:t xml:space="preserve">           data-toggle="tooltip" data-id="100184"</w:t>
            </w:r>
          </w:p>
          <w:p w:rsidR="00763958" w:rsidRDefault="00763958" w:rsidP="00763958">
            <w:r>
              <w:t xml:space="preserve">           &gt;&lt;/a&gt;</w:t>
            </w:r>
          </w:p>
          <w:p w:rsidR="00763958" w:rsidRDefault="00763958" w:rsidP="00763958">
            <w:r>
              <w:t xml:space="preserve">        &lt;a href="residence/the-meridian-at-anaheim-hills.php"&gt;</w:t>
            </w:r>
          </w:p>
          <w:p w:rsidR="00763958" w:rsidRDefault="00763958" w:rsidP="00763958">
            <w:r>
              <w:t xml:space="preserve">            &lt;img alt="The Meridian at Anaheim Hills" title="The Meridian at Anaheim Hills" class="img-fluid"</w:t>
            </w:r>
          </w:p>
          <w:p w:rsidR="00763958" w:rsidRDefault="00763958" w:rsidP="00763958">
            <w:r>
              <w:t xml:space="preserve">                 height="266" width="400"</w:t>
            </w:r>
          </w:p>
          <w:p w:rsidR="00763958" w:rsidRDefault="00763958" w:rsidP="00763958">
            <w:r>
              <w:t xml:space="preserve">                 src="img/holder/default.svg"/&gt;</w:t>
            </w:r>
          </w:p>
          <w:p w:rsidR="00763958" w:rsidRDefault="00763958" w:rsidP="00763958">
            <w:r>
              <w:t xml:space="preserve">            &lt;div class="read_more"&gt;</w:t>
            </w:r>
          </w:p>
          <w:p w:rsidR="00763958" w:rsidRDefault="00763958" w:rsidP="00763958">
            <w:r>
              <w:t xml:space="preserve">                &lt;span&gt;View Residence&lt;/span&gt;</w:t>
            </w:r>
          </w:p>
          <w:p w:rsidR="00763958" w:rsidRDefault="00763958" w:rsidP="00763958">
            <w:r>
              <w:t xml:space="preserve">            &lt;/div&gt;</w:t>
            </w:r>
          </w:p>
          <w:p w:rsidR="00763958" w:rsidRDefault="00763958" w:rsidP="00763958">
            <w:r>
              <w:t xml:space="preserve">        &lt;/a&gt;</w:t>
            </w:r>
          </w:p>
          <w:p w:rsidR="00763958" w:rsidRDefault="00763958" w:rsidP="00763958">
            <w:r>
              <w:t xml:space="preserve">                    &lt;small&gt;</w:t>
            </w:r>
          </w:p>
          <w:p w:rsidR="00763958" w:rsidRDefault="00763958" w:rsidP="00763958">
            <w:r>
              <w:t xml:space="preserve">                Independent 55+</w:t>
            </w:r>
          </w:p>
          <w:p w:rsidR="00763958" w:rsidRDefault="00763958" w:rsidP="00763958">
            <w:r>
              <w:t xml:space="preserve">            &lt;/small&gt;</w:t>
            </w:r>
          </w:p>
          <w:p w:rsidR="00763958" w:rsidRDefault="00763958" w:rsidP="00763958">
            <w:r>
              <w:t xml:space="preserve">                    &lt;small&gt;</w:t>
            </w:r>
          </w:p>
          <w:p w:rsidR="00763958" w:rsidRDefault="00763958" w:rsidP="00763958">
            <w:r>
              <w:t xml:space="preserve">                Assisted Living</w:t>
            </w:r>
          </w:p>
          <w:p w:rsidR="00763958" w:rsidRDefault="00763958" w:rsidP="00763958">
            <w:r>
              <w:t xml:space="preserve">            &lt;/small&gt;</w:t>
            </w:r>
          </w:p>
          <w:p w:rsidR="00763958" w:rsidRDefault="00763958" w:rsidP="00763958">
            <w:r>
              <w:t xml:space="preserve">                    &lt;/figure&gt;</w:t>
            </w:r>
          </w:p>
          <w:p w:rsidR="00763958" w:rsidRDefault="00763958" w:rsidP="00763958">
            <w:r>
              <w:t xml:space="preserve">    &lt;div class="wrapper"&gt;</w:t>
            </w:r>
          </w:p>
          <w:p w:rsidR="00763958" w:rsidRDefault="00763958" w:rsidP="00763958">
            <w:r>
              <w:t xml:space="preserve">        &lt;h3&gt;</w:t>
            </w:r>
          </w:p>
          <w:p w:rsidR="00763958" w:rsidRDefault="00763958" w:rsidP="00763958">
            <w:r>
              <w:t xml:space="preserve">            &lt;a href="residence/the-meridian-at-anaheim-hills.php"&gt;</w:t>
            </w:r>
          </w:p>
          <w:p w:rsidR="00763958" w:rsidRDefault="00763958" w:rsidP="00763958">
            <w:r>
              <w:t xml:space="preserve">                The Meridian at Anaheim Hills</w:t>
            </w:r>
          </w:p>
          <w:p w:rsidR="00763958" w:rsidRDefault="00763958" w:rsidP="00763958">
            <w:r>
              <w:t xml:space="preserve">            &lt;/a&gt;</w:t>
            </w:r>
          </w:p>
          <w:p w:rsidR="00763958" w:rsidRDefault="00763958" w:rsidP="00763958">
            <w:r>
              <w:t xml:space="preserve">        &lt;/h3&gt;</w:t>
            </w:r>
          </w:p>
          <w:p w:rsidR="00763958" w:rsidRDefault="00763958" w:rsidP="00763958">
            <w:r>
              <w:t xml:space="preserve">        &lt;p&gt;Independent / Adult Active 55+ Community Residence</w:t>
            </w:r>
          </w:p>
          <w:p w:rsidR="00763958" w:rsidRDefault="00763958" w:rsidP="00763958">
            <w:r>
              <w:lastRenderedPageBreak/>
              <w:t xml:space="preserve">                    &lt;/p&gt;</w:t>
            </w:r>
          </w:p>
          <w:p w:rsidR="00763958" w:rsidRDefault="00763958" w:rsidP="00763958">
            <w:r>
              <w:t xml:space="preserve">    &lt;/div&gt;</w:t>
            </w:r>
          </w:p>
          <w:p w:rsidR="00763958" w:rsidRDefault="00763958" w:rsidP="00763958">
            <w:r>
              <w:t xml:space="preserve">    &lt;ul&gt;</w:t>
            </w:r>
          </w:p>
          <w:p w:rsidR="00763958" w:rsidRDefault="00763958" w:rsidP="00763958">
            <w:r>
              <w:t xml:space="preserve">        &lt;li&gt;</w:t>
            </w:r>
          </w:p>
          <w:p w:rsidR="00763958" w:rsidRDefault="00763958" w:rsidP="00763958">
            <w:r>
              <w:t xml:space="preserve">            &lt;div class="score"&gt;</w:t>
            </w:r>
          </w:p>
          <w:p w:rsidR="00763958" w:rsidRDefault="00763958" w:rsidP="00763958">
            <w:r>
              <w:t xml:space="preserve">                &lt;span&gt;Total&lt;em&gt;Views&lt;/em&gt;&lt;/span&gt;</w:t>
            </w:r>
          </w:p>
          <w:p w:rsidR="00763958" w:rsidRDefault="00763958" w:rsidP="00763958">
            <w:r>
              <w:t xml:space="preserve">                &lt;strong&gt;2842&lt;/strong&gt;</w:t>
            </w:r>
          </w:p>
          <w:p w:rsidR="00763958" w:rsidRDefault="00763958" w:rsidP="00763958">
            <w:r>
              <w:t xml:space="preserve">            &lt;/div&gt;</w:t>
            </w:r>
          </w:p>
          <w:p w:rsidR="00763958" w:rsidRDefault="00763958" w:rsidP="00763958">
            <w:r>
              <w:t xml:space="preserve">        &lt;/li&gt;</w:t>
            </w:r>
          </w:p>
          <w:p w:rsidR="00763958" w:rsidRDefault="00763958" w:rsidP="00763958">
            <w:r>
              <w:t xml:space="preserve">        &lt;li&gt;</w:t>
            </w:r>
          </w:p>
          <w:p w:rsidR="00763958" w:rsidRDefault="00763958" w:rsidP="00763958">
            <w:r>
              <w:t xml:space="preserve">            &lt;a class="btn btn-sm btn-success rounded-pill"</w:t>
            </w:r>
          </w:p>
          <w:p w:rsidR="00763958" w:rsidRDefault="00763958" w:rsidP="00763958">
            <w:r>
              <w:t xml:space="preserve">               href="residence/the-meridian-at-anaheim-hills.php"&gt;</w:t>
            </w:r>
          </w:p>
          <w:p w:rsidR="00763958" w:rsidRDefault="00763958" w:rsidP="00763958">
            <w:r>
              <w:t xml:space="preserve">                &lt;i class="fas fa-map-marker-alt mr-1"&gt;&lt;/i&gt;</w:t>
            </w:r>
          </w:p>
          <w:p w:rsidR="00763958" w:rsidRDefault="00763958" w:rsidP="00763958">
            <w:r>
              <w:t xml:space="preserve">                Get Contact Info</w:t>
            </w:r>
          </w:p>
          <w:p w:rsidR="00763958" w:rsidRDefault="00763958" w:rsidP="00763958">
            <w:r>
              <w:t xml:space="preserve">            &lt;/a&gt;</w:t>
            </w:r>
          </w:p>
          <w:p w:rsidR="00763958" w:rsidRDefault="00763958" w:rsidP="00763958">
            <w:r>
              <w:t xml:space="preserve">        &lt;/li&gt;</w:t>
            </w:r>
          </w:p>
          <w:p w:rsidR="00763958" w:rsidRDefault="00763958" w:rsidP="00763958">
            <w:r>
              <w:t xml:space="preserve">    &lt;/ul&gt;</w:t>
            </w:r>
          </w:p>
          <w:p w:rsidR="00763958" w:rsidRDefault="00763958" w:rsidP="00763958">
            <w:r>
              <w:t>&lt;/div&gt;</w:t>
            </w:r>
          </w:p>
          <w:p w:rsidR="00763958" w:rsidRDefault="00763958" w:rsidP="00763958">
            <w:r>
              <w:t xml:space="preserve">    &lt;/div&gt;</w:t>
            </w:r>
          </w:p>
          <w:p w:rsidR="00763958" w:rsidRDefault="00763958" w:rsidP="00763958">
            <w:r>
              <w:t>&lt;div class="col-md-6 residence wow bounceInUp 1" data-wow-duration="1.5s"</w:t>
            </w:r>
          </w:p>
          <w:p w:rsidR="00763958" w:rsidRDefault="00763958" w:rsidP="00763958">
            <w:r>
              <w:t xml:space="preserve">                             data-wow-delay="0.2s" id="100153"&gt;</w:t>
            </w:r>
          </w:p>
          <w:p w:rsidR="00763958" w:rsidRDefault="00763958" w:rsidP="00763958">
            <w:r>
              <w:t xml:space="preserve">                            &lt;div class="strip grid"&gt;</w:t>
            </w:r>
          </w:p>
          <w:p w:rsidR="00763958" w:rsidRDefault="00763958" w:rsidP="00763958">
            <w:r>
              <w:t xml:space="preserve">    &lt;figure&gt;</w:t>
            </w:r>
          </w:p>
          <w:p w:rsidR="00763958" w:rsidRDefault="00763958" w:rsidP="00763958">
            <w:r>
              <w:t xml:space="preserve">        &lt;a class="wish_bt btn-wishlist " href="javascript:" title="Add To My List"</w:t>
            </w:r>
          </w:p>
          <w:p w:rsidR="00763958" w:rsidRDefault="00763958" w:rsidP="00763958">
            <w:r>
              <w:t xml:space="preserve">           data-toggle="tooltip" data-id="100153"&gt;&lt;/a&gt;</w:t>
            </w:r>
          </w:p>
          <w:p w:rsidR="00763958" w:rsidRDefault="00763958" w:rsidP="00763958">
            <w:r>
              <w:t xml:space="preserve">        &lt;a href="residence/leisure-vale-retirement.php"&gt;</w:t>
            </w:r>
          </w:p>
          <w:p w:rsidR="00763958" w:rsidRDefault="00763958" w:rsidP="00763958">
            <w:r>
              <w:t xml:space="preserve">            &lt;img alt="Leisure Vale Retirement" title="Leisure Vale Retirement" class="img-fluid"</w:t>
            </w:r>
          </w:p>
          <w:p w:rsidR="00763958" w:rsidRDefault="00763958" w:rsidP="00763958">
            <w:r>
              <w:t xml:space="preserve">                 height="266" width="400"</w:t>
            </w:r>
          </w:p>
          <w:p w:rsidR="00763958" w:rsidRDefault="00763958" w:rsidP="00763958">
            <w:r>
              <w:t xml:space="preserve">                 src="img/holder/default.svg"/&gt;</w:t>
            </w:r>
          </w:p>
          <w:p w:rsidR="00763958" w:rsidRDefault="00763958" w:rsidP="00763958">
            <w:r>
              <w:t xml:space="preserve">            &lt;div class="read_more"&gt;</w:t>
            </w:r>
          </w:p>
          <w:p w:rsidR="00763958" w:rsidRDefault="00763958" w:rsidP="00763958">
            <w:r>
              <w:t xml:space="preserve">                &lt;span&gt;View Residence&lt;/span&gt;</w:t>
            </w:r>
          </w:p>
          <w:p w:rsidR="00763958" w:rsidRDefault="00763958" w:rsidP="00763958">
            <w:r>
              <w:t xml:space="preserve">            &lt;/div&gt;</w:t>
            </w:r>
          </w:p>
          <w:p w:rsidR="00763958" w:rsidRDefault="00763958" w:rsidP="00763958">
            <w:r>
              <w:t xml:space="preserve">        &lt;/a&gt;</w:t>
            </w:r>
          </w:p>
          <w:p w:rsidR="00763958" w:rsidRDefault="00763958" w:rsidP="00763958">
            <w:r>
              <w:t xml:space="preserve">                    &lt;small&gt;</w:t>
            </w:r>
          </w:p>
          <w:p w:rsidR="00763958" w:rsidRDefault="00763958" w:rsidP="00763958">
            <w:r>
              <w:t xml:space="preserve">                Independent 55+</w:t>
            </w:r>
          </w:p>
          <w:p w:rsidR="00763958" w:rsidRDefault="00763958" w:rsidP="00763958">
            <w:r>
              <w:t xml:space="preserve">            &lt;/small&gt;</w:t>
            </w:r>
          </w:p>
          <w:p w:rsidR="00763958" w:rsidRDefault="00763958" w:rsidP="00763958">
            <w:r>
              <w:t xml:space="preserve">                    &lt;small&gt;</w:t>
            </w:r>
          </w:p>
          <w:p w:rsidR="00763958" w:rsidRDefault="00763958" w:rsidP="00763958">
            <w:r>
              <w:t xml:space="preserve">                Assisted Living</w:t>
            </w:r>
          </w:p>
          <w:p w:rsidR="00763958" w:rsidRDefault="00763958" w:rsidP="00763958">
            <w:r>
              <w:t xml:space="preserve">            &lt;/small&gt;</w:t>
            </w:r>
          </w:p>
          <w:p w:rsidR="00763958" w:rsidRDefault="00763958" w:rsidP="00763958">
            <w:r>
              <w:t xml:space="preserve">                    &lt;/figure&gt;</w:t>
            </w:r>
          </w:p>
          <w:p w:rsidR="00763958" w:rsidRDefault="00763958" w:rsidP="00763958">
            <w:r>
              <w:t xml:space="preserve">    &lt;div class="wrapper"&gt;</w:t>
            </w:r>
          </w:p>
          <w:p w:rsidR="00763958" w:rsidRDefault="00763958" w:rsidP="00763958">
            <w:r>
              <w:t xml:space="preserve">        &lt;h3&gt;</w:t>
            </w:r>
          </w:p>
          <w:p w:rsidR="00763958" w:rsidRDefault="00763958" w:rsidP="00763958">
            <w:r>
              <w:t xml:space="preserve">            &lt;a href="residence/leisure-vale-retirement.php"&gt;</w:t>
            </w:r>
          </w:p>
          <w:p w:rsidR="00763958" w:rsidRDefault="00763958" w:rsidP="00763958">
            <w:r>
              <w:t xml:space="preserve">                Leisure Vale Retirement</w:t>
            </w:r>
          </w:p>
          <w:p w:rsidR="00763958" w:rsidRDefault="00763958" w:rsidP="00763958">
            <w:r>
              <w:t xml:space="preserve">            &lt;/a&gt;</w:t>
            </w:r>
          </w:p>
          <w:p w:rsidR="00763958" w:rsidRDefault="00763958" w:rsidP="00763958">
            <w:r>
              <w:t xml:space="preserve">        &lt;/h3&gt;</w:t>
            </w:r>
          </w:p>
          <w:p w:rsidR="00763958" w:rsidRDefault="00763958" w:rsidP="00763958">
            <w:r>
              <w:t xml:space="preserve">        &lt;p&gt;</w:t>
            </w:r>
          </w:p>
          <w:p w:rsidR="00763958" w:rsidRDefault="00763958" w:rsidP="00763958">
            <w:r>
              <w:t xml:space="preserve">                            Independent / Adult Active 55+ Community Residence</w:t>
            </w:r>
          </w:p>
          <w:p w:rsidR="00763958" w:rsidRDefault="00763958" w:rsidP="00763958">
            <w:r>
              <w:lastRenderedPageBreak/>
              <w:t xml:space="preserve">                    &lt;/p&gt;</w:t>
            </w:r>
          </w:p>
          <w:p w:rsidR="00763958" w:rsidRDefault="00763958" w:rsidP="00763958">
            <w:r>
              <w:t xml:space="preserve">    &lt;/div&gt;</w:t>
            </w:r>
          </w:p>
          <w:p w:rsidR="00763958" w:rsidRDefault="00763958" w:rsidP="00763958">
            <w:r>
              <w:t xml:space="preserve">    &lt;ul&gt;</w:t>
            </w:r>
          </w:p>
          <w:p w:rsidR="00763958" w:rsidRDefault="00763958" w:rsidP="00763958">
            <w:r>
              <w:t xml:space="preserve">        &lt;li&gt;</w:t>
            </w:r>
          </w:p>
          <w:p w:rsidR="00763958" w:rsidRDefault="00763958" w:rsidP="00763958">
            <w:r>
              <w:t xml:space="preserve">            &lt;div class="score"&gt;</w:t>
            </w:r>
          </w:p>
          <w:p w:rsidR="00763958" w:rsidRDefault="00763958" w:rsidP="00763958">
            <w:r>
              <w:t xml:space="preserve">                &lt;span&gt;Total&lt;em&gt;Views&lt;/em&gt;&lt;/span&gt;</w:t>
            </w:r>
          </w:p>
          <w:p w:rsidR="00763958" w:rsidRDefault="00763958" w:rsidP="00763958">
            <w:r>
              <w:t xml:space="preserve">                &lt;strong&gt;1135&lt;/strong&gt;</w:t>
            </w:r>
          </w:p>
          <w:p w:rsidR="00763958" w:rsidRDefault="00763958" w:rsidP="00763958">
            <w:r>
              <w:t xml:space="preserve">            &lt;/div&gt;</w:t>
            </w:r>
          </w:p>
          <w:p w:rsidR="00763958" w:rsidRDefault="00763958" w:rsidP="00763958">
            <w:r>
              <w:t xml:space="preserve">        &lt;/li&gt;</w:t>
            </w:r>
          </w:p>
          <w:p w:rsidR="00763958" w:rsidRDefault="00763958" w:rsidP="00763958">
            <w:r>
              <w:t xml:space="preserve">        &lt;li&gt;</w:t>
            </w:r>
          </w:p>
          <w:p w:rsidR="00763958" w:rsidRDefault="00763958" w:rsidP="00763958">
            <w:r>
              <w:t xml:space="preserve">            &lt;a class="btn btn-sm btn-success rounded-pill"</w:t>
            </w:r>
          </w:p>
          <w:p w:rsidR="00763958" w:rsidRDefault="00763958" w:rsidP="00763958">
            <w:r>
              <w:t xml:space="preserve">               href="residence/leisure-vale-retirement.php"&gt;</w:t>
            </w:r>
          </w:p>
          <w:p w:rsidR="00763958" w:rsidRDefault="00763958" w:rsidP="00763958">
            <w:r>
              <w:t xml:space="preserve">                &lt;i class="fas fa-map-marker-alt mr-1"&gt;&lt;/i&gt;</w:t>
            </w:r>
          </w:p>
          <w:p w:rsidR="00763958" w:rsidRDefault="00763958" w:rsidP="00763958">
            <w:r>
              <w:t xml:space="preserve">                Get Contact Info</w:t>
            </w:r>
          </w:p>
          <w:p w:rsidR="00763958" w:rsidRDefault="00763958" w:rsidP="00763958">
            <w:r>
              <w:t xml:space="preserve">            &lt;/a&gt;</w:t>
            </w:r>
          </w:p>
          <w:p w:rsidR="00763958" w:rsidRDefault="00763958" w:rsidP="00763958">
            <w:r>
              <w:t xml:space="preserve">        &lt;/li&gt;</w:t>
            </w:r>
          </w:p>
          <w:p w:rsidR="00763958" w:rsidRDefault="00763958" w:rsidP="00763958">
            <w:r>
              <w:t xml:space="preserve">    &lt;/ul&gt;</w:t>
            </w:r>
          </w:p>
          <w:p w:rsidR="00763958" w:rsidRDefault="00763958" w:rsidP="00763958">
            <w:r>
              <w:t>&lt;/div&gt;</w:t>
            </w:r>
          </w:p>
          <w:p w:rsidR="00763958" w:rsidRDefault="00763958" w:rsidP="00763958">
            <w:r>
              <w:t xml:space="preserve">                        &lt;/div&gt;</w:t>
            </w:r>
          </w:p>
          <w:p w:rsidR="00763958" w:rsidRDefault="00763958" w:rsidP="00763958">
            <w:r>
              <w:t xml:space="preserve">    &lt;div class="col-md-6 residence wow bounceInUp 2" data-wow-duration="1.5s" data-wow-delay="0.3s" id="100111"&gt;</w:t>
            </w:r>
          </w:p>
          <w:p w:rsidR="00763958" w:rsidRDefault="00763958" w:rsidP="00763958">
            <w:r>
              <w:t xml:space="preserve">                            &lt;div class="strip grid"&gt;</w:t>
            </w:r>
          </w:p>
          <w:p w:rsidR="00763958" w:rsidRDefault="00763958" w:rsidP="00763958">
            <w:r>
              <w:t xml:space="preserve">    &lt;figure&gt;</w:t>
            </w:r>
          </w:p>
          <w:p w:rsidR="00763958" w:rsidRDefault="00763958" w:rsidP="00763958">
            <w:r>
              <w:t xml:space="preserve">        &lt;a class="wish_bt btn-wishlist " href="javascript:" title="Add To My List"</w:t>
            </w:r>
          </w:p>
          <w:p w:rsidR="00763958" w:rsidRDefault="00763958" w:rsidP="00763958">
            <w:r>
              <w:t xml:space="preserve">           data-toggle="tooltip" data-id="100111"</w:t>
            </w:r>
          </w:p>
          <w:p w:rsidR="00763958" w:rsidRDefault="00763958" w:rsidP="00763958">
            <w:r>
              <w:t xml:space="preserve">           &gt;&lt;/a&gt;</w:t>
            </w:r>
          </w:p>
          <w:p w:rsidR="00763958" w:rsidRDefault="00763958" w:rsidP="00763958">
            <w:r>
              <w:t xml:space="preserve">        &lt;a href="residence/fairwinds-ivey-ranch.php"&gt;</w:t>
            </w:r>
          </w:p>
          <w:p w:rsidR="00763958" w:rsidRDefault="00763958" w:rsidP="00763958">
            <w:r>
              <w:t xml:space="preserve">            &lt;img alt="Fairwinds Ivey Ranch" title="Fairwinds Ivey Ranch" class="img-fluid"</w:t>
            </w:r>
          </w:p>
          <w:p w:rsidR="00763958" w:rsidRDefault="00763958" w:rsidP="00763958">
            <w:r>
              <w:t xml:space="preserve">                 height="266" width="400"</w:t>
            </w:r>
          </w:p>
          <w:p w:rsidR="00763958" w:rsidRDefault="00763958" w:rsidP="00763958">
            <w:r>
              <w:t xml:space="preserve">                 src="img/holder/default.svg"/&gt;</w:t>
            </w:r>
          </w:p>
          <w:p w:rsidR="00763958" w:rsidRDefault="00763958" w:rsidP="00763958">
            <w:r>
              <w:t xml:space="preserve">            &lt;div class="read_more"&gt;</w:t>
            </w:r>
          </w:p>
          <w:p w:rsidR="00763958" w:rsidRDefault="00763958" w:rsidP="00763958">
            <w:r>
              <w:t xml:space="preserve">                &lt;span&gt;View Residence&lt;/span&gt;</w:t>
            </w:r>
          </w:p>
          <w:p w:rsidR="00763958" w:rsidRDefault="00763958" w:rsidP="00763958">
            <w:r>
              <w:t xml:space="preserve">            &lt;/div&gt;</w:t>
            </w:r>
          </w:p>
          <w:p w:rsidR="00763958" w:rsidRDefault="00763958" w:rsidP="00763958">
            <w:r>
              <w:t xml:space="preserve">        &lt;/a&gt;</w:t>
            </w:r>
          </w:p>
          <w:p w:rsidR="00763958" w:rsidRDefault="00763958" w:rsidP="00763958">
            <w:r>
              <w:t xml:space="preserve">                    &lt;small&gt;</w:t>
            </w:r>
          </w:p>
          <w:p w:rsidR="00763958" w:rsidRDefault="00763958" w:rsidP="00763958">
            <w:r>
              <w:t xml:space="preserve">                Independent 55+</w:t>
            </w:r>
          </w:p>
          <w:p w:rsidR="00763958" w:rsidRDefault="00763958" w:rsidP="00763958">
            <w:r>
              <w:t xml:space="preserve">            &lt;/small&gt;</w:t>
            </w:r>
          </w:p>
          <w:p w:rsidR="00763958" w:rsidRDefault="00763958" w:rsidP="00763958">
            <w:r>
              <w:t xml:space="preserve">                    &lt;small&gt;</w:t>
            </w:r>
          </w:p>
          <w:p w:rsidR="00763958" w:rsidRDefault="00763958" w:rsidP="00763958">
            <w:r>
              <w:t xml:space="preserve">                Assisted Living</w:t>
            </w:r>
          </w:p>
          <w:p w:rsidR="00763958" w:rsidRDefault="00763958" w:rsidP="00763958">
            <w:r>
              <w:t xml:space="preserve">            &lt;/small&gt;</w:t>
            </w:r>
          </w:p>
          <w:p w:rsidR="00763958" w:rsidRDefault="00763958" w:rsidP="00763958">
            <w:r>
              <w:t xml:space="preserve">                    &lt;/figure&gt;</w:t>
            </w:r>
          </w:p>
          <w:p w:rsidR="00763958" w:rsidRDefault="00763958" w:rsidP="00763958">
            <w:r>
              <w:t xml:space="preserve">    &lt;div class="wrapper"&gt;</w:t>
            </w:r>
          </w:p>
          <w:p w:rsidR="00763958" w:rsidRDefault="00763958" w:rsidP="00763958">
            <w:r>
              <w:t xml:space="preserve">        &lt;h3&gt;</w:t>
            </w:r>
          </w:p>
          <w:p w:rsidR="00763958" w:rsidRDefault="00763958" w:rsidP="00763958">
            <w:r>
              <w:t xml:space="preserve">            &lt;a href="residence/fairwinds-ivey-ranch.php"&gt;</w:t>
            </w:r>
          </w:p>
          <w:p w:rsidR="00763958" w:rsidRDefault="00763958" w:rsidP="00763958">
            <w:r>
              <w:t xml:space="preserve">                Fairwinds Ivey Ranch</w:t>
            </w:r>
          </w:p>
          <w:p w:rsidR="00763958" w:rsidRDefault="00763958" w:rsidP="00763958">
            <w:r>
              <w:t xml:space="preserve">            &lt;/a&gt;</w:t>
            </w:r>
          </w:p>
          <w:p w:rsidR="00763958" w:rsidRDefault="00763958" w:rsidP="00763958">
            <w:r>
              <w:t xml:space="preserve">        &lt;/h3&gt;</w:t>
            </w:r>
          </w:p>
          <w:p w:rsidR="00763958" w:rsidRDefault="00763958" w:rsidP="00763958">
            <w:r>
              <w:t xml:space="preserve">        &lt;p&gt;</w:t>
            </w:r>
          </w:p>
          <w:p w:rsidR="00763958" w:rsidRDefault="00763958" w:rsidP="00763958">
            <w:r>
              <w:lastRenderedPageBreak/>
              <w:t xml:space="preserve">                            Independent / Adult Active 55+ Community Residence</w:t>
            </w:r>
          </w:p>
          <w:p w:rsidR="00763958" w:rsidRDefault="00763958" w:rsidP="00763958">
            <w:r>
              <w:t xml:space="preserve">                    &lt;/p&gt;</w:t>
            </w:r>
          </w:p>
          <w:p w:rsidR="00763958" w:rsidRDefault="00763958" w:rsidP="00763958">
            <w:r>
              <w:t xml:space="preserve">    &lt;/div&gt;</w:t>
            </w:r>
          </w:p>
          <w:p w:rsidR="00763958" w:rsidRDefault="00763958" w:rsidP="00763958">
            <w:r>
              <w:t xml:space="preserve">    &lt;ul&gt;</w:t>
            </w:r>
          </w:p>
          <w:p w:rsidR="00763958" w:rsidRDefault="00763958" w:rsidP="00763958">
            <w:r>
              <w:t xml:space="preserve">        &lt;li&gt;</w:t>
            </w:r>
          </w:p>
          <w:p w:rsidR="00763958" w:rsidRDefault="00763958" w:rsidP="00763958">
            <w:r>
              <w:t xml:space="preserve">            &lt;div class="score"&gt;</w:t>
            </w:r>
          </w:p>
          <w:p w:rsidR="00763958" w:rsidRDefault="00763958" w:rsidP="00763958">
            <w:r>
              <w:t xml:space="preserve">                &lt;span&gt;Total&lt;em&gt;Views&lt;/em&gt;&lt;/span&gt;</w:t>
            </w:r>
          </w:p>
          <w:p w:rsidR="00763958" w:rsidRDefault="00763958" w:rsidP="00763958">
            <w:r>
              <w:t xml:space="preserve">                &lt;strong&gt;2126&lt;/strong&gt;</w:t>
            </w:r>
          </w:p>
          <w:p w:rsidR="00763958" w:rsidRDefault="00763958" w:rsidP="00763958">
            <w:r>
              <w:t xml:space="preserve">            &lt;/div&gt;</w:t>
            </w:r>
          </w:p>
          <w:p w:rsidR="00763958" w:rsidRDefault="00763958" w:rsidP="00763958">
            <w:r>
              <w:t xml:space="preserve">        &lt;/li&gt;</w:t>
            </w:r>
          </w:p>
          <w:p w:rsidR="00763958" w:rsidRDefault="00763958" w:rsidP="00763958">
            <w:r>
              <w:t xml:space="preserve">        &lt;li&gt;</w:t>
            </w:r>
          </w:p>
          <w:p w:rsidR="00763958" w:rsidRDefault="00763958" w:rsidP="00763958">
            <w:r>
              <w:t xml:space="preserve">            &lt;a class="btn btn-sm btn-success rounded-pill"</w:t>
            </w:r>
          </w:p>
          <w:p w:rsidR="00763958" w:rsidRDefault="00763958" w:rsidP="00763958">
            <w:r>
              <w:t xml:space="preserve">               href="residence/fairwinds-ivey-ranch.php"&gt;</w:t>
            </w:r>
          </w:p>
          <w:p w:rsidR="00763958" w:rsidRDefault="00763958" w:rsidP="00763958">
            <w:r>
              <w:t xml:space="preserve">                &lt;i class="fas fa-map-marker-alt mr-1"&gt;&lt;/i&gt;</w:t>
            </w:r>
          </w:p>
          <w:p w:rsidR="00763958" w:rsidRDefault="00763958" w:rsidP="00763958">
            <w:r>
              <w:t xml:space="preserve">                Get Contact Info</w:t>
            </w:r>
          </w:p>
          <w:p w:rsidR="00763958" w:rsidRDefault="00763958" w:rsidP="00763958">
            <w:r>
              <w:t xml:space="preserve">            &lt;/a&gt;</w:t>
            </w:r>
          </w:p>
          <w:p w:rsidR="00763958" w:rsidRDefault="00763958" w:rsidP="00763958">
            <w:r>
              <w:t xml:space="preserve">        &lt;/li&gt;</w:t>
            </w:r>
          </w:p>
          <w:p w:rsidR="00763958" w:rsidRDefault="00763958" w:rsidP="00763958">
            <w:r>
              <w:t xml:space="preserve">    &lt;/ul&gt;</w:t>
            </w:r>
          </w:p>
          <w:p w:rsidR="00763958" w:rsidRDefault="00763958" w:rsidP="00763958">
            <w:r>
              <w:t>&lt;/div&gt;</w:t>
            </w:r>
          </w:p>
          <w:p w:rsidR="00763958" w:rsidRDefault="00763958" w:rsidP="00763958">
            <w:r>
              <w:t xml:space="preserve">                        &lt;/div&gt;</w:t>
            </w:r>
          </w:p>
          <w:p w:rsidR="00763958" w:rsidRDefault="00763958" w:rsidP="00763958">
            <w:r>
              <w:t xml:space="preserve">                                                                    &lt;div class="col-md-6 residence wow bounceInUp 3" data-wow-duration="1.5s"</w:t>
            </w:r>
          </w:p>
          <w:p w:rsidR="00763958" w:rsidRDefault="00763958" w:rsidP="00763958">
            <w:r>
              <w:t xml:space="preserve">                             data-wow-delay="0.4s" id="100112"&gt;</w:t>
            </w:r>
          </w:p>
          <w:p w:rsidR="00763958" w:rsidRDefault="00763958" w:rsidP="00763958">
            <w:r>
              <w:t xml:space="preserve">                            &lt;div class="strip grid"&gt;</w:t>
            </w:r>
          </w:p>
          <w:p w:rsidR="00763958" w:rsidRDefault="00763958" w:rsidP="00763958">
            <w:r>
              <w:t xml:space="preserve">    &lt;figure&gt;</w:t>
            </w:r>
          </w:p>
          <w:p w:rsidR="00763958" w:rsidRDefault="00763958" w:rsidP="00763958">
            <w:r>
              <w:t xml:space="preserve">        &lt;a class="wish_bt btn-wishlist " href="javascript:" title="Add To My List"</w:t>
            </w:r>
          </w:p>
          <w:p w:rsidR="00763958" w:rsidRDefault="00763958" w:rsidP="00763958">
            <w:r>
              <w:t xml:space="preserve">           data-toggle="tooltip" data-id="100112"</w:t>
            </w:r>
          </w:p>
          <w:p w:rsidR="00763958" w:rsidRDefault="00763958" w:rsidP="00763958">
            <w:r>
              <w:t xml:space="preserve">           &gt;&lt;/a&gt;</w:t>
            </w:r>
          </w:p>
          <w:p w:rsidR="00763958" w:rsidRDefault="00763958" w:rsidP="00763958">
            <w:r>
              <w:t xml:space="preserve">        &lt;a href="residence/fairwinds-west-hills.php"&gt;</w:t>
            </w:r>
          </w:p>
          <w:p w:rsidR="00763958" w:rsidRDefault="00763958" w:rsidP="00763958">
            <w:r>
              <w:t xml:space="preserve">            &lt;img alt="Fairwinds West Hills" title="Fairwinds West Hills" class="img-fluid"</w:t>
            </w:r>
          </w:p>
          <w:p w:rsidR="00763958" w:rsidRDefault="00763958" w:rsidP="00763958">
            <w:r>
              <w:t xml:space="preserve">                 height="266" width="400"</w:t>
            </w:r>
          </w:p>
          <w:p w:rsidR="00763958" w:rsidRDefault="00763958" w:rsidP="00763958">
            <w:r>
              <w:t xml:space="preserve">                 src="img/holder/default.svg"/&gt;</w:t>
            </w:r>
          </w:p>
          <w:p w:rsidR="00763958" w:rsidRDefault="00763958" w:rsidP="00763958">
            <w:r>
              <w:t xml:space="preserve">            &lt;div class="read_more"&gt;</w:t>
            </w:r>
          </w:p>
          <w:p w:rsidR="00763958" w:rsidRDefault="00763958" w:rsidP="00763958">
            <w:r>
              <w:t xml:space="preserve">                &lt;span&gt;View Residence&lt;/span&gt;</w:t>
            </w:r>
          </w:p>
          <w:p w:rsidR="00763958" w:rsidRDefault="00763958" w:rsidP="00763958">
            <w:r>
              <w:t xml:space="preserve">            &lt;/div&gt;</w:t>
            </w:r>
          </w:p>
          <w:p w:rsidR="00763958" w:rsidRDefault="00763958" w:rsidP="00763958">
            <w:r>
              <w:t xml:space="preserve">        &lt;/a&gt;</w:t>
            </w:r>
          </w:p>
          <w:p w:rsidR="00763958" w:rsidRDefault="00763958" w:rsidP="00763958">
            <w:r>
              <w:t xml:space="preserve">                    &lt;small&gt;</w:t>
            </w:r>
          </w:p>
          <w:p w:rsidR="00763958" w:rsidRDefault="00763958" w:rsidP="00763958">
            <w:r>
              <w:t xml:space="preserve">                Independent 55+</w:t>
            </w:r>
          </w:p>
          <w:p w:rsidR="00763958" w:rsidRDefault="00763958" w:rsidP="00763958">
            <w:r>
              <w:t xml:space="preserve">            &lt;/small&gt;</w:t>
            </w:r>
          </w:p>
          <w:p w:rsidR="00763958" w:rsidRDefault="00763958" w:rsidP="00763958">
            <w:r>
              <w:t xml:space="preserve">                    &lt;small&gt;</w:t>
            </w:r>
          </w:p>
          <w:p w:rsidR="00763958" w:rsidRDefault="00763958" w:rsidP="00763958">
            <w:r>
              <w:t xml:space="preserve">                Assisted Living</w:t>
            </w:r>
          </w:p>
          <w:p w:rsidR="00763958" w:rsidRDefault="00763958" w:rsidP="00763958">
            <w:r>
              <w:t xml:space="preserve">            &lt;/small&gt;</w:t>
            </w:r>
          </w:p>
          <w:p w:rsidR="00763958" w:rsidRDefault="00763958" w:rsidP="00763958">
            <w:r>
              <w:t xml:space="preserve">                    &lt;/figure&gt;</w:t>
            </w:r>
          </w:p>
          <w:p w:rsidR="00763958" w:rsidRDefault="00763958" w:rsidP="00763958">
            <w:r>
              <w:t xml:space="preserve">    &lt;div class="wrapper"&gt;</w:t>
            </w:r>
          </w:p>
          <w:p w:rsidR="00763958" w:rsidRDefault="00763958" w:rsidP="00763958">
            <w:r>
              <w:t xml:space="preserve">        &lt;h3&gt;</w:t>
            </w:r>
          </w:p>
          <w:p w:rsidR="00763958" w:rsidRDefault="00763958" w:rsidP="00763958">
            <w:r>
              <w:t xml:space="preserve">            &lt;a href="residence/fairwinds-west-hills.php"&gt;</w:t>
            </w:r>
          </w:p>
          <w:p w:rsidR="00763958" w:rsidRDefault="00763958" w:rsidP="00763958">
            <w:r>
              <w:t xml:space="preserve">                Fairwinds West Hills</w:t>
            </w:r>
          </w:p>
          <w:p w:rsidR="00763958" w:rsidRDefault="00763958" w:rsidP="00763958">
            <w:r>
              <w:t xml:space="preserve">            &lt;/a&gt;</w:t>
            </w:r>
          </w:p>
          <w:p w:rsidR="00763958" w:rsidRDefault="00763958" w:rsidP="00763958">
            <w:r>
              <w:lastRenderedPageBreak/>
              <w:t xml:space="preserve">        &lt;/h3&gt;</w:t>
            </w:r>
          </w:p>
          <w:p w:rsidR="00763958" w:rsidRDefault="00763958" w:rsidP="00763958">
            <w:r>
              <w:t xml:space="preserve">        &lt;p&gt;</w:t>
            </w:r>
          </w:p>
          <w:p w:rsidR="00763958" w:rsidRDefault="00763958" w:rsidP="00763958">
            <w:r>
              <w:t xml:space="preserve">                            Independent / Adult Active 55+ Community Residence</w:t>
            </w:r>
          </w:p>
          <w:p w:rsidR="00763958" w:rsidRDefault="00763958" w:rsidP="00763958">
            <w:r>
              <w:t xml:space="preserve">                    &lt;/p&gt;</w:t>
            </w:r>
          </w:p>
          <w:p w:rsidR="00763958" w:rsidRDefault="00763958" w:rsidP="00763958">
            <w:r>
              <w:t xml:space="preserve">    &lt;/div&gt;</w:t>
            </w:r>
          </w:p>
          <w:p w:rsidR="00763958" w:rsidRDefault="00763958" w:rsidP="00763958">
            <w:r>
              <w:t xml:space="preserve">    &lt;ul&gt;</w:t>
            </w:r>
          </w:p>
          <w:p w:rsidR="00763958" w:rsidRDefault="00763958" w:rsidP="00763958">
            <w:r>
              <w:t xml:space="preserve">        &lt;li&gt;</w:t>
            </w:r>
          </w:p>
          <w:p w:rsidR="00763958" w:rsidRDefault="00763958" w:rsidP="00763958">
            <w:r>
              <w:t xml:space="preserve">            &lt;div class="score"&gt;</w:t>
            </w:r>
          </w:p>
          <w:p w:rsidR="00763958" w:rsidRDefault="00763958" w:rsidP="00763958">
            <w:r>
              <w:t xml:space="preserve">                &lt;span&gt;Total&lt;em&gt;Views&lt;/em&gt;&lt;/span&gt;</w:t>
            </w:r>
          </w:p>
          <w:p w:rsidR="00763958" w:rsidRDefault="00763958" w:rsidP="00763958">
            <w:r>
              <w:t xml:space="preserve">                &lt;strong&gt;968&lt;/strong&gt;</w:t>
            </w:r>
          </w:p>
          <w:p w:rsidR="00763958" w:rsidRDefault="00763958" w:rsidP="00763958">
            <w:r>
              <w:t xml:space="preserve">            &lt;/div&gt;</w:t>
            </w:r>
          </w:p>
          <w:p w:rsidR="00763958" w:rsidRDefault="00763958" w:rsidP="00763958">
            <w:r>
              <w:t xml:space="preserve">        &lt;/li&gt;</w:t>
            </w:r>
          </w:p>
          <w:p w:rsidR="00763958" w:rsidRDefault="00763958" w:rsidP="00763958">
            <w:r>
              <w:t xml:space="preserve">        &lt;li&gt;</w:t>
            </w:r>
          </w:p>
          <w:p w:rsidR="00763958" w:rsidRDefault="00763958" w:rsidP="00763958">
            <w:r>
              <w:t xml:space="preserve">            &lt;a class="btn btn-sm btn-success rounded-pill"</w:t>
            </w:r>
          </w:p>
          <w:p w:rsidR="00763958" w:rsidRDefault="00763958" w:rsidP="00763958">
            <w:r>
              <w:t xml:space="preserve">               href="residence/fairwinds-west-hills.php"&gt;</w:t>
            </w:r>
          </w:p>
          <w:p w:rsidR="00763958" w:rsidRDefault="00763958" w:rsidP="00763958">
            <w:r>
              <w:t xml:space="preserve">                &lt;i class="fas fa-map-marker-alt mr-1"&gt;&lt;/i&gt;</w:t>
            </w:r>
          </w:p>
          <w:p w:rsidR="00763958" w:rsidRDefault="00763958" w:rsidP="00763958">
            <w:r>
              <w:t xml:space="preserve">                Get Contact Info</w:t>
            </w:r>
          </w:p>
          <w:p w:rsidR="00763958" w:rsidRDefault="00763958" w:rsidP="00763958">
            <w:r>
              <w:t xml:space="preserve">            &lt;/a&gt;</w:t>
            </w:r>
          </w:p>
          <w:p w:rsidR="00763958" w:rsidRDefault="00763958" w:rsidP="00763958">
            <w:r>
              <w:t xml:space="preserve">        &lt;/li&gt;</w:t>
            </w:r>
          </w:p>
          <w:p w:rsidR="00763958" w:rsidRDefault="00763958" w:rsidP="00763958">
            <w:r>
              <w:t xml:space="preserve">    &lt;/ul&gt;</w:t>
            </w:r>
          </w:p>
          <w:p w:rsidR="00763958" w:rsidRDefault="00763958" w:rsidP="00763958">
            <w:r>
              <w:t>&lt;/div&gt;</w:t>
            </w:r>
          </w:p>
          <w:p w:rsidR="00763958" w:rsidRDefault="00763958" w:rsidP="00763958">
            <w:r>
              <w:t xml:space="preserve">                        &lt;/div&gt;</w:t>
            </w:r>
          </w:p>
          <w:p w:rsidR="00763958" w:rsidRDefault="00763958" w:rsidP="00763958">
            <w:r>
              <w:t xml:space="preserve">                                    &lt;/div&gt;--&gt;</w:t>
            </w:r>
          </w:p>
          <w:p w:rsidR="00763958" w:rsidRDefault="00763958" w:rsidP="00763958"/>
          <w:p w:rsidR="00763958" w:rsidRDefault="00763958" w:rsidP="00763958">
            <w:r>
              <w:t xml:space="preserve">            &lt;/div&gt;</w:t>
            </w:r>
          </w:p>
          <w:p w:rsidR="00763958" w:rsidRDefault="00763958" w:rsidP="00763958">
            <w:r>
              <w:t xml:space="preserve">        &lt;/div&gt;</w:t>
            </w:r>
          </w:p>
          <w:p w:rsidR="00763958" w:rsidRDefault="00763958" w:rsidP="00763958">
            <w:r>
              <w:t xml:space="preserve">    &lt;/div&gt;</w:t>
            </w:r>
          </w:p>
          <w:p w:rsidR="00763958" w:rsidRDefault="00763958" w:rsidP="00763958">
            <w:r>
              <w:t xml:space="preserve">        &lt;/main&gt;</w:t>
            </w:r>
          </w:p>
          <w:p w:rsidR="00763958" w:rsidRDefault="00763958" w:rsidP="00763958">
            <w:r>
              <w:t xml:space="preserve">        </w:t>
            </w:r>
          </w:p>
          <w:p w:rsidR="00763958" w:rsidRDefault="00763958" w:rsidP="00763958">
            <w:r>
              <w:t xml:space="preserve">    &lt;/div&gt;</w:t>
            </w:r>
          </w:p>
          <w:p w:rsidR="00763958" w:rsidRDefault="00763958" w:rsidP="00763958">
            <w:r>
              <w:t>&lt;/div&gt;</w:t>
            </w:r>
          </w:p>
          <w:p w:rsidR="00763958" w:rsidRDefault="00763958" w:rsidP="00763958">
            <w:r>
              <w:t>&lt;!---------------Residences ends------------------&gt;</w:t>
            </w:r>
          </w:p>
          <w:p w:rsidR="00763958" w:rsidRDefault="00763958" w:rsidP="00763958"/>
          <w:p w:rsidR="00763958" w:rsidRDefault="00763958" w:rsidP="00763958"/>
          <w:p w:rsidR="00763958" w:rsidRDefault="00763958" w:rsidP="00763958">
            <w:r>
              <w:t>&lt;!---------------Floating widget Starts------------------&gt;</w:t>
            </w:r>
          </w:p>
          <w:p w:rsidR="00763958" w:rsidRDefault="00763958" w:rsidP="00763958"/>
          <w:p w:rsidR="00763958" w:rsidRDefault="00763958" w:rsidP="00763958">
            <w:r>
              <w:t>&lt;div class="floating-widget"&gt;</w:t>
            </w:r>
          </w:p>
          <w:p w:rsidR="00763958" w:rsidRDefault="00763958" w:rsidP="00763958">
            <w:r>
              <w:t xml:space="preserve">    &lt;a class="float-item all-service d-xl-none d-lg-none d-md-none d-sm-block"&gt;</w:t>
            </w:r>
          </w:p>
          <w:p w:rsidR="00763958" w:rsidRDefault="00763958" w:rsidP="00763958">
            <w:r>
              <w:t xml:space="preserve">        &lt;img src="img/icon/ssp.png" class="icon"/&gt;</w:t>
            </w:r>
          </w:p>
          <w:p w:rsidR="00763958" w:rsidRDefault="00763958" w:rsidP="00763958">
            <w:r>
              <w:t xml:space="preserve">    &lt;/a&gt;</w:t>
            </w:r>
          </w:p>
          <w:p w:rsidR="00763958" w:rsidRDefault="00763958" w:rsidP="00763958">
            <w:r>
              <w:t xml:space="preserve">    &lt;ul&gt;</w:t>
            </w:r>
          </w:p>
          <w:p w:rsidR="00763958" w:rsidRDefault="00763958" w:rsidP="00763958">
            <w:r>
              <w:t xml:space="preserve">                    &lt;li&gt;</w:t>
            </w:r>
          </w:p>
          <w:p w:rsidR="00763958" w:rsidRDefault="00763958" w:rsidP="00763958">
            <w:r>
              <w:t xml:space="preserve">                &lt;a href="https://srepfinder.com/" target="_blank" class="float-item" title="Find Senior Real Estate Professionals specializing in the real estate of seniors"</w:t>
            </w:r>
          </w:p>
          <w:p w:rsidR="00763958" w:rsidRDefault="00763958" w:rsidP="00763958">
            <w:r>
              <w:t xml:space="preserve">                   data-toggle="tooltip" data-placement="right" data-delay="500"&gt;</w:t>
            </w:r>
          </w:p>
          <w:p w:rsidR="00763958" w:rsidRDefault="00763958" w:rsidP="00763958">
            <w:r>
              <w:t xml:space="preserve">                    &lt;img class="rounded-circle icon" src="img/icon/srep.png"/&gt;</w:t>
            </w:r>
          </w:p>
          <w:p w:rsidR="00763958" w:rsidRDefault="00763958" w:rsidP="00763958">
            <w:r>
              <w:t xml:space="preserve">                    &lt;img class="full-logo" src="img/finder/text/srep.png"/&gt;</w:t>
            </w:r>
          </w:p>
          <w:p w:rsidR="00763958" w:rsidRDefault="00763958" w:rsidP="00763958">
            <w:r>
              <w:t xml:space="preserve">                &lt;/a&gt;</w:t>
            </w:r>
          </w:p>
          <w:p w:rsidR="00763958" w:rsidRDefault="00763958" w:rsidP="00763958">
            <w:r>
              <w:lastRenderedPageBreak/>
              <w:t xml:space="preserve">            &lt;/li&gt;</w:t>
            </w:r>
          </w:p>
          <w:p w:rsidR="00763958" w:rsidRDefault="00763958" w:rsidP="00763958">
            <w:r>
              <w:t xml:space="preserve">                    &lt;li&gt;</w:t>
            </w:r>
          </w:p>
          <w:p w:rsidR="00763958" w:rsidRDefault="00763958" w:rsidP="00763958">
            <w:r>
              <w:t xml:space="preserve">                &lt;a href="https://espmfinder.com/" target="_blank" class="float-item" title="Find Professionals Serving Seniors with their Estate Sales, Packing and Moving"</w:t>
            </w:r>
          </w:p>
          <w:p w:rsidR="00763958" w:rsidRDefault="00763958" w:rsidP="00763958">
            <w:r>
              <w:t xml:space="preserve">                   data-toggle="tooltip" data-placement="right" data-delay="500"&gt;</w:t>
            </w:r>
          </w:p>
          <w:p w:rsidR="00763958" w:rsidRDefault="00763958" w:rsidP="00763958">
            <w:r>
              <w:t xml:space="preserve">                    &lt;img class="rounded-circle icon" src="img/icon/espm.png"/&gt;</w:t>
            </w:r>
          </w:p>
          <w:p w:rsidR="00763958" w:rsidRDefault="00763958" w:rsidP="00763958">
            <w:r>
              <w:t xml:space="preserve">                    &lt;img class="full-logo" src="img/finder/text/espm.png"/&gt;</w:t>
            </w:r>
          </w:p>
          <w:p w:rsidR="00763958" w:rsidRDefault="00763958" w:rsidP="00763958">
            <w:r>
              <w:t xml:space="preserve">                &lt;/a&gt;</w:t>
            </w:r>
          </w:p>
          <w:p w:rsidR="00763958" w:rsidRDefault="00763958" w:rsidP="00763958">
            <w:r>
              <w:t xml:space="preserve">            &lt;/li&gt;</w:t>
            </w:r>
          </w:p>
          <w:p w:rsidR="00763958" w:rsidRDefault="00763958" w:rsidP="00763958">
            <w:r>
              <w:t xml:space="preserve">                    &lt;li&gt;</w:t>
            </w:r>
          </w:p>
          <w:p w:rsidR="00763958" w:rsidRDefault="00763958" w:rsidP="00763958">
            <w:r>
              <w:t xml:space="preserve">                &lt;a href="https://elderlawlawyerfinder.com/" target="_blank" class="float-item" title="Find Attorneys specializing in the legal needs of seniors"</w:t>
            </w:r>
          </w:p>
          <w:p w:rsidR="00763958" w:rsidRDefault="00763958" w:rsidP="00763958">
            <w:r>
              <w:t xml:space="preserve">                   data-toggle="tooltip" data-placement="right" data-delay="500"&gt;</w:t>
            </w:r>
          </w:p>
          <w:p w:rsidR="00763958" w:rsidRDefault="00763958" w:rsidP="00763958">
            <w:r>
              <w:t xml:space="preserve">                    &lt;img class="rounded-circle icon" src="img/icon/el.png"/&gt;</w:t>
            </w:r>
          </w:p>
          <w:p w:rsidR="00763958" w:rsidRDefault="00763958" w:rsidP="00763958">
            <w:r>
              <w:t xml:space="preserve">                    &lt;img class="full-logo" src="img/finder/text/el.png"/&gt;</w:t>
            </w:r>
          </w:p>
          <w:p w:rsidR="00763958" w:rsidRDefault="00763958" w:rsidP="00763958">
            <w:r>
              <w:t xml:space="preserve">                &lt;/a&gt;</w:t>
            </w:r>
          </w:p>
          <w:p w:rsidR="00763958" w:rsidRDefault="00763958" w:rsidP="00763958">
            <w:r>
              <w:t xml:space="preserve">            &lt;/li&gt;</w:t>
            </w:r>
          </w:p>
          <w:p w:rsidR="00763958" w:rsidRDefault="00763958" w:rsidP="00763958">
            <w:r>
              <w:t xml:space="preserve">                    &lt;li&gt;</w:t>
            </w:r>
          </w:p>
          <w:p w:rsidR="00763958" w:rsidRDefault="00763958" w:rsidP="00763958">
            <w:r>
              <w:t xml:space="preserve">                &lt;a href="https://eiflfinder.com/" target="_blank" class="float-item" title="Find Professionals specializing in Investment, Finance and Loans for Seniors"</w:t>
            </w:r>
          </w:p>
          <w:p w:rsidR="00763958" w:rsidRDefault="00763958" w:rsidP="00763958">
            <w:r>
              <w:t xml:space="preserve">                   data-toggle="tooltip" data-placement="right" data-delay="500"&gt;</w:t>
            </w:r>
          </w:p>
          <w:p w:rsidR="00763958" w:rsidRDefault="00763958" w:rsidP="00763958">
            <w:r>
              <w:t xml:space="preserve">                    &lt;img class="rounded-circle icon" src="img/icon/eifl.png"/&gt;</w:t>
            </w:r>
          </w:p>
          <w:p w:rsidR="00763958" w:rsidRDefault="00763958" w:rsidP="00763958">
            <w:r>
              <w:t xml:space="preserve">                    &lt;img class="full-logo" src="img/finder/text/eifl.png"/&gt;</w:t>
            </w:r>
          </w:p>
          <w:p w:rsidR="00763958" w:rsidRDefault="00763958" w:rsidP="00763958">
            <w:r>
              <w:t xml:space="preserve">                &lt;/a&gt;</w:t>
            </w:r>
          </w:p>
          <w:p w:rsidR="00763958" w:rsidRDefault="00763958" w:rsidP="00763958">
            <w:r>
              <w:t xml:space="preserve">            &lt;/li&gt;</w:t>
            </w:r>
          </w:p>
          <w:p w:rsidR="00763958" w:rsidRDefault="00763958" w:rsidP="00763958">
            <w:r>
              <w:t xml:space="preserve">                    &lt;li&gt;</w:t>
            </w:r>
          </w:p>
          <w:p w:rsidR="00763958" w:rsidRDefault="00763958" w:rsidP="00763958">
            <w:r>
              <w:t xml:space="preserve">                &lt;a href="https://vabenefitsfinder.com/" target="_blank" class="float-item" title="Find Specialists who guarantee Seniors the Veteran’s Benefits they deserve"</w:t>
            </w:r>
          </w:p>
          <w:p w:rsidR="00763958" w:rsidRDefault="00763958" w:rsidP="00763958">
            <w:r>
              <w:t xml:space="preserve">                   data-toggle="tooltip" data-placement="right" data-delay="500"&gt;</w:t>
            </w:r>
          </w:p>
          <w:p w:rsidR="00763958" w:rsidRDefault="00763958" w:rsidP="00763958">
            <w:r>
              <w:t xml:space="preserve">                    &lt;img class="rounded-circle icon" src="img/icon/vab.png"/&gt;</w:t>
            </w:r>
          </w:p>
          <w:p w:rsidR="00763958" w:rsidRDefault="00763958" w:rsidP="00763958">
            <w:r>
              <w:t xml:space="preserve">                    &lt;img class="full-logo" src="img/finder/text/vab.png"/&gt;</w:t>
            </w:r>
          </w:p>
          <w:p w:rsidR="00763958" w:rsidRDefault="00763958" w:rsidP="00763958">
            <w:r>
              <w:t xml:space="preserve">                &lt;/a&gt;</w:t>
            </w:r>
          </w:p>
          <w:p w:rsidR="00763958" w:rsidRDefault="00763958" w:rsidP="00763958">
            <w:r>
              <w:t xml:space="preserve">            &lt;/li&gt;</w:t>
            </w:r>
          </w:p>
          <w:p w:rsidR="00763958" w:rsidRDefault="00763958" w:rsidP="00763958">
            <w:r>
              <w:t xml:space="preserve">                    &lt;li&gt;</w:t>
            </w:r>
          </w:p>
          <w:p w:rsidR="00763958" w:rsidRDefault="00763958" w:rsidP="00763958">
            <w:r>
              <w:t xml:space="preserve">                &lt;a href="https://insureseniorsfinder.com/" target="_blank" class="float-item" title="Find Professionals who Insure Seniors for life, health, property and peace of mind"</w:t>
            </w:r>
          </w:p>
          <w:p w:rsidR="00763958" w:rsidRDefault="00763958" w:rsidP="00763958">
            <w:r>
              <w:t xml:space="preserve">                   data-toggle="tooltip" data-placement="right" data-delay="500"&gt;</w:t>
            </w:r>
          </w:p>
          <w:p w:rsidR="00763958" w:rsidRDefault="00763958" w:rsidP="00763958">
            <w:r>
              <w:t xml:space="preserve">                    &lt;img class="rounded-circle icon" src="img/icon/is.png"/&gt;</w:t>
            </w:r>
          </w:p>
          <w:p w:rsidR="00763958" w:rsidRDefault="00763958" w:rsidP="00763958">
            <w:r>
              <w:t xml:space="preserve">                    &lt;img class="full-logo" src="img/finder/text/is.png"/&gt;</w:t>
            </w:r>
          </w:p>
          <w:p w:rsidR="00763958" w:rsidRDefault="00763958" w:rsidP="00763958">
            <w:r>
              <w:t xml:space="preserve">                &lt;/a&gt;</w:t>
            </w:r>
          </w:p>
          <w:p w:rsidR="00763958" w:rsidRDefault="00763958" w:rsidP="00763958">
            <w:r>
              <w:t xml:space="preserve">            &lt;/li&gt;</w:t>
            </w:r>
          </w:p>
          <w:p w:rsidR="00763958" w:rsidRDefault="00763958" w:rsidP="00763958">
            <w:r>
              <w:t xml:space="preserve">            &lt;/ul&gt;</w:t>
            </w:r>
          </w:p>
          <w:p w:rsidR="00763958" w:rsidRDefault="00763958" w:rsidP="00763958">
            <w:r>
              <w:t>&lt;/div&gt;</w:t>
            </w:r>
          </w:p>
          <w:p w:rsidR="00763958" w:rsidRDefault="00763958" w:rsidP="00763958">
            <w:r>
              <w:t>&lt;script type="text/javascript"&gt;</w:t>
            </w:r>
          </w:p>
          <w:p w:rsidR="00763958" w:rsidRDefault="00763958" w:rsidP="00763958">
            <w:r>
              <w:t xml:space="preserve">    var isMobile = /iPhone|Android/i.test(navigator.userAgent);</w:t>
            </w:r>
          </w:p>
          <w:p w:rsidR="00763958" w:rsidRDefault="00763958" w:rsidP="00763958">
            <w:r>
              <w:t xml:space="preserve">    $(document).ready(function () {</w:t>
            </w:r>
          </w:p>
          <w:p w:rsidR="00763958" w:rsidRDefault="00763958" w:rsidP="00763958">
            <w:r>
              <w:t xml:space="preserve">        // jQuery reverse</w:t>
            </w:r>
          </w:p>
          <w:p w:rsidR="00763958" w:rsidRDefault="00763958" w:rsidP="00763958">
            <w:r>
              <w:t xml:space="preserve">        $.fn.reverse = [].reverse;</w:t>
            </w:r>
          </w:p>
          <w:p w:rsidR="00763958" w:rsidRDefault="00763958" w:rsidP="00763958">
            <w:r>
              <w:lastRenderedPageBreak/>
              <w:t xml:space="preserve">        $(".floating-widget ul li").hover(function () {</w:t>
            </w:r>
          </w:p>
          <w:p w:rsidR="00763958" w:rsidRDefault="00763958" w:rsidP="00763958">
            <w:r>
              <w:t xml:space="preserve">            $(this).toggleClass("active");</w:t>
            </w:r>
          </w:p>
          <w:p w:rsidR="00763958" w:rsidRDefault="00763958" w:rsidP="00763958">
            <w:r>
              <w:t xml:space="preserve">        });</w:t>
            </w:r>
          </w:p>
          <w:p w:rsidR="00763958" w:rsidRDefault="00763958" w:rsidP="00763958">
            <w:r>
              <w:t xml:space="preserve">        if (isMobile) {</w:t>
            </w:r>
          </w:p>
          <w:p w:rsidR="00763958" w:rsidRDefault="00763958" w:rsidP="00763958">
            <w:r>
              <w:t xml:space="preserve">            // Toggle-on-click behaviour.</w:t>
            </w:r>
          </w:p>
          <w:p w:rsidR="00763958" w:rsidRDefault="00763958" w:rsidP="00763958">
            <w:r>
              <w:t xml:space="preserve">            $(document).on('click.floatingWidget', '.floating-widget &gt; a', function (e) {</w:t>
            </w:r>
          </w:p>
          <w:p w:rsidR="00763958" w:rsidRDefault="00763958" w:rsidP="00763958">
            <w:r>
              <w:t xml:space="preserve">                var $this = $(this);</w:t>
            </w:r>
          </w:p>
          <w:p w:rsidR="00763958" w:rsidRDefault="00763958" w:rsidP="00763958">
            <w:r>
              <w:t xml:space="preserve">                var $menu = $this.parent();</w:t>
            </w:r>
          </w:p>
          <w:p w:rsidR="00763958" w:rsidRDefault="00763958" w:rsidP="00763958">
            <w:r>
              <w:t xml:space="preserve">                if ($menu.hasClass('open')) {</w:t>
            </w:r>
          </w:p>
          <w:p w:rsidR="00763958" w:rsidRDefault="00763958" w:rsidP="00763958">
            <w:r>
              <w:t xml:space="preserve">                    closeFABMenu($menu);</w:t>
            </w:r>
          </w:p>
          <w:p w:rsidR="00763958" w:rsidRDefault="00763958" w:rsidP="00763958">
            <w:r>
              <w:t xml:space="preserve">                } else {</w:t>
            </w:r>
          </w:p>
          <w:p w:rsidR="00763958" w:rsidRDefault="00763958" w:rsidP="00763958">
            <w:r>
              <w:t xml:space="preserve">                    openFABMenu($menu);</w:t>
            </w:r>
          </w:p>
          <w:p w:rsidR="00763958" w:rsidRDefault="00763958" w:rsidP="00763958">
            <w:r>
              <w:t xml:space="preserve">                }</w:t>
            </w:r>
          </w:p>
          <w:p w:rsidR="00763958" w:rsidRDefault="00763958" w:rsidP="00763958">
            <w:r>
              <w:t xml:space="preserve">            });</w:t>
            </w:r>
          </w:p>
          <w:p w:rsidR="00763958" w:rsidRDefault="00763958" w:rsidP="00763958">
            <w:r>
              <w:t xml:space="preserve">        } else {</w:t>
            </w:r>
          </w:p>
          <w:p w:rsidR="00763958" w:rsidRDefault="00763958" w:rsidP="00763958">
            <w:r>
              <w:t xml:space="preserve">            var $menu = $(".floating-widget");</w:t>
            </w:r>
          </w:p>
          <w:p w:rsidR="00763958" w:rsidRDefault="00763958" w:rsidP="00763958">
            <w:r>
              <w:t xml:space="preserve">            openFABMenu($menu);</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fn.extend({</w:t>
            </w:r>
          </w:p>
          <w:p w:rsidR="00763958" w:rsidRDefault="00763958" w:rsidP="00763958">
            <w:r>
              <w:t xml:space="preserve">        openFAB: function () {</w:t>
            </w:r>
          </w:p>
          <w:p w:rsidR="00763958" w:rsidRDefault="00763958" w:rsidP="00763958">
            <w:r>
              <w:t xml:space="preserve">            openFABMenu($(this));</w:t>
            </w:r>
          </w:p>
          <w:p w:rsidR="00763958" w:rsidRDefault="00763958" w:rsidP="00763958">
            <w:r>
              <w:t xml:space="preserve">        },</w:t>
            </w:r>
          </w:p>
          <w:p w:rsidR="00763958" w:rsidRDefault="00763958" w:rsidP="00763958">
            <w:r>
              <w:t xml:space="preserve">        closeFAB: function () {</w:t>
            </w:r>
          </w:p>
          <w:p w:rsidR="00763958" w:rsidRDefault="00763958" w:rsidP="00763958">
            <w:r>
              <w:t xml:space="preserve">            closeFABMenu($(this));</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var openFABMenu = function (btn) {</w:t>
            </w:r>
          </w:p>
          <w:p w:rsidR="00763958" w:rsidRDefault="00763958" w:rsidP="00763958">
            <w:r>
              <w:t xml:space="preserve">        $this = btn;</w:t>
            </w:r>
          </w:p>
          <w:p w:rsidR="00763958" w:rsidRDefault="00763958" w:rsidP="00763958">
            <w:r>
              <w:t xml:space="preserve">        if ($this.hasClass('open') === false) {</w:t>
            </w:r>
          </w:p>
          <w:p w:rsidR="00763958" w:rsidRDefault="00763958" w:rsidP="00763958"/>
          <w:p w:rsidR="00763958" w:rsidRDefault="00763958" w:rsidP="00763958">
            <w:r>
              <w:t xml:space="preserve">            // Get direction option</w:t>
            </w:r>
          </w:p>
          <w:p w:rsidR="00763958" w:rsidRDefault="00763958" w:rsidP="00763958">
            <w:r>
              <w:t xml:space="preserve">            var horizontal = $this.hasClass('horizontal');</w:t>
            </w:r>
          </w:p>
          <w:p w:rsidR="00763958" w:rsidRDefault="00763958" w:rsidP="00763958">
            <w:r>
              <w:t xml:space="preserve">            var offsetY, offsetX;</w:t>
            </w:r>
          </w:p>
          <w:p w:rsidR="00763958" w:rsidRDefault="00763958" w:rsidP="00763958"/>
          <w:p w:rsidR="00763958" w:rsidRDefault="00763958" w:rsidP="00763958">
            <w:r>
              <w:t xml:space="preserve">            if (horizontal === true) {</w:t>
            </w:r>
          </w:p>
          <w:p w:rsidR="00763958" w:rsidRDefault="00763958" w:rsidP="00763958">
            <w:r>
              <w:t xml:space="preserve">                offsetX = 40;</w:t>
            </w:r>
          </w:p>
          <w:p w:rsidR="00763958" w:rsidRDefault="00763958" w:rsidP="00763958">
            <w:r>
              <w:t xml:space="preserve">            } else {</w:t>
            </w:r>
          </w:p>
          <w:p w:rsidR="00763958" w:rsidRDefault="00763958" w:rsidP="00763958">
            <w:r>
              <w:t xml:space="preserve">                offsetY = 40;</w:t>
            </w:r>
          </w:p>
          <w:p w:rsidR="00763958" w:rsidRDefault="00763958" w:rsidP="00763958">
            <w:r>
              <w:t xml:space="preserve">            }</w:t>
            </w:r>
          </w:p>
          <w:p w:rsidR="00763958" w:rsidRDefault="00763958" w:rsidP="00763958"/>
          <w:p w:rsidR="00763958" w:rsidRDefault="00763958" w:rsidP="00763958">
            <w:r>
              <w:t xml:space="preserve">            $this.addClass('open');</w:t>
            </w:r>
          </w:p>
          <w:p w:rsidR="00763958" w:rsidRDefault="00763958" w:rsidP="00763958">
            <w:r>
              <w:t xml:space="preserve">            $this.find('ul .float-item').velocity(</w:t>
            </w:r>
          </w:p>
          <w:p w:rsidR="00763958" w:rsidRDefault="00763958" w:rsidP="00763958">
            <w:r>
              <w:t xml:space="preserve">                {scaleY: ".4", scaleX: ".4", translateY: offsetY + 'px', translateX: offsetX + 'px'},</w:t>
            </w:r>
          </w:p>
          <w:p w:rsidR="00763958" w:rsidRDefault="00763958" w:rsidP="00763958">
            <w:r>
              <w:t xml:space="preserve">                {duration: 0});</w:t>
            </w:r>
          </w:p>
          <w:p w:rsidR="00763958" w:rsidRDefault="00763958" w:rsidP="00763958"/>
          <w:p w:rsidR="00763958" w:rsidRDefault="00763958" w:rsidP="00763958">
            <w:r>
              <w:lastRenderedPageBreak/>
              <w:t xml:space="preserve">            var time = 0;</w:t>
            </w:r>
          </w:p>
          <w:p w:rsidR="00763958" w:rsidRDefault="00763958" w:rsidP="00763958">
            <w:r>
              <w:t xml:space="preserve">            $this.find('ul .float-item').reverse().each(function () {</w:t>
            </w:r>
          </w:p>
          <w:p w:rsidR="00763958" w:rsidRDefault="00763958" w:rsidP="00763958">
            <w:r>
              <w:t xml:space="preserve">                $(this).velocity(</w:t>
            </w:r>
          </w:p>
          <w:p w:rsidR="00763958" w:rsidRDefault="00763958" w:rsidP="00763958">
            <w:r>
              <w:t xml:space="preserve">                    {opacity: "1", scaleX: "1", scaleY: "1", translateY: "0", translateX: '0'},</w:t>
            </w:r>
          </w:p>
          <w:p w:rsidR="00763958" w:rsidRDefault="00763958" w:rsidP="00763958">
            <w:r>
              <w:t xml:space="preserve">                    {duration: 80, delay: time});</w:t>
            </w:r>
          </w:p>
          <w:p w:rsidR="00763958" w:rsidRDefault="00763958" w:rsidP="00763958">
            <w:r>
              <w:t xml:space="preserve">                time += 40;</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p w:rsidR="00763958" w:rsidRDefault="00763958" w:rsidP="00763958">
            <w:r>
              <w:t xml:space="preserve">    var closeFABMenu = function (btn) {</w:t>
            </w:r>
          </w:p>
          <w:p w:rsidR="00763958" w:rsidRDefault="00763958" w:rsidP="00763958">
            <w:r>
              <w:t xml:space="preserve">        $this = btn;</w:t>
            </w:r>
          </w:p>
          <w:p w:rsidR="00763958" w:rsidRDefault="00763958" w:rsidP="00763958">
            <w:r>
              <w:t xml:space="preserve">        // Get direction option</w:t>
            </w:r>
          </w:p>
          <w:p w:rsidR="00763958" w:rsidRDefault="00763958" w:rsidP="00763958">
            <w:r>
              <w:t xml:space="preserve">        var horizontal = $this.hasClass('horizontal');</w:t>
            </w:r>
          </w:p>
          <w:p w:rsidR="00763958" w:rsidRDefault="00763958" w:rsidP="00763958">
            <w:r>
              <w:t xml:space="preserve">        var offsetY, offsetX;</w:t>
            </w:r>
          </w:p>
          <w:p w:rsidR="00763958" w:rsidRDefault="00763958" w:rsidP="00763958"/>
          <w:p w:rsidR="00763958" w:rsidRDefault="00763958" w:rsidP="00763958">
            <w:r>
              <w:t xml:space="preserve">        if (horizontal === true) {</w:t>
            </w:r>
          </w:p>
          <w:p w:rsidR="00763958" w:rsidRDefault="00763958" w:rsidP="00763958">
            <w:r>
              <w:t xml:space="preserve">            offsetX = 40;</w:t>
            </w:r>
          </w:p>
          <w:p w:rsidR="00763958" w:rsidRDefault="00763958" w:rsidP="00763958">
            <w:r>
              <w:t xml:space="preserve">        } else {</w:t>
            </w:r>
          </w:p>
          <w:p w:rsidR="00763958" w:rsidRDefault="00763958" w:rsidP="00763958">
            <w:r>
              <w:t xml:space="preserve">            offsetY = 40;</w:t>
            </w:r>
          </w:p>
          <w:p w:rsidR="00763958" w:rsidRDefault="00763958" w:rsidP="00763958">
            <w:r>
              <w:t xml:space="preserve">        }</w:t>
            </w:r>
          </w:p>
          <w:p w:rsidR="00763958" w:rsidRDefault="00763958" w:rsidP="00763958"/>
          <w:p w:rsidR="00763958" w:rsidRDefault="00763958" w:rsidP="00763958">
            <w:r>
              <w:t xml:space="preserve">        $this.removeClass('open');</w:t>
            </w:r>
          </w:p>
          <w:p w:rsidR="00763958" w:rsidRDefault="00763958" w:rsidP="00763958">
            <w:r>
              <w:t xml:space="preserve">        var time = 0;</w:t>
            </w:r>
          </w:p>
          <w:p w:rsidR="00763958" w:rsidRDefault="00763958" w:rsidP="00763958">
            <w:r>
              <w:t xml:space="preserve">        $this.find('ul .float-item').velocity("stop", true);</w:t>
            </w:r>
          </w:p>
          <w:p w:rsidR="00763958" w:rsidRDefault="00763958" w:rsidP="00763958">
            <w:r>
              <w:t xml:space="preserve">        $this.find('ul .float-item').velocity(</w:t>
            </w:r>
          </w:p>
          <w:p w:rsidR="00763958" w:rsidRDefault="00763958" w:rsidP="00763958">
            <w:r>
              <w:t xml:space="preserve">            {opacity: "0", scaleX: ".4", scaleY: ".4", translateY: offsetY + 'px', translateX: offsetX + 'px'},</w:t>
            </w:r>
          </w:p>
          <w:p w:rsidR="00763958" w:rsidRDefault="00763958" w:rsidP="00763958">
            <w:r>
              <w:t xml:space="preserve">            {duration: 80}</w:t>
            </w:r>
          </w:p>
          <w:p w:rsidR="00763958" w:rsidRDefault="00763958" w:rsidP="00763958">
            <w:r>
              <w:t xml:space="preserve">        );</w:t>
            </w:r>
          </w:p>
          <w:p w:rsidR="00763958" w:rsidRDefault="00763958" w:rsidP="00763958">
            <w:r>
              <w:t xml:space="preserve">    };</w:t>
            </w:r>
          </w:p>
          <w:p w:rsidR="00763958" w:rsidRDefault="00763958" w:rsidP="00763958">
            <w:r>
              <w:t>&lt;/script&gt;</w:t>
            </w:r>
          </w:p>
          <w:p w:rsidR="00763958" w:rsidRDefault="00763958" w:rsidP="00763958">
            <w:r>
              <w:t>&lt;!---------------floating widget ends------------------&gt;</w:t>
            </w:r>
          </w:p>
          <w:p w:rsidR="00763958" w:rsidRDefault="00763958" w:rsidP="00763958">
            <w:r>
              <w:t>&lt;div id="divLoader" class="loading-widget" align="center"&gt;</w:t>
            </w:r>
          </w:p>
          <w:p w:rsidR="00763958" w:rsidRDefault="00763958" w:rsidP="00763958">
            <w:r>
              <w:t xml:space="preserve">    &lt;br/&gt;</w:t>
            </w:r>
          </w:p>
          <w:p w:rsidR="00763958" w:rsidRDefault="00763958" w:rsidP="00763958">
            <w:r>
              <w:t xml:space="preserve">    &lt;p class="text-default"&gt;</w:t>
            </w:r>
          </w:p>
          <w:p w:rsidR="00763958" w:rsidRDefault="00763958" w:rsidP="00763958">
            <w:r>
              <w:t xml:space="preserve">        Loading, Please Wait for a while...</w:t>
            </w:r>
          </w:p>
          <w:p w:rsidR="00763958" w:rsidRDefault="00763958" w:rsidP="00763958">
            <w:r>
              <w:t xml:space="preserve">    &lt;/p&gt;</w:t>
            </w:r>
          </w:p>
          <w:p w:rsidR="00763958" w:rsidRDefault="00763958" w:rsidP="00763958">
            <w:r>
              <w:t xml:space="preserve">    &lt;br/&gt;</w:t>
            </w:r>
          </w:p>
          <w:p w:rsidR="00763958" w:rsidRDefault="00763958" w:rsidP="00763958">
            <w:r>
              <w:t>&lt;/div&gt;</w:t>
            </w:r>
          </w:p>
          <w:p w:rsidR="00763958" w:rsidRDefault="00763958" w:rsidP="00763958">
            <w:r>
              <w:t>&lt;div id="divOverlay" class="loading-overlay"&gt;&lt;/div&gt;</w:t>
            </w:r>
          </w:p>
          <w:p w:rsidR="00763958" w:rsidRDefault="00763958" w:rsidP="00763958">
            <w:r>
              <w:t>&lt;script type="text/javascript"&gt;</w:t>
            </w:r>
          </w:p>
          <w:p w:rsidR="00763958" w:rsidRDefault="00763958" w:rsidP="00763958">
            <w:r>
              <w:t xml:space="preserve">    window.loading = function (show, message) {</w:t>
            </w:r>
          </w:p>
          <w:p w:rsidR="00763958" w:rsidRDefault="00763958" w:rsidP="00763958">
            <w:r>
              <w:t xml:space="preserve">        let overlay = $(".loading-overlay");</w:t>
            </w:r>
          </w:p>
          <w:p w:rsidR="00763958" w:rsidRDefault="00763958" w:rsidP="00763958">
            <w:r>
              <w:t xml:space="preserve">        let loading = $(".loading-widget");</w:t>
            </w:r>
          </w:p>
          <w:p w:rsidR="00763958" w:rsidRDefault="00763958" w:rsidP="00763958">
            <w:r>
              <w:t xml:space="preserve">        $("p", loading).html(message);</w:t>
            </w:r>
          </w:p>
          <w:p w:rsidR="00763958" w:rsidRDefault="00763958" w:rsidP="00763958">
            <w:r>
              <w:t xml:space="preserve">        if (show) {</w:t>
            </w:r>
          </w:p>
          <w:p w:rsidR="00763958" w:rsidRDefault="00763958" w:rsidP="00763958">
            <w:r>
              <w:t xml:space="preserve">            let top = Math.max($(window).height() / 2 - loading[0].offsetHeight / 2 - 50, 0);</w:t>
            </w:r>
          </w:p>
          <w:p w:rsidR="00763958" w:rsidRDefault="00763958" w:rsidP="00763958">
            <w:r>
              <w:t xml:space="preserve">            overlay.fadeIn();</w:t>
            </w:r>
          </w:p>
          <w:p w:rsidR="00763958" w:rsidRDefault="00763958" w:rsidP="00763958">
            <w:r>
              <w:lastRenderedPageBreak/>
              <w:t xml:space="preserve">            loading.fadeIn();</w:t>
            </w:r>
          </w:p>
          <w:p w:rsidR="00763958" w:rsidRDefault="00763958" w:rsidP="00763958">
            <w:r>
              <w:t xml:space="preserve">            loading.css({</w:t>
            </w:r>
          </w:p>
          <w:p w:rsidR="00763958" w:rsidRDefault="00763958" w:rsidP="00763958">
            <w:r>
              <w:t xml:space="preserve">                top: top</w:t>
            </w:r>
          </w:p>
          <w:p w:rsidR="00763958" w:rsidRDefault="00763958" w:rsidP="00763958">
            <w:r>
              <w:t xml:space="preserve">            });</w:t>
            </w:r>
          </w:p>
          <w:p w:rsidR="00763958" w:rsidRDefault="00763958" w:rsidP="00763958">
            <w:r>
              <w:t xml:space="preserve">        } else {</w:t>
            </w:r>
          </w:p>
          <w:p w:rsidR="00763958" w:rsidRDefault="00763958" w:rsidP="00763958">
            <w:r>
              <w:t xml:space="preserve">            overlay.fadeOut();</w:t>
            </w:r>
          </w:p>
          <w:p w:rsidR="00763958" w:rsidRDefault="00763958" w:rsidP="00763958">
            <w:r>
              <w:t xml:space="preserve">            loading.fadeOut();</w:t>
            </w:r>
          </w:p>
          <w:p w:rsidR="00763958" w:rsidRDefault="00763958" w:rsidP="00763958">
            <w:r>
              <w:t xml:space="preserve">        }</w:t>
            </w:r>
          </w:p>
          <w:p w:rsidR="00763958" w:rsidRDefault="00763958" w:rsidP="00763958">
            <w:r>
              <w:t xml:space="preserve">    }</w:t>
            </w:r>
          </w:p>
          <w:p w:rsidR="00763958" w:rsidRDefault="00763958" w:rsidP="00763958">
            <w:r>
              <w:t>&lt;/script&gt;</w:t>
            </w:r>
          </w:p>
          <w:p w:rsidR="00763958" w:rsidRDefault="00763958" w:rsidP="00763958">
            <w:r>
              <w:t>&lt;style type="text/css"&gt;</w:t>
            </w:r>
          </w:p>
          <w:p w:rsidR="00763958" w:rsidRDefault="00763958" w:rsidP="00763958">
            <w:r>
              <w:t xml:space="preserve">    .loading-overlay {</w:t>
            </w:r>
          </w:p>
          <w:p w:rsidR="00763958" w:rsidRDefault="00763958" w:rsidP="00763958">
            <w:r>
              <w:t xml:space="preserve">        display: none;</w:t>
            </w:r>
          </w:p>
          <w:p w:rsidR="00763958" w:rsidRDefault="00763958" w:rsidP="00763958">
            <w:r>
              <w:t xml:space="preserve">        position: fixed;</w:t>
            </w:r>
          </w:p>
          <w:p w:rsidR="00763958" w:rsidRDefault="00763958" w:rsidP="00763958">
            <w:r>
              <w:t xml:space="preserve">        top: 0;</w:t>
            </w:r>
          </w:p>
          <w:p w:rsidR="00763958" w:rsidRDefault="00763958" w:rsidP="00763958">
            <w:r>
              <w:t xml:space="preserve">        left: 0;</w:t>
            </w:r>
          </w:p>
          <w:p w:rsidR="00763958" w:rsidRDefault="00763958" w:rsidP="00763958">
            <w:r>
              <w:t xml:space="preserve">        background-color: #FFFFFF;</w:t>
            </w:r>
          </w:p>
          <w:p w:rsidR="00763958" w:rsidRDefault="00763958" w:rsidP="00763958">
            <w:r>
              <w:t xml:space="preserve">        z-index: 10060;</w:t>
            </w:r>
          </w:p>
          <w:p w:rsidR="00763958" w:rsidRDefault="00763958" w:rsidP="00763958">
            <w:r>
              <w:t xml:space="preserve">        opacity: 0.8;</w:t>
            </w:r>
          </w:p>
          <w:p w:rsidR="00763958" w:rsidRDefault="00763958" w:rsidP="00763958">
            <w:r>
              <w:t xml:space="preserve">        filter: alpha(opacity=80);</w:t>
            </w:r>
          </w:p>
          <w:p w:rsidR="00763958" w:rsidRDefault="00763958" w:rsidP="00763958">
            <w:r>
              <w:t xml:space="preserve">        -moz-opacity: 0.8;</w:t>
            </w:r>
          </w:p>
          <w:p w:rsidR="00763958" w:rsidRDefault="00763958" w:rsidP="00763958">
            <w:r>
              <w:t xml:space="preserve">        min-height: 100%;</w:t>
            </w:r>
          </w:p>
          <w:p w:rsidR="00763958" w:rsidRDefault="00763958" w:rsidP="00763958">
            <w:r>
              <w:t xml:space="preserve">        width: 100%;</w:t>
            </w:r>
          </w:p>
          <w:p w:rsidR="00763958" w:rsidRDefault="00763958" w:rsidP="00763958">
            <w:r>
              <w:t xml:space="preserve">    }</w:t>
            </w:r>
          </w:p>
          <w:p w:rsidR="00763958" w:rsidRDefault="00763958" w:rsidP="00763958">
            <w:r>
              <w:t xml:space="preserve">    .loading-widget {</w:t>
            </w:r>
          </w:p>
          <w:p w:rsidR="00763958" w:rsidRDefault="00763958" w:rsidP="00763958">
            <w:r>
              <w:t xml:space="preserve">        font-family: Arial;</w:t>
            </w:r>
          </w:p>
          <w:p w:rsidR="00763958" w:rsidRDefault="00763958" w:rsidP="00763958">
            <w:r>
              <w:t xml:space="preserve">        font-size: 10pt;</w:t>
            </w:r>
          </w:p>
          <w:p w:rsidR="00763958" w:rsidRDefault="00763958" w:rsidP="00763958">
            <w:r>
              <w:t xml:space="preserve">        width: 350px;</w:t>
            </w:r>
          </w:p>
          <w:p w:rsidR="00763958" w:rsidRDefault="00763958" w:rsidP="00763958">
            <w:r>
              <w:t xml:space="preserve">        height: 130px;</w:t>
            </w:r>
          </w:p>
          <w:p w:rsidR="00763958" w:rsidRDefault="00763958" w:rsidP="00763958">
            <w:r>
              <w:t xml:space="preserve">        display: none;</w:t>
            </w:r>
          </w:p>
          <w:p w:rsidR="00763958" w:rsidRDefault="00763958" w:rsidP="00763958">
            <w:r>
              <w:t xml:space="preserve">        position: fixed;</w:t>
            </w:r>
          </w:p>
          <w:p w:rsidR="00763958" w:rsidRDefault="00763958" w:rsidP="00763958">
            <w:r>
              <w:t xml:space="preserve">        background: transparent url("{{ url('frontend/img/loader.gif") 50% 50% no-repeat;</w:t>
            </w:r>
          </w:p>
          <w:p w:rsidR="00763958" w:rsidRDefault="00763958" w:rsidP="00763958">
            <w:r>
              <w:t xml:space="preserve">        z-index: 10080;</w:t>
            </w:r>
          </w:p>
          <w:p w:rsidR="00763958" w:rsidRDefault="00763958" w:rsidP="00763958">
            <w:r>
              <w:t xml:space="preserve">        left: 50%;</w:t>
            </w:r>
          </w:p>
          <w:p w:rsidR="00763958" w:rsidRDefault="00763958" w:rsidP="00763958">
            <w:r>
              <w:t xml:space="preserve">        margin-left: -175px;</w:t>
            </w:r>
          </w:p>
          <w:p w:rsidR="00763958" w:rsidRDefault="00763958" w:rsidP="00763958">
            <w:r>
              <w:t xml:space="preserve">    }</w:t>
            </w:r>
          </w:p>
          <w:p w:rsidR="00763958" w:rsidRDefault="00763958" w:rsidP="00763958">
            <w:r>
              <w:t xml:space="preserve">    .loading-widget p {</w:t>
            </w:r>
          </w:p>
          <w:p w:rsidR="00763958" w:rsidRDefault="00763958" w:rsidP="00763958">
            <w:r>
              <w:t xml:space="preserve">        margin-top: 130px;</w:t>
            </w:r>
          </w:p>
          <w:p w:rsidR="00763958" w:rsidRDefault="00763958" w:rsidP="00763958">
            <w:r>
              <w:t xml:space="preserve">        font-weight: bolder;</w:t>
            </w:r>
          </w:p>
          <w:p w:rsidR="00763958" w:rsidRDefault="00763958" w:rsidP="00763958">
            <w:r>
              <w:t xml:space="preserve">        color: #035b67;</w:t>
            </w:r>
          </w:p>
          <w:p w:rsidR="00763958" w:rsidRDefault="00763958" w:rsidP="00763958">
            <w:r>
              <w:t xml:space="preserve">        font-size: 18px;</w:t>
            </w:r>
          </w:p>
          <w:p w:rsidR="00763958" w:rsidRDefault="00763958" w:rsidP="00763958">
            <w:r>
              <w:t xml:space="preserve">    }</w:t>
            </w:r>
          </w:p>
          <w:p w:rsidR="00763958" w:rsidRDefault="00763958" w:rsidP="00763958">
            <w:r>
              <w:t>&lt;/style&gt;&lt;div id="toTop"&gt;&lt;/div&gt;</w:t>
            </w:r>
          </w:p>
          <w:p w:rsidR="00763958" w:rsidRDefault="00763958" w:rsidP="00763958"/>
          <w:p w:rsidR="00763958" w:rsidRDefault="00763958" w:rsidP="00763958">
            <w:r>
              <w:t>&lt;!---------------remove wishlist Starts------------------&gt;</w:t>
            </w:r>
          </w:p>
          <w:p w:rsidR="00763958" w:rsidRDefault="00763958" w:rsidP="00763958">
            <w:r>
              <w:t>&lt;!--theme.js --&gt;</w:t>
            </w:r>
          </w:p>
          <w:p w:rsidR="00763958" w:rsidRDefault="00763958" w:rsidP="00763958">
            <w:r>
              <w:t>&lt;script src="spf/js/theme.js"&gt;&lt;/script&gt;</w:t>
            </w:r>
          </w:p>
          <w:p w:rsidR="00763958" w:rsidRDefault="00763958" w:rsidP="00763958">
            <w:r>
              <w:t>&lt;!--lscache.js --&gt;</w:t>
            </w:r>
          </w:p>
          <w:p w:rsidR="00763958" w:rsidRDefault="00763958" w:rsidP="00763958">
            <w:r>
              <w:lastRenderedPageBreak/>
              <w:t>&lt;script src="js/lscache.js"&gt;&lt;/script&gt;</w:t>
            </w:r>
          </w:p>
          <w:p w:rsidR="00763958" w:rsidRDefault="00763958" w:rsidP="00763958">
            <w:r>
              <w:t>&lt;!--notify.js --&gt;</w:t>
            </w:r>
          </w:p>
          <w:p w:rsidR="00763958" w:rsidRDefault="00763958" w:rsidP="00763958">
            <w:r>
              <w:t>&lt;script src="js/notify.js"&gt;&lt;/script&gt;</w:t>
            </w:r>
          </w:p>
          <w:p w:rsidR="00763958" w:rsidRDefault="00763958" w:rsidP="00763958">
            <w:r>
              <w:t>&lt;!--js/common.js --&gt;</w:t>
            </w:r>
          </w:p>
          <w:p w:rsidR="00763958" w:rsidRDefault="00763958" w:rsidP="00763958">
            <w:r>
              <w:t>&lt;script src="js/common.js"&gt;&lt;/script&gt;</w:t>
            </w:r>
          </w:p>
          <w:p w:rsidR="00763958" w:rsidRDefault="00763958" w:rsidP="00763958">
            <w:r>
              <w:t>&lt;!--animated_canvas.js --&gt;</w:t>
            </w:r>
          </w:p>
          <w:p w:rsidR="00763958" w:rsidRDefault="00763958" w:rsidP="00763958">
            <w:r>
              <w:t xml:space="preserve">    &lt;script src="spf/js/animated_canvas.js"&gt;&lt;/script&gt;</w:t>
            </w:r>
          </w:p>
          <w:p w:rsidR="00763958" w:rsidRDefault="00763958" w:rsidP="00763958">
            <w:r>
              <w:t xml:space="preserve">    &lt;!--selectize.js --&gt;</w:t>
            </w:r>
          </w:p>
          <w:p w:rsidR="00763958" w:rsidRDefault="00763958" w:rsidP="00763958">
            <w:r>
              <w:t xml:space="preserve">    &lt;script src="js/selectize.js"&gt;&lt;/script&gt;</w:t>
            </w:r>
          </w:p>
          <w:p w:rsidR="00763958" w:rsidRDefault="00763958" w:rsidP="00763958">
            <w:r>
              <w:t xml:space="preserve">    &lt;!--googleapis --&gt;</w:t>
            </w:r>
          </w:p>
          <w:p w:rsidR="00763958" w:rsidRDefault="00763958" w:rsidP="00763958">
            <w:r>
              <w:t xml:space="preserve">    &lt;script</w:t>
            </w:r>
          </w:p>
          <w:p w:rsidR="00763958" w:rsidRDefault="00763958" w:rsidP="00763958">
            <w:r>
              <w:t xml:space="preserve">            src="https://maps.googleapis.com/maps/api/js?key=AIzaSyCjN2knZ92ZcETe2mNF2t5l_j21ZTvTnIY&amp;amp;libraries=places&amp;amp;callback=initAutocomplete"</w:t>
            </w:r>
          </w:p>
          <w:p w:rsidR="00763958" w:rsidRDefault="00763958" w:rsidP="00763958">
            <w:r>
              <w:t xml:space="preserve">            async defer&gt;&lt;/script&gt;</w:t>
            </w:r>
          </w:p>
          <w:p w:rsidR="00763958" w:rsidRDefault="00763958" w:rsidP="00763958">
            <w:r>
              <w:t xml:space="preserve">            &lt;!-- velocity.js--&gt;</w:t>
            </w:r>
          </w:p>
          <w:p w:rsidR="00763958" w:rsidRDefault="00763958" w:rsidP="00763958">
            <w:r>
              <w:t>&lt;script src="js/velocity.js"&gt;&lt;/script&gt;</w:t>
            </w:r>
          </w:p>
          <w:p w:rsidR="00763958" w:rsidRDefault="00763958" w:rsidP="00763958">
            <w:r>
              <w:t>&lt;!-- init.js--&gt;</w:t>
            </w:r>
          </w:p>
          <w:p w:rsidR="00763958" w:rsidRDefault="00763958" w:rsidP="00763958">
            <w:r>
              <w:t>&lt;script src="spf/js/init.js"&gt;&lt;/script&gt;</w:t>
            </w:r>
          </w:p>
          <w:p w:rsidR="00763958" w:rsidRDefault="00763958" w:rsidP="00763958">
            <w:r>
              <w:t>&lt;script type="text/javascript"&gt;</w:t>
            </w:r>
          </w:p>
          <w:p w:rsidR="00763958" w:rsidRDefault="00763958" w:rsidP="00763958">
            <w:r>
              <w:t xml:space="preserve">    $(document).ready(function () {</w:t>
            </w:r>
          </w:p>
          <w:p w:rsidR="00763958" w:rsidRDefault="00763958" w:rsidP="00763958">
            <w:r>
              <w:t xml:space="preserve">        /*if (document.referrer !== "" &amp;&amp;</w:t>
            </w:r>
          </w:p>
          <w:p w:rsidR="00763958" w:rsidRDefault="00763958" w:rsidP="00763958">
            <w:r>
              <w:t xml:space="preserve">            (new URL(document.referrer)).origin !== window.location.origin &amp;&amp;</w:t>
            </w:r>
          </w:p>
          <w:p w:rsidR="00763958" w:rsidRDefault="00763958" w:rsidP="00763958">
            <w:r>
              <w:t xml:space="preserve">            lscache.get("last_visited")) {</w:t>
            </w:r>
          </w:p>
          <w:p w:rsidR="00763958" w:rsidRDefault="00763958" w:rsidP="00763958">
            <w:r>
              <w:t xml:space="preserve">            var lastVisited = lscache.get("last_visited");</w:t>
            </w:r>
          </w:p>
          <w:p w:rsidR="00763958" w:rsidRDefault="00763958" w:rsidP="00763958">
            <w:r>
              <w:t xml:space="preserve">            lscache.remove("last_visited");</w:t>
            </w:r>
          </w:p>
          <w:p w:rsidR="00763958" w:rsidRDefault="00763958" w:rsidP="00763958">
            <w:r>
              <w:t xml:space="preserve">            window.location.href = lastVisited;</w:t>
            </w:r>
          </w:p>
          <w:p w:rsidR="00763958" w:rsidRDefault="00763958" w:rsidP="00763958">
            <w:r>
              <w:t xml:space="preserve">        } else {</w:t>
            </w:r>
          </w:p>
          <w:p w:rsidR="00763958" w:rsidRDefault="00763958" w:rsidP="00763958">
            <w:r>
              <w:t xml:space="preserve">            //lscache.set("last_visited", window.location.href);</w:t>
            </w:r>
          </w:p>
          <w:p w:rsidR="00763958" w:rsidRDefault="00763958" w:rsidP="00763958">
            <w:r>
              <w:t xml:space="preserve">        }*/</w:t>
            </w:r>
          </w:p>
          <w:p w:rsidR="00763958" w:rsidRDefault="00763958" w:rsidP="00763958">
            <w:r>
              <w:t xml:space="preserve">        /*window.onbeforeunload = function() {</w:t>
            </w:r>
          </w:p>
          <w:p w:rsidR="00763958" w:rsidRDefault="00763958" w:rsidP="00763958">
            <w:r>
              <w:t xml:space="preserve">            lscache.set("last_visited", window.location.href);</w:t>
            </w:r>
          </w:p>
          <w:p w:rsidR="00763958" w:rsidRDefault="00763958" w:rsidP="00763958">
            <w:r>
              <w:t xml:space="preserve">            return;</w:t>
            </w:r>
          </w:p>
          <w:p w:rsidR="00763958" w:rsidRDefault="00763958" w:rsidP="00763958">
            <w:r>
              <w:t xml:space="preserve">        }*/</w:t>
            </w:r>
          </w:p>
          <w:p w:rsidR="00763958" w:rsidRDefault="00763958" w:rsidP="00763958">
            <w:r>
              <w:t xml:space="preserve">        fnUpdateWishFlag();</w:t>
            </w:r>
          </w:p>
          <w:p w:rsidR="00763958" w:rsidRDefault="00763958" w:rsidP="00763958">
            <w:r>
              <w:t xml:space="preserve">        $(document.body).on("click", ".btn-wishlist", function (e) {</w:t>
            </w:r>
          </w:p>
          <w:p w:rsidR="00763958" w:rsidRDefault="00763958" w:rsidP="00763958">
            <w:r>
              <w:t xml:space="preserve">            e.preventDefault();</w:t>
            </w:r>
          </w:p>
          <w:p w:rsidR="00763958" w:rsidRDefault="00763958" w:rsidP="00763958">
            <w:r>
              <w:t xml:space="preserve">            var that = this;</w:t>
            </w:r>
          </w:p>
          <w:p w:rsidR="00763958" w:rsidRDefault="00763958" w:rsidP="00763958">
            <w:r>
              <w:t xml:space="preserve">            let href = $(that).data("href");</w:t>
            </w:r>
          </w:p>
          <w:p w:rsidR="00763958" w:rsidRDefault="00763958" w:rsidP="00763958">
            <w:r>
              <w:t xml:space="preserve">            let rid = $(that).data("id");</w:t>
            </w:r>
          </w:p>
          <w:p w:rsidR="00763958" w:rsidRDefault="00763958" w:rsidP="00763958">
            <w:r>
              <w:t xml:space="preserve">            if (href) {</w:t>
            </w:r>
          </w:p>
          <w:p w:rsidR="00763958" w:rsidRDefault="00763958" w:rsidP="00763958">
            <w:r>
              <w:t xml:space="preserve">                $.ajax({</w:t>
            </w:r>
          </w:p>
          <w:p w:rsidR="00763958" w:rsidRDefault="00763958" w:rsidP="00763958">
            <w:r>
              <w:t xml:space="preserve">                    type: "get",</w:t>
            </w:r>
          </w:p>
          <w:p w:rsidR="00763958" w:rsidRDefault="00763958" w:rsidP="00763958">
            <w:r>
              <w:t xml:space="preserve">                    url: href,</w:t>
            </w:r>
          </w:p>
          <w:p w:rsidR="00763958" w:rsidRDefault="00763958" w:rsidP="00763958">
            <w:r>
              <w:t xml:space="preserve">                    beforeSend: function () {</w:t>
            </w:r>
          </w:p>
          <w:p w:rsidR="00763958" w:rsidRDefault="00763958" w:rsidP="00763958">
            <w:r>
              <w:t xml:space="preserve">                        $(that).addClass("block-loader");</w:t>
            </w:r>
          </w:p>
          <w:p w:rsidR="00763958" w:rsidRDefault="00763958" w:rsidP="00763958">
            <w:r>
              <w:t xml:space="preserve">                    },</w:t>
            </w:r>
          </w:p>
          <w:p w:rsidR="00763958" w:rsidRDefault="00763958" w:rsidP="00763958">
            <w:r>
              <w:t xml:space="preserve">                    success: function (response) {</w:t>
            </w:r>
          </w:p>
          <w:p w:rsidR="00763958" w:rsidRDefault="00763958" w:rsidP="00763958">
            <w:r>
              <w:lastRenderedPageBreak/>
              <w:t xml:space="preserve">                        $(that).removeClass("block-loader");</w:t>
            </w:r>
          </w:p>
          <w:p w:rsidR="00763958" w:rsidRDefault="00763958" w:rsidP="00763958">
            <w:r>
              <w:t xml:space="preserve">                        $(that).toggleClass("liked");</w:t>
            </w:r>
          </w:p>
          <w:p w:rsidR="00763958" w:rsidRDefault="00763958" w:rsidP="00763958">
            <w:r>
              <w:t xml:space="preserve">                        $("span", that).text($(that).hasClass("liked") ? "In Your List" : "Add To My List");</w:t>
            </w:r>
          </w:p>
          <w:p w:rsidR="00763958" w:rsidRDefault="00763958" w:rsidP="00763958">
            <w:r>
              <w:t xml:space="preserve">                        $(that).attr("data-original-title", $(that).hasClass("liked") ? "Remove From Your List" : "Add To My List").tooltip('show');</w:t>
            </w:r>
          </w:p>
          <w:p w:rsidR="00763958" w:rsidRDefault="00763958" w:rsidP="00763958">
            <w:r>
              <w:t xml:space="preserve">                    }</w:t>
            </w:r>
          </w:p>
          <w:p w:rsidR="00763958" w:rsidRDefault="00763958" w:rsidP="00763958">
            <w:r>
              <w:t xml:space="preserve">                });</w:t>
            </w:r>
          </w:p>
          <w:p w:rsidR="00763958" w:rsidRDefault="00763958" w:rsidP="00763958">
            <w:r>
              <w:t xml:space="preserve">            } else {</w:t>
            </w:r>
          </w:p>
          <w:p w:rsidR="00763958" w:rsidRDefault="00763958" w:rsidP="00763958">
            <w:r>
              <w:t xml:space="preserve">                let wishList = lscache.get("wishlist") || [];</w:t>
            </w:r>
          </w:p>
          <w:p w:rsidR="00763958" w:rsidRDefault="00763958" w:rsidP="00763958">
            <w:r>
              <w:t xml:space="preserve">                if (wishList.includes(rid)) {</w:t>
            </w:r>
          </w:p>
          <w:p w:rsidR="00763958" w:rsidRDefault="00763958" w:rsidP="00763958">
            <w:r>
              <w:t xml:space="preserve">                    wishList = _.without(wishList, rid);</w:t>
            </w:r>
          </w:p>
          <w:p w:rsidR="00763958" w:rsidRDefault="00763958" w:rsidP="00763958">
            <w:r>
              <w:t xml:space="preserve">                } else {</w:t>
            </w:r>
          </w:p>
          <w:p w:rsidR="00763958" w:rsidRDefault="00763958" w:rsidP="00763958">
            <w:r>
              <w:t xml:space="preserve">                    wishList.push(rid);</w:t>
            </w:r>
          </w:p>
          <w:p w:rsidR="00763958" w:rsidRDefault="00763958" w:rsidP="00763958">
            <w:r>
              <w:t xml:space="preserve">                }</w:t>
            </w:r>
          </w:p>
          <w:p w:rsidR="00763958" w:rsidRDefault="00763958" w:rsidP="00763958">
            <w:r>
              <w:t xml:space="preserve">                lscache.set("wishlist", wishList);</w:t>
            </w:r>
          </w:p>
          <w:p w:rsidR="00763958" w:rsidRDefault="00763958" w:rsidP="00763958">
            <w:r>
              <w:t xml:space="preserve">                $(this).toggleClass("liked");</w:t>
            </w:r>
          </w:p>
          <w:p w:rsidR="00763958" w:rsidRDefault="00763958" w:rsidP="00763958">
            <w:r>
              <w:t xml:space="preserve">                $("span", this).text($(this).hasClass("liked") ? "In Your List" : "Add To My List");</w:t>
            </w:r>
          </w:p>
          <w:p w:rsidR="00763958" w:rsidRDefault="00763958" w:rsidP="00763958">
            <w:r>
              <w:t xml:space="preserve">                $(this).attr("data-original-title", $(this).hasClass("liked") ? "Remove From Your List" : "Add To My List").tooltip('show');</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t xml:space="preserve">    window.fnUpdateWishFlag = function () {</w:t>
            </w:r>
          </w:p>
          <w:p w:rsidR="00763958" w:rsidRDefault="00763958" w:rsidP="00763958">
            <w:r>
              <w:t xml:space="preserve">        let wishList = lscache.get("wishlist") || [];</w:t>
            </w:r>
          </w:p>
          <w:p w:rsidR="00763958" w:rsidRDefault="00763958" w:rsidP="00763958">
            <w:r>
              <w:t xml:space="preserve">        wishList.forEach(function (item) {</w:t>
            </w:r>
          </w:p>
          <w:p w:rsidR="00763958" w:rsidRDefault="00763958" w:rsidP="00763958">
            <w:r>
              <w:t xml:space="preserve">            $(".btn-wishlist[data-id='" + item + "']").addClass("liked");</w:t>
            </w:r>
          </w:p>
          <w:p w:rsidR="00763958" w:rsidRDefault="00763958" w:rsidP="00763958">
            <w:r>
              <w:t xml:space="preserve">            $(".btn-wishlist[data-id='" + item + "'].liked span").text("In Your List");</w:t>
            </w:r>
          </w:p>
          <w:p w:rsidR="00763958" w:rsidRDefault="00763958" w:rsidP="00763958">
            <w:r>
              <w:t xml:space="preserve">            $(".btn-wishlist[data-id='" + item + "'].liked").attr("title", "Remove From Your List");</w:t>
            </w:r>
          </w:p>
          <w:p w:rsidR="00763958" w:rsidRDefault="00763958" w:rsidP="00763958">
            <w:r>
              <w:t xml:space="preserve">        });</w:t>
            </w:r>
          </w:p>
          <w:p w:rsidR="00763958" w:rsidRDefault="00763958" w:rsidP="00763958">
            <w:r>
              <w:t xml:space="preserve">    };</w:t>
            </w:r>
          </w:p>
          <w:p w:rsidR="00763958" w:rsidRDefault="00763958" w:rsidP="00763958">
            <w:r>
              <w:t xml:space="preserve">    &lt;/script&gt;</w:t>
            </w:r>
          </w:p>
          <w:p w:rsidR="00763958" w:rsidRDefault="00763958" w:rsidP="00763958">
            <w:r>
              <w:t xml:space="preserve">    &lt;!---------------remove wishlist ends------------------&gt;</w:t>
            </w:r>
          </w:p>
          <w:p w:rsidR="00763958" w:rsidRDefault="00763958" w:rsidP="00763958">
            <w:r>
              <w:t xml:space="preserve">    &lt;script src="spf/js/theme.js"&gt;&lt;/script&gt;</w:t>
            </w:r>
          </w:p>
          <w:p w:rsidR="00763958" w:rsidRDefault="00763958" w:rsidP="00763958">
            <w:r>
              <w:t xml:space="preserve">    &lt;script src="js/lscache.js"&gt;&lt;/script&gt;</w:t>
            </w:r>
          </w:p>
          <w:p w:rsidR="00763958" w:rsidRDefault="00763958" w:rsidP="00763958">
            <w:r>
              <w:t xml:space="preserve">    &lt;script src="js/notify.js"&gt;&lt;/script&gt;</w:t>
            </w:r>
          </w:p>
          <w:p w:rsidR="00763958" w:rsidRDefault="00763958" w:rsidP="00763958">
            <w:r>
              <w:t xml:space="preserve">    &lt;script src="js/common.js"&gt;&lt;/script&gt;</w:t>
            </w:r>
          </w:p>
          <w:p w:rsidR="00763958" w:rsidRDefault="00763958" w:rsidP="00763958">
            <w:r>
              <w:t xml:space="preserve">        &lt;script src="js/selectize.js"&gt;&lt;/script&gt;</w:t>
            </w:r>
          </w:p>
          <w:p w:rsidR="00763958" w:rsidRDefault="00763958" w:rsidP="00763958">
            <w:r>
              <w:t xml:space="preserve">        &lt;script src="js/nouislider.js"&gt;&lt;/script&gt;</w:t>
            </w:r>
          </w:p>
          <w:p w:rsidR="00763958" w:rsidRDefault="00763958" w:rsidP="00763958">
            <w:r>
              <w:t xml:space="preserve">        &lt;script</w:t>
            </w:r>
          </w:p>
          <w:p w:rsidR="00763958" w:rsidRDefault="00763958" w:rsidP="00763958">
            <w:r>
              <w:t xml:space="preserve">                src="https://maps.googleapis.com/maps/api/js?key=AIzaSyCjN2knZ92ZcETe2mNF2t5l_j21ZTvTnIY&amp;amp;libraries=places&amp;amp;callback=initAutocomplete"</w:t>
            </w:r>
          </w:p>
          <w:p w:rsidR="00763958" w:rsidRDefault="00763958" w:rsidP="00763958">
            <w:r>
              <w:t xml:space="preserve">                async defer&gt;&lt;/script&gt;</w:t>
            </w:r>
          </w:p>
          <w:p w:rsidR="00763958" w:rsidRDefault="00763958" w:rsidP="00763958">
            <w:r>
              <w:t xml:space="preserve">    &lt;script src="js/velocity.js"&gt;&lt;/script&gt;</w:t>
            </w:r>
          </w:p>
          <w:p w:rsidR="00763958" w:rsidRDefault="00763958" w:rsidP="00763958">
            <w:r>
              <w:t xml:space="preserve">    &lt;script src="spf/js/init.js"&gt;&lt;/script&gt;</w:t>
            </w:r>
          </w:p>
          <w:p w:rsidR="00763958" w:rsidRDefault="00763958" w:rsidP="00763958">
            <w:r>
              <w:t xml:space="preserve">        &lt;script type="text/javascript"&gt;</w:t>
            </w:r>
          </w:p>
          <w:p w:rsidR="00763958" w:rsidRDefault="00763958" w:rsidP="00763958">
            <w:r>
              <w:t xml:space="preserve">        &lt;/script&gt;</w:t>
            </w:r>
          </w:p>
          <w:p w:rsidR="00763958" w:rsidRDefault="00763958" w:rsidP="00763958">
            <w:r>
              <w:t>&lt;script type="text/javascript"&gt;</w:t>
            </w:r>
          </w:p>
          <w:p w:rsidR="00763958" w:rsidRDefault="00763958" w:rsidP="00763958">
            <w:r>
              <w:lastRenderedPageBreak/>
              <w:t>//$(document).ready(function () {</w:t>
            </w:r>
          </w:p>
          <w:p w:rsidR="00763958" w:rsidRDefault="00763958" w:rsidP="00763958">
            <w:r>
              <w:t>function getResidence() {</w:t>
            </w:r>
          </w:p>
          <w:p w:rsidR="00763958" w:rsidRDefault="00763958" w:rsidP="00763958">
            <w:r>
              <w:t xml:space="preserve">    //alert(1);</w:t>
            </w:r>
          </w:p>
          <w:p w:rsidR="00763958" w:rsidRDefault="00763958" w:rsidP="00763958">
            <w:r>
              <w:t xml:space="preserve">    const residence_type = &lt;?php echo json_encode(residence_type); ?&gt;;</w:t>
            </w:r>
          </w:p>
          <w:p w:rsidR="00763958" w:rsidRDefault="00763958" w:rsidP="00763958">
            <w:r>
              <w:t xml:space="preserve">    var url = new URL(window.location.href);</w:t>
            </w:r>
          </w:p>
          <w:p w:rsidR="00763958" w:rsidRDefault="00763958" w:rsidP="00763958">
            <w:r>
              <w:t xml:space="preserve">    var filter = url.searchParams.get("filter");</w:t>
            </w:r>
          </w:p>
          <w:p w:rsidR="00763958" w:rsidRDefault="00763958" w:rsidP="00763958">
            <w:r>
              <w:t xml:space="preserve">    let filterQuery = fnGetSearchQuery();</w:t>
            </w:r>
          </w:p>
          <w:p w:rsidR="00763958" w:rsidRDefault="00763958" w:rsidP="00763958">
            <w:r>
              <w:tab/>
              <w:t xml:space="preserve">var q </w:t>
            </w:r>
            <w:r>
              <w:tab/>
              <w:t>=</w:t>
            </w:r>
            <w:r>
              <w:tab/>
              <w:t>$("#txtSearchText").val()</w:t>
            </w:r>
          </w:p>
          <w:p w:rsidR="00763958" w:rsidRDefault="00763958" w:rsidP="00763958">
            <w:r>
              <w:t xml:space="preserve">    // console.log("Hello"+q);</w:t>
            </w:r>
          </w:p>
          <w:p w:rsidR="00763958" w:rsidRDefault="00763958" w:rsidP="00763958">
            <w:r>
              <w:t xml:space="preserve">    // console.log(filterQuery, 'filterQuery');</w:t>
            </w:r>
          </w:p>
          <w:p w:rsidR="00763958" w:rsidRDefault="00763958" w:rsidP="00763958">
            <w:r>
              <w:t xml:space="preserve">    $.post("get_residence.php", {</w:t>
            </w:r>
          </w:p>
          <w:p w:rsidR="00763958" w:rsidRDefault="00763958" w:rsidP="00763958">
            <w:r>
              <w:t xml:space="preserve">            "filter": btoa(fnStringifyObject(filterQuery)),</w:t>
            </w:r>
          </w:p>
          <w:p w:rsidR="00763958" w:rsidRDefault="00763958" w:rsidP="00763958">
            <w:r>
              <w:t xml:space="preserve">            "q": q,</w:t>
            </w:r>
          </w:p>
          <w:p w:rsidR="00763958" w:rsidRDefault="00763958" w:rsidP="00763958">
            <w:r>
              <w:t xml:space="preserve">            "filter2": filter,</w:t>
            </w:r>
          </w:p>
          <w:p w:rsidR="00763958" w:rsidRDefault="00763958" w:rsidP="00763958">
            <w:r>
              <w:t xml:space="preserve">           'residence_type': 'memory_care'</w:t>
            </w:r>
          </w:p>
          <w:p w:rsidR="00763958" w:rsidRDefault="00763958" w:rsidP="00763958"/>
          <w:p w:rsidR="00763958" w:rsidRDefault="00763958" w:rsidP="00763958">
            <w:r>
              <w:t xml:space="preserve">        },</w:t>
            </w:r>
          </w:p>
          <w:p w:rsidR="00763958" w:rsidRDefault="00763958" w:rsidP="00763958">
            <w:r>
              <w:t xml:space="preserve">        function(data, status) {</w:t>
            </w:r>
          </w:p>
          <w:p w:rsidR="00763958" w:rsidRDefault="00763958" w:rsidP="00763958">
            <w:r>
              <w:tab/>
            </w:r>
            <w:r>
              <w:tab/>
            </w:r>
            <w:r>
              <w:tab/>
              <w:t>// console.log(data);</w:t>
            </w:r>
          </w:p>
          <w:p w:rsidR="00763958" w:rsidRDefault="00763958" w:rsidP="00763958">
            <w:r>
              <w:t xml:space="preserve">            let residence_data = JSON.parse(data);</w:t>
            </w:r>
          </w:p>
          <w:p w:rsidR="00763958" w:rsidRDefault="00763958" w:rsidP="00763958"/>
          <w:p w:rsidR="00763958" w:rsidRDefault="00763958" w:rsidP="00763958"/>
          <w:p w:rsidR="00763958" w:rsidRDefault="00763958" w:rsidP="00763958">
            <w:r>
              <w:t xml:space="preserve">            let residence_list = ''; let col_cls = 'col-md-6';</w:t>
            </w:r>
          </w:p>
          <w:p w:rsidR="00763958" w:rsidRDefault="00763958" w:rsidP="00763958">
            <w:r>
              <w:t xml:space="preserve">            if (residence_data['data'].length == 1) {</w:t>
            </w:r>
          </w:p>
          <w:p w:rsidR="00763958" w:rsidRDefault="00763958" w:rsidP="00763958">
            <w:r>
              <w:t xml:space="preserve">                col_cls = 'col-md-12';</w:t>
            </w:r>
          </w:p>
          <w:p w:rsidR="00763958" w:rsidRDefault="00763958" w:rsidP="00763958">
            <w:r>
              <w:t xml:space="preserve">            }</w:t>
            </w:r>
          </w:p>
          <w:p w:rsidR="00763958" w:rsidRDefault="00763958" w:rsidP="00763958">
            <w:r>
              <w:t xml:space="preserve">            residence_data['data'].forEach(function(item) {</w:t>
            </w:r>
          </w:p>
          <w:p w:rsidR="00763958" w:rsidRDefault="00763958" w:rsidP="00763958">
            <w:r>
              <w:t xml:space="preserve">                let residence_types = '';</w:t>
            </w:r>
          </w:p>
          <w:p w:rsidR="00763958" w:rsidRDefault="00763958" w:rsidP="00763958">
            <w:r>
              <w:t xml:space="preserve">                let residence = String(item.residence);</w:t>
            </w:r>
          </w:p>
          <w:p w:rsidR="00763958" w:rsidRDefault="00763958" w:rsidP="00763958">
            <w:r>
              <w:t xml:space="preserve">                residence_split = residence.split(',');</w:t>
            </w:r>
          </w:p>
          <w:p w:rsidR="00763958" w:rsidRDefault="00763958" w:rsidP="00763958">
            <w:r>
              <w:t xml:space="preserve">                residence_split.forEach(function(res) {</w:t>
            </w:r>
          </w:p>
          <w:p w:rsidR="00763958" w:rsidRDefault="00763958" w:rsidP="00763958">
            <w:r>
              <w:t xml:space="preserve">                    residence_types += "&lt;small&gt;" + residence_type[res] +</w:t>
            </w:r>
          </w:p>
          <w:p w:rsidR="00763958" w:rsidRDefault="00763958" w:rsidP="00763958">
            <w:r>
              <w:t xml:space="preserve">                        "&lt;/small&gt;";</w:t>
            </w:r>
          </w:p>
          <w:p w:rsidR="00763958" w:rsidRDefault="00763958" w:rsidP="00763958">
            <w:r>
              <w:t xml:space="preserve">                });</w:t>
            </w:r>
          </w:p>
          <w:p w:rsidR="00763958" w:rsidRDefault="00763958" w:rsidP="00763958">
            <w:r>
              <w:t xml:space="preserve">                var id = item.id; </w:t>
            </w:r>
          </w:p>
          <w:p w:rsidR="00763958" w:rsidRDefault="00763958" w:rsidP="00763958">
            <w:r>
              <w:tab/>
            </w:r>
            <w:r>
              <w:tab/>
            </w:r>
            <w:r>
              <w:tab/>
            </w:r>
            <w:r>
              <w:tab/>
              <w:t>var url = "https://reachseniors.com";</w:t>
            </w:r>
          </w:p>
          <w:p w:rsidR="00763958" w:rsidRDefault="00763958" w:rsidP="00763958">
            <w:r>
              <w:tab/>
            </w:r>
            <w:r>
              <w:tab/>
            </w:r>
            <w:r>
              <w:tab/>
            </w:r>
            <w:r>
              <w:tab/>
              <w:t>if (item.photo1) {</w:t>
            </w:r>
          </w:p>
          <w:p w:rsidR="00763958" w:rsidRDefault="00763958" w:rsidP="00763958">
            <w:r>
              <w:tab/>
            </w:r>
            <w:r>
              <w:tab/>
            </w:r>
            <w:r>
              <w:tab/>
            </w:r>
            <w:r>
              <w:tab/>
            </w:r>
            <w:r>
              <w:tab/>
              <w:t>var photo1 = item.photo1;</w:t>
            </w:r>
          </w:p>
          <w:p w:rsidR="00763958" w:rsidRDefault="00763958" w:rsidP="00763958">
            <w:r>
              <w:tab/>
            </w:r>
            <w:r>
              <w:tab/>
            </w:r>
            <w:r>
              <w:tab/>
            </w:r>
            <w:r>
              <w:tab/>
              <w:t xml:space="preserve">}else{ </w:t>
            </w:r>
          </w:p>
          <w:p w:rsidR="00763958" w:rsidRDefault="00763958" w:rsidP="00763958">
            <w:r>
              <w:tab/>
            </w:r>
            <w:r>
              <w:tab/>
            </w:r>
            <w:r>
              <w:tab/>
            </w:r>
            <w:r>
              <w:tab/>
            </w:r>
            <w:r>
              <w:tab/>
              <w:t>var photo1 = "no-image_No_Photo.png";</w:t>
            </w:r>
          </w:p>
          <w:p w:rsidR="00763958" w:rsidRDefault="00763958" w:rsidP="00763958">
            <w:r>
              <w:tab/>
            </w:r>
            <w:r>
              <w:tab/>
            </w:r>
            <w:r>
              <w:tab/>
            </w:r>
            <w:r>
              <w:tab/>
              <w:t>}</w:t>
            </w:r>
          </w:p>
          <w:p w:rsidR="00763958" w:rsidRDefault="00763958" w:rsidP="00763958"/>
          <w:p w:rsidR="00763958" w:rsidRDefault="00763958" w:rsidP="00763958">
            <w:r>
              <w:t xml:space="preserve">                residence_list +=</w:t>
            </w:r>
          </w:p>
          <w:p w:rsidR="00763958" w:rsidRDefault="00763958" w:rsidP="00763958">
            <w:r>
              <w:t xml:space="preserve">                    '&lt;div class="'+col_cls+' residence wow bounceInUp 0" data-wow-duration="1.5s" data-wow-delay="0.1s" id="100184"&gt;&lt;div class="strip grid"&gt;&lt;figure&gt; &lt;a class="wish_bt btn-wishlist " href="javascript:" title="Add To My List" data-toggle="tooltip" data-id="100184" &gt;&lt;/a&gt;&lt;a href="property-details.php?id='+id+'"&gt;&lt;img alt="" title="" class="img-fluid" height="266" width="400" src="'+url+"/uploads/slg/properties/"+</w:t>
            </w:r>
          </w:p>
          <w:p w:rsidR="00763958" w:rsidRDefault="00763958" w:rsidP="00763958">
            <w:r>
              <w:lastRenderedPageBreak/>
              <w:t xml:space="preserve">                    photo1 +</w:t>
            </w:r>
          </w:p>
          <w:p w:rsidR="00763958" w:rsidRDefault="00763958" w:rsidP="00763958">
            <w:r>
              <w:t xml:space="preserve">                    '"/&gt;&lt;div class="read_more"&gt;&lt;span&gt;View Residence&lt;/span&gt;&lt;/div&gt;&lt;/a&gt;' +</w:t>
            </w:r>
          </w:p>
          <w:p w:rsidR="00763958" w:rsidRDefault="00763958" w:rsidP="00763958">
            <w:r>
              <w:t xml:space="preserve">                    residence_types +</w:t>
            </w:r>
          </w:p>
          <w:p w:rsidR="00763958" w:rsidRDefault="00763958" w:rsidP="00763958">
            <w:r>
              <w:t xml:space="preserve">                    '&lt;/figure&gt;&lt;div class="wrapper"&gt;&lt;h3&gt;&lt;a href="property-details.php?id='+id+'"&gt;' +</w:t>
            </w:r>
          </w:p>
          <w:p w:rsidR="00763958" w:rsidRDefault="00763958" w:rsidP="00763958">
            <w:r>
              <w:t xml:space="preserve">                    item.title +</w:t>
            </w:r>
          </w:p>
          <w:p w:rsidR="00763958" w:rsidRDefault="00763958" w:rsidP="00763958">
            <w:r>
              <w:t xml:space="preserve">                    '&lt;/a&gt;&lt;/h3&gt;&lt;p&gt;Independent / Adult Active 55+ Community Residence&lt;/p&gt;&lt;/div&gt;&lt;ul&gt;&lt;li&gt;&lt;div class="score"&gt;&lt;span&gt;Total&lt;em&gt;Views&lt;/em&gt;&lt;/span&gt;&lt;strong&gt;' +</w:t>
            </w:r>
          </w:p>
          <w:p w:rsidR="00763958" w:rsidRDefault="00763958" w:rsidP="00763958">
            <w:r>
              <w:t xml:space="preserve">                    item.views +</w:t>
            </w:r>
          </w:p>
          <w:p w:rsidR="00763958" w:rsidRDefault="00763958" w:rsidP="00763958">
            <w:r>
              <w:t xml:space="preserve">                    '&lt;/strong&gt;&lt;/div&gt;&lt;/li&gt;&lt;li&gt;&lt;a class="btn btn-sm btn-success rounded-pill" href="property-details.php?id='+id+'"&gt;&lt;i class="fas fa-map-marker-alt mr-1"&gt;&lt;/i&gt;View More&lt;/a&gt;&lt;/li&gt;&lt;/ul&gt;&lt;/div&gt;&lt;/div&gt;';</w:t>
            </w:r>
          </w:p>
          <w:p w:rsidR="00763958" w:rsidRDefault="00763958" w:rsidP="00763958">
            <w:r>
              <w:t xml:space="preserve">            });</w:t>
            </w:r>
          </w:p>
          <w:p w:rsidR="00763958" w:rsidRDefault="00763958" w:rsidP="00763958">
            <w:r>
              <w:t xml:space="preserve">            $("#residence_list").html(residence_list);</w:t>
            </w:r>
          </w:p>
          <w:p w:rsidR="00763958" w:rsidRDefault="00763958" w:rsidP="00763958">
            <w:r>
              <w:tab/>
            </w:r>
            <w:r>
              <w:tab/>
            </w:r>
            <w:r>
              <w:tab/>
              <w:t>$("#res_count").html(residence_data['data'].length);</w:t>
            </w:r>
          </w:p>
          <w:p w:rsidR="00763958" w:rsidRDefault="00763958" w:rsidP="00763958">
            <w:r>
              <w:tab/>
            </w:r>
            <w:r>
              <w:tab/>
            </w:r>
            <w:r>
              <w:tab/>
              <w:t>console.log(residence_data['data'].length );</w:t>
            </w:r>
          </w:p>
          <w:p w:rsidR="00763958" w:rsidRDefault="00763958" w:rsidP="00763958">
            <w:r>
              <w:t xml:space="preserve">            if (residence_data['data'].length == 0) {</w:t>
            </w:r>
          </w:p>
          <w:p w:rsidR="00763958" w:rsidRDefault="00763958" w:rsidP="00763958">
            <w:r>
              <w:t xml:space="preserve">                $(".no-records").show();</w:t>
            </w:r>
          </w:p>
          <w:p w:rsidR="00763958" w:rsidRDefault="00763958" w:rsidP="00763958">
            <w:r>
              <w:t xml:space="preserve">            } else {</w:t>
            </w:r>
          </w:p>
          <w:p w:rsidR="00763958" w:rsidRDefault="00763958" w:rsidP="00763958">
            <w:r>
              <w:t xml:space="preserve">                $(".no-records").hide();</w:t>
            </w:r>
          </w:p>
          <w:p w:rsidR="00763958" w:rsidRDefault="00763958" w:rsidP="00763958">
            <w:r>
              <w:t xml:space="preserve">            }</w:t>
            </w:r>
          </w:p>
          <w:p w:rsidR="00763958" w:rsidRDefault="00763958" w:rsidP="00763958"/>
          <w:p w:rsidR="00763958" w:rsidRDefault="00763958" w:rsidP="00763958">
            <w:r>
              <w:t xml:space="preserve">            let residenceTypes = residence_data['search_data'];</w:t>
            </w:r>
          </w:p>
          <w:p w:rsidR="00763958" w:rsidRDefault="00763958" w:rsidP="00763958"/>
          <w:p w:rsidR="00763958" w:rsidRDefault="00763958" w:rsidP="00763958"/>
          <w:p w:rsidR="00763958" w:rsidRDefault="00763958" w:rsidP="00763958"/>
          <w:p w:rsidR="00763958" w:rsidRDefault="00763958" w:rsidP="00763958">
            <w:r>
              <w:t xml:space="preserve">        });</w:t>
            </w:r>
          </w:p>
          <w:p w:rsidR="00763958" w:rsidRDefault="00763958" w:rsidP="00763958">
            <w:r>
              <w:t>}</w:t>
            </w:r>
          </w:p>
          <w:p w:rsidR="00763958" w:rsidRDefault="00763958" w:rsidP="00763958">
            <w:r>
              <w:t>// });</w:t>
            </w:r>
          </w:p>
          <w:p w:rsidR="00763958" w:rsidRDefault="00763958" w:rsidP="00763958">
            <w:r>
              <w:t>getResidence();</w:t>
            </w:r>
          </w:p>
          <w:p w:rsidR="00763958" w:rsidRDefault="00763958" w:rsidP="00763958">
            <w:r>
              <w:t>&lt;/script&gt;</w:t>
            </w:r>
          </w:p>
          <w:p w:rsidR="00763958" w:rsidRDefault="00763958" w:rsidP="00763958">
            <w:r>
              <w:t>&lt;style&gt;</w:t>
            </w:r>
          </w:p>
          <w:p w:rsidR="00763958" w:rsidRDefault="00763958" w:rsidP="00763958">
            <w:r>
              <w:t>#residence_list {</w:t>
            </w:r>
          </w:p>
          <w:p w:rsidR="00763958" w:rsidRDefault="00763958" w:rsidP="00763958">
            <w:r>
              <w:t xml:space="preserve">    margin-left: 0px;</w:t>
            </w:r>
          </w:p>
          <w:p w:rsidR="00763958" w:rsidRDefault="00763958" w:rsidP="00763958">
            <w:r>
              <w:t xml:space="preserve">    margin-right: 0px;</w:t>
            </w:r>
          </w:p>
          <w:p w:rsidR="00763958" w:rsidRDefault="00763958" w:rsidP="00763958">
            <w:r>
              <w:t>}</w:t>
            </w:r>
          </w:p>
          <w:p w:rsidR="00763958" w:rsidRDefault="00763958" w:rsidP="00763958">
            <w:r>
              <w:t>&lt;/style&gt;</w:t>
            </w:r>
          </w:p>
          <w:p w:rsidR="00763958" w:rsidRDefault="00763958" w:rsidP="00763958"/>
          <w:p w:rsidR="00763958" w:rsidRDefault="00763958" w:rsidP="00763958">
            <w:r>
              <w:t xml:space="preserve"> &lt;div id = "myModalContainer"&gt;</w:t>
            </w:r>
          </w:p>
          <w:p w:rsidR="00763958" w:rsidRDefault="00763958" w:rsidP="00763958">
            <w:r>
              <w:t xml:space="preserve">                &lt;div class="modal fade" id="myModal" style="max-height: 800px !important; margin-top: 20px;"&gt;</w:t>
            </w:r>
          </w:p>
          <w:p w:rsidR="00763958" w:rsidRDefault="00763958" w:rsidP="00763958">
            <w:r>
              <w:t xml:space="preserve">                    &lt;div class="modal-dialog modal-dialog-scrollable modal-lg" style="height: 846px; width:1000;"&gt;</w:t>
            </w:r>
          </w:p>
          <w:p w:rsidR="00763958" w:rsidRDefault="00763958" w:rsidP="00763958">
            <w:r>
              <w:t xml:space="preserve">                      &lt;div class="modal-content"&gt;</w:t>
            </w:r>
          </w:p>
          <w:p w:rsidR="00763958" w:rsidRDefault="00763958" w:rsidP="00763958"/>
          <w:p w:rsidR="00763958" w:rsidRDefault="00763958" w:rsidP="00763958">
            <w:r>
              <w:t xml:space="preserve">                        &lt;!-- Modal Header --&gt;</w:t>
            </w:r>
          </w:p>
          <w:p w:rsidR="00763958" w:rsidRDefault="00763958" w:rsidP="00763958">
            <w:r>
              <w:t xml:space="preserve">                        &lt;div class="modal-header"&gt;</w:t>
            </w:r>
          </w:p>
          <w:p w:rsidR="00763958" w:rsidRDefault="00763958" w:rsidP="00763958">
            <w:r>
              <w:t xml:space="preserve">                            &lt;h4 class="modal-title"&gt;Your Senior Place Living -  Desires and Needs&lt;/h4&gt;</w:t>
            </w:r>
          </w:p>
          <w:p w:rsidR="00763958" w:rsidRDefault="00763958" w:rsidP="00763958">
            <w:r>
              <w:t xml:space="preserve">                          &lt;button type="button" class="close" data-dismiss="modal"&gt;&amp;#x274C;&lt;/button&gt;</w:t>
            </w:r>
          </w:p>
          <w:p w:rsidR="00763958" w:rsidRDefault="00763958" w:rsidP="00763958">
            <w:r>
              <w:lastRenderedPageBreak/>
              <w:t xml:space="preserve">                        &lt;/div&gt;</w:t>
            </w:r>
          </w:p>
          <w:p w:rsidR="00763958" w:rsidRDefault="00763958" w:rsidP="00763958">
            <w:r>
              <w:t xml:space="preserve">                        </w:t>
            </w:r>
          </w:p>
          <w:p w:rsidR="00763958" w:rsidRDefault="00763958" w:rsidP="00763958">
            <w:r>
              <w:t xml:space="preserve">                        &lt;!-- Modal body --&gt;</w:t>
            </w:r>
          </w:p>
          <w:p w:rsidR="00763958" w:rsidRDefault="00763958" w:rsidP="00763958">
            <w:r>
              <w:t xml:space="preserve">                        &lt;div class="text-left" style= "height: 600px; overflow-y: scroll;"&gt;</w:t>
            </w:r>
          </w:p>
          <w:p w:rsidR="00763958" w:rsidRDefault="00763958" w:rsidP="00763958">
            <w:r>
              <w:t xml:space="preserve">                            &lt;br&gt;</w:t>
            </w:r>
          </w:p>
          <w:p w:rsidR="00763958" w:rsidRDefault="00763958" w:rsidP="00763958">
            <w:r>
              <w:t xml:space="preserve">                            &lt;span style="position:relative;left:50px;" text-align="center;"&gt; We suggest that you take a moment to enter your information and further convey your needs and desires&lt;br&gt; for senior living.&lt;/span&gt;</w:t>
            </w:r>
          </w:p>
          <w:p w:rsidR="00763958" w:rsidRDefault="00763958" w:rsidP="00763958">
            <w:r>
              <w:t xml:space="preserve">                            </w:t>
            </w:r>
          </w:p>
          <w:p w:rsidR="00763958" w:rsidRDefault="00763958" w:rsidP="00763958">
            <w:r>
              <w:t xml:space="preserve">                            &lt;div class="modal-body"&gt;</w:t>
            </w:r>
          </w:p>
          <w:p w:rsidR="00763958" w:rsidRDefault="00763958" w:rsidP="00763958">
            <w:r>
              <w:t xml:space="preserve">                            &lt;form action="" method="post" id="newPropertForm"&gt;</w:t>
            </w:r>
          </w:p>
          <w:p w:rsidR="00763958" w:rsidRDefault="00763958" w:rsidP="00763958"/>
          <w:p w:rsidR="00763958" w:rsidRDefault="00763958" w:rsidP="00763958">
            <w:r>
              <w:t xml:space="preserve">                                &lt;input type="hidden" name="userTempId" value="&lt;?php echo $userTempId ; ?&gt;" /&gt;</w:t>
            </w:r>
          </w:p>
          <w:p w:rsidR="00763958" w:rsidRDefault="00763958" w:rsidP="00763958">
            <w:r>
              <w:t xml:space="preserve">                              </w:t>
            </w:r>
          </w:p>
          <w:p w:rsidR="00763958" w:rsidRDefault="00763958" w:rsidP="00763958">
            <w:r>
              <w:t xml:space="preserve">                                &lt;div class="mb-3 row"&gt;</w:t>
            </w:r>
          </w:p>
          <w:p w:rsidR="00763958" w:rsidRDefault="00763958" w:rsidP="00763958">
            <w:r>
              <w:t xml:space="preserve">                                    &lt;br/&gt;</w:t>
            </w:r>
          </w:p>
          <w:p w:rsidR="00763958" w:rsidRDefault="00763958" w:rsidP="00763958">
            <w:r>
              <w:t xml:space="preserve">                                    &lt;br/&gt;</w:t>
            </w:r>
          </w:p>
          <w:p w:rsidR="00763958" w:rsidRDefault="00763958" w:rsidP="00763958">
            <w:r>
              <w:t xml:space="preserve">                                    &lt;label class="col-sm-5 col-form-label text-end"&gt;&lt;b&gt;City/ State/Zipcode* of Senior Residence looking for&lt;/b&gt;&lt;/label&gt;</w:t>
            </w:r>
          </w:p>
          <w:p w:rsidR="00763958" w:rsidRDefault="00763958" w:rsidP="00763958">
            <w:r>
              <w:t xml:space="preserve">                                    &lt;div class="col-sm-6"&gt;</w:t>
            </w:r>
          </w:p>
          <w:p w:rsidR="00763958" w:rsidRDefault="00763958" w:rsidP="00763958">
            <w:r>
              <w:t xml:space="preserve">                                        &lt;select name="cityStateZip" id="cityStateZip" class="form-control" placeholder="Search city, state, zipcode" required="" &gt;</w:t>
            </w:r>
          </w:p>
          <w:p w:rsidR="00763958" w:rsidRDefault="00763958" w:rsidP="00763958">
            <w:r>
              <w:t xml:space="preserve">                                            &lt;option value="&lt;?php echo $SCZ ; ?&gt;"&gt;&lt;?php //echo $SCZ ; ?&gt;&lt;/option&gt;</w:t>
            </w:r>
          </w:p>
          <w:p w:rsidR="00763958" w:rsidRDefault="00763958" w:rsidP="00763958">
            <w:r>
              <w:t xml:space="preserve">                                        &lt;/select&gt;</w:t>
            </w:r>
          </w:p>
          <w:p w:rsidR="00763958" w:rsidRDefault="00763958" w:rsidP="00763958">
            <w:r>
              <w:t xml:space="preserve">                                    &lt;/div&gt;</w:t>
            </w:r>
          </w:p>
          <w:p w:rsidR="00763958" w:rsidRDefault="00763958" w:rsidP="00763958">
            <w:r>
              <w:t xml:space="preserve">                                &lt;/div&gt; </w:t>
            </w:r>
          </w:p>
          <w:p w:rsidR="00763958" w:rsidRDefault="00763958" w:rsidP="00763958">
            <w:r>
              <w:t xml:space="preserve">                                </w:t>
            </w:r>
          </w:p>
          <w:p w:rsidR="00763958" w:rsidRDefault="00763958" w:rsidP="00763958">
            <w:r>
              <w:t xml:space="preserve">                                &lt;div class="mb-3 row"&gt;</w:t>
            </w:r>
          </w:p>
          <w:p w:rsidR="00763958" w:rsidRDefault="00763958" w:rsidP="00763958">
            <w:r>
              <w:t xml:space="preserve">                                </w:t>
            </w:r>
          </w:p>
          <w:p w:rsidR="00763958" w:rsidRDefault="00763958" w:rsidP="00763958">
            <w:r>
              <w:t xml:space="preserve">                                &lt;?php </w:t>
            </w:r>
          </w:p>
          <w:p w:rsidR="00763958" w:rsidRDefault="00763958" w:rsidP="00763958">
            <w:r>
              <w:t xml:space="preserve">                                 </w:t>
            </w:r>
          </w:p>
          <w:p w:rsidR="00763958" w:rsidRDefault="00763958" w:rsidP="00763958">
            <w:r>
              <w:t xml:space="preserve">                            foreach($propertyAttributes as $propertyAttributeCode=&gt;$propertyAttribute){ ?&gt;</w:t>
            </w:r>
          </w:p>
          <w:p w:rsidR="00763958" w:rsidRDefault="00763958" w:rsidP="00763958">
            <w:r>
              <w:t xml:space="preserve">                            &lt;div class="col-sm-4"&gt; </w:t>
            </w:r>
          </w:p>
          <w:p w:rsidR="00763958" w:rsidRDefault="00763958" w:rsidP="00763958">
            <w:r>
              <w:t xml:space="preserve">                                </w:t>
            </w:r>
          </w:p>
          <w:p w:rsidR="00763958" w:rsidRDefault="00763958" w:rsidP="00763958">
            <w:r>
              <w:t xml:space="preserve">                            &lt;label class="col-sm-2 col-form-label text-end"&gt; &lt;strong&gt;&lt;?php echo $propertyAttribute['label']; ?&gt; &lt;/strong&gt; &lt;/label&gt; </w:t>
            </w:r>
          </w:p>
          <w:p w:rsidR="00763958" w:rsidRDefault="00763958" w:rsidP="00763958">
            <w:r>
              <w:t xml:space="preserve">                            </w:t>
            </w:r>
          </w:p>
          <w:p w:rsidR="00763958" w:rsidRDefault="00763958" w:rsidP="00763958">
            <w:r>
              <w:t xml:space="preserve">                                &lt;div class="col-sm-12" class="form-control"&gt;</w:t>
            </w:r>
          </w:p>
          <w:p w:rsidR="00763958" w:rsidRDefault="00763958" w:rsidP="00763958">
            <w:r>
              <w:t xml:space="preserve">                                &lt;!--&lt;fieldset&gt; --&gt;</w:t>
            </w:r>
          </w:p>
          <w:p w:rsidR="00763958" w:rsidRDefault="00763958" w:rsidP="00763958">
            <w:r>
              <w:t xml:space="preserve">                                &lt;?php foreach($propertyAttribute['options'] as $option){ ?&gt;</w:t>
            </w:r>
          </w:p>
          <w:p w:rsidR="00763958" w:rsidRDefault="00763958" w:rsidP="00763958">
            <w:r>
              <w:t xml:space="preserve">                                </w:t>
            </w:r>
          </w:p>
          <w:p w:rsidR="00763958" w:rsidRDefault="00763958" w:rsidP="00763958">
            <w:r>
              <w:t xml:space="preserve">                                &lt;?php </w:t>
            </w:r>
          </w:p>
          <w:p w:rsidR="00763958" w:rsidRDefault="00763958" w:rsidP="00763958">
            <w:r>
              <w:t xml:space="preserve">                                    $priceBox = false;</w:t>
            </w:r>
          </w:p>
          <w:p w:rsidR="00763958" w:rsidRDefault="00763958" w:rsidP="00763958">
            <w:r>
              <w:t xml:space="preserve">                                    $onclick = '';</w:t>
            </w:r>
          </w:p>
          <w:p w:rsidR="00763958" w:rsidRDefault="00763958" w:rsidP="00763958">
            <w:r>
              <w:t xml:space="preserve">                                    if(isset($propertyAttribute['price']) &amp;&amp;  $propertyAttribute['price']){ </w:t>
            </w:r>
          </w:p>
          <w:p w:rsidR="00763958" w:rsidRDefault="00763958" w:rsidP="00763958">
            <w:r>
              <w:t xml:space="preserve">                                        $priceBox = true;</w:t>
            </w:r>
          </w:p>
          <w:p w:rsidR="00763958" w:rsidRDefault="00763958" w:rsidP="00763958">
            <w:r>
              <w:t xml:space="preserve">                                        $onclick = 'onclick="priceBoxShow(\''.$propertyAttributeCode.'_'.$option['value'].'\',\''.$propertyAttributeCode.'_'.</w:t>
            </w:r>
            <w:r>
              <w:lastRenderedPageBreak/>
              <w:t>$option['value'].'_price\')"';</w:t>
            </w:r>
          </w:p>
          <w:p w:rsidR="00763958" w:rsidRDefault="00763958" w:rsidP="00763958">
            <w:r>
              <w:t xml:space="preserve">                                    }</w:t>
            </w:r>
          </w:p>
          <w:p w:rsidR="00763958" w:rsidRDefault="00763958" w:rsidP="00763958">
            <w:r>
              <w:t xml:space="preserve">                                    ?&gt;</w:t>
            </w:r>
          </w:p>
          <w:p w:rsidR="00763958" w:rsidRDefault="00763958" w:rsidP="00763958">
            <w:r>
              <w:t xml:space="preserve">                                 &lt;label for="&lt;?php echo $option['value']?&gt;"&gt;</w:t>
            </w:r>
          </w:p>
          <w:p w:rsidR="00763958" w:rsidRDefault="00763958" w:rsidP="00763958">
            <w:r>
              <w:t xml:space="preserve">                                  &lt;input &lt;?php echo $onclick ?&gt; type="checkbox" name="&lt;?php echo $propertyAttributeCode?&gt;[]" id="&lt;?php echo$propertyAttributeCode.'_'.$option['value'] ?&gt;" value="&lt;?php echo $option['value']?&gt;" &gt;</w:t>
            </w:r>
          </w:p>
          <w:p w:rsidR="00763958" w:rsidRDefault="00763958" w:rsidP="00763958">
            <w:r>
              <w:t xml:space="preserve">                                  &lt;?php echo $option['label']?&gt;&lt;/label&gt;</w:t>
            </w:r>
          </w:p>
          <w:p w:rsidR="00763958" w:rsidRDefault="00763958" w:rsidP="00763958">
            <w:r>
              <w:t xml:space="preserve">                      </w:t>
            </w:r>
          </w:p>
          <w:p w:rsidR="00763958" w:rsidRDefault="00763958" w:rsidP="00763958">
            <w:r>
              <w:t xml:space="preserve">                                  &lt;?php if($priceBox){ ?&gt;</w:t>
            </w:r>
          </w:p>
          <w:p w:rsidR="00763958" w:rsidRDefault="00763958" w:rsidP="00763958">
            <w:r>
              <w:t xml:space="preserve">                                 &lt;div style="display:none" id="&lt;?php echo $propertyAttributeCode.'_'.$option['value']?&gt;_price"&gt;Monthly Price ($)</w:t>
            </w:r>
          </w:p>
          <w:p w:rsidR="00763958" w:rsidRDefault="00763958" w:rsidP="00763958">
            <w:r>
              <w:t xml:space="preserve">                                  &lt;input type="text" name="&lt;?php echo $propertyAttributeCode.'_'.$option['value']?&gt;_price" id="&lt;?php echo $propertyAttributeCode.'_'.$option['value']?&gt;_price" value="" size="10" maxlength="5" placeholder="Numbers only" &gt;</w:t>
            </w:r>
          </w:p>
          <w:p w:rsidR="00763958" w:rsidRDefault="00763958" w:rsidP="00763958">
            <w:r>
              <w:t xml:space="preserve">                                  &lt;/div&gt;</w:t>
            </w:r>
          </w:p>
          <w:p w:rsidR="00763958" w:rsidRDefault="00763958" w:rsidP="00763958">
            <w:r>
              <w:t xml:space="preserve">                                </w:t>
            </w:r>
          </w:p>
          <w:p w:rsidR="00763958" w:rsidRDefault="00763958" w:rsidP="00763958">
            <w:r>
              <w:t xml:space="preserve">                                &lt;?php  }  ?&gt;</w:t>
            </w:r>
          </w:p>
          <w:p w:rsidR="00763958" w:rsidRDefault="00763958" w:rsidP="00763958">
            <w:r>
              <w:t xml:space="preserve">                                &lt;br /&gt; </w:t>
            </w:r>
          </w:p>
          <w:p w:rsidR="00763958" w:rsidRDefault="00763958" w:rsidP="00763958">
            <w:r>
              <w:t xml:space="preserve">                                </w:t>
            </w:r>
          </w:p>
          <w:p w:rsidR="00763958" w:rsidRDefault="00763958" w:rsidP="00763958">
            <w:r>
              <w:t xml:space="preserve">                                &lt;?php  }  ?&gt;</w:t>
            </w:r>
          </w:p>
          <w:p w:rsidR="00763958" w:rsidRDefault="00763958" w:rsidP="00763958">
            <w:r>
              <w:t xml:space="preserve">                                </w:t>
            </w:r>
          </w:p>
          <w:p w:rsidR="00763958" w:rsidRDefault="00763958" w:rsidP="00763958">
            <w:r>
              <w:t xml:space="preserve">                                  &lt;!--&lt;/fieldset&gt; --&gt;</w:t>
            </w:r>
          </w:p>
          <w:p w:rsidR="00763958" w:rsidRDefault="00763958" w:rsidP="00763958">
            <w:r>
              <w:t xml:space="preserve">                                &lt;/div&gt;</w:t>
            </w:r>
          </w:p>
          <w:p w:rsidR="00763958" w:rsidRDefault="00763958" w:rsidP="00763958">
            <w:r>
              <w:t xml:space="preserve">                            &lt;/div&gt;</w:t>
            </w:r>
          </w:p>
          <w:p w:rsidR="00763958" w:rsidRDefault="00763958" w:rsidP="00763958">
            <w:r>
              <w:t xml:space="preserve">                          &lt;?php  }</w:t>
            </w:r>
          </w:p>
          <w:p w:rsidR="00763958" w:rsidRDefault="00763958" w:rsidP="00763958">
            <w:r>
              <w:t xml:space="preserve">                            ?&gt;</w:t>
            </w:r>
          </w:p>
          <w:p w:rsidR="00763958" w:rsidRDefault="00763958" w:rsidP="00763958">
            <w:r>
              <w:t xml:space="preserve">                        &lt;/div&gt;    </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t>&lt;script&gt;</w:t>
            </w:r>
          </w:p>
          <w:p w:rsidR="00763958" w:rsidRDefault="00763958" w:rsidP="00763958">
            <w:r>
              <w:t>function priceBoxShow(checkboxid, divid) {</w:t>
            </w:r>
          </w:p>
          <w:p w:rsidR="00763958" w:rsidRDefault="00763958" w:rsidP="00763958">
            <w:r>
              <w:t xml:space="preserve">      var checkBox = document.getElementById(checkboxid);</w:t>
            </w:r>
          </w:p>
          <w:p w:rsidR="00763958" w:rsidRDefault="00763958" w:rsidP="00763958">
            <w:r>
              <w:t xml:space="preserve">  const pricebox = document.getElementById(divid);</w:t>
            </w:r>
          </w:p>
          <w:p w:rsidR="00763958" w:rsidRDefault="00763958" w:rsidP="00763958">
            <w:r>
              <w:t xml:space="preserve">  if (checkBox.checked == true){</w:t>
            </w:r>
          </w:p>
          <w:p w:rsidR="00763958" w:rsidRDefault="00763958" w:rsidP="00763958">
            <w:r>
              <w:t xml:space="preserve">   pricebox.style.display = 'block';</w:t>
            </w:r>
          </w:p>
          <w:p w:rsidR="00763958" w:rsidRDefault="00763958" w:rsidP="00763958">
            <w:r>
              <w:t xml:space="preserve">  } else {</w:t>
            </w:r>
          </w:p>
          <w:p w:rsidR="00763958" w:rsidRDefault="00763958" w:rsidP="00763958">
            <w:r>
              <w:t xml:space="preserve">    pricebox.style.display = 'none';</w:t>
            </w:r>
          </w:p>
          <w:p w:rsidR="00763958" w:rsidRDefault="00763958" w:rsidP="00763958">
            <w:r>
              <w:t xml:space="preserve">  }</w:t>
            </w:r>
          </w:p>
          <w:p w:rsidR="00763958" w:rsidRDefault="00763958" w:rsidP="00763958">
            <w:r>
              <w:t xml:space="preserve"> </w:t>
            </w:r>
          </w:p>
          <w:p w:rsidR="00763958" w:rsidRDefault="00763958" w:rsidP="00763958">
            <w:r>
              <w:t>}</w:t>
            </w:r>
          </w:p>
          <w:p w:rsidR="00763958" w:rsidRDefault="00763958" w:rsidP="00763958">
            <w:r>
              <w:t>&lt;/script&gt;</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t>&lt;script&gt;</w:t>
            </w:r>
          </w:p>
          <w:p w:rsidR="00763958" w:rsidRDefault="00763958" w:rsidP="00763958">
            <w:r>
              <w:lastRenderedPageBreak/>
              <w:t>$('#cityStateZip').selectize({</w:t>
            </w:r>
          </w:p>
          <w:p w:rsidR="00763958" w:rsidRDefault="00763958" w:rsidP="00763958">
            <w:r>
              <w:t xml:space="preserve">    valueField: 'zipcode',</w:t>
            </w:r>
          </w:p>
          <w:p w:rsidR="00763958" w:rsidRDefault="00763958" w:rsidP="00763958">
            <w:r>
              <w:t xml:space="preserve">    labelField: 'display_text',</w:t>
            </w:r>
          </w:p>
          <w:p w:rsidR="00763958" w:rsidRDefault="00763958" w:rsidP="00763958">
            <w:r>
              <w:t xml:space="preserve">    searchField: 'display_text',</w:t>
            </w:r>
          </w:p>
          <w:p w:rsidR="00763958" w:rsidRDefault="00763958" w:rsidP="00763958">
            <w:r>
              <w:t xml:space="preserve">    options: [],</w:t>
            </w:r>
          </w:p>
          <w:p w:rsidR="00763958" w:rsidRDefault="00763958" w:rsidP="00763958">
            <w:r>
              <w:t xml:space="preserve">  create: false,</w:t>
            </w:r>
          </w:p>
          <w:p w:rsidR="00763958" w:rsidRDefault="00763958" w:rsidP="00763958">
            <w:r>
              <w:t xml:space="preserve">  load: function(query, callback) {</w:t>
            </w:r>
          </w:p>
          <w:p w:rsidR="00763958" w:rsidRDefault="00763958" w:rsidP="00763958">
            <w:r>
              <w:t xml:space="preserve">    if (!query.length) return callback();</w:t>
            </w:r>
          </w:p>
          <w:p w:rsidR="00763958" w:rsidRDefault="00763958" w:rsidP="00763958">
            <w:r>
              <w:t xml:space="preserve">    </w:t>
            </w:r>
          </w:p>
          <w:p w:rsidR="00763958" w:rsidRDefault="00763958" w:rsidP="00763958">
            <w:r>
              <w:t xml:space="preserve">    //var countryId = document.getElementById("countryId").value ;</w:t>
            </w:r>
          </w:p>
          <w:p w:rsidR="00763958" w:rsidRDefault="00763958" w:rsidP="00763958">
            <w:r>
              <w:t xml:space="preserve">    //var selectedCountry = "United States" ; // document.querySelector('#select-country option:checked').text ;</w:t>
            </w:r>
          </w:p>
          <w:p w:rsidR="00763958" w:rsidRDefault="00763958" w:rsidP="00763958">
            <w:r>
              <w:t xml:space="preserve">    </w:t>
            </w:r>
          </w:p>
          <w:p w:rsidR="00763958" w:rsidRDefault="00763958" w:rsidP="00763958">
            <w:r>
              <w:t xml:space="preserve">    //alert(countryId) ;</w:t>
            </w:r>
          </w:p>
          <w:p w:rsidR="00763958" w:rsidRDefault="00763958" w:rsidP="00763958">
            <w:r>
              <w:t xml:space="preserve">    $.ajax({</w:t>
            </w:r>
          </w:p>
          <w:p w:rsidR="00763958" w:rsidRDefault="00763958" w:rsidP="00763958">
            <w:r>
              <w:t xml:space="preserve">      url: '&lt;?php echo SITE_URL_PROFILE ; ?&gt;/selectize/country_usa_state_city_zipcode.php',</w:t>
            </w:r>
          </w:p>
          <w:p w:rsidR="00763958" w:rsidRDefault="00763958" w:rsidP="00763958">
            <w:r>
              <w:t xml:space="preserve">      type: 'GET',</w:t>
            </w:r>
          </w:p>
          <w:p w:rsidR="00763958" w:rsidRDefault="00763958" w:rsidP="00763958">
            <w:r>
              <w:t xml:space="preserve">      dataType: 'json',</w:t>
            </w:r>
          </w:p>
          <w:p w:rsidR="00763958" w:rsidRDefault="00763958" w:rsidP="00763958">
            <w:r>
              <w:t xml:space="preserve">      data: {</w:t>
            </w:r>
          </w:p>
          <w:p w:rsidR="00763958" w:rsidRDefault="00763958" w:rsidP="00763958">
            <w:r>
              <w:t xml:space="preserve">        //countryid: countryId,</w:t>
            </w:r>
          </w:p>
          <w:p w:rsidR="00763958" w:rsidRDefault="00763958" w:rsidP="00763958">
            <w:r>
              <w:t xml:space="preserve">        //countryname: selectedCountry,</w:t>
            </w:r>
          </w:p>
          <w:p w:rsidR="00763958" w:rsidRDefault="00763958" w:rsidP="00763958">
            <w:r>
              <w:t xml:space="preserve">        query: query,</w:t>
            </w:r>
          </w:p>
          <w:p w:rsidR="00763958" w:rsidRDefault="00763958" w:rsidP="00763958">
            <w:r>
              <w:t xml:space="preserve">      },</w:t>
            </w:r>
          </w:p>
          <w:p w:rsidR="00763958" w:rsidRDefault="00763958" w:rsidP="00763958">
            <w:r>
              <w:t xml:space="preserve">      error: function() {</w:t>
            </w:r>
          </w:p>
          <w:p w:rsidR="00763958" w:rsidRDefault="00763958" w:rsidP="00763958">
            <w:r>
              <w:t xml:space="preserve">        callback();</w:t>
            </w:r>
          </w:p>
          <w:p w:rsidR="00763958" w:rsidRDefault="00763958" w:rsidP="00763958">
            <w:r>
              <w:t xml:space="preserve">      },</w:t>
            </w:r>
          </w:p>
          <w:p w:rsidR="00763958" w:rsidRDefault="00763958" w:rsidP="00763958">
            <w:r>
              <w:t xml:space="preserve">      success: function(res) {</w:t>
            </w:r>
          </w:p>
          <w:p w:rsidR="00763958" w:rsidRDefault="00763958" w:rsidP="00763958">
            <w:r>
              <w:t xml:space="preserve">        callback(res);</w:t>
            </w:r>
          </w:p>
          <w:p w:rsidR="00763958" w:rsidRDefault="00763958" w:rsidP="00763958">
            <w:r>
              <w:t xml:space="preserve">        //document.getElementById('cityDiv').style.display = 'block';</w:t>
            </w:r>
          </w:p>
          <w:p w:rsidR="00763958" w:rsidRDefault="00763958" w:rsidP="00763958">
            <w:r>
              <w:t xml:space="preserve">        //alert(res) ;</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t>});</w:t>
            </w:r>
          </w:p>
          <w:p w:rsidR="00763958" w:rsidRDefault="00763958" w:rsidP="00763958">
            <w:r>
              <w:t>&lt;/script&gt;</w:t>
            </w:r>
          </w:p>
          <w:p w:rsidR="00763958" w:rsidRDefault="00763958" w:rsidP="00763958">
            <w:r>
              <w:t xml:space="preserve">            &lt;div class="mb-3 row"&gt;</w:t>
            </w:r>
          </w:p>
          <w:p w:rsidR="00763958" w:rsidRDefault="00763958" w:rsidP="00763958">
            <w:r>
              <w:t xml:space="preserve">                &lt;label class="col-sm-3 col-form-label text-end"&gt;&lt;b&gt;You are the  *&lt;/b&gt;&lt;/label&gt;</w:t>
            </w:r>
          </w:p>
          <w:p w:rsidR="00763958" w:rsidRDefault="00763958" w:rsidP="00763958">
            <w:r>
              <w:t xml:space="preserve">                &lt;div class="col-sm-9"&gt;</w:t>
            </w:r>
          </w:p>
          <w:p w:rsidR="00763958" w:rsidRDefault="00763958" w:rsidP="00763958">
            <w:r>
              <w:t xml:space="preserve">                    &lt;div class="you"&gt;</w:t>
            </w:r>
          </w:p>
          <w:p w:rsidR="00763958" w:rsidRDefault="00763958" w:rsidP="00763958">
            <w:r>
              <w:t xml:space="preserve">                      &lt;input type = "radio" name = "Seniors"</w:t>
            </w:r>
          </w:p>
          <w:p w:rsidR="00763958" w:rsidRDefault="00763958" w:rsidP="00763958">
            <w:r>
              <w:t xml:space="preserve">                        id = "Senior" value = "Senior"</w:t>
            </w:r>
          </w:p>
          <w:p w:rsidR="00763958" w:rsidRDefault="00763958" w:rsidP="00763958">
            <w:r>
              <w:t xml:space="preserve">                         checked = "checked" /&gt;</w:t>
            </w:r>
          </w:p>
          <w:p w:rsidR="00763958" w:rsidRDefault="00763958" w:rsidP="00763958">
            <w:r>
              <w:t xml:space="preserve">                        &lt;label for = "sizeSmall"&gt;Senior&lt;/label&gt;</w:t>
            </w:r>
          </w:p>
          <w:p w:rsidR="00763958" w:rsidRDefault="00763958" w:rsidP="00763958">
            <w:r>
              <w:t xml:space="preserve">                    &lt;/div&gt;</w:t>
            </w:r>
          </w:p>
          <w:p w:rsidR="00763958" w:rsidRDefault="00763958" w:rsidP="00763958">
            <w:r>
              <w:t xml:space="preserve">                    &lt;div class="you"&gt;</w:t>
            </w:r>
          </w:p>
          <w:p w:rsidR="00763958" w:rsidRDefault="00763958" w:rsidP="00763958">
            <w:r>
              <w:t xml:space="preserve">                        &lt;input type = "radio" name = "Seniors"</w:t>
            </w:r>
          </w:p>
          <w:p w:rsidR="00763958" w:rsidRDefault="00763958" w:rsidP="00763958">
            <w:r>
              <w:t xml:space="preserve">                         id = "sizeMed" value = "Adult Child" /&gt;</w:t>
            </w:r>
          </w:p>
          <w:p w:rsidR="00763958" w:rsidRDefault="00763958" w:rsidP="00763958">
            <w:r>
              <w:t xml:space="preserve">                        &lt;label for = "Adult Child"&gt;Adult Child&lt;/label&gt;</w:t>
            </w:r>
          </w:p>
          <w:p w:rsidR="00763958" w:rsidRDefault="00763958" w:rsidP="00763958">
            <w:r>
              <w:lastRenderedPageBreak/>
              <w:t xml:space="preserve">                    &lt;/div&gt;</w:t>
            </w:r>
          </w:p>
          <w:p w:rsidR="00763958" w:rsidRDefault="00763958" w:rsidP="00763958">
            <w:r>
              <w:t xml:space="preserve">                    &lt;div class="you"&gt;    </w:t>
            </w:r>
          </w:p>
          <w:p w:rsidR="00763958" w:rsidRDefault="00763958" w:rsidP="00763958">
            <w:r>
              <w:t xml:space="preserve">                        &lt;input type = "radio" name = "Seniors"</w:t>
            </w:r>
          </w:p>
          <w:p w:rsidR="00763958" w:rsidRDefault="00763958" w:rsidP="00763958">
            <w:r>
              <w:t xml:space="preserve">                         id = "sizeLarge" value = "Family Member" /&gt;</w:t>
            </w:r>
          </w:p>
          <w:p w:rsidR="00763958" w:rsidRDefault="00763958" w:rsidP="00763958">
            <w:r>
              <w:t xml:space="preserve">                        &lt;label for = "Family Member"&gt;Family Member&lt;/label&gt;</w:t>
            </w:r>
          </w:p>
          <w:p w:rsidR="00763958" w:rsidRDefault="00763958" w:rsidP="00763958">
            <w:r>
              <w:t xml:space="preserve">                    &lt;/div&gt;</w:t>
            </w:r>
          </w:p>
          <w:p w:rsidR="00763958" w:rsidRDefault="00763958" w:rsidP="00763958">
            <w:r>
              <w:t xml:space="preserve">                    &lt;div class="you"&gt;    </w:t>
            </w:r>
          </w:p>
          <w:p w:rsidR="00763958" w:rsidRDefault="00763958" w:rsidP="00763958">
            <w:r>
              <w:t xml:space="preserve">                        &lt;input type = "radio" name = "Seniors"</w:t>
            </w:r>
          </w:p>
          <w:p w:rsidR="00763958" w:rsidRDefault="00763958" w:rsidP="00763958">
            <w:r>
              <w:t xml:space="preserve">                        id = "sizeLarge" value = "Friend" /&gt;</w:t>
            </w:r>
          </w:p>
          <w:p w:rsidR="00763958" w:rsidRDefault="00763958" w:rsidP="00763958">
            <w:r>
              <w:t xml:space="preserve">                        &lt;label for = "Friend"&gt;Friend&lt;/label&gt;</w:t>
            </w:r>
          </w:p>
          <w:p w:rsidR="00763958" w:rsidRDefault="00763958" w:rsidP="00763958">
            <w:r>
              <w:t xml:space="preserve">                    &lt;/div&gt;</w:t>
            </w:r>
          </w:p>
          <w:p w:rsidR="00763958" w:rsidRDefault="00763958" w:rsidP="00763958">
            <w:r>
              <w:t xml:space="preserve">                    &lt;div class="you"&gt;    </w:t>
            </w:r>
          </w:p>
          <w:p w:rsidR="00763958" w:rsidRDefault="00763958" w:rsidP="00763958">
            <w:r>
              <w:t xml:space="preserve">                        &lt;input type = "radio" name = "Seniors"</w:t>
            </w:r>
          </w:p>
          <w:p w:rsidR="00763958" w:rsidRDefault="00763958" w:rsidP="00763958">
            <w:r>
              <w:t xml:space="preserve">                         id = "Advisor" value = "Advisor" /&gt;</w:t>
            </w:r>
          </w:p>
          <w:p w:rsidR="00763958" w:rsidRDefault="00763958" w:rsidP="00763958">
            <w:r>
              <w:t xml:space="preserve">                        &lt;label for = "Advisore"&gt;Advisor&lt;/label&gt;</w:t>
            </w:r>
          </w:p>
          <w:p w:rsidR="00763958" w:rsidRDefault="00763958" w:rsidP="00763958">
            <w:r>
              <w:t xml:space="preserve">                    &lt;/div&gt;</w:t>
            </w:r>
          </w:p>
          <w:p w:rsidR="00763958" w:rsidRDefault="00763958" w:rsidP="00763958">
            <w:r>
              <w:t xml:space="preserve">                    &lt;div class="you"&gt;    </w:t>
            </w:r>
          </w:p>
          <w:p w:rsidR="00763958" w:rsidRDefault="00763958" w:rsidP="00763958">
            <w:r>
              <w:t xml:space="preserve">                        &lt;input type = "radio" name = "Seniors"</w:t>
            </w:r>
          </w:p>
          <w:p w:rsidR="00763958" w:rsidRDefault="00763958" w:rsidP="00763958">
            <w:r>
              <w:t xml:space="preserve">                         id = "POA" value = "POA" /&gt;</w:t>
            </w:r>
          </w:p>
          <w:p w:rsidR="00763958" w:rsidRDefault="00763958" w:rsidP="00763958">
            <w:r>
              <w:t xml:space="preserve">                        &lt;label for = "POA"&gt;POA&lt;/label&gt;</w:t>
            </w:r>
          </w:p>
          <w:p w:rsidR="00763958" w:rsidRDefault="00763958" w:rsidP="00763958">
            <w:r>
              <w:t xml:space="preserve">                    &lt;/div&gt;</w:t>
            </w:r>
          </w:p>
          <w:p w:rsidR="00763958" w:rsidRDefault="00763958" w:rsidP="00763958">
            <w:r>
              <w:t xml:space="preserve">                    &lt;div class="you"&gt;    </w:t>
            </w:r>
          </w:p>
          <w:p w:rsidR="00763958" w:rsidRDefault="00763958" w:rsidP="00763958">
            <w:r>
              <w:t xml:space="preserve">                        &lt;input type = "radio" name = "Seniors"</w:t>
            </w:r>
          </w:p>
          <w:p w:rsidR="00763958" w:rsidRDefault="00763958" w:rsidP="00763958">
            <w:r>
              <w:t xml:space="preserve">                         id = "other" value = "Other" /&gt;</w:t>
            </w:r>
          </w:p>
          <w:p w:rsidR="00763958" w:rsidRDefault="00763958" w:rsidP="00763958">
            <w:r>
              <w:t xml:space="preserve">                        &lt;label for = "Other"&gt;Other&lt;/label&gt;</w:t>
            </w:r>
          </w:p>
          <w:p w:rsidR="00763958" w:rsidRDefault="00763958" w:rsidP="00763958">
            <w:r>
              <w:t xml:space="preserve">                    &lt;/div&gt;</w:t>
            </w:r>
          </w:p>
          <w:p w:rsidR="00763958" w:rsidRDefault="00763958" w:rsidP="00763958">
            <w:r>
              <w:t xml:space="preserve">                    &lt;div&gt;</w:t>
            </w:r>
          </w:p>
          <w:p w:rsidR="00763958" w:rsidRDefault="00763958" w:rsidP="00763958">
            <w:r>
              <w:t xml:space="preserve">                       &lt;input type="text" id="dist" name="txtbox"&gt; &lt;label&gt;&lt;/label&gt;</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gt;</w:t>
            </w:r>
          </w:p>
          <w:p w:rsidR="00763958" w:rsidRDefault="00763958" w:rsidP="00763958">
            <w:r>
              <w:t xml:space="preserve">                &lt;!-- start of enable text box when radio button is selected --&gt;</w:t>
            </w:r>
          </w:p>
          <w:p w:rsidR="00763958" w:rsidRDefault="00763958" w:rsidP="00763958">
            <w:r>
              <w:t xml:space="preserve">                    &lt;script type="text/javascript"&gt;</w:t>
            </w:r>
          </w:p>
          <w:p w:rsidR="00763958" w:rsidRDefault="00763958" w:rsidP="00763958">
            <w:r>
              <w:t xml:space="preserve">                        $(document).ready(function () {</w:t>
            </w:r>
          </w:p>
          <w:p w:rsidR="00763958" w:rsidRDefault="00763958" w:rsidP="00763958">
            <w:r>
              <w:t xml:space="preserve">                            $("#dist").prop('disabled', true);</w:t>
            </w:r>
          </w:p>
          <w:p w:rsidR="00763958" w:rsidRDefault="00763958" w:rsidP="00763958">
            <w:r>
              <w:t xml:space="preserve">                            $("#other").click(function () {</w:t>
            </w:r>
          </w:p>
          <w:p w:rsidR="00763958" w:rsidRDefault="00763958" w:rsidP="00763958">
            <w:r>
              <w:t xml:space="preserve">                                $("#dist").prop('disabled', false);</w:t>
            </w:r>
          </w:p>
          <w:p w:rsidR="00763958" w:rsidRDefault="00763958" w:rsidP="00763958">
            <w:r>
              <w:t xml:space="preserve">                            });</w:t>
            </w:r>
          </w:p>
          <w:p w:rsidR="00763958" w:rsidRDefault="00763958" w:rsidP="00763958">
            <w:r>
              <w:t xml:space="preserve">                    }); </w:t>
            </w:r>
          </w:p>
          <w:p w:rsidR="00763958" w:rsidRDefault="00763958" w:rsidP="00763958">
            <w:r>
              <w:t xml:space="preserve">                    &lt;/script&gt;</w:t>
            </w:r>
          </w:p>
          <w:p w:rsidR="00763958" w:rsidRDefault="00763958" w:rsidP="00763958">
            <w:r>
              <w:t xml:space="preserve">                    &lt;!--&lt;script type="text/javascript"&gt;</w:t>
            </w:r>
          </w:p>
          <w:p w:rsidR="00763958" w:rsidRDefault="00763958" w:rsidP="00763958">
            <w:r>
              <w:t xml:space="preserve">                    $(document).ready(function () {</w:t>
            </w:r>
          </w:p>
          <w:p w:rsidR="00763958" w:rsidRDefault="00763958" w:rsidP="00763958">
            <w:r>
              <w:t xml:space="preserve">                        $("#dist").attr("disabled","disabled");</w:t>
            </w:r>
          </w:p>
          <w:p w:rsidR="00763958" w:rsidRDefault="00763958" w:rsidP="00763958">
            <w:r>
              <w:t xml:space="preserve">                        $("#other").click(function () {</w:t>
            </w:r>
          </w:p>
          <w:p w:rsidR="00763958" w:rsidRDefault="00763958" w:rsidP="00763958">
            <w:r>
              <w:t xml:space="preserve">                            $("#dist").removeAttr("disabled");</w:t>
            </w:r>
          </w:p>
          <w:p w:rsidR="00763958" w:rsidRDefault="00763958" w:rsidP="00763958">
            <w:r>
              <w:t xml:space="preserve">                        });</w:t>
            </w:r>
          </w:p>
          <w:p w:rsidR="00763958" w:rsidRDefault="00763958" w:rsidP="00763958">
            <w:r>
              <w:t xml:space="preserve">                    });</w:t>
            </w:r>
          </w:p>
          <w:p w:rsidR="00763958" w:rsidRDefault="00763958" w:rsidP="00763958">
            <w:r>
              <w:t xml:space="preserve">                    &lt;/script&gt; --&gt;</w:t>
            </w:r>
          </w:p>
          <w:p w:rsidR="00763958" w:rsidRDefault="00763958" w:rsidP="00763958">
            <w:r>
              <w:lastRenderedPageBreak/>
              <w:t xml:space="preserve">                &lt;!-- end of enable text box when radio button is selected --&gt;</w:t>
            </w:r>
          </w:p>
          <w:p w:rsidR="00763958" w:rsidRDefault="00763958" w:rsidP="00763958"/>
          <w:p w:rsidR="00763958" w:rsidRDefault="00763958" w:rsidP="00763958">
            <w:r>
              <w:t xml:space="preserve">            &lt;div class="mb-3 row"&gt;</w:t>
            </w:r>
          </w:p>
          <w:p w:rsidR="00763958" w:rsidRDefault="00763958" w:rsidP="00763958">
            <w:r>
              <w:t xml:space="preserve">                &lt;label class="col-sm-3 col-form-label text-end"&gt;&lt;b&gt;Birthdate of &lt;br&gt; Prospective Resident*  &lt;/b&gt;&lt;/label&gt;</w:t>
            </w:r>
          </w:p>
          <w:p w:rsidR="00763958" w:rsidRDefault="00763958" w:rsidP="00763958">
            <w:r>
              <w:t xml:space="preserve">                &lt;div class="col-sm-9"&gt;</w:t>
            </w:r>
          </w:p>
          <w:p w:rsidR="00763958" w:rsidRDefault="00763958" w:rsidP="00763958">
            <w:r>
              <w:t xml:space="preserve">                    &lt;input type="date" id="start" name="trip-start"</w:t>
            </w:r>
          </w:p>
          <w:p w:rsidR="00763958" w:rsidRDefault="00763958" w:rsidP="00763958">
            <w:r>
              <w:t xml:space="preserve">                       value="2004-12-31"</w:t>
            </w:r>
          </w:p>
          <w:p w:rsidR="00763958" w:rsidRDefault="00763958" w:rsidP="00763958">
            <w:r>
              <w:t xml:space="preserve">                       min="1922-01-01" max="2004-12-31"&gt;</w:t>
            </w:r>
          </w:p>
          <w:p w:rsidR="00763958" w:rsidRDefault="00763958" w:rsidP="00763958">
            <w:r>
              <w:t xml:space="preserve">                &lt;/div&gt;</w:t>
            </w:r>
          </w:p>
          <w:p w:rsidR="00763958" w:rsidRDefault="00763958" w:rsidP="00763958">
            <w:r>
              <w:t xml:space="preserve">            &lt;/div&gt;</w:t>
            </w:r>
          </w:p>
          <w:p w:rsidR="00763958" w:rsidRDefault="00763958" w:rsidP="00763958">
            <w:r>
              <w:t xml:space="preserve">            &lt;br&gt;</w:t>
            </w:r>
          </w:p>
          <w:p w:rsidR="00763958" w:rsidRDefault="00763958" w:rsidP="00763958">
            <w:r>
              <w:t xml:space="preserve">            &lt;div class="mb-12 row"&gt;</w:t>
            </w:r>
          </w:p>
          <w:p w:rsidR="00763958" w:rsidRDefault="00763958" w:rsidP="00763958">
            <w:r>
              <w:t xml:space="preserve">                &lt;p class="offset-1"&gt;By entering your name, email and password, you are  able to set-up a free account on Senior Place Finder &lt;br/&gt;and view and manage your profile from your dashboard&lt;/p&gt;</w:t>
            </w:r>
          </w:p>
          <w:p w:rsidR="00763958" w:rsidRDefault="00763958" w:rsidP="00763958">
            <w:r>
              <w:t xml:space="preserve">                </w:t>
            </w:r>
          </w:p>
          <w:p w:rsidR="00763958" w:rsidRDefault="00763958" w:rsidP="00763958">
            <w:r>
              <w:t xml:space="preserve">            &lt;/div&gt;</w:t>
            </w:r>
          </w:p>
          <w:p w:rsidR="00763958" w:rsidRDefault="00763958" w:rsidP="00763958">
            <w:r>
              <w:t xml:space="preserve">            </w:t>
            </w:r>
          </w:p>
          <w:p w:rsidR="00763958" w:rsidRDefault="00763958" w:rsidP="00763958">
            <w:r>
              <w:t xml:space="preserve">            &lt;div class="mb-3 row"&gt;</w:t>
            </w:r>
          </w:p>
          <w:p w:rsidR="00763958" w:rsidRDefault="00763958" w:rsidP="00763958">
            <w:r>
              <w:t xml:space="preserve">                &lt;label class="col-sm-3 col-form-label text-end"&gt;&lt;b&gt;Name*&lt;/b&gt;&lt;/label&gt;</w:t>
            </w:r>
          </w:p>
          <w:p w:rsidR="00763958" w:rsidRDefault="00763958" w:rsidP="00763958">
            <w:r>
              <w:t xml:space="preserve">                &lt;div class="col-sm-9"&gt;</w:t>
            </w:r>
          </w:p>
          <w:p w:rsidR="00763958" w:rsidRDefault="00763958" w:rsidP="00763958">
            <w:r>
              <w:t xml:space="preserve">                    &lt;input type="text" name="title" class="form-control" placeholder="Name" required="" maxlength="50" /&gt;</w:t>
            </w:r>
          </w:p>
          <w:p w:rsidR="00763958" w:rsidRDefault="00763958" w:rsidP="00763958">
            <w:r>
              <w:t xml:space="preserve">                &lt;/div&gt;</w:t>
            </w:r>
          </w:p>
          <w:p w:rsidR="00763958" w:rsidRDefault="00763958" w:rsidP="00763958">
            <w:r>
              <w:t xml:space="preserve">            &lt;/div&gt;</w:t>
            </w:r>
          </w:p>
          <w:p w:rsidR="00763958" w:rsidRDefault="00763958" w:rsidP="00763958"/>
          <w:p w:rsidR="00763958" w:rsidRDefault="00763958" w:rsidP="00763958"/>
          <w:p w:rsidR="00763958" w:rsidRDefault="00763958" w:rsidP="00763958">
            <w:r>
              <w:t xml:space="preserve">            &lt;div class="mb-3 row"&gt;</w:t>
            </w:r>
          </w:p>
          <w:p w:rsidR="00763958" w:rsidRDefault="00763958" w:rsidP="00763958">
            <w:r>
              <w:t xml:space="preserve">                &lt;label class="col-sm-3 col-form-label text-end"&gt;&lt;b&gt;Email*&lt;/b&gt;&lt;/label&gt;</w:t>
            </w:r>
          </w:p>
          <w:p w:rsidR="00763958" w:rsidRDefault="00763958" w:rsidP="00763958">
            <w:r>
              <w:t xml:space="preserve">                &lt;div class="col-sm-9"&gt;</w:t>
            </w:r>
          </w:p>
          <w:p w:rsidR="00763958" w:rsidRDefault="00763958" w:rsidP="00763958">
            <w:r>
              <w:t xml:space="preserve">                    &lt;input type="text" name="title" class="form-control" placeholder="Your email id" required="" maxlength="50" /&gt;</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 class="mb-3 row"&gt;</w:t>
            </w:r>
          </w:p>
          <w:p w:rsidR="00763958" w:rsidRDefault="00763958" w:rsidP="00763958">
            <w:r>
              <w:t xml:space="preserve">                &lt;label class="col-sm-3 col-form-label text-end"&gt;&lt;b&gt;Email*&lt;/b&gt;&lt;/label&gt;</w:t>
            </w:r>
          </w:p>
          <w:p w:rsidR="00763958" w:rsidRDefault="00763958" w:rsidP="00763958">
            <w:r>
              <w:t xml:space="preserve">                &lt;div class="col-sm-9"&gt;</w:t>
            </w:r>
          </w:p>
          <w:p w:rsidR="00763958" w:rsidRDefault="00763958" w:rsidP="00763958">
            <w:r>
              <w:t xml:space="preserve">                    &lt;input type="text" name="title" class="form-control" placeholder="Password" required="" maxlength="50" /&gt;</w:t>
            </w:r>
          </w:p>
          <w:p w:rsidR="00763958" w:rsidRDefault="00763958" w:rsidP="00763958">
            <w:r>
              <w:t xml:space="preserve">                &lt;/div&gt;</w:t>
            </w:r>
          </w:p>
          <w:p w:rsidR="00763958" w:rsidRDefault="00763958" w:rsidP="00763958">
            <w:r>
              <w:t xml:space="preserve">            &lt;/div&gt;</w:t>
            </w:r>
          </w:p>
          <w:p w:rsidR="00763958" w:rsidRDefault="00763958" w:rsidP="00763958">
            <w:r>
              <w:t xml:space="preserve">            &lt;div class="mb-3 row"&gt;</w:t>
            </w:r>
          </w:p>
          <w:p w:rsidR="00763958" w:rsidRDefault="00763958" w:rsidP="00763958">
            <w:r>
              <w:t xml:space="preserve">                &lt;label class="col-sm-3 col-form-label text-end"&gt;&lt;b&gt;Confirm Password*&lt;/b&gt;&lt;/label&gt;</w:t>
            </w:r>
          </w:p>
          <w:p w:rsidR="00763958" w:rsidRDefault="00763958" w:rsidP="00763958">
            <w:r>
              <w:t xml:space="preserve">                &lt;div class="col-sm-9"&gt;</w:t>
            </w:r>
          </w:p>
          <w:p w:rsidR="00763958" w:rsidRDefault="00763958" w:rsidP="00763958">
            <w:r>
              <w:t xml:space="preserve">                    &lt;input type="text" name="title" class="form-control" placeholder="Confirm Password" required="" maxlength="50" /&gt;</w:t>
            </w:r>
          </w:p>
          <w:p w:rsidR="00763958" w:rsidRDefault="00763958" w:rsidP="00763958">
            <w:r>
              <w:t xml:space="preserve">                &lt;/div&gt;</w:t>
            </w:r>
          </w:p>
          <w:p w:rsidR="00763958" w:rsidRDefault="00763958" w:rsidP="00763958">
            <w:r>
              <w:t xml:space="preserve">            &lt;/div&gt;</w:t>
            </w:r>
          </w:p>
          <w:p w:rsidR="00763958" w:rsidRDefault="00763958" w:rsidP="00763958"/>
          <w:p w:rsidR="00763958" w:rsidRDefault="00763958" w:rsidP="00763958"/>
          <w:p w:rsidR="00763958" w:rsidRDefault="00763958" w:rsidP="00763958">
            <w:r>
              <w:t xml:space="preserve">            &lt;div class="text-end mt-3"&gt;</w:t>
            </w:r>
          </w:p>
          <w:p w:rsidR="00763958" w:rsidRDefault="00763958" w:rsidP="00763958">
            <w:r>
              <w:t xml:space="preserve">                    &lt;div class="collapse" id="processSpan"&gt;</w:t>
            </w:r>
          </w:p>
          <w:p w:rsidR="00763958" w:rsidRDefault="00763958" w:rsidP="00763958">
            <w:r>
              <w:t xml:space="preserve">                        &lt;div class="spinner-border text-primary" role="status"&gt;</w:t>
            </w:r>
          </w:p>
          <w:p w:rsidR="00763958" w:rsidRDefault="00763958" w:rsidP="00763958">
            <w:r>
              <w:t xml:space="preserve">                          &lt;span class="visually-hidden"&gt;Loading...&lt;/span&gt;</w:t>
            </w:r>
          </w:p>
          <w:p w:rsidR="00763958" w:rsidRDefault="00763958" w:rsidP="00763958">
            <w:r>
              <w:t xml:space="preserve">                        &lt;/div&gt; Processing please wait..</w:t>
            </w:r>
          </w:p>
          <w:p w:rsidR="00763958" w:rsidRDefault="00763958" w:rsidP="00763958">
            <w:r>
              <w:t xml:space="preserve">                    &lt;/div&gt;</w:t>
            </w:r>
          </w:p>
          <w:p w:rsidR="00763958" w:rsidRDefault="00763958" w:rsidP="00763958">
            <w:r>
              <w:t xml:space="preserve">                    &lt;span id="log_result"&gt;&lt;/span&gt;</w:t>
            </w:r>
          </w:p>
          <w:p w:rsidR="00763958" w:rsidRDefault="00763958" w:rsidP="00763958">
            <w:r>
              <w:t xml:space="preserve">                    &lt;div id="submitBtnsBox" style="text-align: right;"&gt;</w:t>
            </w:r>
          </w:p>
          <w:p w:rsidR="00763958" w:rsidRDefault="00763958" w:rsidP="00763958">
            <w:r>
              <w:t xml:space="preserve">                        &lt;button name="submit" type="submit" class="btn btn-success" &gt;&lt;i class="fas fa-2x fa-pen-to-square"&gt;&lt;/i&gt; SUBMIT&lt;/button&gt; </w:t>
            </w:r>
          </w:p>
          <w:p w:rsidR="00763958" w:rsidRDefault="00763958" w:rsidP="00763958">
            <w:r>
              <w:t xml:space="preserve">                        </w:t>
            </w:r>
          </w:p>
          <w:p w:rsidR="00763958" w:rsidRDefault="00763958" w:rsidP="00763958">
            <w:r>
              <w:t xml:space="preserve">                    &lt;/div&gt;</w:t>
            </w:r>
          </w:p>
          <w:p w:rsidR="00763958" w:rsidRDefault="00763958" w:rsidP="00763958">
            <w:r>
              <w:t xml:space="preserve">                &lt;/div&gt;</w:t>
            </w:r>
          </w:p>
          <w:p w:rsidR="00763958" w:rsidRDefault="00763958" w:rsidP="00763958"/>
          <w:p w:rsidR="00763958" w:rsidRDefault="00763958" w:rsidP="00763958">
            <w:r>
              <w:t xml:space="preserve">        &lt;/form&gt;</w:t>
            </w:r>
          </w:p>
          <w:p w:rsidR="00763958" w:rsidRDefault="00763958" w:rsidP="00763958">
            <w:r>
              <w:t xml:space="preserve">                        &lt;/div&gt;</w:t>
            </w:r>
          </w:p>
          <w:p w:rsidR="00763958" w:rsidRDefault="00763958" w:rsidP="00763958">
            <w:r>
              <w:t xml:space="preserve">                        </w:t>
            </w:r>
          </w:p>
          <w:p w:rsidR="00763958" w:rsidRDefault="00763958" w:rsidP="00763958">
            <w:r>
              <w:t xml:space="preserve">                            </w:t>
            </w:r>
          </w:p>
          <w:p w:rsidR="00763958" w:rsidRDefault="00763958" w:rsidP="00763958">
            <w:r>
              <w:t xml:space="preserve">                         </w:t>
            </w:r>
          </w:p>
          <w:p w:rsidR="00763958" w:rsidRDefault="00763958" w:rsidP="00763958">
            <w:r>
              <w:t xml:space="preserve">                        &lt;/div&gt;</w:t>
            </w:r>
          </w:p>
          <w:p w:rsidR="00763958" w:rsidRDefault="00763958" w:rsidP="00763958">
            <w:r>
              <w:t xml:space="preserve">                        </w:t>
            </w:r>
          </w:p>
          <w:p w:rsidR="00763958" w:rsidRDefault="00763958" w:rsidP="00763958">
            <w:r>
              <w:t xml:space="preserve">                        &lt;!-- Modal footer --&gt;</w:t>
            </w:r>
          </w:p>
          <w:p w:rsidR="00763958" w:rsidRDefault="00763958" w:rsidP="00763958">
            <w:r>
              <w:t xml:space="preserve">                        </w:t>
            </w:r>
          </w:p>
          <w:p w:rsidR="00763958" w:rsidRDefault="00763958" w:rsidP="00763958">
            <w:r>
              <w:t xml:space="preserve">                        &lt;div class="modal-footer"&gt;</w:t>
            </w:r>
          </w:p>
          <w:p w:rsidR="00763958" w:rsidRDefault="00763958" w:rsidP="00763958">
            <w:r>
              <w:t xml:space="preserve">                            &lt;button type="button" class="btn btn-danger" data-dismiss="modal"&gt;Close&lt;/button&gt;</w:t>
            </w:r>
          </w:p>
          <w:p w:rsidR="00763958" w:rsidRDefault="00763958" w:rsidP="00763958">
            <w:r>
              <w:t xml:space="preserve">                        &lt;/div&gt;</w:t>
            </w:r>
          </w:p>
          <w:p w:rsidR="00763958" w:rsidRDefault="00763958" w:rsidP="00763958"/>
          <w:p w:rsidR="00763958" w:rsidRDefault="00763958" w:rsidP="00763958">
            <w:r>
              <w:t xml:space="preserve">                      &lt;/div&gt;</w:t>
            </w:r>
          </w:p>
          <w:p w:rsidR="00763958" w:rsidRDefault="00763958" w:rsidP="00763958">
            <w:r>
              <w:t xml:space="preserve">                    &lt;/div&gt;</w:t>
            </w:r>
          </w:p>
          <w:p w:rsidR="00763958" w:rsidRDefault="00763958" w:rsidP="00763958">
            <w:r>
              <w:t xml:space="preserve">                  &lt;/div&gt;</w:t>
            </w:r>
          </w:p>
          <w:p w:rsidR="00763958" w:rsidRDefault="00763958" w:rsidP="00763958">
            <w:r>
              <w:t xml:space="preserve">                  </w:t>
            </w:r>
          </w:p>
          <w:p w:rsidR="00763958" w:rsidRDefault="00763958" w:rsidP="00763958">
            <w:r>
              <w:t xml:space="preserve">                 </w:t>
            </w:r>
          </w:p>
          <w:p w:rsidR="00763958" w:rsidRDefault="00763958" w:rsidP="00763958">
            <w:r>
              <w:t xml:space="preserve">      &lt;/div&gt;</w:t>
            </w:r>
          </w:p>
          <w:p w:rsidR="00763958" w:rsidRDefault="00763958" w:rsidP="00763958">
            <w:r>
              <w:t xml:space="preserve">            &lt;/div&gt;</w:t>
            </w:r>
          </w:p>
          <w:p w:rsidR="00763958" w:rsidRDefault="00763958" w:rsidP="00763958"/>
          <w:p w:rsidR="00763958" w:rsidRDefault="00763958" w:rsidP="00763958">
            <w:r>
              <w:t>&lt;script type="text/javascript"&gt;</w:t>
            </w:r>
          </w:p>
          <w:p w:rsidR="00763958" w:rsidRDefault="00763958" w:rsidP="00763958"/>
          <w:p w:rsidR="00763958" w:rsidRDefault="00763958" w:rsidP="00763958">
            <w:r>
              <w:t xml:space="preserve">    $("#myBtn").click(function(){</w:t>
            </w:r>
          </w:p>
          <w:p w:rsidR="00763958" w:rsidRDefault="00763958" w:rsidP="00763958">
            <w:r>
              <w:t xml:space="preserve">        $("#myModal").modal();</w:t>
            </w:r>
          </w:p>
          <w:p w:rsidR="00763958" w:rsidRDefault="00763958" w:rsidP="00763958">
            <w:r>
              <w:t xml:space="preserve">        $(".modal-backdrop").addClass("modal fade show");</w:t>
            </w:r>
          </w:p>
          <w:p w:rsidR="00763958" w:rsidRDefault="00763958" w:rsidP="00763958">
            <w:r>
              <w:t xml:space="preserve">    });</w:t>
            </w:r>
          </w:p>
          <w:p w:rsidR="0048012D" w:rsidRDefault="00763958" w:rsidP="00763958">
            <w:r>
              <w:t xml:space="preserve">&lt;/script&gt;    </w:t>
            </w:r>
          </w:p>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E667D5" w:rsidP="0048012D">
            <w:r w:rsidRPr="00E667D5">
              <w:rPr>
                <w:highlight w:val="yellow"/>
              </w:rPr>
              <w:lastRenderedPageBreak/>
              <w:t>residential-board.php</w:t>
            </w:r>
          </w:p>
        </w:tc>
      </w:tr>
      <w:tr w:rsidR="0048012D" w:rsidTr="0048012D">
        <w:tc>
          <w:tcPr>
            <w:tcW w:w="9576" w:type="dxa"/>
          </w:tcPr>
          <w:p w:rsidR="0048012D" w:rsidRDefault="00E667D5" w:rsidP="0048012D">
            <w:r>
              <w:object w:dxaOrig="2726" w:dyaOrig="4320">
                <v:shape id="_x0000_i1046" type="#_x0000_t75" style="width:459.2pt;height:3in" o:ole="">
                  <v:imagedata r:id="rId48" o:title=""/>
                </v:shape>
                <o:OLEObject Type="Embed" ProgID="PBrush" ShapeID="_x0000_i1046" DrawAspect="Content" ObjectID="_1729694203" r:id="rId49"/>
              </w:object>
            </w:r>
          </w:p>
        </w:tc>
      </w:tr>
      <w:tr w:rsidR="0048012D" w:rsidTr="0048012D">
        <w:tc>
          <w:tcPr>
            <w:tcW w:w="9576" w:type="dxa"/>
          </w:tcPr>
          <w:p w:rsidR="00E667D5" w:rsidRDefault="00E667D5" w:rsidP="00E667D5">
            <w:r>
              <w:t>&lt;?php require_once('config.php') ; ?&gt;</w:t>
            </w:r>
          </w:p>
          <w:p w:rsidR="00E667D5" w:rsidRDefault="00E667D5" w:rsidP="00E667D5">
            <w:r>
              <w:t>&lt;?php include_once ('attribute.php'); ?&gt;</w:t>
            </w:r>
          </w:p>
          <w:p w:rsidR="00E667D5" w:rsidRDefault="00E667D5" w:rsidP="00E667D5">
            <w:r>
              <w:t xml:space="preserve">    </w:t>
            </w:r>
          </w:p>
          <w:p w:rsidR="00E667D5" w:rsidRDefault="00E667D5" w:rsidP="00E667D5"/>
          <w:p w:rsidR="00E667D5" w:rsidRDefault="00E667D5" w:rsidP="00E667D5"/>
          <w:p w:rsidR="00E667D5" w:rsidRDefault="00E667D5" w:rsidP="00E667D5">
            <w:r>
              <w:t>&lt;head&gt;</w:t>
            </w:r>
          </w:p>
          <w:p w:rsidR="00E667D5" w:rsidRDefault="00E667D5" w:rsidP="00E667D5">
            <w:r>
              <w:t>&lt;!--meta details--&gt;</w:t>
            </w:r>
          </w:p>
          <w:p w:rsidR="00E667D5" w:rsidRDefault="00E667D5" w:rsidP="00E667D5">
            <w:r>
              <w:t xml:space="preserve">    &lt;meta charset="utf-8"/&gt;</w:t>
            </w:r>
          </w:p>
          <w:p w:rsidR="00E667D5" w:rsidRDefault="00E667D5" w:rsidP="00E667D5">
            <w:r>
              <w:t xml:space="preserve">    &lt;meta http-equiv="Content-Type" content="text/html; charset=UTF-8"/&gt;</w:t>
            </w:r>
          </w:p>
          <w:p w:rsidR="00E667D5" w:rsidRDefault="00E667D5" w:rsidP="00E667D5">
            <w:r>
              <w:t xml:space="preserve">    &lt;meta http-equiv="X-UA-Compatible" content="IE=edge"/&gt;</w:t>
            </w:r>
          </w:p>
          <w:p w:rsidR="00E667D5" w:rsidRDefault="00E667D5" w:rsidP="00E667D5">
            <w:r>
              <w:t xml:space="preserve">    &lt;meta name="viewport" content="width=device-width, initial-scale=1.0, user-scalable=0, minimal-ui"/&gt;</w:t>
            </w:r>
          </w:p>
          <w:p w:rsidR="00E667D5" w:rsidRDefault="00E667D5" w:rsidP="00E667D5">
            <w:r>
              <w:t xml:space="preserve">     &lt;!--  Logo on Browser window--&gt;</w:t>
            </w:r>
          </w:p>
          <w:p w:rsidR="00E667D5" w:rsidRDefault="00E667D5" w:rsidP="00E667D5">
            <w:r>
              <w:t xml:space="preserve">    &lt;link href="spf/img/tablogo.png" rel="shortcut icon" type="image/x-icon"&gt;</w:t>
            </w:r>
          </w:p>
          <w:p w:rsidR="00E667D5" w:rsidRDefault="00E667D5" w:rsidP="00E667D5">
            <w:r>
              <w:t xml:space="preserve">    &lt;!--google prefetch--&gt;</w:t>
            </w:r>
          </w:p>
          <w:p w:rsidR="00E667D5" w:rsidRDefault="00E667D5" w:rsidP="00E667D5">
            <w:r>
              <w:t xml:space="preserve">    &lt;link rel="dns-prefetch" href="http://fonts.gstatic.com/"/&gt;</w:t>
            </w:r>
          </w:p>
          <w:p w:rsidR="00E667D5" w:rsidRDefault="00E667D5" w:rsidP="00E667D5">
            <w:r>
              <w:t xml:space="preserve">    &lt;link rel="dns-prefetch" href="http://www.googletagmanager.com/"/&gt;</w:t>
            </w:r>
          </w:p>
          <w:p w:rsidR="00E667D5" w:rsidRDefault="00E667D5" w:rsidP="00E667D5">
            <w:r>
              <w:t xml:space="preserve">    &lt;link rel="dns-prefetch" href="http://www.google-analytics.com/"/&gt;</w:t>
            </w:r>
          </w:p>
          <w:p w:rsidR="00E667D5" w:rsidRDefault="00E667D5" w:rsidP="00E667D5">
            <w:r>
              <w:t xml:space="preserve">    &lt;link rel="dns-prefetch" href="http://pagead2.googlesyndication.com/"/&gt;</w:t>
            </w:r>
          </w:p>
          <w:p w:rsidR="00E667D5" w:rsidRDefault="00E667D5" w:rsidP="00E667D5">
            <w:r>
              <w:t xml:space="preserve">    &lt;link rel="preconnect" href="http://fonts.gstatic.com/"/&gt;</w:t>
            </w:r>
          </w:p>
          <w:p w:rsidR="00E667D5" w:rsidRDefault="00E667D5" w:rsidP="00E667D5">
            <w:r>
              <w:t xml:space="preserve">    &lt;link rel="preconnect" href="http://www.googletagmanager.com/"/&gt;</w:t>
            </w:r>
          </w:p>
          <w:p w:rsidR="00E667D5" w:rsidRDefault="00E667D5" w:rsidP="00E667D5">
            <w:r>
              <w:t xml:space="preserve">    &lt;link rel="preconnect" href="http://www.google-analytics.com/"/&gt;</w:t>
            </w:r>
          </w:p>
          <w:p w:rsidR="00E667D5" w:rsidRDefault="00E667D5" w:rsidP="00E667D5">
            <w:r>
              <w:t xml:space="preserve">    &lt;link rel="preconnect" href="http://pagead2.googlesyndication.com/"/&gt;</w:t>
            </w:r>
          </w:p>
          <w:p w:rsidR="00E667D5" w:rsidRDefault="00E667D5" w:rsidP="00E667D5">
            <w:r>
              <w:t xml:space="preserve">    &lt;meta name="apple-mobile-web-app-title" content="Senior Services | Senior Place Finder | VABF | ISF | ELF | EIFLF | ESPMF"/&gt;</w:t>
            </w:r>
          </w:p>
          <w:p w:rsidR="00E667D5" w:rsidRDefault="00E667D5" w:rsidP="00E667D5">
            <w:r>
              <w:t xml:space="preserve">    &lt;meta name="apple-mobile-web-app-capable" content="yes"/&gt;</w:t>
            </w:r>
          </w:p>
          <w:p w:rsidR="00E667D5" w:rsidRDefault="00E667D5" w:rsidP="00E667D5">
            <w:r>
              <w:t xml:space="preserve">    &lt;meta name="apple-touch-fullscreen" content="yes"/&gt;</w:t>
            </w:r>
          </w:p>
          <w:p w:rsidR="00E667D5" w:rsidRDefault="00E667D5" w:rsidP="00E667D5">
            <w:r>
              <w:t xml:space="preserve">    &lt;meta name="apple-mobile-web-app-status-bar-style" content="default"/&gt;</w:t>
            </w:r>
          </w:p>
          <w:p w:rsidR="00E667D5" w:rsidRDefault="00E667D5" w:rsidP="00E667D5">
            <w:r>
              <w:t xml:space="preserve">    &lt;meta name="google" content="notranslate"/&gt;</w:t>
            </w:r>
          </w:p>
          <w:p w:rsidR="00E667D5" w:rsidRDefault="00E667D5" w:rsidP="00E667D5">
            <w:r>
              <w:t xml:space="preserve">    &lt;meta property="fb:app_id" content="442299370000163"/&gt;</w:t>
            </w:r>
          </w:p>
          <w:p w:rsidR="00E667D5" w:rsidRDefault="00E667D5" w:rsidP="00E667D5">
            <w:r>
              <w:t xml:space="preserve">    &lt;!--screen  resolution--&gt;</w:t>
            </w:r>
          </w:p>
          <w:p w:rsidR="00E667D5" w:rsidRDefault="00E667D5" w:rsidP="00E667D5">
            <w:r>
              <w:lastRenderedPageBreak/>
              <w:t xml:space="preserve">    &lt;link rel="shortcut icon" href="spf/img/favicon.ico" type="image/x-icon"&gt;</w:t>
            </w:r>
          </w:p>
          <w:p w:rsidR="00E667D5" w:rsidRDefault="00E667D5" w:rsidP="00E667D5">
            <w:r>
              <w:t xml:space="preserve">    &lt;link rel="apple-touch-icon" href="spf/img/apple-touch-icon-60x60.html"&gt;</w:t>
            </w:r>
          </w:p>
          <w:p w:rsidR="00E667D5" w:rsidRDefault="00E667D5" w:rsidP="00E667D5">
            <w:r>
              <w:t xml:space="preserve">    &lt;link rel="apple-touch-icon" sizes="76x76" href="spf/img/apple-touch-icon-76x76.html"&gt;</w:t>
            </w:r>
          </w:p>
          <w:p w:rsidR="00E667D5" w:rsidRDefault="00E667D5" w:rsidP="00E667D5">
            <w:r>
              <w:t xml:space="preserve">    &lt;link rel="apple-touch-icon" sizes="120x120" href="spf/img/apple-touch-icon-120x120.html"&gt;</w:t>
            </w:r>
          </w:p>
          <w:p w:rsidR="00E667D5" w:rsidRDefault="00E667D5" w:rsidP="00E667D5">
            <w:r>
              <w:t xml:space="preserve">    &lt;link rel="apple-touch-icon" sizes="152x152" href="spf/img/apple-touch-icon-152x152.html"&gt;</w:t>
            </w:r>
          </w:p>
          <w:p w:rsidR="00E667D5" w:rsidRDefault="00E667D5" w:rsidP="00E667D5">
            <w:r>
              <w:t xml:space="preserve">    &lt;!--site details--&gt;</w:t>
            </w:r>
          </w:p>
          <w:p w:rsidR="00E667D5" w:rsidRDefault="00E667D5" w:rsidP="00E667D5">
            <w:r>
              <w:t xml:space="preserve">    &lt;title&gt;Senior Services | Senior Place Finder | VABF | ISF | ELF | EIFLF | ESPMF&lt;/title&gt;</w:t>
            </w:r>
          </w:p>
          <w:p w:rsidR="00E667D5" w:rsidRDefault="00E667D5" w:rsidP="00E667D5">
            <w:r>
              <w:t xml:space="preserve">    &lt;meta name="keywords" content="Senior Place Finder, VABF, ISF, ELF, EIFLF, ESPMF"/&gt;</w:t>
            </w:r>
          </w:p>
          <w:p w:rsidR="00E667D5" w:rsidRDefault="00E667D5" w:rsidP="00E667D5">
            <w:r>
              <w:t xml:space="preserve">    &lt;meta name="description" content="Find specialist for any service related to the seniors."&gt;</w:t>
            </w:r>
          </w:p>
          <w:p w:rsidR="00E667D5" w:rsidRDefault="00E667D5" w:rsidP="00E667D5">
            <w:r>
              <w:t xml:space="preserve">    &lt;meta property="og:type" content="website"/&gt;</w:t>
            </w:r>
          </w:p>
          <w:p w:rsidR="00E667D5" w:rsidRDefault="00E667D5" w:rsidP="00E667D5">
            <w:r>
              <w:t xml:space="preserve">    &lt;meta property="og:title" content="Senior Services | Senior Place Finder | VABF | ISF | ELF | EIFLF | ESPMF"/&gt;</w:t>
            </w:r>
          </w:p>
          <w:p w:rsidR="00E667D5" w:rsidRDefault="00E667D5" w:rsidP="00E667D5">
            <w:r>
              <w:t xml:space="preserve">    &lt;meta property="og:description" content="Find specialist for any service related to the seniors."/&gt;</w:t>
            </w:r>
          </w:p>
          <w:p w:rsidR="00E667D5" w:rsidRDefault="00E667D5" w:rsidP="00E667D5">
            <w:r>
              <w:t xml:space="preserve">    &lt;meta property="og:url" content="https://theseniorteam.net/"/&gt;</w:t>
            </w:r>
          </w:p>
          <w:p w:rsidR="00E667D5" w:rsidRDefault="00E667D5" w:rsidP="00E667D5">
            <w:r>
              <w:t xml:space="preserve">    &lt;meta property="og:site_name" content="Senior Team"/&gt;</w:t>
            </w:r>
          </w:p>
          <w:p w:rsidR="00E667D5" w:rsidRDefault="00E667D5" w:rsidP="00E667D5">
            <w:r>
              <w:t xml:space="preserve">    &lt;meta property="og:image" content="c"/&gt;</w:t>
            </w:r>
          </w:p>
          <w:p w:rsidR="00E667D5" w:rsidRDefault="00E667D5" w:rsidP="00E667D5">
            <w:r>
              <w:t xml:space="preserve">    &lt;meta name="twitter:card" content="summary_large_image"/&gt;</w:t>
            </w:r>
          </w:p>
          <w:p w:rsidR="00E667D5" w:rsidRDefault="00E667D5" w:rsidP="00E667D5">
            <w:r>
              <w:t xml:space="preserve">    &lt;meta name="twitter:title" content="Senior Services | Senior Place Finder | VABF | ISF | ELF | EIFLF | ESPMF"/&gt;</w:t>
            </w:r>
          </w:p>
          <w:p w:rsidR="00E667D5" w:rsidRDefault="00E667D5" w:rsidP="00E667D5">
            <w:r>
              <w:t xml:space="preserve">    &lt;meta name="twitter:description" content="Find specialist for any service related to the seniors."/&gt;</w:t>
            </w:r>
          </w:p>
          <w:p w:rsidR="00E667D5" w:rsidRDefault="00E667D5" w:rsidP="00E667D5">
            <w:r>
              <w:t xml:space="preserve">    &lt;meta name="twitter:site" content="@seniorteam"/&gt;</w:t>
            </w:r>
          </w:p>
          <w:p w:rsidR="00E667D5" w:rsidRDefault="00E667D5" w:rsidP="00E667D5">
            <w:r>
              <w:t xml:space="preserve">    &lt;meta name="twitter:image" content="img/icon/ssp.png"/&gt;</w:t>
            </w:r>
          </w:p>
          <w:p w:rsidR="00E667D5" w:rsidRDefault="00E667D5" w:rsidP="00E667D5">
            <w:r>
              <w:t xml:space="preserve">   </w:t>
            </w:r>
          </w:p>
          <w:p w:rsidR="00E667D5" w:rsidRDefault="00E667D5" w:rsidP="00E667D5">
            <w:r>
              <w:t xml:space="preserve">    &lt;meta name="csrf-token" content="dgqJnlX1u9TY9MEkfnEcAOPCkhA13RV7pHlBGUUg"/&gt;</w:t>
            </w:r>
          </w:p>
          <w:p w:rsidR="00E667D5" w:rsidRDefault="00E667D5" w:rsidP="00E667D5">
            <w:r>
              <w:t xml:space="preserve">    &lt;!--app.css --&gt;</w:t>
            </w:r>
          </w:p>
          <w:p w:rsidR="00E667D5" w:rsidRDefault="00E667D5" w:rsidP="00E667D5">
            <w:r>
              <w:t xml:space="preserve">    &lt;link media="all" type="text/css" rel="stylesheet" href="spf/css/app.css"&gt;</w:t>
            </w:r>
          </w:p>
          <w:p w:rsidR="00E667D5" w:rsidRDefault="00E667D5" w:rsidP="00E667D5">
            <w:r>
              <w:t xml:space="preserve">    &lt;!--icons.css --&gt;</w:t>
            </w:r>
          </w:p>
          <w:p w:rsidR="00E667D5" w:rsidRDefault="00E667D5" w:rsidP="00E667D5">
            <w:r>
              <w:t xml:space="preserve">    &lt;link media="all" type="text/css" rel="stylesheet" href="css/icons.css"&gt;</w:t>
            </w:r>
          </w:p>
          <w:p w:rsidR="00E667D5" w:rsidRDefault="00E667D5" w:rsidP="00E667D5">
            <w:r>
              <w:t xml:space="preserve">    &lt;!--notify.css --&gt;</w:t>
            </w:r>
          </w:p>
          <w:p w:rsidR="00E667D5" w:rsidRDefault="00E667D5" w:rsidP="00E667D5">
            <w:r>
              <w:t xml:space="preserve">    &lt;link media="all" type="text/css" rel="stylesheet" href="css/notify.css"&gt;</w:t>
            </w:r>
          </w:p>
          <w:p w:rsidR="00E667D5" w:rsidRDefault="00E667D5" w:rsidP="00E667D5">
            <w:r>
              <w:t xml:space="preserve">    &lt;!--floater.css --&gt;</w:t>
            </w:r>
          </w:p>
          <w:p w:rsidR="00E667D5" w:rsidRDefault="00E667D5" w:rsidP="00E667D5">
            <w:r>
              <w:t xml:space="preserve">    &lt;link media="all" type="text/css" rel="stylesheet" href="css/floater.css"&gt;</w:t>
            </w:r>
          </w:p>
          <w:p w:rsidR="00E667D5" w:rsidRDefault="00E667D5" w:rsidP="00E667D5">
            <w:r>
              <w:t xml:space="preserve">    &lt;!--selectize.css --&gt;</w:t>
            </w:r>
          </w:p>
          <w:p w:rsidR="00E667D5" w:rsidRDefault="00E667D5" w:rsidP="00E667D5">
            <w:r>
              <w:t xml:space="preserve">    &lt;link media="all" type="text/css" rel="stylesheet" href="css/selectize.css"&gt;</w:t>
            </w:r>
          </w:p>
          <w:p w:rsidR="00E667D5" w:rsidRDefault="00E667D5" w:rsidP="00E667D5">
            <w:r>
              <w:t xml:space="preserve">    &lt;!--theme.css --&gt;</w:t>
            </w:r>
          </w:p>
          <w:p w:rsidR="00E667D5" w:rsidRDefault="00E667D5" w:rsidP="00E667D5">
            <w:r>
              <w:t xml:space="preserve">    &lt;link media="all" type="text/css" rel="stylesheet" href="spf/css/theme.css"&gt;</w:t>
            </w:r>
          </w:p>
          <w:p w:rsidR="00E667D5" w:rsidRDefault="00E667D5" w:rsidP="00E667D5"/>
          <w:p w:rsidR="00E667D5" w:rsidRDefault="00E667D5" w:rsidP="00E667D5">
            <w:r>
              <w:t xml:space="preserve">    &lt;link rel="stylesheet" href="https://use.fontawesome.com/releases/v5.6.3/css/all.css"&gt;</w:t>
            </w:r>
          </w:p>
          <w:p w:rsidR="00E667D5" w:rsidRDefault="00E667D5" w:rsidP="00E667D5">
            <w:r>
              <w:t xml:space="preserve">    &lt;!--app.js --&gt;</w:t>
            </w:r>
          </w:p>
          <w:p w:rsidR="00E667D5" w:rsidRDefault="00E667D5" w:rsidP="00E667D5">
            <w:r>
              <w:t xml:space="preserve">    &lt;script src="js/app.js"&gt;&lt;/script&gt;</w:t>
            </w:r>
          </w:p>
          <w:p w:rsidR="00E667D5" w:rsidRDefault="00E667D5" w:rsidP="00E667D5">
            <w:r>
              <w:t xml:space="preserve">    &lt;!--jquery.js --&gt;</w:t>
            </w:r>
          </w:p>
          <w:p w:rsidR="00E667D5" w:rsidRDefault="00E667D5" w:rsidP="00E667D5">
            <w:r>
              <w:t xml:space="preserve">    &lt;script src="js/jquery.js"&gt;&lt;/script&gt;</w:t>
            </w:r>
          </w:p>
          <w:p w:rsidR="00E667D5" w:rsidRDefault="00E667D5" w:rsidP="00E667D5">
            <w:r>
              <w:t xml:space="preserve">    &lt;!--popper.js --&gt;</w:t>
            </w:r>
          </w:p>
          <w:p w:rsidR="00E667D5" w:rsidRDefault="00E667D5" w:rsidP="00E667D5">
            <w:r>
              <w:t xml:space="preserve">    &lt;script src="js/popper.js"&gt;&lt;/script&gt;</w:t>
            </w:r>
          </w:p>
          <w:p w:rsidR="00E667D5" w:rsidRDefault="00E667D5" w:rsidP="00E667D5">
            <w:r>
              <w:t xml:space="preserve">    &lt;!--bootstrap.js --&gt;</w:t>
            </w:r>
          </w:p>
          <w:p w:rsidR="00E667D5" w:rsidRDefault="00E667D5" w:rsidP="00E667D5">
            <w:r>
              <w:t xml:space="preserve">    &lt;script src="js/bootstrap.js"&gt;&lt;/script&gt;</w:t>
            </w:r>
          </w:p>
          <w:p w:rsidR="00E667D5" w:rsidRDefault="00E667D5" w:rsidP="00E667D5"/>
          <w:p w:rsidR="00E667D5" w:rsidRDefault="00E667D5" w:rsidP="00E667D5">
            <w:r>
              <w:t xml:space="preserve">    &lt;!-- Global site tag (gtag.js) - Google Analytics --&gt;</w:t>
            </w:r>
          </w:p>
          <w:p w:rsidR="00E667D5" w:rsidRDefault="00E667D5" w:rsidP="00E667D5">
            <w:r>
              <w:lastRenderedPageBreak/>
              <w:t xml:space="preserve">    &lt;script async src="https://www.googletagmanager.com/gtag/js?id="&gt;&lt;/script&gt;</w:t>
            </w:r>
          </w:p>
          <w:p w:rsidR="00E667D5" w:rsidRDefault="00E667D5" w:rsidP="00E667D5">
            <w:r>
              <w:t xml:space="preserve">    &lt;script&gt;</w:t>
            </w:r>
          </w:p>
          <w:p w:rsidR="00E667D5" w:rsidRDefault="00E667D5" w:rsidP="00E667D5">
            <w:r>
              <w:t xml:space="preserve">        window.dataLayer = window.dataLayer || [];</w:t>
            </w:r>
          </w:p>
          <w:p w:rsidR="00E667D5" w:rsidRDefault="00E667D5" w:rsidP="00E667D5">
            <w:r>
              <w:t xml:space="preserve">        function gtag() {</w:t>
            </w:r>
          </w:p>
          <w:p w:rsidR="00E667D5" w:rsidRDefault="00E667D5" w:rsidP="00E667D5">
            <w:r>
              <w:t xml:space="preserve">            dataLayer.push(arguments);</w:t>
            </w:r>
          </w:p>
          <w:p w:rsidR="00E667D5" w:rsidRDefault="00E667D5" w:rsidP="00E667D5">
            <w:r>
              <w:t xml:space="preserve">        }</w:t>
            </w:r>
          </w:p>
          <w:p w:rsidR="00E667D5" w:rsidRDefault="00E667D5" w:rsidP="00E667D5">
            <w:r>
              <w:t xml:space="preserve">        gtag('js', new Date());</w:t>
            </w:r>
          </w:p>
          <w:p w:rsidR="00E667D5" w:rsidRDefault="00E667D5" w:rsidP="00E667D5">
            <w:r>
              <w:t xml:space="preserve">        gtag('config', '');</w:t>
            </w:r>
          </w:p>
          <w:p w:rsidR="00E667D5" w:rsidRDefault="00E667D5" w:rsidP="00E667D5">
            <w:r>
              <w:t xml:space="preserve">    &lt;/script&gt;</w:t>
            </w:r>
          </w:p>
          <w:p w:rsidR="00E667D5" w:rsidRDefault="00E667D5" w:rsidP="00E667D5">
            <w:r>
              <w:tab/>
              <w:t>&lt;style&gt;</w:t>
            </w:r>
          </w:p>
          <w:p w:rsidR="00E667D5" w:rsidRDefault="00E667D5" w:rsidP="00E667D5">
            <w:r>
              <w:tab/>
            </w:r>
            <w:r>
              <w:tab/>
              <w:t>.required{</w:t>
            </w:r>
          </w:p>
          <w:p w:rsidR="00E667D5" w:rsidRDefault="00E667D5" w:rsidP="00E667D5">
            <w:r>
              <w:tab/>
            </w:r>
            <w:r>
              <w:tab/>
              <w:t xml:space="preserve">  color:red;</w:t>
            </w:r>
          </w:p>
          <w:p w:rsidR="00E667D5" w:rsidRDefault="00E667D5" w:rsidP="00E667D5">
            <w:r>
              <w:tab/>
            </w:r>
            <w:r>
              <w:tab/>
              <w:t xml:space="preserve">  font-size:12px;</w:t>
            </w:r>
          </w:p>
          <w:p w:rsidR="00E667D5" w:rsidRDefault="00E667D5" w:rsidP="00E667D5">
            <w:r>
              <w:tab/>
            </w:r>
            <w:r>
              <w:tab/>
              <w:t>}</w:t>
            </w:r>
          </w:p>
          <w:p w:rsidR="00E667D5" w:rsidRDefault="00E667D5" w:rsidP="00E667D5">
            <w:r>
              <w:tab/>
            </w:r>
            <w:r>
              <w:tab/>
              <w:t>.error{</w:t>
            </w:r>
          </w:p>
          <w:p w:rsidR="00E667D5" w:rsidRDefault="00E667D5" w:rsidP="00E667D5">
            <w:r>
              <w:tab/>
            </w:r>
            <w:r>
              <w:tab/>
              <w:t xml:space="preserve">  color:red;</w:t>
            </w:r>
          </w:p>
          <w:p w:rsidR="00E667D5" w:rsidRDefault="00E667D5" w:rsidP="00E667D5">
            <w:r>
              <w:tab/>
            </w:r>
            <w:r>
              <w:tab/>
              <w:t xml:space="preserve">  font-size:12px;</w:t>
            </w:r>
          </w:p>
          <w:p w:rsidR="00E667D5" w:rsidRDefault="00E667D5" w:rsidP="00E667D5">
            <w:r>
              <w:tab/>
            </w:r>
            <w:r>
              <w:tab/>
              <w:t xml:space="preserve">  text-align: left;</w:t>
            </w:r>
          </w:p>
          <w:p w:rsidR="00E667D5" w:rsidRDefault="00E667D5" w:rsidP="00E667D5">
            <w:r>
              <w:tab/>
            </w:r>
            <w:r>
              <w:tab/>
              <w:t xml:space="preserve">} </w:t>
            </w:r>
          </w:p>
          <w:p w:rsidR="00E667D5" w:rsidRDefault="00E667D5" w:rsidP="00E667D5">
            <w:r>
              <w:tab/>
              <w:t>&lt;/style&gt;</w:t>
            </w:r>
          </w:p>
          <w:p w:rsidR="00E667D5" w:rsidRDefault="00E667D5" w:rsidP="00E667D5">
            <w:r>
              <w:t xml:space="preserve">    &lt;!--fingerprint2.js --&gt;</w:t>
            </w:r>
          </w:p>
          <w:p w:rsidR="00E667D5" w:rsidRDefault="00E667D5" w:rsidP="00E667D5">
            <w:r>
              <w:t>&lt;script src="js/fingerprint2.js"&gt;&lt;/script&gt;</w:t>
            </w:r>
          </w:p>
          <w:p w:rsidR="00E667D5" w:rsidRDefault="00E667D5" w:rsidP="00E667D5">
            <w:r>
              <w:t>&lt;!--ua-parser.js --&gt;</w:t>
            </w:r>
          </w:p>
          <w:p w:rsidR="00E667D5" w:rsidRDefault="00E667D5" w:rsidP="00E667D5">
            <w:r>
              <w:t>&lt;script src="js/ua-parser.js"&gt;&lt;/script&gt;</w:t>
            </w:r>
          </w:p>
          <w:p w:rsidR="00E667D5" w:rsidRDefault="00E667D5" w:rsidP="00E667D5">
            <w:r>
              <w:t>&lt;script&gt;</w:t>
            </w:r>
          </w:p>
          <w:p w:rsidR="00E667D5" w:rsidRDefault="00E667D5" w:rsidP="00E667D5">
            <w:r>
              <w:t xml:space="preserve">    let fpCookie = getCookie("FP_UUID");</w:t>
            </w:r>
          </w:p>
          <w:p w:rsidR="00E667D5" w:rsidRDefault="00E667D5" w:rsidP="00E667D5">
            <w:r>
              <w:t xml:space="preserve">    let getFingerPrint = function () {</w:t>
            </w:r>
          </w:p>
          <w:p w:rsidR="00E667D5" w:rsidRDefault="00E667D5" w:rsidP="00E667D5">
            <w:r>
              <w:t xml:space="preserve">        let d1 = new Date();</w:t>
            </w:r>
          </w:p>
          <w:p w:rsidR="00E667D5" w:rsidRDefault="00E667D5" w:rsidP="00E667D5">
            <w:r>
              <w:t xml:space="preserve">        let options = {/*</w:t>
            </w:r>
          </w:p>
          <w:p w:rsidR="00E667D5" w:rsidRDefault="00E667D5" w:rsidP="00E667D5">
            <w:r>
              <w:t xml:space="preserve">            excludes: {</w:t>
            </w:r>
          </w:p>
          <w:p w:rsidR="00E667D5" w:rsidRDefault="00E667D5" w:rsidP="00E667D5">
            <w:r>
              <w:t xml:space="preserve">                enumerateDevices: true,</w:t>
            </w:r>
          </w:p>
          <w:p w:rsidR="00E667D5" w:rsidRDefault="00E667D5" w:rsidP="00E667D5">
            <w:r>
              <w:t xml:space="preserve">                pixelRatio: true,</w:t>
            </w:r>
          </w:p>
          <w:p w:rsidR="00E667D5" w:rsidRDefault="00E667D5" w:rsidP="00E667D5">
            <w:r>
              <w:t xml:space="preserve">                doNotTrack: true,</w:t>
            </w:r>
          </w:p>
          <w:p w:rsidR="00E667D5" w:rsidRDefault="00E667D5" w:rsidP="00E667D5">
            <w:r>
              <w:t xml:space="preserve">                fontsFlash: true/!*,</w:t>
            </w:r>
          </w:p>
          <w:p w:rsidR="00E667D5" w:rsidRDefault="00E667D5" w:rsidP="00E667D5">
            <w:r>
              <w:t xml:space="preserve">                plugins: true*!/</w:t>
            </w:r>
          </w:p>
          <w:p w:rsidR="00E667D5" w:rsidRDefault="00E667D5" w:rsidP="00E667D5">
            <w:r>
              <w:t xml:space="preserve">            },</w:t>
            </w:r>
          </w:p>
          <w:p w:rsidR="00E667D5" w:rsidRDefault="00E667D5" w:rsidP="00E667D5">
            <w:r>
              <w:t xml:space="preserve">            extraComponents: [</w:t>
            </w:r>
          </w:p>
          <w:p w:rsidR="00E667D5" w:rsidRDefault="00E667D5" w:rsidP="00E667D5">
            <w:r>
              <w:t xml:space="preserve">                {</w:t>
            </w:r>
          </w:p>
          <w:p w:rsidR="00E667D5" w:rsidRDefault="00E667D5" w:rsidP="00E667D5">
            <w:r>
              <w:t xml:space="preserve">                    key: 'domain',</w:t>
            </w:r>
          </w:p>
          <w:p w:rsidR="00E667D5" w:rsidRDefault="00E667D5" w:rsidP="00E667D5">
            <w:r>
              <w:t xml:space="preserve">                    getData: function (done, options) {</w:t>
            </w:r>
          </w:p>
          <w:p w:rsidR="00E667D5" w:rsidRDefault="00E667D5" w:rsidP="00E667D5">
            <w:r>
              <w:t xml:space="preserve">                        done(window.location.hostname);</w:t>
            </w:r>
          </w:p>
          <w:p w:rsidR="00E667D5" w:rsidRDefault="00E667D5" w:rsidP="00E667D5">
            <w:r>
              <w:t xml:space="preserve">                    }</w:t>
            </w:r>
          </w:p>
          <w:p w:rsidR="00E667D5" w:rsidRDefault="00E667D5" w:rsidP="00E667D5">
            <w:r>
              <w:t xml:space="preserve">                }/!*,</w:t>
            </w:r>
          </w:p>
          <w:p w:rsidR="00E667D5" w:rsidRDefault="00E667D5" w:rsidP="00E667D5">
            <w:r>
              <w:t xml:space="preserve">                {</w:t>
            </w:r>
          </w:p>
          <w:p w:rsidR="00E667D5" w:rsidRDefault="00E667D5" w:rsidP="00E667D5">
            <w:r>
              <w:t xml:space="preserve">                    key: 'domain',</w:t>
            </w:r>
          </w:p>
          <w:p w:rsidR="00E667D5" w:rsidRDefault="00E667D5" w:rsidP="00E667D5">
            <w:r>
              <w:t xml:space="preserve">                    getData: function (done, options) {</w:t>
            </w:r>
          </w:p>
          <w:p w:rsidR="00E667D5" w:rsidRDefault="00E667D5" w:rsidP="00E667D5">
            <w:r>
              <w:t xml:space="preserve">                        done(window.location.hostname);</w:t>
            </w:r>
          </w:p>
          <w:p w:rsidR="00E667D5" w:rsidRDefault="00E667D5" w:rsidP="00E667D5">
            <w:r>
              <w:t xml:space="preserve">                    }</w:t>
            </w:r>
          </w:p>
          <w:p w:rsidR="00E667D5" w:rsidRDefault="00E667D5" w:rsidP="00E667D5">
            <w:r>
              <w:lastRenderedPageBreak/>
              <w:t xml:space="preserve">                }*!/</w:t>
            </w:r>
          </w:p>
          <w:p w:rsidR="00E667D5" w:rsidRDefault="00E667D5" w:rsidP="00E667D5">
            <w:r>
              <w:t xml:space="preserve">            ],*/</w:t>
            </w:r>
          </w:p>
          <w:p w:rsidR="00E667D5" w:rsidRDefault="00E667D5" w:rsidP="00E667D5">
            <w:r>
              <w:t xml:space="preserve">            preprocessor: function (key, value) {</w:t>
            </w:r>
          </w:p>
          <w:p w:rsidR="00E667D5" w:rsidRDefault="00E667D5" w:rsidP="00E667D5">
            <w:r>
              <w:t xml:space="preserve">                if (key === "userAgent") {</w:t>
            </w:r>
          </w:p>
          <w:p w:rsidR="00E667D5" w:rsidRDefault="00E667D5" w:rsidP="00E667D5">
            <w:r>
              <w:t xml:space="preserve">                    let parser = new UAParser(value);</w:t>
            </w:r>
          </w:p>
          <w:p w:rsidR="00E667D5" w:rsidRDefault="00E667D5" w:rsidP="00E667D5">
            <w:r>
              <w:t xml:space="preserve">                    let userAgentMinusVersion = parser.getOS().name + ' ' + parser.getBrowser().name;</w:t>
            </w:r>
          </w:p>
          <w:p w:rsidR="00E667D5" w:rsidRDefault="00E667D5" w:rsidP="00E667D5">
            <w:r>
              <w:t xml:space="preserve">                    return userAgentMinusVersion;</w:t>
            </w:r>
          </w:p>
          <w:p w:rsidR="00E667D5" w:rsidRDefault="00E667D5" w:rsidP="00E667D5">
            <w:r>
              <w:t xml:space="preserve">                }</w:t>
            </w:r>
          </w:p>
          <w:p w:rsidR="00E667D5" w:rsidRDefault="00E667D5" w:rsidP="00E667D5">
            <w:r>
              <w:t xml:space="preserve">                return value;</w:t>
            </w:r>
          </w:p>
          <w:p w:rsidR="00E667D5" w:rsidRDefault="00E667D5" w:rsidP="00E667D5">
            <w:r>
              <w:t xml:space="preserve">            }</w:t>
            </w:r>
          </w:p>
          <w:p w:rsidR="00E667D5" w:rsidRDefault="00E667D5" w:rsidP="00E667D5">
            <w:r>
              <w:t xml:space="preserve">        };</w:t>
            </w:r>
          </w:p>
          <w:p w:rsidR="00E667D5" w:rsidRDefault="00E667D5" w:rsidP="00E667D5">
            <w:r>
              <w:t xml:space="preserve">        Fingerprint2.get(options, function (components) {</w:t>
            </w:r>
          </w:p>
          <w:p w:rsidR="00E667D5" w:rsidRDefault="00E667D5" w:rsidP="00E667D5">
            <w:r>
              <w:t xml:space="preserve">            let fp = Fingerprint2.x64hash128(components.map(function (pair) {</w:t>
            </w:r>
          </w:p>
          <w:p w:rsidR="00E667D5" w:rsidRDefault="00E667D5" w:rsidP="00E667D5">
            <w:r>
              <w:t xml:space="preserve">                return pair.value</w:t>
            </w:r>
          </w:p>
          <w:p w:rsidR="00E667D5" w:rsidRDefault="00E667D5" w:rsidP="00E667D5">
            <w:r>
              <w:t xml:space="preserve">            }).join(), 31);</w:t>
            </w:r>
          </w:p>
          <w:p w:rsidR="00E667D5" w:rsidRDefault="00E667D5" w:rsidP="00E667D5">
            <w:r>
              <w:t xml:space="preserve">            setCookie("FP_UUID", fp, 30);</w:t>
            </w:r>
          </w:p>
          <w:p w:rsidR="00E667D5" w:rsidRDefault="00E667D5" w:rsidP="00E667D5">
            <w:r>
              <w:t xml:space="preserve">            fpCookie = getCookie("FP_UUID");</w:t>
            </w:r>
          </w:p>
          <w:p w:rsidR="00E667D5" w:rsidRDefault="00E667D5" w:rsidP="00E667D5">
            <w:r>
              <w:t xml:space="preserve">            console.log("FP_UUID: ", fpCookie);</w:t>
            </w:r>
          </w:p>
          <w:p w:rsidR="00E667D5" w:rsidRDefault="00E667D5" w:rsidP="00E667D5">
            <w:r>
              <w:t xml:space="preserve">            let d2 = new Date();</w:t>
            </w:r>
          </w:p>
          <w:p w:rsidR="00E667D5" w:rsidRDefault="00E667D5" w:rsidP="00E667D5">
            <w:r>
              <w:t xml:space="preserve">            let tt = d2 - d1;</w:t>
            </w:r>
          </w:p>
          <w:p w:rsidR="00E667D5" w:rsidRDefault="00E667D5" w:rsidP="00E667D5">
            <w:r>
              <w:t xml:space="preserve">            let details = "";</w:t>
            </w:r>
          </w:p>
          <w:p w:rsidR="00E667D5" w:rsidRDefault="00E667D5" w:rsidP="00E667D5">
            <w:r>
              <w:t xml:space="preserve">            console.log("Time Taken : ", tt);</w:t>
            </w:r>
          </w:p>
          <w:p w:rsidR="00E667D5" w:rsidRDefault="00E667D5" w:rsidP="00E667D5">
            <w:r>
              <w:t xml:space="preserve">            console.log("Finger Print : ", fp);</w:t>
            </w:r>
          </w:p>
          <w:p w:rsidR="00E667D5" w:rsidRDefault="00E667D5" w:rsidP="00E667D5">
            <w:r>
              <w:t xml:space="preserve">            for (let index in components) {</w:t>
            </w:r>
          </w:p>
          <w:p w:rsidR="00E667D5" w:rsidRDefault="00E667D5" w:rsidP="00E667D5">
            <w:r>
              <w:t xml:space="preserve">                let obj = components[index];</w:t>
            </w:r>
          </w:p>
          <w:p w:rsidR="00E667D5" w:rsidRDefault="00E667D5" w:rsidP="00E667D5">
            <w:r>
              <w:t xml:space="preserve">                let line = obj.key + " = " + String(obj.value).substr(0, 100);</w:t>
            </w:r>
          </w:p>
          <w:p w:rsidR="00E667D5" w:rsidRDefault="00E667D5" w:rsidP="00E667D5">
            <w:r>
              <w:t xml:space="preserve">                details += line + "\n";</w:t>
            </w:r>
          </w:p>
          <w:p w:rsidR="00E667D5" w:rsidRDefault="00E667D5" w:rsidP="00E667D5">
            <w:r>
              <w:t xml:space="preserve">            }</w:t>
            </w:r>
          </w:p>
          <w:p w:rsidR="00E667D5" w:rsidRDefault="00E667D5" w:rsidP="00E667D5">
            <w:r>
              <w:t xml:space="preserve">            console.log(details);</w:t>
            </w:r>
          </w:p>
          <w:p w:rsidR="00E667D5" w:rsidRDefault="00E667D5" w:rsidP="00E667D5">
            <w:r>
              <w:t xml:space="preserve">        });</w:t>
            </w:r>
          </w:p>
          <w:p w:rsidR="00E667D5" w:rsidRDefault="00E667D5" w:rsidP="00E667D5">
            <w:r>
              <w:t xml:space="preserve">    };</w:t>
            </w:r>
          </w:p>
          <w:p w:rsidR="00E667D5" w:rsidRDefault="00E667D5" w:rsidP="00E667D5"/>
          <w:p w:rsidR="00E667D5" w:rsidRDefault="00E667D5" w:rsidP="00E667D5">
            <w:r>
              <w:t xml:space="preserve">    if (fpCookie === null) {</w:t>
            </w:r>
          </w:p>
          <w:p w:rsidR="00E667D5" w:rsidRDefault="00E667D5" w:rsidP="00E667D5">
            <w:r>
              <w:t xml:space="preserve">        let cancelId;</w:t>
            </w:r>
          </w:p>
          <w:p w:rsidR="00E667D5" w:rsidRDefault="00E667D5" w:rsidP="00E667D5">
            <w:r>
              <w:t xml:space="preserve">        let cancelFunction;</w:t>
            </w:r>
          </w:p>
          <w:p w:rsidR="00E667D5" w:rsidRDefault="00E667D5" w:rsidP="00E667D5">
            <w:r>
              <w:t xml:space="preserve">        if (window.requestIdleCallback) {</w:t>
            </w:r>
          </w:p>
          <w:p w:rsidR="00E667D5" w:rsidRDefault="00E667D5" w:rsidP="00E667D5">
            <w:r>
              <w:t xml:space="preserve">            cancelId = requestIdleCallback(getFingerPrint);</w:t>
            </w:r>
          </w:p>
          <w:p w:rsidR="00E667D5" w:rsidRDefault="00E667D5" w:rsidP="00E667D5">
            <w:r>
              <w:t xml:space="preserve">            cancelFunction = cancelIdleCallback;</w:t>
            </w:r>
          </w:p>
          <w:p w:rsidR="00E667D5" w:rsidRDefault="00E667D5" w:rsidP="00E667D5">
            <w:r>
              <w:t xml:space="preserve">        } else {</w:t>
            </w:r>
          </w:p>
          <w:p w:rsidR="00E667D5" w:rsidRDefault="00E667D5" w:rsidP="00E667D5">
            <w:r>
              <w:t xml:space="preserve">            cancelId = setTimeout(getFingerPrint, 500);</w:t>
            </w:r>
          </w:p>
          <w:p w:rsidR="00E667D5" w:rsidRDefault="00E667D5" w:rsidP="00E667D5">
            <w:r>
              <w:t xml:space="preserve">            cancelFunction = clearTimeout;</w:t>
            </w:r>
          </w:p>
          <w:p w:rsidR="00E667D5" w:rsidRDefault="00E667D5" w:rsidP="00E667D5">
            <w:r>
              <w:t xml:space="preserve">        }</w:t>
            </w:r>
          </w:p>
          <w:p w:rsidR="00E667D5" w:rsidRDefault="00E667D5" w:rsidP="00E667D5">
            <w:r>
              <w:t xml:space="preserve">    }</w:t>
            </w:r>
          </w:p>
          <w:p w:rsidR="00E667D5" w:rsidRDefault="00E667D5" w:rsidP="00E667D5">
            <w:r>
              <w:t>&lt;/script&gt;</w:t>
            </w:r>
          </w:p>
          <w:p w:rsidR="00E667D5" w:rsidRDefault="00E667D5" w:rsidP="00E667D5">
            <w:r>
              <w:t xml:space="preserve">            &lt;script type="application/ld+json"&gt;</w:t>
            </w:r>
          </w:p>
          <w:p w:rsidR="00E667D5" w:rsidRDefault="00E667D5" w:rsidP="00E667D5">
            <w:r>
              <w:t xml:space="preserve">    {"@context":"http:\/\/schema.org","@type":"WebPage","name":"Senior Services","url":"https:\/\/theseniorteam.net","logo":"https:\/\/assets.elite.dev\/img\/portal\/rect\/ssp.svg","sameAs":["https:\/\/theseniorteam.net"]}</w:t>
            </w:r>
          </w:p>
          <w:p w:rsidR="00E667D5" w:rsidRDefault="00E667D5" w:rsidP="00E667D5">
            <w:r>
              <w:lastRenderedPageBreak/>
              <w:t xml:space="preserve">&lt;/script&gt;   </w:t>
            </w:r>
          </w:p>
          <w:p w:rsidR="00E667D5" w:rsidRDefault="00E667D5" w:rsidP="00E667D5"/>
          <w:p w:rsidR="00E667D5" w:rsidRDefault="00E667D5" w:rsidP="00E667D5">
            <w:r>
              <w:t>&lt;!-- Meta Pixel Code --&gt;</w:t>
            </w:r>
          </w:p>
          <w:p w:rsidR="00E667D5" w:rsidRDefault="00E667D5" w:rsidP="00E667D5">
            <w:r>
              <w:t>&lt;script&gt;</w:t>
            </w:r>
          </w:p>
          <w:p w:rsidR="00E667D5" w:rsidRDefault="00E667D5" w:rsidP="00E667D5">
            <w:r>
              <w:t>!function(f,b,e,v,n,t,s)</w:t>
            </w:r>
          </w:p>
          <w:p w:rsidR="00E667D5" w:rsidRDefault="00E667D5" w:rsidP="00E667D5">
            <w:r>
              <w:t>{if(f.fbq)return;n=f.fbq=function(){n.callMethod?</w:t>
            </w:r>
          </w:p>
          <w:p w:rsidR="00E667D5" w:rsidRDefault="00E667D5" w:rsidP="00E667D5">
            <w:r>
              <w:t>n.callMethod.apply(n,arguments):n.queue.push(arguments)};</w:t>
            </w:r>
          </w:p>
          <w:p w:rsidR="00E667D5" w:rsidRDefault="00E667D5" w:rsidP="00E667D5">
            <w:r>
              <w:t>if(!f._fbq)f._fbq=n;n.push=n;n.loaded=!0;n.version='2.0';</w:t>
            </w:r>
          </w:p>
          <w:p w:rsidR="00E667D5" w:rsidRDefault="00E667D5" w:rsidP="00E667D5">
            <w:r>
              <w:t>n.queue=[];t=b.createElement(e);t.async=!0;</w:t>
            </w:r>
          </w:p>
          <w:p w:rsidR="00E667D5" w:rsidRDefault="00E667D5" w:rsidP="00E667D5">
            <w:r>
              <w:t>t.src=v;s=b.getElementsByTagName(e)[0];</w:t>
            </w:r>
          </w:p>
          <w:p w:rsidR="00E667D5" w:rsidRDefault="00E667D5" w:rsidP="00E667D5">
            <w:r>
              <w:t>s.parentNode.insertBefore(t,s)}(window, document,'script',</w:t>
            </w:r>
          </w:p>
          <w:p w:rsidR="00E667D5" w:rsidRDefault="00E667D5" w:rsidP="00E667D5">
            <w:r>
              <w:t>'https://connect.facebook.net/en_US/fbevents.js');</w:t>
            </w:r>
          </w:p>
          <w:p w:rsidR="00E667D5" w:rsidRDefault="00E667D5" w:rsidP="00E667D5">
            <w:r>
              <w:t>fbq('init', '1380363135826732');</w:t>
            </w:r>
          </w:p>
          <w:p w:rsidR="00E667D5" w:rsidRDefault="00E667D5" w:rsidP="00E667D5">
            <w:r>
              <w:t>fbq('track', 'PageView');</w:t>
            </w:r>
          </w:p>
          <w:p w:rsidR="00E667D5" w:rsidRDefault="00E667D5" w:rsidP="00E667D5">
            <w:r>
              <w:t>&lt;/script&gt;</w:t>
            </w:r>
          </w:p>
          <w:p w:rsidR="00E667D5" w:rsidRDefault="00E667D5" w:rsidP="00E667D5">
            <w:r>
              <w:t>&lt;noscript&gt;&lt;img height="1" width="1" style="display:none"</w:t>
            </w:r>
          </w:p>
          <w:p w:rsidR="00E667D5" w:rsidRDefault="00E667D5" w:rsidP="00E667D5">
            <w:r>
              <w:t>src="https://www.facebook.com/tr?id=1380363135826732&amp;ev=PageView&amp;noscript=1"</w:t>
            </w:r>
          </w:p>
          <w:p w:rsidR="00E667D5" w:rsidRDefault="00E667D5" w:rsidP="00E667D5">
            <w:r>
              <w:t>/&gt;&lt;/noscript&gt;</w:t>
            </w:r>
          </w:p>
          <w:p w:rsidR="00E667D5" w:rsidRDefault="00E667D5" w:rsidP="00E667D5">
            <w:r>
              <w:t>&lt;!-- End Meta Pixel Code --&gt;</w:t>
            </w:r>
          </w:p>
          <w:p w:rsidR="00E667D5" w:rsidRDefault="00E667D5" w:rsidP="00E667D5"/>
          <w:p w:rsidR="00E667D5" w:rsidRDefault="00E667D5" w:rsidP="00E667D5">
            <w:r>
              <w:t>&lt;/head&gt;</w:t>
            </w:r>
          </w:p>
          <w:p w:rsidR="00E667D5" w:rsidRDefault="00E667D5" w:rsidP="00E667D5">
            <w:r>
              <w:t>&lt;!--head ends--&gt;</w:t>
            </w:r>
          </w:p>
          <w:p w:rsidR="00E667D5" w:rsidRDefault="00E667D5" w:rsidP="00E667D5"/>
          <w:p w:rsidR="00E667D5" w:rsidRDefault="00E667D5" w:rsidP="00E667D5"/>
          <w:p w:rsidR="00E667D5" w:rsidRDefault="00E667D5" w:rsidP="00E667D5">
            <w:r>
              <w:t>&lt;div class="loading"&gt;</w:t>
            </w:r>
          </w:p>
          <w:p w:rsidR="00E667D5" w:rsidRDefault="00E667D5" w:rsidP="00E667D5">
            <w:r>
              <w:t xml:space="preserve">    &lt;div class="loader"&gt;&lt;/div&gt;</w:t>
            </w:r>
          </w:p>
          <w:p w:rsidR="00E667D5" w:rsidRDefault="00E667D5" w:rsidP="00E667D5">
            <w:r>
              <w:t>&lt;/div&gt;</w:t>
            </w:r>
          </w:p>
          <w:p w:rsidR="00E667D5" w:rsidRDefault="00E667D5" w:rsidP="00E667D5">
            <w:r>
              <w:t>&lt;div id="divVueContainer"&gt;</w:t>
            </w:r>
          </w:p>
          <w:p w:rsidR="00E667D5" w:rsidRDefault="00E667D5" w:rsidP="00E667D5">
            <w:r>
              <w:t>&lt;div id="page"&gt;</w:t>
            </w:r>
          </w:p>
          <w:p w:rsidR="00E667D5" w:rsidRDefault="00E667D5" w:rsidP="00E667D5"/>
          <w:p w:rsidR="00E667D5" w:rsidRDefault="00E667D5" w:rsidP="00E667D5">
            <w:r>
              <w:t xml:space="preserve">        &lt;!--------------------header starts------------------&gt;</w:t>
            </w:r>
          </w:p>
          <w:p w:rsidR="00E667D5" w:rsidRDefault="00E667D5" w:rsidP="00E667D5">
            <w:r>
              <w:t xml:space="preserve">        &lt;!--top bar start--&gt;</w:t>
            </w:r>
          </w:p>
          <w:p w:rsidR="00E667D5" w:rsidRDefault="00E667D5" w:rsidP="00E667D5">
            <w:r>
              <w:t xml:space="preserve">        &lt;header class=" header  menu_fixed"&gt;</w:t>
            </w:r>
          </w:p>
          <w:p w:rsidR="00E667D5" w:rsidRDefault="00E667D5" w:rsidP="00E667D5">
            <w:r>
              <w:t xml:space="preserve">            &lt;div id="logo"&gt;</w:t>
            </w:r>
          </w:p>
          <w:p w:rsidR="00E667D5" w:rsidRDefault="00E667D5" w:rsidP="00E667D5">
            <w:r>
              <w:t xml:space="preserve">                &lt;a href="home.php"</w:t>
            </w:r>
          </w:p>
          <w:p w:rsidR="00E667D5" w:rsidRDefault="00E667D5" w:rsidP="00E667D5">
            <w:r>
              <w:t xml:space="preserve">                   title="Senior Place Finder - A bridge between seniors and senior living gateway."&gt;</w:t>
            </w:r>
          </w:p>
          <w:p w:rsidR="00E667D5" w:rsidRDefault="00E667D5" w:rsidP="00E667D5">
            <w:r>
              <w:t xml:space="preserve">                        &lt;img alt="" class="logo_normal" src="spf/img/logo.png" width="" height="75"/&gt;</w:t>
            </w:r>
          </w:p>
          <w:p w:rsidR="00E667D5" w:rsidRDefault="00E667D5" w:rsidP="00E667D5">
            <w:r>
              <w:t xml:space="preserve">                        &lt;img alt="" class="logo_sticky" src="spf/img/logo_sticky.png" width="" height="75"/&gt;</w:t>
            </w:r>
          </w:p>
          <w:p w:rsidR="00E667D5" w:rsidRDefault="00E667D5" w:rsidP="00E667D5">
            <w:r>
              <w:t xml:space="preserve">                &lt;/a&gt;</w:t>
            </w:r>
          </w:p>
          <w:p w:rsidR="00E667D5" w:rsidRDefault="00E667D5" w:rsidP="00E667D5">
            <w:r>
              <w:t xml:space="preserve">            &lt;/div&gt;</w:t>
            </w:r>
          </w:p>
          <w:p w:rsidR="00E667D5" w:rsidRDefault="00E667D5" w:rsidP="00E667D5">
            <w:r>
              <w:t xml:space="preserve">            &lt;ul id="top_menu"&gt;</w:t>
            </w:r>
          </w:p>
          <w:p w:rsidR="00E667D5" w:rsidRDefault="00E667D5" w:rsidP="00E667D5">
            <w:r>
              <w:t xml:space="preserve">                    &lt;?php if ( LOGGED_STATUS == 0 ) { ?&gt; </w:t>
            </w:r>
          </w:p>
          <w:p w:rsidR="00E667D5" w:rsidRDefault="00E667D5" w:rsidP="00E667D5">
            <w:r>
              <w:t xml:space="preserve">            </w:t>
            </w:r>
          </w:p>
          <w:p w:rsidR="00E667D5" w:rsidRDefault="00E667D5" w:rsidP="00E667D5">
            <w:r>
              <w:t xml:space="preserve">                &lt;li&gt;&lt;br/&gt;</w:t>
            </w:r>
          </w:p>
          <w:p w:rsidR="00E667D5" w:rsidRDefault="00E667D5" w:rsidP="00E667D5">
            <w:r>
              <w:t xml:space="preserve">                    &lt;a class="btn_add" href="&lt;?php echo SITE_URL_SPF ; ?&gt;/login.php" title="Sign In"&gt; Sign In &lt;/a&gt; </w:t>
            </w:r>
          </w:p>
          <w:p w:rsidR="00E667D5" w:rsidRDefault="00E667D5" w:rsidP="00E667D5">
            <w:r>
              <w:t xml:space="preserve">                &lt;/li&gt;</w:t>
            </w:r>
          </w:p>
          <w:p w:rsidR="00E667D5" w:rsidRDefault="00E667D5" w:rsidP="00E667D5"/>
          <w:p w:rsidR="00E667D5" w:rsidRDefault="00E667D5" w:rsidP="00E667D5">
            <w:r>
              <w:lastRenderedPageBreak/>
              <w:t xml:space="preserve">                &lt;li&gt;&lt;br/&gt;</w:t>
            </w:r>
          </w:p>
          <w:p w:rsidR="00E667D5" w:rsidRDefault="00E667D5" w:rsidP="00E667D5">
            <w:r>
              <w:t xml:space="preserve">                    &lt;a class="btn_add" href="&lt;?php echo SITE_URL_SPF; ?&gt;/register.php" title="Register"&gt; Register&lt;/a&gt;</w:t>
            </w:r>
          </w:p>
          <w:p w:rsidR="00E667D5" w:rsidRDefault="00E667D5" w:rsidP="00E667D5">
            <w:r>
              <w:t xml:space="preserve">                &lt;/li&gt;</w:t>
            </w:r>
          </w:p>
          <w:p w:rsidR="00E667D5" w:rsidRDefault="00E667D5" w:rsidP="00E667D5">
            <w:r>
              <w:t xml:space="preserve">                &lt;?php } else { ?&gt;</w:t>
            </w:r>
          </w:p>
          <w:p w:rsidR="00E667D5" w:rsidRDefault="00E667D5" w:rsidP="00E667D5">
            <w:r>
              <w:t xml:space="preserve">                &lt;li&gt;&lt;br/&gt;</w:t>
            </w:r>
          </w:p>
          <w:p w:rsidR="00E667D5" w:rsidRDefault="00E667D5" w:rsidP="00E667D5">
            <w:r>
              <w:t xml:space="preserve">                    &lt;a class="btn_add" href="&lt;?php echo SITE_URL_SPF ; ?&gt;/dashboard/?domain=spf" title="dashboard"&gt; &lt;?php echo $userName ; ?&gt;&lt;/a&gt;</w:t>
            </w:r>
          </w:p>
          <w:p w:rsidR="00E667D5" w:rsidRDefault="00E667D5" w:rsidP="00E667D5">
            <w:r>
              <w:t xml:space="preserve">                &lt;/li&gt;</w:t>
            </w:r>
          </w:p>
          <w:p w:rsidR="00E667D5" w:rsidRDefault="00E667D5" w:rsidP="00E667D5">
            <w:r>
              <w:t xml:space="preserve">                &lt;li&gt;&lt;br/&gt;</w:t>
            </w:r>
          </w:p>
          <w:p w:rsidR="00E667D5" w:rsidRDefault="00E667D5" w:rsidP="00E667D5">
            <w:r>
              <w:t xml:space="preserve">                    &lt;a class="btn_add" href="&lt;?php echo SITE_URL_PROFILE ; ?&gt;/profile/?sort=login" title="dashboard"&gt;Dashboard &lt;/a&gt;</w:t>
            </w:r>
          </w:p>
          <w:p w:rsidR="00E667D5" w:rsidRDefault="00E667D5" w:rsidP="00E667D5">
            <w:r>
              <w:t xml:space="preserve">                &lt;/li&gt;</w:t>
            </w:r>
          </w:p>
          <w:p w:rsidR="00E667D5" w:rsidRDefault="00E667D5" w:rsidP="00E667D5">
            <w:r>
              <w:tab/>
            </w:r>
            <w:r>
              <w:tab/>
            </w:r>
            <w:r>
              <w:tab/>
            </w:r>
            <w:r>
              <w:tab/>
              <w:t>&lt;li&gt;&lt;br/&gt;</w:t>
            </w:r>
          </w:p>
          <w:p w:rsidR="00E667D5" w:rsidRDefault="00E667D5" w:rsidP="00E667D5">
            <w:r>
              <w:t xml:space="preserve">                    &lt;a class="btn_add" href="&lt;?php echo SITE_URL_SPF ; ?&gt;/logout.php" title="Logout"&gt; Logout&lt;/a&gt;</w:t>
            </w:r>
          </w:p>
          <w:p w:rsidR="00E667D5" w:rsidRDefault="00E667D5" w:rsidP="00E667D5">
            <w:r>
              <w:t xml:space="preserve">                &lt;/li&gt;</w:t>
            </w:r>
          </w:p>
          <w:p w:rsidR="00E667D5" w:rsidRDefault="00E667D5" w:rsidP="00E667D5">
            <w:r>
              <w:t xml:space="preserve">                &lt;?php } ?&gt;</w:t>
            </w:r>
          </w:p>
          <w:p w:rsidR="00E667D5" w:rsidRDefault="00E667D5" w:rsidP="00E667D5">
            <w:r>
              <w:t xml:space="preserve">            &lt;/ul&gt;</w:t>
            </w:r>
          </w:p>
          <w:p w:rsidR="00E667D5" w:rsidRDefault="00E667D5" w:rsidP="00E667D5">
            <w:r>
              <w:t xml:space="preserve">            &lt;!--top bar ends--&gt;</w:t>
            </w:r>
          </w:p>
          <w:p w:rsidR="00E667D5" w:rsidRDefault="00E667D5" w:rsidP="00E667D5">
            <w:r>
              <w:t xml:space="preserve">            &lt;a class="btn_mobile" href="#menu"&gt;</w:t>
            </w:r>
          </w:p>
          <w:p w:rsidR="00E667D5" w:rsidRDefault="00E667D5" w:rsidP="00E667D5">
            <w:r>
              <w:t xml:space="preserve">                &lt;div class="hamburger hamburger--spin" id="hamburger"&gt;</w:t>
            </w:r>
          </w:p>
          <w:p w:rsidR="00E667D5" w:rsidRDefault="00E667D5" w:rsidP="00E667D5">
            <w:r>
              <w:t xml:space="preserve">                    &lt;div class="hamburger-box"&gt;</w:t>
            </w:r>
          </w:p>
          <w:p w:rsidR="00E667D5" w:rsidRDefault="00E667D5" w:rsidP="00E667D5">
            <w:r>
              <w:t xml:space="preserve">                        &lt;div class="hamburger-inner"&gt;&lt;/div&gt;</w:t>
            </w:r>
          </w:p>
          <w:p w:rsidR="00E667D5" w:rsidRDefault="00E667D5" w:rsidP="00E667D5">
            <w:r>
              <w:t xml:space="preserve">                    &lt;/div&gt;</w:t>
            </w:r>
          </w:p>
          <w:p w:rsidR="00E667D5" w:rsidRDefault="00E667D5" w:rsidP="00E667D5">
            <w:r>
              <w:t xml:space="preserve">                &lt;/div&gt;</w:t>
            </w:r>
          </w:p>
          <w:p w:rsidR="00E667D5" w:rsidRDefault="00E667D5" w:rsidP="00E667D5">
            <w:r>
              <w:t xml:space="preserve">            &lt;/a&gt;</w:t>
            </w:r>
          </w:p>
          <w:p w:rsidR="00E667D5" w:rsidRDefault="00E667D5" w:rsidP="00E667D5">
            <w:r>
              <w:t xml:space="preserve">            &lt;!--top nav bar start--&gt;</w:t>
            </w:r>
          </w:p>
          <w:p w:rsidR="00E667D5" w:rsidRDefault="00E667D5" w:rsidP="00E667D5">
            <w:r>
              <w:t xml:space="preserve">            &lt;nav class="main-menu" id="menu"&gt;</w:t>
            </w:r>
          </w:p>
          <w:p w:rsidR="00E667D5" w:rsidRDefault="00E667D5" w:rsidP="00E667D5">
            <w:r>
              <w:t xml:space="preserve">                &lt;ul&gt;</w:t>
            </w:r>
          </w:p>
          <w:p w:rsidR="00E667D5" w:rsidRDefault="00E667D5" w:rsidP="00E667D5">
            <w:r>
              <w:t xml:space="preserve">                    &lt;li&gt;</w:t>
            </w:r>
          </w:p>
          <w:p w:rsidR="00E667D5" w:rsidRDefault="00E667D5" w:rsidP="00E667D5">
            <w:r>
              <w:t xml:space="preserve">                        &lt;span&gt;</w:t>
            </w:r>
          </w:p>
          <w:p w:rsidR="00E667D5" w:rsidRDefault="00E667D5" w:rsidP="00E667D5">
            <w:r>
              <w:t xml:space="preserve">                            &lt;a href="home.php"</w:t>
            </w:r>
          </w:p>
          <w:p w:rsidR="00E667D5" w:rsidRDefault="00E667D5" w:rsidP="00E667D5">
            <w:r>
              <w:t xml:space="preserve">                               class="active" style="font-size: 1.1rem; color: #007BCE;"&gt;</w:t>
            </w:r>
          </w:p>
          <w:p w:rsidR="00E667D5" w:rsidRDefault="00E667D5" w:rsidP="00E667D5">
            <w:r>
              <w:t xml:space="preserve">                                Home</w:t>
            </w:r>
          </w:p>
          <w:p w:rsidR="00E667D5" w:rsidRDefault="00E667D5" w:rsidP="00E667D5">
            <w:r>
              <w:t xml:space="preserve">                            &lt;/a&gt;</w:t>
            </w:r>
          </w:p>
          <w:p w:rsidR="00E667D5" w:rsidRDefault="00E667D5" w:rsidP="00E667D5">
            <w:r>
              <w:t xml:space="preserve">                        &lt;/span&gt;</w:t>
            </w:r>
          </w:p>
          <w:p w:rsidR="00E667D5" w:rsidRDefault="00E667D5" w:rsidP="00E667D5">
            <w:r>
              <w:t xml:space="preserve">                    &lt;/li&gt;</w:t>
            </w:r>
          </w:p>
          <w:p w:rsidR="00E667D5" w:rsidRDefault="00E667D5" w:rsidP="00E667D5">
            <w:r>
              <w:t xml:space="preserve">                    &lt;li&gt;</w:t>
            </w:r>
          </w:p>
          <w:p w:rsidR="00E667D5" w:rsidRDefault="00E667D5" w:rsidP="00E667D5">
            <w:r>
              <w:t xml:space="preserve">                        &lt;span&gt;</w:t>
            </w:r>
          </w:p>
          <w:p w:rsidR="00E667D5" w:rsidRDefault="00E667D5" w:rsidP="00E667D5">
            <w:r>
              <w:t xml:space="preserve">                            &lt;a href="aboutus.php"</w:t>
            </w:r>
          </w:p>
          <w:p w:rsidR="00E667D5" w:rsidRDefault="00E667D5" w:rsidP="00E667D5">
            <w:r>
              <w:t xml:space="preserve">                               class="" style="font-size: 1.1rem; color: #007BCE;"&gt;</w:t>
            </w:r>
          </w:p>
          <w:p w:rsidR="00E667D5" w:rsidRDefault="00E667D5" w:rsidP="00E667D5">
            <w:r>
              <w:t xml:space="preserve">                                About us</w:t>
            </w:r>
          </w:p>
          <w:p w:rsidR="00E667D5" w:rsidRDefault="00E667D5" w:rsidP="00E667D5">
            <w:r>
              <w:t xml:space="preserve">                            &lt;/a&gt;</w:t>
            </w:r>
          </w:p>
          <w:p w:rsidR="00E667D5" w:rsidRDefault="00E667D5" w:rsidP="00E667D5">
            <w:r>
              <w:t xml:space="preserve">                        &lt;/span&gt;</w:t>
            </w:r>
          </w:p>
          <w:p w:rsidR="00E667D5" w:rsidRDefault="00E667D5" w:rsidP="00E667D5">
            <w:r>
              <w:t xml:space="preserve">                    &lt;/li&gt;</w:t>
            </w:r>
          </w:p>
          <w:p w:rsidR="00E667D5" w:rsidRDefault="00E667D5" w:rsidP="00E667D5">
            <w:r>
              <w:t xml:space="preserve">                    </w:t>
            </w:r>
          </w:p>
          <w:p w:rsidR="00E667D5" w:rsidRDefault="00E667D5" w:rsidP="00E667D5">
            <w:r>
              <w:t xml:space="preserve">                    &lt;li&gt;</w:t>
            </w:r>
          </w:p>
          <w:p w:rsidR="00E667D5" w:rsidRDefault="00E667D5" w:rsidP="00E667D5">
            <w:r>
              <w:lastRenderedPageBreak/>
              <w:t xml:space="preserve">                        &lt;span&gt;</w:t>
            </w:r>
          </w:p>
          <w:p w:rsidR="00E667D5" w:rsidRDefault="00E667D5" w:rsidP="00E667D5">
            <w:r>
              <w:t xml:space="preserve">                            &lt;a href="howitworks.php"</w:t>
            </w:r>
          </w:p>
          <w:p w:rsidR="00E667D5" w:rsidRDefault="00E667D5" w:rsidP="00E667D5">
            <w:r>
              <w:t xml:space="preserve">                               class="" style="font-size: 1.1rem; color: #007BCE;"&gt;</w:t>
            </w:r>
          </w:p>
          <w:p w:rsidR="00E667D5" w:rsidRDefault="00E667D5" w:rsidP="00E667D5">
            <w:r>
              <w:t xml:space="preserve">                                How it works</w:t>
            </w:r>
          </w:p>
          <w:p w:rsidR="00E667D5" w:rsidRDefault="00E667D5" w:rsidP="00E667D5">
            <w:r>
              <w:t xml:space="preserve">                            &lt;/a&gt;</w:t>
            </w:r>
          </w:p>
          <w:p w:rsidR="00E667D5" w:rsidRDefault="00E667D5" w:rsidP="00E667D5">
            <w:r>
              <w:t xml:space="preserve">                        &lt;/span&gt;</w:t>
            </w:r>
          </w:p>
          <w:p w:rsidR="00E667D5" w:rsidRDefault="00E667D5" w:rsidP="00E667D5">
            <w:r>
              <w:t xml:space="preserve">                    &lt;/li&gt;</w:t>
            </w:r>
          </w:p>
          <w:p w:rsidR="00E667D5" w:rsidRDefault="00E667D5" w:rsidP="00E667D5">
            <w:r>
              <w:t xml:space="preserve">                    &lt;li&gt;</w:t>
            </w:r>
          </w:p>
          <w:p w:rsidR="00E667D5" w:rsidRDefault="00E667D5" w:rsidP="00E667D5">
            <w:r>
              <w:t xml:space="preserve">                          &lt;a href=""class="" style="font-size: 1.1rem; color: #007BCE;"&gt;Find More&lt;/a&gt;</w:t>
            </w:r>
          </w:p>
          <w:p w:rsidR="00E667D5" w:rsidRDefault="00E667D5" w:rsidP="00E667D5">
            <w:r>
              <w:t xml:space="preserve">                    &lt;ul&gt;</w:t>
            </w:r>
          </w:p>
          <w:p w:rsidR="00E667D5" w:rsidRDefault="00E667D5" w:rsidP="00E667D5">
            <w:r>
              <w:t xml:space="preserve">                        &lt;li&gt;</w:t>
            </w:r>
          </w:p>
          <w:p w:rsidR="00E667D5" w:rsidRDefault="00E667D5" w:rsidP="00E667D5">
            <w:r>
              <w:t xml:space="preserve">                        &lt;a href=""&gt;Your Senior Team&lt;/a&gt;</w:t>
            </w:r>
          </w:p>
          <w:p w:rsidR="00E667D5" w:rsidRDefault="00E667D5" w:rsidP="00E667D5">
            <w:r>
              <w:t xml:space="preserve">                        &lt;/li&gt;</w:t>
            </w:r>
          </w:p>
          <w:p w:rsidR="00E667D5" w:rsidRDefault="00E667D5" w:rsidP="00E667D5">
            <w:r>
              <w:t xml:space="preserve">                        &lt;li&gt;</w:t>
            </w:r>
          </w:p>
          <w:p w:rsidR="00E667D5" w:rsidRDefault="00E667D5" w:rsidP="00E667D5">
            <w:r>
              <w:t xml:space="preserve">                        &lt;a href=""&gt;SRES Finder&lt;/a&gt;</w:t>
            </w:r>
          </w:p>
          <w:p w:rsidR="00E667D5" w:rsidRDefault="00E667D5" w:rsidP="00E667D5">
            <w:r>
              <w:t xml:space="preserve">                        &lt;/li&gt;</w:t>
            </w:r>
          </w:p>
          <w:p w:rsidR="00E667D5" w:rsidRDefault="00E667D5" w:rsidP="00E667D5">
            <w:r>
              <w:t xml:space="preserve">                        &lt;li&gt;</w:t>
            </w:r>
          </w:p>
          <w:p w:rsidR="00E667D5" w:rsidRDefault="00E667D5" w:rsidP="00E667D5">
            <w:r>
              <w:t xml:space="preserve">                        &lt;a href=""&gt;VA Benefits Finder&lt;/a&gt;</w:t>
            </w:r>
          </w:p>
          <w:p w:rsidR="00E667D5" w:rsidRDefault="00E667D5" w:rsidP="00E667D5">
            <w:r>
              <w:t xml:space="preserve">                        &lt;/li&gt;</w:t>
            </w:r>
          </w:p>
          <w:p w:rsidR="00E667D5" w:rsidRDefault="00E667D5" w:rsidP="00E667D5">
            <w:r>
              <w:t xml:space="preserve">                        &lt;li&gt;</w:t>
            </w:r>
          </w:p>
          <w:p w:rsidR="00E667D5" w:rsidRDefault="00E667D5" w:rsidP="00E667D5">
            <w:r>
              <w:t xml:space="preserve">                        &lt;a href=""&gt;Senior Investment &amp; Finance&lt;/a&gt;</w:t>
            </w:r>
          </w:p>
          <w:p w:rsidR="00E667D5" w:rsidRDefault="00E667D5" w:rsidP="00E667D5">
            <w:r>
              <w:t xml:space="preserve">                        &lt;/li&gt;</w:t>
            </w:r>
          </w:p>
          <w:p w:rsidR="00E667D5" w:rsidRDefault="00E667D5" w:rsidP="00E667D5">
            <w:r>
              <w:t xml:space="preserve">                        &lt;li&gt;</w:t>
            </w:r>
          </w:p>
          <w:p w:rsidR="00E667D5" w:rsidRDefault="00E667D5" w:rsidP="00E667D5">
            <w:r>
              <w:t xml:space="preserve">                        &lt;a href=""&gt;Insure Seniors Finder&lt;/a&gt;</w:t>
            </w:r>
          </w:p>
          <w:p w:rsidR="00E667D5" w:rsidRDefault="00E667D5" w:rsidP="00E667D5">
            <w:r>
              <w:t xml:space="preserve">                        &lt;/li&gt;</w:t>
            </w:r>
          </w:p>
          <w:p w:rsidR="00E667D5" w:rsidRDefault="00E667D5" w:rsidP="00E667D5">
            <w:r>
              <w:t xml:space="preserve">                        &lt;li&gt;</w:t>
            </w:r>
          </w:p>
          <w:p w:rsidR="00E667D5" w:rsidRDefault="00E667D5" w:rsidP="00E667D5">
            <w:r>
              <w:t xml:space="preserve">                        &lt;a href=""&gt;ESPM Finder&lt;/a&gt;</w:t>
            </w:r>
          </w:p>
          <w:p w:rsidR="00E667D5" w:rsidRDefault="00E667D5" w:rsidP="00E667D5">
            <w:r>
              <w:t xml:space="preserve">                        &lt;/li&gt;</w:t>
            </w:r>
          </w:p>
          <w:p w:rsidR="00E667D5" w:rsidRDefault="00E667D5" w:rsidP="00E667D5">
            <w:r>
              <w:t xml:space="preserve">                        &lt;li&gt;</w:t>
            </w:r>
          </w:p>
          <w:p w:rsidR="00E667D5" w:rsidRDefault="00E667D5" w:rsidP="00E667D5">
            <w:r>
              <w:t xml:space="preserve">                        &lt;a href=""&gt;Senior Elder Finder&lt;/a&gt;</w:t>
            </w:r>
          </w:p>
          <w:p w:rsidR="00E667D5" w:rsidRDefault="00E667D5" w:rsidP="00E667D5">
            <w:r>
              <w:t xml:space="preserve">                        &lt;/li&gt;                </w:t>
            </w:r>
          </w:p>
          <w:p w:rsidR="00E667D5" w:rsidRDefault="00E667D5" w:rsidP="00E667D5">
            <w:r>
              <w:t xml:space="preserve">                    &lt;/ul&gt;</w:t>
            </w:r>
          </w:p>
          <w:p w:rsidR="00E667D5" w:rsidRDefault="00E667D5" w:rsidP="00E667D5">
            <w:r>
              <w:t xml:space="preserve">                </w:t>
            </w:r>
          </w:p>
          <w:p w:rsidR="00E667D5" w:rsidRDefault="00E667D5" w:rsidP="00E667D5">
            <w:r>
              <w:t xml:space="preserve">                    &lt;li&gt;</w:t>
            </w:r>
          </w:p>
          <w:p w:rsidR="00E667D5" w:rsidRDefault="00E667D5" w:rsidP="00E667D5">
            <w:r>
              <w:t xml:space="preserve">                        &lt;span&gt;</w:t>
            </w:r>
          </w:p>
          <w:p w:rsidR="00E667D5" w:rsidRDefault="00E667D5" w:rsidP="00E667D5">
            <w:r>
              <w:t xml:space="preserve">                            &lt;a href="contactus.php"</w:t>
            </w:r>
          </w:p>
          <w:p w:rsidR="00E667D5" w:rsidRDefault="00E667D5" w:rsidP="00E667D5">
            <w:r>
              <w:t xml:space="preserve">                               class="" style="font-size: 1.1rem; color: #007BCE;"&gt;</w:t>
            </w:r>
          </w:p>
          <w:p w:rsidR="00E667D5" w:rsidRDefault="00E667D5" w:rsidP="00E667D5">
            <w:r>
              <w:t xml:space="preserve">                                Contact us</w:t>
            </w:r>
          </w:p>
          <w:p w:rsidR="00E667D5" w:rsidRDefault="00E667D5" w:rsidP="00E667D5">
            <w:r>
              <w:t xml:space="preserve">                            &lt;/a&gt;</w:t>
            </w:r>
          </w:p>
          <w:p w:rsidR="00E667D5" w:rsidRDefault="00E667D5" w:rsidP="00E667D5">
            <w:r>
              <w:t xml:space="preserve">                        &lt;/span&gt;</w:t>
            </w:r>
          </w:p>
          <w:p w:rsidR="00E667D5" w:rsidRDefault="00E667D5" w:rsidP="00E667D5">
            <w:r>
              <w:t xml:space="preserve">                    &lt;/li&gt;</w:t>
            </w:r>
          </w:p>
          <w:p w:rsidR="00E667D5" w:rsidRDefault="00E667D5" w:rsidP="00E667D5">
            <w:r>
              <w:t xml:space="preserve">                &lt;/ul&gt;</w:t>
            </w:r>
          </w:p>
          <w:p w:rsidR="00E667D5" w:rsidRDefault="00E667D5" w:rsidP="00E667D5">
            <w:r>
              <w:t xml:space="preserve">            &lt;/nav&gt;</w:t>
            </w:r>
          </w:p>
          <w:p w:rsidR="00E667D5" w:rsidRDefault="00E667D5" w:rsidP="00E667D5">
            <w:r>
              <w:t xml:space="preserve">            &lt;!--top nav bar ends--&gt;</w:t>
            </w:r>
          </w:p>
          <w:p w:rsidR="00E667D5" w:rsidRDefault="00E667D5" w:rsidP="00E667D5">
            <w:r>
              <w:t xml:space="preserve">            &lt;/header&gt;</w:t>
            </w:r>
          </w:p>
          <w:p w:rsidR="00E667D5" w:rsidRDefault="00E667D5" w:rsidP="00E667D5">
            <w:r>
              <w:t xml:space="preserve">            &lt;!--------------------header ends------------------&gt;</w:t>
            </w:r>
          </w:p>
          <w:p w:rsidR="00E667D5" w:rsidRDefault="00E667D5" w:rsidP="00E667D5">
            <w:r>
              <w:t>&lt;/div&gt;</w:t>
            </w:r>
          </w:p>
          <w:p w:rsidR="00E667D5" w:rsidRDefault="00E667D5" w:rsidP="00E667D5">
            <w:r>
              <w:t>&lt;main&gt;</w:t>
            </w:r>
          </w:p>
          <w:p w:rsidR="00E667D5" w:rsidRDefault="00E667D5" w:rsidP="00E667D5">
            <w:r>
              <w:lastRenderedPageBreak/>
              <w:t xml:space="preserve">        </w:t>
            </w:r>
          </w:p>
          <w:p w:rsidR="00E667D5" w:rsidRDefault="00E667D5" w:rsidP="00E667D5">
            <w:r>
              <w:t>&lt;div id="results"&gt;</w:t>
            </w:r>
          </w:p>
          <w:p w:rsidR="00E667D5" w:rsidRDefault="00E667D5" w:rsidP="00E667D5">
            <w:r>
              <w:t xml:space="preserve">    &lt;br&gt;</w:t>
            </w:r>
          </w:p>
          <w:p w:rsidR="00E667D5" w:rsidRDefault="00E667D5" w:rsidP="00E667D5">
            <w:r>
              <w:t xml:space="preserve">        &lt;div class="container"&gt;</w:t>
            </w:r>
          </w:p>
          <w:p w:rsidR="00E667D5" w:rsidRDefault="00E667D5" w:rsidP="00E667D5">
            <w:r>
              <w:t xml:space="preserve">            &lt;div class="row"&gt;</w:t>
            </w:r>
          </w:p>
          <w:p w:rsidR="00E667D5" w:rsidRDefault="00E667D5" w:rsidP="00E667D5">
            <w:r>
              <w:t xml:space="preserve">                &lt;div class="col-lg-3 col-md-4 col-10"&gt;</w:t>
            </w:r>
          </w:p>
          <w:p w:rsidR="00E667D5" w:rsidRDefault="00E667D5" w:rsidP="00E667D5">
            <w:r>
              <w:t xml:space="preserve">                    &lt;h4&gt;</w:t>
            </w:r>
          </w:p>
          <w:p w:rsidR="00E667D5" w:rsidRDefault="00E667D5" w:rsidP="00E667D5">
            <w:r>
              <w:t xml:space="preserve">                        &lt;span id="res_count"&gt;&lt;/span&gt; </w:t>
            </w:r>
          </w:p>
          <w:p w:rsidR="00E667D5" w:rsidRDefault="00E667D5" w:rsidP="00E667D5">
            <w:r>
              <w:t xml:space="preserve">                        Residences found</w:t>
            </w:r>
          </w:p>
          <w:p w:rsidR="00E667D5" w:rsidRDefault="00E667D5" w:rsidP="00E667D5">
            <w:r>
              <w:t xml:space="preserve">                    &lt;/h4&gt;</w:t>
            </w:r>
          </w:p>
          <w:p w:rsidR="00E667D5" w:rsidRDefault="00E667D5" w:rsidP="00E667D5">
            <w:r>
              <w:t xml:space="preserve">                &lt;/div&gt;</w:t>
            </w:r>
          </w:p>
          <w:p w:rsidR="00E667D5" w:rsidRDefault="00E667D5" w:rsidP="00E667D5">
            <w:r>
              <w:t xml:space="preserve">                &lt;div class="col-lg-4"&gt;</w:t>
            </w:r>
          </w:p>
          <w:p w:rsidR="00E667D5" w:rsidRDefault="00E667D5" w:rsidP="00E667D5">
            <w:r>
              <w:t xml:space="preserve">                    &lt;div style=c"olor:white;padding:2%" text-align="center;"&gt;</w:t>
            </w:r>
          </w:p>
          <w:p w:rsidR="00E667D5" w:rsidRDefault="00E667D5" w:rsidP="00E667D5">
            <w:r>
              <w:t xml:space="preserve">                        &lt;h4&gt;</w:t>
            </w:r>
          </w:p>
          <w:p w:rsidR="00E667D5" w:rsidRDefault="00E667D5" w:rsidP="00E667D5">
            <w:r>
              <w:t xml:space="preserve">                        &lt;a id="myBtn" text-align="center;" data-toggle="popover" data-trigger="hover" data-placement="bottom"</w:t>
            </w:r>
          </w:p>
          <w:p w:rsidR="00E667D5" w:rsidRDefault="00E667D5" w:rsidP="00E667D5">
            <w:r>
              <w:t xml:space="preserve">                        data-content="Please take a moment to enter your information and further convey your needs and desires for senior living."&gt;</w:t>
            </w:r>
          </w:p>
          <w:p w:rsidR="00E667D5" w:rsidRDefault="00E667D5" w:rsidP="00E667D5">
            <w:r>
              <w:t xml:space="preserve">                            Enhance search by desires and needs</w:t>
            </w:r>
          </w:p>
          <w:p w:rsidR="00E667D5" w:rsidRDefault="00E667D5" w:rsidP="00E667D5">
            <w:r>
              <w:t xml:space="preserve">                            </w:t>
            </w:r>
          </w:p>
          <w:p w:rsidR="00E667D5" w:rsidRDefault="00E667D5" w:rsidP="00E667D5">
            <w:r>
              <w:t xml:space="preserve">                        &lt;/a&gt;</w:t>
            </w:r>
          </w:p>
          <w:p w:rsidR="00E667D5" w:rsidRDefault="00E667D5" w:rsidP="00E667D5">
            <w:r>
              <w:t xml:space="preserve">                        &lt;/h4&gt;</w:t>
            </w:r>
          </w:p>
          <w:p w:rsidR="00E667D5" w:rsidRDefault="00E667D5" w:rsidP="00E667D5">
            <w:r>
              <w:t xml:space="preserve">                    &lt;/div&gt;</w:t>
            </w:r>
          </w:p>
          <w:p w:rsidR="00E667D5" w:rsidRDefault="00E667D5" w:rsidP="00E667D5">
            <w:r>
              <w:t xml:space="preserve">                &lt;/div&gt;</w:t>
            </w:r>
          </w:p>
          <w:p w:rsidR="00E667D5" w:rsidRDefault="00E667D5" w:rsidP="00E667D5">
            <w:r>
              <w:t xml:space="preserve">                &lt;div class="col-lg-5 col-md-8 col-2"&gt;</w:t>
            </w:r>
          </w:p>
          <w:p w:rsidR="00E667D5" w:rsidRDefault="00E667D5" w:rsidP="00E667D5">
            <w:r>
              <w:t xml:space="preserve">                    &lt;form id="frmSearchResidence"&gt;</w:t>
            </w:r>
          </w:p>
          <w:p w:rsidR="00E667D5" w:rsidRDefault="00E667D5" w:rsidP="00E667D5">
            <w:r>
              <w:t xml:space="preserve">                        &lt;a class="side_panel btn_search_mobile" href="#"&gt;&lt;/a&gt;</w:t>
            </w:r>
          </w:p>
          <w:p w:rsidR="00E667D5" w:rsidRDefault="00E667D5" w:rsidP="00E667D5">
            <w:r>
              <w:t xml:space="preserve">                        &lt;div class="row no-gutters m-0 custom-search-input-2 inner"&gt;</w:t>
            </w:r>
          </w:p>
          <w:p w:rsidR="00E667D5" w:rsidRDefault="00E667D5" w:rsidP="00E667D5">
            <w:r>
              <w:t xml:space="preserve">                            &lt;div class="col-lg-11"&gt;</w:t>
            </w:r>
          </w:p>
          <w:p w:rsidR="00E667D5" w:rsidRDefault="00E667D5" w:rsidP="00E667D5">
            <w:r>
              <w:t xml:space="preserve">                                &lt;div class="form-group"&gt;</w:t>
            </w:r>
          </w:p>
          <w:p w:rsidR="00E667D5" w:rsidRDefault="00E667D5" w:rsidP="00E667D5">
            <w:r>
              <w:t xml:space="preserve">                                    &lt;input class="form-control border-0" id="txtSearchText"</w:t>
            </w:r>
          </w:p>
          <w:p w:rsidR="00E667D5" w:rsidRDefault="00E667D5" w:rsidP="00E667D5">
            <w:r>
              <w:t xml:space="preserve">                                           placeholder="Search by residence or company name..." type="text"</w:t>
            </w:r>
          </w:p>
          <w:p w:rsidR="00E667D5" w:rsidRDefault="00E667D5" w:rsidP="00E667D5">
            <w:r>
              <w:t xml:space="preserve">                                           value=""/&gt;</w:t>
            </w:r>
          </w:p>
          <w:p w:rsidR="00E667D5" w:rsidRDefault="00E667D5" w:rsidP="00E667D5">
            <w:r>
              <w:t xml:space="preserve">                                &lt;/div&gt;</w:t>
            </w:r>
          </w:p>
          <w:p w:rsidR="00E667D5" w:rsidRDefault="00E667D5" w:rsidP="00E667D5">
            <w:r>
              <w:t xml:space="preserve">                            &lt;/div&gt;</w:t>
            </w:r>
          </w:p>
          <w:p w:rsidR="00E667D5" w:rsidRDefault="00E667D5" w:rsidP="00E667D5">
            <w:r>
              <w:t xml:space="preserve">                            &lt;div class="col-lg-1"&gt;</w:t>
            </w:r>
          </w:p>
          <w:p w:rsidR="00E667D5" w:rsidRDefault="00E667D5" w:rsidP="00E667D5">
            <w:r>
              <w:t xml:space="preserve">                                &lt;button type="submit" class="btn btn-lg btn-block submit"&gt;&lt;/button&gt; </w:t>
            </w:r>
          </w:p>
          <w:p w:rsidR="00E667D5" w:rsidRDefault="00E667D5" w:rsidP="00E667D5">
            <w:r>
              <w:t xml:space="preserve">                            &lt;/div&gt;</w:t>
            </w:r>
          </w:p>
          <w:p w:rsidR="00E667D5" w:rsidRDefault="00E667D5" w:rsidP="00E667D5">
            <w:r>
              <w:t xml:space="preserve">                        &lt;/div&gt;</w:t>
            </w:r>
          </w:p>
          <w:p w:rsidR="00E667D5" w:rsidRDefault="00E667D5" w:rsidP="00E667D5">
            <w:r>
              <w:t xml:space="preserve">                    &lt;/form&gt;</w:t>
            </w:r>
          </w:p>
          <w:p w:rsidR="00E667D5" w:rsidRDefault="00E667D5" w:rsidP="00E667D5">
            <w:r>
              <w:t xml:space="preserve">                &lt;/div&gt;</w:t>
            </w:r>
          </w:p>
          <w:p w:rsidR="00E667D5" w:rsidRDefault="00E667D5" w:rsidP="00E667D5">
            <w:r>
              <w:t xml:space="preserve">                </w:t>
            </w:r>
          </w:p>
          <w:p w:rsidR="00E667D5" w:rsidRDefault="00E667D5" w:rsidP="00E667D5">
            <w:r>
              <w:t xml:space="preserve">            &lt;/div&gt;</w:t>
            </w:r>
          </w:p>
          <w:p w:rsidR="00E667D5" w:rsidRDefault="00E667D5" w:rsidP="00E667D5">
            <w:r>
              <w:t xml:space="preserve">        &lt;/div&gt;</w:t>
            </w:r>
          </w:p>
          <w:p w:rsidR="00E667D5" w:rsidRDefault="00E667D5" w:rsidP="00E667D5">
            <w:r>
              <w:t>&lt;/div&gt;</w:t>
            </w:r>
          </w:p>
          <w:p w:rsidR="00E667D5" w:rsidRDefault="00E667D5" w:rsidP="00E667D5">
            <w:r>
              <w:t xml:space="preserve">    &lt;!--&lt;div class="filters_listing version_2 sticky_horizontal"&gt;</w:t>
            </w:r>
          </w:p>
          <w:p w:rsidR="00E667D5" w:rsidRDefault="00E667D5" w:rsidP="00E667D5">
            <w:r>
              <w:t xml:space="preserve">        &lt;div class="container"&gt;</w:t>
            </w:r>
          </w:p>
          <w:p w:rsidR="00E667D5" w:rsidRDefault="00E667D5" w:rsidP="00E667D5">
            <w:r>
              <w:t xml:space="preserve">            &lt;ul class="clearfix"&gt;</w:t>
            </w:r>
          </w:p>
          <w:p w:rsidR="00E667D5" w:rsidRDefault="00E667D5" w:rsidP="00E667D5">
            <w:r>
              <w:lastRenderedPageBreak/>
              <w:t xml:space="preserve">                &lt;li&gt;</w:t>
            </w:r>
          </w:p>
          <w:p w:rsidR="00E667D5" w:rsidRDefault="00E667D5" w:rsidP="00E667D5">
            <w:r>
              <w:t xml:space="preserve">                    &lt;div class="switch-field"&gt;</w:t>
            </w:r>
          </w:p>
          <w:p w:rsidR="00E667D5" w:rsidRDefault="00E667D5" w:rsidP="00E667D5">
            <w:r>
              <w:t xml:space="preserve">                        &lt;input checked id="all" name="listing_filter" type="radio" value="all"&gt;</w:t>
            </w:r>
          </w:p>
          <w:p w:rsidR="00E667D5" w:rsidRDefault="00E667D5" w:rsidP="00E667D5">
            <w:r>
              <w:t xml:space="preserve">                        &lt;label for="all"&gt;All&lt;/label&gt;</w:t>
            </w:r>
          </w:p>
          <w:p w:rsidR="00E667D5" w:rsidRDefault="00E667D5" w:rsidP="00E667D5">
            <w:r>
              <w:t xml:space="preserve">                        &lt;input id="popular" name="listing_filter" type="radio" value="popular"&gt;</w:t>
            </w:r>
          </w:p>
          <w:p w:rsidR="00E667D5" w:rsidRDefault="00E667D5" w:rsidP="00E667D5">
            <w:r>
              <w:t xml:space="preserve">                        &lt;label for="popular"&gt;Popular&lt;/label&gt;</w:t>
            </w:r>
          </w:p>
          <w:p w:rsidR="00E667D5" w:rsidRDefault="00E667D5" w:rsidP="00E667D5">
            <w:r>
              <w:t xml:space="preserve">                        &lt;input id="latest" name="listing_filter" type="radio" value="latest"&gt;</w:t>
            </w:r>
          </w:p>
          <w:p w:rsidR="00E667D5" w:rsidRDefault="00E667D5" w:rsidP="00E667D5">
            <w:r>
              <w:t xml:space="preserve">                        &lt;label for="latest"&gt;Latest&lt;/label&gt; </w:t>
            </w:r>
          </w:p>
          <w:p w:rsidR="00E667D5" w:rsidRDefault="00E667D5" w:rsidP="00E667D5">
            <w:r>
              <w:t xml:space="preserve">                    &lt;/div&gt;</w:t>
            </w:r>
          </w:p>
          <w:p w:rsidR="00E667D5" w:rsidRDefault="00E667D5" w:rsidP="00E667D5">
            <w:r>
              <w:t xml:space="preserve">                &lt;/li&gt;</w:t>
            </w:r>
          </w:p>
          <w:p w:rsidR="00E667D5" w:rsidRDefault="00E667D5" w:rsidP="00E667D5"/>
          <w:p w:rsidR="00E667D5" w:rsidRDefault="00E667D5" w:rsidP="00E667D5"/>
          <w:p w:rsidR="00E667D5" w:rsidRDefault="00E667D5" w:rsidP="00E667D5">
            <w:r>
              <w:t xml:space="preserve">            &lt;/ul&gt;</w:t>
            </w:r>
          </w:p>
          <w:p w:rsidR="00E667D5" w:rsidRDefault="00E667D5" w:rsidP="00E667D5">
            <w:r>
              <w:t xml:space="preserve">        &lt;/div&gt; --&gt;</w:t>
            </w:r>
          </w:p>
          <w:p w:rsidR="00E667D5" w:rsidRDefault="00E667D5" w:rsidP="00E667D5">
            <w:r>
              <w:t xml:space="preserve">       &lt;!--&lt;div class="offset-1 col-lg-3"&gt;</w:t>
            </w:r>
          </w:p>
          <w:p w:rsidR="00E667D5" w:rsidRDefault="00E667D5" w:rsidP="00E667D5">
            <w:r>
              <w:t xml:space="preserve">             &lt;div style="color:blue;padding:2%" text-align="center;"&gt;</w:t>
            </w:r>
          </w:p>
          <w:p w:rsidR="00E667D5" w:rsidRDefault="00E667D5" w:rsidP="00E667D5">
            <w:r>
              <w:t xml:space="preserve">                &lt;a id="myBtn" text-align="center;"&gt;</w:t>
            </w:r>
          </w:p>
          <w:p w:rsidR="00E667D5" w:rsidRDefault="00E667D5" w:rsidP="00E667D5">
            <w:r>
              <w:t xml:space="preserve">                    Enhance search by desires and needs</w:t>
            </w:r>
          </w:p>
          <w:p w:rsidR="00E667D5" w:rsidRDefault="00E667D5" w:rsidP="00E667D5">
            <w:r>
              <w:t xml:space="preserve">                    </w:t>
            </w:r>
          </w:p>
          <w:p w:rsidR="00E667D5" w:rsidRDefault="00E667D5" w:rsidP="00E667D5">
            <w:r>
              <w:t xml:space="preserve">                &lt;/a&gt;</w:t>
            </w:r>
          </w:p>
          <w:p w:rsidR="00E667D5" w:rsidRDefault="00E667D5" w:rsidP="00E667D5">
            <w:r>
              <w:t xml:space="preserve">            &lt;/div&gt;</w:t>
            </w:r>
          </w:p>
          <w:p w:rsidR="00E667D5" w:rsidRDefault="00E667D5" w:rsidP="00E667D5">
            <w:r>
              <w:t xml:space="preserve">        &lt;/div&gt; </w:t>
            </w:r>
          </w:p>
          <w:p w:rsidR="00E667D5" w:rsidRDefault="00E667D5" w:rsidP="00E667D5">
            <w:r>
              <w:t xml:space="preserve">    &lt;/div&gt;--&gt;</w:t>
            </w:r>
          </w:p>
          <w:p w:rsidR="00E667D5" w:rsidRDefault="00E667D5" w:rsidP="00E667D5">
            <w:r>
              <w:t>&lt;!---------------Filter Starts------------------&gt;</w:t>
            </w:r>
          </w:p>
          <w:p w:rsidR="00E667D5" w:rsidRDefault="00E667D5" w:rsidP="00E667D5">
            <w:r>
              <w:t xml:space="preserve">    &lt;div class="container pt-2"&gt;</w:t>
            </w:r>
          </w:p>
          <w:p w:rsidR="00E667D5" w:rsidRDefault="00E667D5" w:rsidP="00E667D5">
            <w:r>
              <w:t xml:space="preserve">        &lt;div class="row"&gt;</w:t>
            </w:r>
          </w:p>
          <w:p w:rsidR="00E667D5" w:rsidRDefault="00E667D5" w:rsidP="00E667D5">
            <w:r>
              <w:t xml:space="preserve">            &lt;aside class="col-lg-3" id="sidebar" &gt;</w:t>
            </w:r>
          </w:p>
          <w:p w:rsidR="00E667D5" w:rsidRDefault="00E667D5" w:rsidP="00E667D5">
            <w:r>
              <w:t xml:space="preserve">            &lt;div id="divPrimaryFilter" class="filter-section" style= "height: 200px; overflow-y: scroll;"&gt;</w:t>
            </w:r>
          </w:p>
          <w:p w:rsidR="00E667D5" w:rsidRDefault="00E667D5" w:rsidP="00E667D5">
            <w:r>
              <w:t xml:space="preserve">                &lt;a aria-controls="collapseFilter" aria-expanded="true" data-toggle="collapse"</w:t>
            </w:r>
          </w:p>
          <w:p w:rsidR="00E667D5" w:rsidRDefault="00E667D5" w:rsidP="00E667D5">
            <w:r>
              <w:t xml:space="preserve">                   href="#collapseFilter" class="collapse-toggler"&gt;</w:t>
            </w:r>
          </w:p>
          <w:p w:rsidR="00E667D5" w:rsidRDefault="00E667D5" w:rsidP="00E667D5">
            <w:r>
              <w:t xml:space="preserve">                    &lt;b&gt;Expand/Modify Your Search&lt;/b&gt;</w:t>
            </w:r>
          </w:p>
          <w:p w:rsidR="00E667D5" w:rsidRDefault="00E667D5" w:rsidP="00E667D5">
            <w:r>
              <w:t xml:space="preserve">                &lt;/a&gt;</w:t>
            </w:r>
          </w:p>
          <w:p w:rsidR="00E667D5" w:rsidRDefault="00E667D5" w:rsidP="00E667D5">
            <w:r>
              <w:t xml:space="preserve">                &lt;!---------------location Filter Starts------------------&gt;</w:t>
            </w:r>
          </w:p>
          <w:p w:rsidR="00E667D5" w:rsidRDefault="00E667D5" w:rsidP="00E667D5">
            <w:r>
              <w:t xml:space="preserve">                &lt;div class="collapse show" id="collapseFilter" &gt;</w:t>
            </w:r>
          </w:p>
          <w:p w:rsidR="00E667D5" w:rsidRDefault="00E667D5" w:rsidP="00E667D5">
            <w:r>
              <w:t xml:space="preserve">                    &lt;div class="filter_type"&gt;</w:t>
            </w:r>
          </w:p>
          <w:p w:rsidR="00E667D5" w:rsidRDefault="00E667D5" w:rsidP="00E667D5">
            <w:r>
              <w:t xml:space="preserve">                        &lt;h6&gt;</w:t>
            </w:r>
          </w:p>
          <w:p w:rsidR="00E667D5" w:rsidRDefault="00E667D5" w:rsidP="00E667D5">
            <w:r>
              <w:t xml:space="preserve">                            &lt;a aria-controls="collapseLocation" aria-expanded="true" data-toggle="collapse" href="#collapseLocation"</w:t>
            </w:r>
          </w:p>
          <w:p w:rsidR="00E667D5" w:rsidRDefault="00E667D5" w:rsidP="00E667D5">
            <w:r>
              <w:t xml:space="preserve">                               class="collapse-toggler"&gt;</w:t>
            </w:r>
          </w:p>
          <w:p w:rsidR="00E667D5" w:rsidRDefault="00E667D5" w:rsidP="00E667D5">
            <w:r>
              <w:t xml:space="preserve">                                Location</w:t>
            </w:r>
          </w:p>
          <w:p w:rsidR="00E667D5" w:rsidRDefault="00E667D5" w:rsidP="00E667D5">
            <w:r>
              <w:t xml:space="preserve">                            &lt;/a&gt;</w:t>
            </w:r>
          </w:p>
          <w:p w:rsidR="00E667D5" w:rsidRDefault="00E667D5" w:rsidP="00E667D5">
            <w:r>
              <w:t xml:space="preserve">                        &lt;/h6&gt;</w:t>
            </w:r>
          </w:p>
          <w:p w:rsidR="00E667D5" w:rsidRDefault="00E667D5" w:rsidP="00E667D5">
            <w:r>
              <w:t xml:space="preserve">                        &lt;div class="collapse show" id="collapseLocation"&gt;</w:t>
            </w:r>
          </w:p>
          <w:p w:rsidR="00E667D5" w:rsidRDefault="00E667D5" w:rsidP="00E667D5">
            <w:r>
              <w:t xml:space="preserve">                            &lt;div class="form-group"&gt;</w:t>
            </w:r>
          </w:p>
          <w:p w:rsidR="00E667D5" w:rsidRDefault="00E667D5" w:rsidP="00E667D5">
            <w:r>
              <w:t xml:space="preserve">                                &lt;input class="form-control" placeholder="City or Zip code..."</w:t>
            </w:r>
          </w:p>
          <w:p w:rsidR="00E667D5" w:rsidRDefault="00E667D5" w:rsidP="00E667D5">
            <w:r>
              <w:t xml:space="preserve">                                       type="text" id="txtLocation"/&gt;</w:t>
            </w:r>
          </w:p>
          <w:p w:rsidR="00E667D5" w:rsidRDefault="00E667D5" w:rsidP="00E667D5">
            <w:r>
              <w:t xml:space="preserve">                            &lt;/div&gt;</w:t>
            </w:r>
          </w:p>
          <w:p w:rsidR="00E667D5" w:rsidRDefault="00E667D5" w:rsidP="00E667D5">
            <w:r>
              <w:t xml:space="preserve">                            &lt;div class="text-left" id="divLocations"&gt;</w:t>
            </w:r>
          </w:p>
          <w:p w:rsidR="00E667D5" w:rsidRDefault="00E667D5" w:rsidP="00E667D5">
            <w:r>
              <w:lastRenderedPageBreak/>
              <w:t xml:space="preserve">                            &lt;/div&gt;</w:t>
            </w:r>
          </w:p>
          <w:p w:rsidR="00E667D5" w:rsidRDefault="00E667D5" w:rsidP="00E667D5">
            <w:r>
              <w:t xml:space="preserve">                            &lt;!--&lt;div id="divRadius" style="display: none;"&gt;</w:t>
            </w:r>
          </w:p>
          <w:p w:rsidR="00E667D5" w:rsidRDefault="00E667D5" w:rsidP="00E667D5">
            <w:r>
              <w:t xml:space="preserve">                                &lt;h6&gt;</w:t>
            </w:r>
          </w:p>
          <w:p w:rsidR="00E667D5" w:rsidRDefault="00E667D5" w:rsidP="00E667D5">
            <w:r>
              <w:t xml:space="preserve">                                    Search By</w:t>
            </w:r>
          </w:p>
          <w:p w:rsidR="00E667D5" w:rsidRDefault="00E667D5" w:rsidP="00E667D5">
            <w:r>
              <w:t xml:space="preserve">                                &lt;/h6&gt;</w:t>
            </w:r>
          </w:p>
          <w:p w:rsidR="00E667D5" w:rsidRDefault="00E667D5" w:rsidP="00E667D5">
            <w:r>
              <w:t xml:space="preserve">                                &lt;div class="distance"&gt;</w:t>
            </w:r>
          </w:p>
          <w:p w:rsidR="00E667D5" w:rsidRDefault="00E667D5" w:rsidP="00E667D5">
            <w:r>
              <w:t xml:space="preserve">                                    Radius</w:t>
            </w:r>
          </w:p>
          <w:p w:rsidR="00E667D5" w:rsidRDefault="00E667D5" w:rsidP="00E667D5">
            <w:r>
              <w:t xml:space="preserve">                                    &lt;span&gt;&lt;/span&gt;</w:t>
            </w:r>
          </w:p>
          <w:p w:rsidR="00E667D5" w:rsidRDefault="00E667D5" w:rsidP="00E667D5">
            <w:r>
              <w:t xml:space="preserve">                                    miles</w:t>
            </w:r>
          </w:p>
          <w:p w:rsidR="00E667D5" w:rsidRDefault="00E667D5" w:rsidP="00E667D5">
            <w:r>
              <w:t xml:space="preserve">                                &lt;/div&gt;</w:t>
            </w:r>
          </w:p>
          <w:p w:rsidR="00E667D5" w:rsidRDefault="00E667D5" w:rsidP="00E667D5">
            <w:r>
              <w:t xml:space="preserve">                                &lt;input data-orientation="horizontal" max="100" min="5" step="5" type="range"</w:t>
            </w:r>
          </w:p>
          <w:p w:rsidR="00E667D5" w:rsidRDefault="00E667D5" w:rsidP="00E667D5">
            <w:r>
              <w:t xml:space="preserve">                                       value="5" id="txtRadius"/&gt;</w:t>
            </w:r>
          </w:p>
          <w:p w:rsidR="00E667D5" w:rsidRDefault="00E667D5" w:rsidP="00E667D5">
            <w:r>
              <w:t xml:space="preserve">                            &lt;/div&gt; --&gt;</w:t>
            </w:r>
          </w:p>
          <w:p w:rsidR="00E667D5" w:rsidRDefault="00E667D5" w:rsidP="00E667D5">
            <w:r>
              <w:t xml:space="preserve">                        &lt;/div&gt;</w:t>
            </w:r>
          </w:p>
          <w:p w:rsidR="00E667D5" w:rsidRDefault="00E667D5" w:rsidP="00E667D5">
            <w:r>
              <w:t xml:space="preserve">                    &lt;/div&gt;</w:t>
            </w:r>
          </w:p>
          <w:p w:rsidR="00E667D5" w:rsidRDefault="00E667D5" w:rsidP="00E667D5">
            <w:r>
              <w:t xml:space="preserve">                    &lt;!---------------Location Filter ends------------------&gt;</w:t>
            </w:r>
          </w:p>
          <w:p w:rsidR="00E667D5" w:rsidRDefault="00E667D5" w:rsidP="00E667D5"/>
          <w:p w:rsidR="00E667D5" w:rsidRDefault="00E667D5" w:rsidP="00E667D5">
            <w:r>
              <w:t xml:space="preserve">                    &lt;!---------------Budget Filter Starts------------------&gt;</w:t>
            </w:r>
          </w:p>
          <w:p w:rsidR="00E667D5" w:rsidRDefault="00E667D5" w:rsidP="00E667D5">
            <w:r>
              <w:t xml:space="preserve">                    &lt;div class="filter_type"&gt;</w:t>
            </w:r>
          </w:p>
          <w:p w:rsidR="00E667D5" w:rsidRDefault="00E667D5" w:rsidP="00E667D5">
            <w:r>
              <w:t xml:space="preserve">                        &lt;h6&gt;</w:t>
            </w:r>
          </w:p>
          <w:p w:rsidR="00E667D5" w:rsidRDefault="00E667D5" w:rsidP="00E667D5">
            <w:r>
              <w:t xml:space="preserve">                            &lt;a aria-controls="collapseBudget" aria-expanded="false" data-toggle="collapse" href="#collapseBudget"</w:t>
            </w:r>
          </w:p>
          <w:p w:rsidR="00E667D5" w:rsidRDefault="00E667D5" w:rsidP="00E667D5">
            <w:r>
              <w:t xml:space="preserve">                               class="collapse-toggler collapsed"&gt;</w:t>
            </w:r>
          </w:p>
          <w:p w:rsidR="00E667D5" w:rsidRDefault="00E667D5" w:rsidP="00E667D5">
            <w:r>
              <w:t xml:space="preserve">                                Budget</w:t>
            </w:r>
          </w:p>
          <w:p w:rsidR="00E667D5" w:rsidRDefault="00E667D5" w:rsidP="00E667D5">
            <w:r>
              <w:t xml:space="preserve">                            &lt;/a&gt;</w:t>
            </w:r>
          </w:p>
          <w:p w:rsidR="00E667D5" w:rsidRDefault="00E667D5" w:rsidP="00E667D5">
            <w:r>
              <w:t xml:space="preserve">                        &lt;/h6&gt;</w:t>
            </w:r>
          </w:p>
          <w:p w:rsidR="00E667D5" w:rsidRDefault="00E667D5" w:rsidP="00E667D5">
            <w:r>
              <w:t xml:space="preserve">                        &lt;div class="form-group collapse" id="collapseBudget"&gt;</w:t>
            </w:r>
          </w:p>
          <w:p w:rsidR="00E667D5" w:rsidRDefault="00E667D5" w:rsidP="00E667D5">
            <w:r>
              <w:t xml:space="preserve">                            &lt;div id="divBudgetSlider" data-min="0" data-max="15000" data-format="price" data-step="100"</w:t>
            </w:r>
          </w:p>
          <w:p w:rsidR="00E667D5" w:rsidRDefault="00E667D5" w:rsidP="00E667D5">
            <w:r>
              <w:t xml:space="preserve">                                 data-target="BudgetRange"</w:t>
            </w:r>
          </w:p>
          <w:p w:rsidR="00E667D5" w:rsidRDefault="00E667D5" w:rsidP="00E667D5">
            <w:r>
              <w:t xml:space="preserve">                                 class="slider-xs slider-range mt-4"&gt;&lt;/div&gt;</w:t>
            </w:r>
          </w:p>
          <w:p w:rsidR="00E667D5" w:rsidRDefault="00E667D5" w:rsidP="00E667D5">
            <w:r>
              <w:t xml:space="preserve">                            &lt;div class="controls mt-4"&gt;</w:t>
            </w:r>
          </w:p>
          <w:p w:rsidR="00E667D5" w:rsidRDefault="00E667D5" w:rsidP="00E667D5">
            <w:r>
              <w:t xml:space="preserve">                                &lt;div class="input-group input-group-sm"&gt;</w:t>
            </w:r>
          </w:p>
          <w:p w:rsidR="00E667D5" w:rsidRDefault="00E667D5" w:rsidP="00E667D5">
            <w:r>
              <w:t xml:space="preserve">                                    &lt;input type="number" class="form-control" id="txtMinBudgetRange"</w:t>
            </w:r>
          </w:p>
          <w:p w:rsidR="00E667D5" w:rsidRDefault="00E667D5" w:rsidP="00E667D5">
            <w:r>
              <w:t xml:space="preserve">                                           placeholder="Min Budget" min="100" max="15000" value="100" step="100"/&gt;</w:t>
            </w:r>
          </w:p>
          <w:p w:rsidR="00E667D5" w:rsidRDefault="00E667D5" w:rsidP="00E667D5">
            <w:r>
              <w:t xml:space="preserve">                                    &lt;div class="input-group-append"&gt;</w:t>
            </w:r>
          </w:p>
          <w:p w:rsidR="00E667D5" w:rsidRDefault="00E667D5" w:rsidP="00E667D5">
            <w:r>
              <w:t xml:space="preserve">                                        &lt;span class="input-group-text"&gt;-&lt;/span&gt;</w:t>
            </w:r>
          </w:p>
          <w:p w:rsidR="00E667D5" w:rsidRDefault="00E667D5" w:rsidP="00E667D5">
            <w:r>
              <w:t xml:space="preserve">                                    &lt;/div&gt;</w:t>
            </w:r>
          </w:p>
          <w:p w:rsidR="00E667D5" w:rsidRDefault="00E667D5" w:rsidP="00E667D5">
            <w:r>
              <w:t xml:space="preserve">                                    &lt;input type="number" class="form-control" id="txtMaxBudgetRange"</w:t>
            </w:r>
          </w:p>
          <w:p w:rsidR="00E667D5" w:rsidRDefault="00E667D5" w:rsidP="00E667D5">
            <w:r>
              <w:t xml:space="preserve">                                           placeholder="Max Budget" min="0" max="15000" value="15000" step="100"/&gt;</w:t>
            </w:r>
          </w:p>
          <w:p w:rsidR="00E667D5" w:rsidRDefault="00E667D5" w:rsidP="00E667D5">
            <w:r>
              <w:t xml:space="preserve">                                &lt;/div&gt;</w:t>
            </w:r>
          </w:p>
          <w:p w:rsidR="00E667D5" w:rsidRDefault="00E667D5" w:rsidP="00E667D5">
            <w:r>
              <w:t xml:space="preserve">                            &lt;/div&gt;</w:t>
            </w:r>
          </w:p>
          <w:p w:rsidR="00E667D5" w:rsidRDefault="00E667D5" w:rsidP="00E667D5">
            <w:r>
              <w:t xml:space="preserve">                        &lt;/div&gt;</w:t>
            </w:r>
          </w:p>
          <w:p w:rsidR="00E667D5" w:rsidRDefault="00E667D5" w:rsidP="00E667D5">
            <w:r>
              <w:t xml:space="preserve">                    &lt;/div&gt;</w:t>
            </w:r>
          </w:p>
          <w:p w:rsidR="00E667D5" w:rsidRDefault="00E667D5" w:rsidP="00E667D5">
            <w:r>
              <w:t xml:space="preserve">                    &lt;!---------------Budget Filter ends------------------&gt;</w:t>
            </w:r>
          </w:p>
          <w:p w:rsidR="00E667D5" w:rsidRDefault="00E667D5" w:rsidP="00E667D5">
            <w:r>
              <w:t xml:space="preserve">                    &lt;div class="justify-content-center mt-4"&gt;</w:t>
            </w:r>
          </w:p>
          <w:p w:rsidR="00E667D5" w:rsidRDefault="00E667D5" w:rsidP="00E667D5">
            <w:r>
              <w:t xml:space="preserve">                        &lt;input type="hidden" id="txtFilterData" value=""/&gt;</w:t>
            </w:r>
          </w:p>
          <w:p w:rsidR="00E667D5" w:rsidRDefault="00E667D5" w:rsidP="00E667D5">
            <w:r>
              <w:t xml:space="preserve">                        &lt;a href="#" class="btn btn-sm btn-outline-danger btnClearFilter"&gt;Clear&lt;/a&gt;</w:t>
            </w:r>
          </w:p>
          <w:p w:rsidR="00E667D5" w:rsidRDefault="00E667D5" w:rsidP="00E667D5">
            <w:r>
              <w:lastRenderedPageBreak/>
              <w:t xml:space="preserve">                        &lt;a href="#" id="btnApplyFilter" class="btn btn-sm btn-primary float-right"&gt;Apply&lt;/a&gt;</w:t>
            </w:r>
          </w:p>
          <w:p w:rsidR="00E667D5" w:rsidRDefault="00E667D5" w:rsidP="00E667D5">
            <w:r>
              <w:t xml:space="preserve">                    &lt;/div&gt;</w:t>
            </w:r>
          </w:p>
          <w:p w:rsidR="00E667D5" w:rsidRDefault="00E667D5" w:rsidP="00E667D5">
            <w:r>
              <w:t xml:space="preserve">                &lt;/div&gt; </w:t>
            </w:r>
          </w:p>
          <w:p w:rsidR="00E667D5" w:rsidRDefault="00E667D5" w:rsidP="00E667D5">
            <w:r>
              <w:t xml:space="preserve">            &lt;/div&gt;      </w:t>
            </w:r>
          </w:p>
          <w:p w:rsidR="00E667D5" w:rsidRDefault="00E667D5" w:rsidP="00E667D5">
            <w:r>
              <w:t xml:space="preserve">            &lt;!---------------Additional Filter Starts------------------&gt;</w:t>
            </w:r>
          </w:p>
          <w:p w:rsidR="00E667D5" w:rsidRDefault="00E667D5" w:rsidP="00E667D5">
            <w:r>
              <w:t xml:space="preserve">            &lt;div id="divRefiner" class="filter-section" style= "height: 200px; overflow-y: scroll;"&gt;</w:t>
            </w:r>
          </w:p>
          <w:p w:rsidR="00E667D5" w:rsidRDefault="00E667D5" w:rsidP="00E667D5">
            <w:r>
              <w:t xml:space="preserve">                &lt;a aria-controls="collapseRefiner" aria-expanded="true" data-toggle="collapse"</w:t>
            </w:r>
          </w:p>
          <w:p w:rsidR="00E667D5" w:rsidRDefault="00E667D5" w:rsidP="00E667D5">
            <w:r>
              <w:t xml:space="preserve">                   href="#collapseRefiner" class="collapse-toggler"&gt;</w:t>
            </w:r>
          </w:p>
          <w:p w:rsidR="00E667D5" w:rsidRDefault="00E667D5" w:rsidP="00E667D5">
            <w:r>
              <w:t xml:space="preserve">                    &lt;b&gt;Additional Search&lt;/b&gt;</w:t>
            </w:r>
          </w:p>
          <w:p w:rsidR="00E667D5" w:rsidRDefault="00E667D5" w:rsidP="00E667D5">
            <w:r>
              <w:t xml:space="preserve">                &lt;/a&gt;</w:t>
            </w:r>
          </w:p>
          <w:p w:rsidR="00E667D5" w:rsidRDefault="00E667D5" w:rsidP="00E667D5">
            <w:r>
              <w:t xml:space="preserve">                 &lt;!---------------Residence Types------------------&gt;</w:t>
            </w:r>
          </w:p>
          <w:p w:rsidR="00E667D5" w:rsidRDefault="00E667D5" w:rsidP="00E667D5">
            <w:r>
              <w:t xml:space="preserve">                &lt;div class="collapse show" id="collapseRefiner"&gt;</w:t>
            </w:r>
          </w:p>
          <w:p w:rsidR="00E667D5" w:rsidRDefault="00E667D5" w:rsidP="00E667D5">
            <w:r>
              <w:t xml:space="preserve">                    &lt;!--&lt;div class="filter_type"&gt;</w:t>
            </w:r>
          </w:p>
          <w:p w:rsidR="00E667D5" w:rsidRDefault="00E667D5" w:rsidP="00E667D5">
            <w:r>
              <w:t xml:space="preserve">                        &lt;h6&gt;</w:t>
            </w:r>
          </w:p>
          <w:p w:rsidR="00E667D5" w:rsidRDefault="00E667D5" w:rsidP="00E667D5">
            <w:r>
              <w:t xml:space="preserve">                            &lt;a aria-controls="collapseResidence" aria-expanded="false" data-toggle="collapse"</w:t>
            </w:r>
          </w:p>
          <w:p w:rsidR="00E667D5" w:rsidRDefault="00E667D5" w:rsidP="00E667D5">
            <w:r>
              <w:t xml:space="preserve">                               href="#collapseResidence" class="collapse-toggler collapsed"&gt;</w:t>
            </w:r>
          </w:p>
          <w:p w:rsidR="00E667D5" w:rsidRDefault="00E667D5" w:rsidP="00E667D5">
            <w:r>
              <w:t xml:space="preserve">                                Residence Types</w:t>
            </w:r>
          </w:p>
          <w:p w:rsidR="00E667D5" w:rsidRDefault="00E667D5" w:rsidP="00E667D5">
            <w:r>
              <w:t xml:space="preserve">                            &lt;/a&gt;</w:t>
            </w:r>
          </w:p>
          <w:p w:rsidR="00E667D5" w:rsidRDefault="00E667D5" w:rsidP="00E667D5">
            <w:r>
              <w:t xml:space="preserve">                        &lt;/h6&gt;</w:t>
            </w:r>
          </w:p>
          <w:p w:rsidR="00E667D5" w:rsidRDefault="00E667D5" w:rsidP="00E667D5">
            <w:r>
              <w:t xml:space="preserve">                        &lt;ul class="collapse" id="collapseResidence"&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Independent 55+</w:t>
            </w:r>
          </w:p>
          <w:p w:rsidR="00E667D5" w:rsidRDefault="00E667D5" w:rsidP="00E667D5">
            <w:r>
              <w:t xml:space="preserve">            </w:t>
            </w:r>
          </w:p>
          <w:p w:rsidR="00E667D5" w:rsidRDefault="00E667D5" w:rsidP="00E667D5">
            <w:r>
              <w:t xml:space="preserve">                                        &lt;input type="checkbox" name="residences[]" value="independent_55"/&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Assisted Living</w:t>
            </w:r>
          </w:p>
          <w:p w:rsidR="00E667D5" w:rsidRDefault="00E667D5" w:rsidP="00E667D5">
            <w:r>
              <w:t xml:space="preserve">            </w:t>
            </w:r>
          </w:p>
          <w:p w:rsidR="00E667D5" w:rsidRDefault="00E667D5" w:rsidP="00E667D5">
            <w:r>
              <w:t xml:space="preserve">                                        &lt;input type="checkbox" name="residences[]" value="assisted_living"/&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Memory Care</w:t>
            </w:r>
          </w:p>
          <w:p w:rsidR="00E667D5" w:rsidRDefault="00E667D5" w:rsidP="00E667D5">
            <w:r>
              <w:t xml:space="preserve">            </w:t>
            </w:r>
          </w:p>
          <w:p w:rsidR="00E667D5" w:rsidRDefault="00E667D5" w:rsidP="00E667D5">
            <w:r>
              <w:t xml:space="preserve">                                        &lt;input type="checkbox" name="residences[]" value="memory_care"/&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Board &amp; Care</w:t>
            </w:r>
          </w:p>
          <w:p w:rsidR="00E667D5" w:rsidRDefault="00E667D5" w:rsidP="00E667D5">
            <w:r>
              <w:t xml:space="preserve">            </w:t>
            </w:r>
          </w:p>
          <w:p w:rsidR="00E667D5" w:rsidRDefault="00E667D5" w:rsidP="00E667D5">
            <w:r>
              <w:lastRenderedPageBreak/>
              <w:t xml:space="preserve">                                        &lt;input type="checkbox" name="residences[]" value="board_care"/&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CCRC</w:t>
            </w:r>
          </w:p>
          <w:p w:rsidR="00E667D5" w:rsidRDefault="00E667D5" w:rsidP="00E667D5">
            <w:r>
              <w:t xml:space="preserve">            </w:t>
            </w:r>
          </w:p>
          <w:p w:rsidR="00E667D5" w:rsidRDefault="00E667D5" w:rsidP="00E667D5">
            <w:r>
              <w:t xml:space="preserve">                                        &lt;input type="checkbox" name="residences[]" value="ccrc"/&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Respite</w:t>
            </w:r>
          </w:p>
          <w:p w:rsidR="00E667D5" w:rsidRDefault="00E667D5" w:rsidP="00E667D5">
            <w:r>
              <w:t xml:space="preserve">            </w:t>
            </w:r>
          </w:p>
          <w:p w:rsidR="00E667D5" w:rsidRDefault="00E667D5" w:rsidP="00E667D5">
            <w:r>
              <w:t xml:space="preserve">                                        &lt;input type="checkbox" name="residences[]" value="respite"/&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ul&gt;</w:t>
            </w:r>
          </w:p>
          <w:p w:rsidR="00E667D5" w:rsidRDefault="00E667D5" w:rsidP="00E667D5">
            <w:r>
              <w:t xml:space="preserve">                    &lt;/div&gt;--&gt;</w:t>
            </w:r>
          </w:p>
          <w:p w:rsidR="00E667D5" w:rsidRDefault="00E667D5" w:rsidP="00E667D5">
            <w:r>
              <w:t xml:space="preserve">                    &lt;!---------------Residence types ends------------------&gt;</w:t>
            </w:r>
          </w:p>
          <w:p w:rsidR="00E667D5" w:rsidRDefault="00E667D5" w:rsidP="00E667D5">
            <w:r>
              <w:t xml:space="preserve">                        &lt;div class="collapse show" id="collapseRefiner"&gt;</w:t>
            </w:r>
          </w:p>
          <w:p w:rsidR="00E667D5" w:rsidRDefault="00E667D5" w:rsidP="00E667D5">
            <w:r>
              <w:t xml:space="preserve">                                            &lt;div class="filter_type"&gt;</w:t>
            </w:r>
          </w:p>
          <w:p w:rsidR="00E667D5" w:rsidRDefault="00E667D5" w:rsidP="00E667D5">
            <w:r>
              <w:t xml:space="preserve">                                                &lt;h6&gt;</w:t>
            </w:r>
          </w:p>
          <w:p w:rsidR="00E667D5" w:rsidRDefault="00E667D5" w:rsidP="00E667D5">
            <w:r>
              <w:t xml:space="preserve">                                                    &lt;a aria-controls="collapseAccommodation" aria-expanded="false"</w:t>
            </w:r>
          </w:p>
          <w:p w:rsidR="00E667D5" w:rsidRDefault="00E667D5" w:rsidP="00E667D5">
            <w:r>
              <w:t xml:space="preserve">                                                        data-toggle="collapse" href="#collapseAccommodation"</w:t>
            </w:r>
          </w:p>
          <w:p w:rsidR="00E667D5" w:rsidRDefault="00E667D5" w:rsidP="00E667D5">
            <w:r>
              <w:t xml:space="preserve">                                                        class="collapse-toggler collapsed"&gt;</w:t>
            </w:r>
          </w:p>
          <w:p w:rsidR="00E667D5" w:rsidRDefault="00E667D5" w:rsidP="00E667D5">
            <w:r>
              <w:t xml:space="preserve">                                                        Accommodations</w:t>
            </w:r>
          </w:p>
          <w:p w:rsidR="00E667D5" w:rsidRDefault="00E667D5" w:rsidP="00E667D5">
            <w:r>
              <w:t xml:space="preserve">                                                    &lt;/a&gt;</w:t>
            </w:r>
          </w:p>
          <w:p w:rsidR="00E667D5" w:rsidRDefault="00E667D5" w:rsidP="00E667D5">
            <w:r>
              <w:t xml:space="preserve">                                                &lt;/h6&gt;</w:t>
            </w:r>
          </w:p>
          <w:p w:rsidR="00E667D5" w:rsidRDefault="00E667D5" w:rsidP="00E667D5">
            <w:r>
              <w:t xml:space="preserve">                                                &lt;ul class="collapse" id="collapseAccommodation"&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Shared Room</w:t>
            </w:r>
          </w:p>
          <w:p w:rsidR="00E667D5" w:rsidRDefault="00E667D5" w:rsidP="00E667D5">
            <w:r>
              <w:t xml:space="preserve">            </w:t>
            </w:r>
          </w:p>
          <w:p w:rsidR="00E667D5" w:rsidRDefault="00E667D5" w:rsidP="00E667D5">
            <w:r>
              <w:t xml:space="preserve">                                                            &lt;input type="checkbox" name="accommodations[]" value="shared_room"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Private Room</w:t>
            </w:r>
          </w:p>
          <w:p w:rsidR="00E667D5" w:rsidRDefault="00E667D5" w:rsidP="00E667D5">
            <w:r>
              <w:t xml:space="preserve">            </w:t>
            </w:r>
          </w:p>
          <w:p w:rsidR="00E667D5" w:rsidRDefault="00E667D5" w:rsidP="00E667D5">
            <w:r>
              <w:t xml:space="preserve">                                                            &lt;input type="checkbox" name="accommodations[]" value="private_room" /&gt;</w:t>
            </w:r>
          </w:p>
          <w:p w:rsidR="00E667D5" w:rsidRDefault="00E667D5" w:rsidP="00E667D5">
            <w:r>
              <w:lastRenderedPageBreak/>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Studio Shared Bathroom</w:t>
            </w:r>
          </w:p>
          <w:p w:rsidR="00E667D5" w:rsidRDefault="00E667D5" w:rsidP="00E667D5">
            <w:r>
              <w:t xml:space="preserve">            </w:t>
            </w:r>
          </w:p>
          <w:p w:rsidR="00E667D5" w:rsidRDefault="00E667D5" w:rsidP="00E667D5">
            <w:r>
              <w:t xml:space="preserve">                                                            &lt;input type="checkbox" name="accommodations[]"</w:t>
            </w:r>
          </w:p>
          <w:p w:rsidR="00E667D5" w:rsidRDefault="00E667D5" w:rsidP="00E667D5">
            <w:r>
              <w:t xml:space="preserve">                                                                value="studio_shared_bathroom"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Studio Private Bathroom</w:t>
            </w:r>
          </w:p>
          <w:p w:rsidR="00E667D5" w:rsidRDefault="00E667D5" w:rsidP="00E667D5">
            <w:r>
              <w:t xml:space="preserve">            </w:t>
            </w:r>
          </w:p>
          <w:p w:rsidR="00E667D5" w:rsidRDefault="00E667D5" w:rsidP="00E667D5">
            <w:r>
              <w:t xml:space="preserve">                                                            &lt;input type="checkbox" name="accommodations[]"</w:t>
            </w:r>
          </w:p>
          <w:p w:rsidR="00E667D5" w:rsidRDefault="00E667D5" w:rsidP="00E667D5">
            <w:r>
              <w:t xml:space="preserve">                                                                value="studio_Private_bathroom"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One Bedroom One Bathroom</w:t>
            </w:r>
          </w:p>
          <w:p w:rsidR="00E667D5" w:rsidRDefault="00E667D5" w:rsidP="00E667D5">
            <w:r>
              <w:t xml:space="preserve">            </w:t>
            </w:r>
          </w:p>
          <w:p w:rsidR="00E667D5" w:rsidRDefault="00E667D5" w:rsidP="00E667D5">
            <w:r>
              <w:t xml:space="preserve">                                                            &lt;input type="checkbox" name="accommodations[]"</w:t>
            </w:r>
          </w:p>
          <w:p w:rsidR="00E667D5" w:rsidRDefault="00E667D5" w:rsidP="00E667D5">
            <w:r>
              <w:t xml:space="preserve">                                                                value="one_bedroom_one_bathroom"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One Bedroom Two Bathrooms</w:t>
            </w:r>
          </w:p>
          <w:p w:rsidR="00E667D5" w:rsidRDefault="00E667D5" w:rsidP="00E667D5">
            <w:r>
              <w:t xml:space="preserve">            </w:t>
            </w:r>
          </w:p>
          <w:p w:rsidR="00E667D5" w:rsidRDefault="00E667D5" w:rsidP="00E667D5">
            <w:r>
              <w:t xml:space="preserve">                                                            &lt;input type="checkbox" name="accommodations[]"</w:t>
            </w:r>
          </w:p>
          <w:p w:rsidR="00E667D5" w:rsidRDefault="00E667D5" w:rsidP="00E667D5">
            <w:r>
              <w:t xml:space="preserve">                                                                value="one_bedroom_two_bathrooms"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Two Bedrooms One Bathroom</w:t>
            </w:r>
          </w:p>
          <w:p w:rsidR="00E667D5" w:rsidRDefault="00E667D5" w:rsidP="00E667D5">
            <w:r>
              <w:t xml:space="preserve">            </w:t>
            </w:r>
          </w:p>
          <w:p w:rsidR="00E667D5" w:rsidRDefault="00E667D5" w:rsidP="00E667D5">
            <w:r>
              <w:t xml:space="preserve">                                                            &lt;input type="checkbox" name="accommodations[]"</w:t>
            </w:r>
          </w:p>
          <w:p w:rsidR="00E667D5" w:rsidRDefault="00E667D5" w:rsidP="00E667D5">
            <w:r>
              <w:t xml:space="preserve">                                                                value="two_bedrooms_one_bathroom"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lastRenderedPageBreak/>
              <w:t xml:space="preserve">                                                    &lt;li&gt;</w:t>
            </w:r>
          </w:p>
          <w:p w:rsidR="00E667D5" w:rsidRDefault="00E667D5" w:rsidP="00E667D5">
            <w:r>
              <w:t xml:space="preserve">                                                        &lt;label class="container_check"&gt;</w:t>
            </w:r>
          </w:p>
          <w:p w:rsidR="00E667D5" w:rsidRDefault="00E667D5" w:rsidP="00E667D5">
            <w:r>
              <w:t xml:space="preserve">                                                            Two Bedrooms Two Bathrooms</w:t>
            </w:r>
          </w:p>
          <w:p w:rsidR="00E667D5" w:rsidRDefault="00E667D5" w:rsidP="00E667D5">
            <w:r>
              <w:t xml:space="preserve">            </w:t>
            </w:r>
          </w:p>
          <w:p w:rsidR="00E667D5" w:rsidRDefault="00E667D5" w:rsidP="00E667D5">
            <w:r>
              <w:t xml:space="preserve">                                                            &lt;input type="checkbox" name="accommodations[]"</w:t>
            </w:r>
          </w:p>
          <w:p w:rsidR="00E667D5" w:rsidRDefault="00E667D5" w:rsidP="00E667D5">
            <w:r>
              <w:t xml:space="preserve">                                                                value="two_bedrooms_two_bathrooms"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Cottages</w:t>
            </w:r>
          </w:p>
          <w:p w:rsidR="00E667D5" w:rsidRDefault="00E667D5" w:rsidP="00E667D5">
            <w:r>
              <w:t xml:space="preserve">            </w:t>
            </w:r>
          </w:p>
          <w:p w:rsidR="00E667D5" w:rsidRDefault="00E667D5" w:rsidP="00E667D5">
            <w:r>
              <w:t xml:space="preserve">                                                            &lt;input type="checkbox" name="accommodations[]" value="cottages"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Bungalows</w:t>
            </w:r>
          </w:p>
          <w:p w:rsidR="00E667D5" w:rsidRDefault="00E667D5" w:rsidP="00E667D5">
            <w:r>
              <w:t xml:space="preserve">            </w:t>
            </w:r>
          </w:p>
          <w:p w:rsidR="00E667D5" w:rsidRDefault="00E667D5" w:rsidP="00E667D5">
            <w:r>
              <w:t xml:space="preserve">                                                            &lt;input type="checkbox" name="accommodations[]" value="bungalows"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Town Homes</w:t>
            </w:r>
          </w:p>
          <w:p w:rsidR="00E667D5" w:rsidRDefault="00E667D5" w:rsidP="00E667D5">
            <w:r>
              <w:t xml:space="preserve">            </w:t>
            </w:r>
          </w:p>
          <w:p w:rsidR="00E667D5" w:rsidRDefault="00E667D5" w:rsidP="00E667D5">
            <w:r>
              <w:t xml:space="preserve">                                                            &lt;input type="checkbox" name="accommodations[]" value="town_homes"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Condominium</w:t>
            </w:r>
          </w:p>
          <w:p w:rsidR="00E667D5" w:rsidRDefault="00E667D5" w:rsidP="00E667D5">
            <w:r>
              <w:t xml:space="preserve">            </w:t>
            </w:r>
          </w:p>
          <w:p w:rsidR="00E667D5" w:rsidRDefault="00E667D5" w:rsidP="00E667D5">
            <w:r>
              <w:t xml:space="preserve">                                                            &lt;input type="checkbox" name="accommodations[]" value="condominium"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ul&gt;</w:t>
            </w:r>
          </w:p>
          <w:p w:rsidR="00E667D5" w:rsidRDefault="00E667D5" w:rsidP="00E667D5">
            <w:r>
              <w:t xml:space="preserve">                                            &lt;/div&gt;</w:t>
            </w:r>
          </w:p>
          <w:p w:rsidR="00E667D5" w:rsidRDefault="00E667D5" w:rsidP="00E667D5">
            <w:r>
              <w:t xml:space="preserve">                                            &lt;!---------------accomodation ends------------------&gt;</w:t>
            </w:r>
          </w:p>
          <w:p w:rsidR="00E667D5" w:rsidRDefault="00E667D5" w:rsidP="00E667D5">
            <w:r>
              <w:lastRenderedPageBreak/>
              <w:t xml:space="preserve">            </w:t>
            </w:r>
          </w:p>
          <w:p w:rsidR="00E667D5" w:rsidRDefault="00E667D5" w:rsidP="00E667D5">
            <w:r>
              <w:t xml:space="preserve">            &lt;!---------------services Starts------------------&gt;</w:t>
            </w:r>
          </w:p>
          <w:p w:rsidR="00E667D5" w:rsidRDefault="00E667D5" w:rsidP="00E667D5">
            <w:r>
              <w:t xml:space="preserve">                                            &lt;div class="filter_type"&gt;</w:t>
            </w:r>
          </w:p>
          <w:p w:rsidR="00E667D5" w:rsidRDefault="00E667D5" w:rsidP="00E667D5">
            <w:r>
              <w:t xml:space="preserve">                                                &lt;h6&gt;</w:t>
            </w:r>
          </w:p>
          <w:p w:rsidR="00E667D5" w:rsidRDefault="00E667D5" w:rsidP="00E667D5">
            <w:r>
              <w:t xml:space="preserve">                                                    &lt;a aria-controls="collapseRental" aria-expanded="false" data-toggle="collapse"</w:t>
            </w:r>
          </w:p>
          <w:p w:rsidR="00E667D5" w:rsidRDefault="00E667D5" w:rsidP="00E667D5">
            <w:r>
              <w:t xml:space="preserve">                                                        href="#collapseRental" class="collapse-toggler collapsed"&gt;</w:t>
            </w:r>
          </w:p>
          <w:p w:rsidR="00E667D5" w:rsidRDefault="00E667D5" w:rsidP="00E667D5">
            <w:r>
              <w:t xml:space="preserve">                                                        Services</w:t>
            </w:r>
          </w:p>
          <w:p w:rsidR="00E667D5" w:rsidRDefault="00E667D5" w:rsidP="00E667D5">
            <w:r>
              <w:t xml:space="preserve">                                                    &lt;/a&gt;</w:t>
            </w:r>
          </w:p>
          <w:p w:rsidR="00E667D5" w:rsidRDefault="00E667D5" w:rsidP="00E667D5">
            <w:r>
              <w:t xml:space="preserve">                                                &lt;/h6&gt;</w:t>
            </w:r>
          </w:p>
          <w:p w:rsidR="00E667D5" w:rsidRDefault="00E667D5" w:rsidP="00E667D5">
            <w:r>
              <w:t xml:space="preserve">                                                &lt;ul class="collapse" id="collapseRental"&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House Keeping</w:t>
            </w:r>
          </w:p>
          <w:p w:rsidR="00E667D5" w:rsidRDefault="00E667D5" w:rsidP="00E667D5">
            <w:r>
              <w:t xml:space="preserve">            </w:t>
            </w:r>
          </w:p>
          <w:p w:rsidR="00E667D5" w:rsidRDefault="00E667D5" w:rsidP="00E667D5">
            <w:r>
              <w:t xml:space="preserve">                                                            &lt;input type="checkbox" name="rental_services[]" value="housekeeping"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Transportation</w:t>
            </w:r>
          </w:p>
          <w:p w:rsidR="00E667D5" w:rsidRDefault="00E667D5" w:rsidP="00E667D5">
            <w:r>
              <w:t xml:space="preserve">            </w:t>
            </w:r>
          </w:p>
          <w:p w:rsidR="00E667D5" w:rsidRDefault="00E667D5" w:rsidP="00E667D5">
            <w:r>
              <w:t xml:space="preserve">                                                            &lt;input type="checkbox" name="rental_services[]"</w:t>
            </w:r>
          </w:p>
          <w:p w:rsidR="00E667D5" w:rsidRDefault="00E667D5" w:rsidP="00E667D5">
            <w:r>
              <w:t xml:space="preserve">                                                                value="transportation"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Laundry</w:t>
            </w:r>
          </w:p>
          <w:p w:rsidR="00E667D5" w:rsidRDefault="00E667D5" w:rsidP="00E667D5">
            <w:r>
              <w:t xml:space="preserve">            </w:t>
            </w:r>
          </w:p>
          <w:p w:rsidR="00E667D5" w:rsidRDefault="00E667D5" w:rsidP="00E667D5">
            <w:r>
              <w:t xml:space="preserve">                                                            &lt;input type="checkbox" name="rental_services[]" value="laundry"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Room Service</w:t>
            </w:r>
          </w:p>
          <w:p w:rsidR="00E667D5" w:rsidRDefault="00E667D5" w:rsidP="00E667D5">
            <w:r>
              <w:t xml:space="preserve">            </w:t>
            </w:r>
          </w:p>
          <w:p w:rsidR="00E667D5" w:rsidRDefault="00E667D5" w:rsidP="00E667D5">
            <w:r>
              <w:t xml:space="preserve">                                                            &lt;input type="checkbox" name="rental_services[]" value="room_service"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ul&gt;</w:t>
            </w:r>
          </w:p>
          <w:p w:rsidR="00E667D5" w:rsidRDefault="00E667D5" w:rsidP="00E667D5">
            <w:r>
              <w:t xml:space="preserve">                                            &lt;/div&gt;</w:t>
            </w:r>
          </w:p>
          <w:p w:rsidR="00E667D5" w:rsidRDefault="00E667D5" w:rsidP="00E667D5">
            <w:r>
              <w:lastRenderedPageBreak/>
              <w:t xml:space="preserve">                                            &lt;!---------------services ends------------------&gt;</w:t>
            </w:r>
          </w:p>
          <w:p w:rsidR="00E667D5" w:rsidRDefault="00E667D5" w:rsidP="00E667D5">
            <w:r>
              <w:t xml:space="preserve">            </w:t>
            </w:r>
          </w:p>
          <w:p w:rsidR="00E667D5" w:rsidRDefault="00E667D5" w:rsidP="00E667D5">
            <w:r>
              <w:t xml:space="preserve">                    &lt;!---------------meals Starts------------------&gt;</w:t>
            </w:r>
          </w:p>
          <w:p w:rsidR="00E667D5" w:rsidRDefault="00E667D5" w:rsidP="00E667D5">
            <w:r>
              <w:t xml:space="preserve">                                            &lt;div class="filter_type"&gt;</w:t>
            </w:r>
          </w:p>
          <w:p w:rsidR="00E667D5" w:rsidRDefault="00E667D5" w:rsidP="00E667D5">
            <w:r>
              <w:t xml:space="preserve">                                                &lt;h6&gt;</w:t>
            </w:r>
          </w:p>
          <w:p w:rsidR="00E667D5" w:rsidRDefault="00E667D5" w:rsidP="00E667D5">
            <w:r>
              <w:t xml:space="preserve">                                                    &lt;a aria-controls="collapseMeals" aria-expanded="false" data-toggle="collapse"</w:t>
            </w:r>
          </w:p>
          <w:p w:rsidR="00E667D5" w:rsidRDefault="00E667D5" w:rsidP="00E667D5">
            <w:r>
              <w:t xml:space="preserve">                                                        href="#collapseMeals" class="collapse-toggler collapsed"&gt;</w:t>
            </w:r>
          </w:p>
          <w:p w:rsidR="00E667D5" w:rsidRDefault="00E667D5" w:rsidP="00E667D5">
            <w:r>
              <w:t xml:space="preserve">                                                        Meals</w:t>
            </w:r>
          </w:p>
          <w:p w:rsidR="00E667D5" w:rsidRDefault="00E667D5" w:rsidP="00E667D5">
            <w:r>
              <w:t xml:space="preserve">                                                    &lt;/a&gt;</w:t>
            </w:r>
          </w:p>
          <w:p w:rsidR="00E667D5" w:rsidRDefault="00E667D5" w:rsidP="00E667D5">
            <w:r>
              <w:t xml:space="preserve">                                                &lt;/h6&gt;</w:t>
            </w:r>
          </w:p>
          <w:p w:rsidR="00E667D5" w:rsidRDefault="00E667D5" w:rsidP="00E667D5">
            <w:r>
              <w:t xml:space="preserve">                                                &lt;ul class="collapse" id="collapseMeals"&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1 Meal</w:t>
            </w:r>
          </w:p>
          <w:p w:rsidR="00E667D5" w:rsidRDefault="00E667D5" w:rsidP="00E667D5">
            <w:r>
              <w:t xml:space="preserve">                                                            &lt;div style="font-size: 11px;" class="text-muted"&gt;</w:t>
            </w:r>
          </w:p>
          <w:p w:rsidR="00E667D5" w:rsidRDefault="00E667D5" w:rsidP="00E667D5">
            <w:r>
              <w:t xml:space="preserve">                                                                Lunch or Dinner</w:t>
            </w:r>
          </w:p>
          <w:p w:rsidR="00E667D5" w:rsidRDefault="00E667D5" w:rsidP="00E667D5">
            <w:r>
              <w:t xml:space="preserve">                                                            &lt;/div&gt;</w:t>
            </w:r>
          </w:p>
          <w:p w:rsidR="00E667D5" w:rsidRDefault="00E667D5" w:rsidP="00E667D5">
            <w:r>
              <w:t xml:space="preserve">            </w:t>
            </w:r>
          </w:p>
          <w:p w:rsidR="00E667D5" w:rsidRDefault="00E667D5" w:rsidP="00E667D5">
            <w:r>
              <w:t xml:space="preserve">                                                            &lt;input type="checkbox" name="meals[]" value="one_meal_lunch_r_dinner"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2 Meal</w:t>
            </w:r>
          </w:p>
          <w:p w:rsidR="00E667D5" w:rsidRDefault="00E667D5" w:rsidP="00E667D5">
            <w:r>
              <w:t xml:space="preserve">                                                            &lt;div style="font-size: 11px;" class="text-muted"&gt;</w:t>
            </w:r>
          </w:p>
          <w:p w:rsidR="00E667D5" w:rsidRDefault="00E667D5" w:rsidP="00E667D5">
            <w:r>
              <w:t xml:space="preserve">                                                                Breakfast, Lunch or Dinner</w:t>
            </w:r>
          </w:p>
          <w:p w:rsidR="00E667D5" w:rsidRDefault="00E667D5" w:rsidP="00E667D5">
            <w:r>
              <w:t xml:space="preserve">                                                            &lt;/div&gt;</w:t>
            </w:r>
          </w:p>
          <w:p w:rsidR="00E667D5" w:rsidRDefault="00E667D5" w:rsidP="00E667D5">
            <w:r>
              <w:t xml:space="preserve">            </w:t>
            </w:r>
          </w:p>
          <w:p w:rsidR="00E667D5" w:rsidRDefault="00E667D5" w:rsidP="00E667D5">
            <w:r>
              <w:t xml:space="preserve">                                                            &lt;input type="checkbox" name="meals[]"</w:t>
            </w:r>
          </w:p>
          <w:p w:rsidR="00E667D5" w:rsidRDefault="00E667D5" w:rsidP="00E667D5">
            <w:r>
              <w:t xml:space="preserve">                                                                value="two_meal_breakfast_lunch_r_dinner"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3 Meal</w:t>
            </w:r>
          </w:p>
          <w:p w:rsidR="00E667D5" w:rsidRDefault="00E667D5" w:rsidP="00E667D5">
            <w:r>
              <w:t xml:space="preserve">                                                            &lt;div style="font-size: 11px;" class="text-muted"&gt;</w:t>
            </w:r>
          </w:p>
          <w:p w:rsidR="00E667D5" w:rsidRDefault="00E667D5" w:rsidP="00E667D5">
            <w:r>
              <w:t xml:space="preserve">                                                                Breakfast, Lunch &amp;amp; Dinner</w:t>
            </w:r>
          </w:p>
          <w:p w:rsidR="00E667D5" w:rsidRDefault="00E667D5" w:rsidP="00E667D5">
            <w:r>
              <w:t xml:space="preserve">                                                            &lt;/div&gt;</w:t>
            </w:r>
          </w:p>
          <w:p w:rsidR="00E667D5" w:rsidRDefault="00E667D5" w:rsidP="00E667D5">
            <w:r>
              <w:t xml:space="preserve">            </w:t>
            </w:r>
          </w:p>
          <w:p w:rsidR="00E667D5" w:rsidRDefault="00E667D5" w:rsidP="00E667D5">
            <w:r>
              <w:t xml:space="preserve">                                                            &lt;input type="checkbox" name="meals[]"</w:t>
            </w:r>
          </w:p>
          <w:p w:rsidR="00E667D5" w:rsidRDefault="00E667D5" w:rsidP="00E667D5">
            <w:r>
              <w:t xml:space="preserve">                                                                value="three_meal_breakfast_Lunch_a_dinner"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lastRenderedPageBreak/>
              <w:t xml:space="preserve">                                                &lt;/ul&gt;</w:t>
            </w:r>
          </w:p>
          <w:p w:rsidR="00E667D5" w:rsidRDefault="00E667D5" w:rsidP="00E667D5">
            <w:r>
              <w:t xml:space="preserve">                                            &lt;/div&gt;</w:t>
            </w:r>
          </w:p>
          <w:p w:rsidR="00E667D5" w:rsidRDefault="00E667D5" w:rsidP="00E667D5">
            <w:r>
              <w:t xml:space="preserve">            </w:t>
            </w:r>
          </w:p>
          <w:p w:rsidR="00E667D5" w:rsidRDefault="00E667D5" w:rsidP="00E667D5">
            <w:r>
              <w:t xml:space="preserve">                                            &lt;!---------------Meal ends------------------&gt;</w:t>
            </w:r>
          </w:p>
          <w:p w:rsidR="00E667D5" w:rsidRDefault="00E667D5" w:rsidP="00E667D5">
            <w:r>
              <w:t xml:space="preserve">            </w:t>
            </w:r>
          </w:p>
          <w:p w:rsidR="00E667D5" w:rsidRDefault="00E667D5" w:rsidP="00E667D5">
            <w:r>
              <w:t xml:space="preserve">                                            &lt;!---------------Diet Starts------------------&gt;</w:t>
            </w:r>
          </w:p>
          <w:p w:rsidR="00E667D5" w:rsidRDefault="00E667D5" w:rsidP="00E667D5">
            <w:r>
              <w:t xml:space="preserve">                                            &lt;div class="filter_type"&gt;</w:t>
            </w:r>
          </w:p>
          <w:p w:rsidR="00E667D5" w:rsidRDefault="00E667D5" w:rsidP="00E667D5">
            <w:r>
              <w:t xml:space="preserve">                                                &lt;h6&gt;</w:t>
            </w:r>
          </w:p>
          <w:p w:rsidR="00E667D5" w:rsidRDefault="00E667D5" w:rsidP="00E667D5">
            <w:r>
              <w:t xml:space="preserve">                                                    &lt;a aria-controls="collapseDiet" aria-expanded="false" data-toggle="collapse"</w:t>
            </w:r>
          </w:p>
          <w:p w:rsidR="00E667D5" w:rsidRDefault="00E667D5" w:rsidP="00E667D5">
            <w:r>
              <w:t xml:space="preserve">                                                        href="#collapseDiet" class="collapse-toggler collapsed"&gt;</w:t>
            </w:r>
          </w:p>
          <w:p w:rsidR="00E667D5" w:rsidRDefault="00E667D5" w:rsidP="00E667D5">
            <w:r>
              <w:t xml:space="preserve">                                                        Diet</w:t>
            </w:r>
          </w:p>
          <w:p w:rsidR="00E667D5" w:rsidRDefault="00E667D5" w:rsidP="00E667D5">
            <w:r>
              <w:t xml:space="preserve">                                                    &lt;/a&gt;</w:t>
            </w:r>
          </w:p>
          <w:p w:rsidR="00E667D5" w:rsidRDefault="00E667D5" w:rsidP="00E667D5">
            <w:r>
              <w:t xml:space="preserve">                                                &lt;/h6&gt;</w:t>
            </w:r>
          </w:p>
          <w:p w:rsidR="00E667D5" w:rsidRDefault="00E667D5" w:rsidP="00E667D5">
            <w:r>
              <w:t xml:space="preserve">                                                &lt;ul class="collapse" id="collapseDiet"&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Sugar Free / Diabetic</w:t>
            </w:r>
          </w:p>
          <w:p w:rsidR="00E667D5" w:rsidRDefault="00E667D5" w:rsidP="00E667D5">
            <w:r>
              <w:t xml:space="preserve">            </w:t>
            </w:r>
          </w:p>
          <w:p w:rsidR="00E667D5" w:rsidRDefault="00E667D5" w:rsidP="00E667D5">
            <w:r>
              <w:t xml:space="preserve">                                                            &lt;input type="checkbox" name="diets[]" value="sugar_free_diabetic"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Vegetarian</w:t>
            </w:r>
          </w:p>
          <w:p w:rsidR="00E667D5" w:rsidRDefault="00E667D5" w:rsidP="00E667D5">
            <w:r>
              <w:t xml:space="preserve">            </w:t>
            </w:r>
          </w:p>
          <w:p w:rsidR="00E667D5" w:rsidRDefault="00E667D5" w:rsidP="00E667D5">
            <w:r>
              <w:t xml:space="preserve">                                                            &lt;input type="checkbox" name="diets[]" value="vegetarian"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Dairy Free</w:t>
            </w:r>
          </w:p>
          <w:p w:rsidR="00E667D5" w:rsidRDefault="00E667D5" w:rsidP="00E667D5">
            <w:r>
              <w:t xml:space="preserve">            </w:t>
            </w:r>
          </w:p>
          <w:p w:rsidR="00E667D5" w:rsidRDefault="00E667D5" w:rsidP="00E667D5">
            <w:r>
              <w:t xml:space="preserve">                                                            &lt;input type="checkbox" name="diets[]" value="dairy_free"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Gluten Free</w:t>
            </w:r>
          </w:p>
          <w:p w:rsidR="00E667D5" w:rsidRDefault="00E667D5" w:rsidP="00E667D5">
            <w:r>
              <w:t xml:space="preserve">            </w:t>
            </w:r>
          </w:p>
          <w:p w:rsidR="00E667D5" w:rsidRDefault="00E667D5" w:rsidP="00E667D5">
            <w:r>
              <w:t xml:space="preserve">                                                            &lt;input type="checkbox" name="diets[]" value="gluten_free"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lastRenderedPageBreak/>
              <w:t xml:space="preserve">                                                    &lt;li&gt;</w:t>
            </w:r>
          </w:p>
          <w:p w:rsidR="00E667D5" w:rsidRDefault="00E667D5" w:rsidP="00E667D5">
            <w:r>
              <w:t xml:space="preserve">                                                        &lt;label class="container_check"&gt;</w:t>
            </w:r>
          </w:p>
          <w:p w:rsidR="00E667D5" w:rsidRDefault="00E667D5" w:rsidP="00E667D5">
            <w:r>
              <w:t xml:space="preserve">                                                            Kosher</w:t>
            </w:r>
          </w:p>
          <w:p w:rsidR="00E667D5" w:rsidRDefault="00E667D5" w:rsidP="00E667D5">
            <w:r>
              <w:t xml:space="preserve">            </w:t>
            </w:r>
          </w:p>
          <w:p w:rsidR="00E667D5" w:rsidRDefault="00E667D5" w:rsidP="00E667D5">
            <w:r>
              <w:t xml:space="preserve">                                                            &lt;input type="checkbox" name="diets[]" value="kosher"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ul&gt;</w:t>
            </w:r>
          </w:p>
          <w:p w:rsidR="00E667D5" w:rsidRDefault="00E667D5" w:rsidP="00E667D5">
            <w:r>
              <w:t xml:space="preserve">                                            &lt;/div&gt;</w:t>
            </w:r>
          </w:p>
          <w:p w:rsidR="00E667D5" w:rsidRDefault="00E667D5" w:rsidP="00E667D5">
            <w:r>
              <w:t xml:space="preserve">                                            &lt;!---------------diet ends------------------&gt;</w:t>
            </w:r>
          </w:p>
          <w:p w:rsidR="00E667D5" w:rsidRDefault="00E667D5" w:rsidP="00E667D5">
            <w:r>
              <w:t xml:space="preserve">            </w:t>
            </w:r>
          </w:p>
          <w:p w:rsidR="00E667D5" w:rsidRDefault="00E667D5" w:rsidP="00E667D5">
            <w:r>
              <w:t xml:space="preserve">                    &lt;!---------------care Starts------------------&gt;</w:t>
            </w:r>
          </w:p>
          <w:p w:rsidR="00E667D5" w:rsidRDefault="00E667D5" w:rsidP="00E667D5">
            <w:r>
              <w:t xml:space="preserve">                                            &lt;div class="filter_type"&gt;</w:t>
            </w:r>
          </w:p>
          <w:p w:rsidR="00E667D5" w:rsidRDefault="00E667D5" w:rsidP="00E667D5">
            <w:r>
              <w:t xml:space="preserve">                                                &lt;h6&gt;</w:t>
            </w:r>
          </w:p>
          <w:p w:rsidR="00E667D5" w:rsidRDefault="00E667D5" w:rsidP="00E667D5">
            <w:r>
              <w:t xml:space="preserve">                                                    &lt;a aria-controls="collapseCareTypes" aria-expanded="false"</w:t>
            </w:r>
          </w:p>
          <w:p w:rsidR="00E667D5" w:rsidRDefault="00E667D5" w:rsidP="00E667D5">
            <w:r>
              <w:t xml:space="preserve">                                                        data-toggle="collapse" href="#collapseCareTypes"</w:t>
            </w:r>
          </w:p>
          <w:p w:rsidR="00E667D5" w:rsidRDefault="00E667D5" w:rsidP="00E667D5">
            <w:r>
              <w:t xml:space="preserve">                                                        class="collapse-toggler collapsed"&gt;</w:t>
            </w:r>
          </w:p>
          <w:p w:rsidR="00E667D5" w:rsidRDefault="00E667D5" w:rsidP="00E667D5">
            <w:r>
              <w:t xml:space="preserve">                                                        Care</w:t>
            </w:r>
          </w:p>
          <w:p w:rsidR="00E667D5" w:rsidRDefault="00E667D5" w:rsidP="00E667D5">
            <w:r>
              <w:t xml:space="preserve">                                                    &lt;/a&gt;</w:t>
            </w:r>
          </w:p>
          <w:p w:rsidR="00E667D5" w:rsidRDefault="00E667D5" w:rsidP="00E667D5">
            <w:r>
              <w:t xml:space="preserve">                                                &lt;/h6&gt;</w:t>
            </w:r>
          </w:p>
          <w:p w:rsidR="00E667D5" w:rsidRDefault="00E667D5" w:rsidP="00E667D5">
            <w:r>
              <w:t xml:space="preserve">                                                &lt;ul class="collapse" id="collapseCareTypes"&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Bathing</w:t>
            </w:r>
          </w:p>
          <w:p w:rsidR="00E667D5" w:rsidRDefault="00E667D5" w:rsidP="00E667D5">
            <w:r>
              <w:t xml:space="preserve">            </w:t>
            </w:r>
          </w:p>
          <w:p w:rsidR="00E667D5" w:rsidRDefault="00E667D5" w:rsidP="00E667D5">
            <w:r>
              <w:t xml:space="preserve">                                                            &lt;input type="checkbox" name="cares[]" value="bathing"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Dressing</w:t>
            </w:r>
          </w:p>
          <w:p w:rsidR="00E667D5" w:rsidRDefault="00E667D5" w:rsidP="00E667D5">
            <w:r>
              <w:t xml:space="preserve">            </w:t>
            </w:r>
          </w:p>
          <w:p w:rsidR="00E667D5" w:rsidRDefault="00E667D5" w:rsidP="00E667D5">
            <w:r>
              <w:t xml:space="preserve">                                                            &lt;input type="checkbox" name="cares[]" value="dressing"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Grooming</w:t>
            </w:r>
          </w:p>
          <w:p w:rsidR="00E667D5" w:rsidRDefault="00E667D5" w:rsidP="00E667D5">
            <w:r>
              <w:t xml:space="preserve">            </w:t>
            </w:r>
          </w:p>
          <w:p w:rsidR="00E667D5" w:rsidRDefault="00E667D5" w:rsidP="00E667D5">
            <w:r>
              <w:t xml:space="preserve">                                                            &lt;input type="checkbox" name="cares[]" value="grooming"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lastRenderedPageBreak/>
              <w:t xml:space="preserve">                                                            Medication Management</w:t>
            </w:r>
          </w:p>
          <w:p w:rsidR="00E667D5" w:rsidRDefault="00E667D5" w:rsidP="00E667D5">
            <w:r>
              <w:t xml:space="preserve">            </w:t>
            </w:r>
          </w:p>
          <w:p w:rsidR="00E667D5" w:rsidRDefault="00E667D5" w:rsidP="00E667D5">
            <w:r>
              <w:t xml:space="preserve">                                                            &lt;input type="checkbox" name="cares[]" value="Medication Management"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Toileting</w:t>
            </w:r>
          </w:p>
          <w:p w:rsidR="00E667D5" w:rsidRDefault="00E667D5" w:rsidP="00E667D5">
            <w:r>
              <w:t xml:space="preserve">            </w:t>
            </w:r>
          </w:p>
          <w:p w:rsidR="00E667D5" w:rsidRDefault="00E667D5" w:rsidP="00E667D5">
            <w:r>
              <w:t xml:space="preserve">                                                            &lt;input type="checkbox" name="cares[]" value="Toileting"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Escorting</w:t>
            </w:r>
          </w:p>
          <w:p w:rsidR="00E667D5" w:rsidRDefault="00E667D5" w:rsidP="00E667D5">
            <w:r>
              <w:t xml:space="preserve">            </w:t>
            </w:r>
          </w:p>
          <w:p w:rsidR="00E667D5" w:rsidRDefault="00E667D5" w:rsidP="00E667D5">
            <w:r>
              <w:t xml:space="preserve">                                                            &lt;input type="checkbox" name="cares[]" value="escorting"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Feeding</w:t>
            </w:r>
          </w:p>
          <w:p w:rsidR="00E667D5" w:rsidRDefault="00E667D5" w:rsidP="00E667D5">
            <w:r>
              <w:t xml:space="preserve">            </w:t>
            </w:r>
          </w:p>
          <w:p w:rsidR="00E667D5" w:rsidRDefault="00E667D5" w:rsidP="00E667D5">
            <w:r>
              <w:t xml:space="preserve">                                                            &lt;input type="checkbox" name="cares[]" value="feeding"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Hoyer Lift</w:t>
            </w:r>
          </w:p>
          <w:p w:rsidR="00E667D5" w:rsidRDefault="00E667D5" w:rsidP="00E667D5">
            <w:r>
              <w:t xml:space="preserve">            </w:t>
            </w:r>
          </w:p>
          <w:p w:rsidR="00E667D5" w:rsidRDefault="00E667D5" w:rsidP="00E667D5">
            <w:r>
              <w:t xml:space="preserve">                                                            &lt;input type="checkbox" name="cares[]" value="hoyer_lift"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Insulin Injection Assistance</w:t>
            </w:r>
          </w:p>
          <w:p w:rsidR="00E667D5" w:rsidRDefault="00E667D5" w:rsidP="00E667D5">
            <w:r>
              <w:t xml:space="preserve">            </w:t>
            </w:r>
          </w:p>
          <w:p w:rsidR="00E667D5" w:rsidRDefault="00E667D5" w:rsidP="00E667D5">
            <w:r>
              <w:t xml:space="preserve">                                                            &lt;input type="checkbox" name="cares[]"</w:t>
            </w:r>
          </w:p>
          <w:p w:rsidR="00E667D5" w:rsidRDefault="00E667D5" w:rsidP="00E667D5">
            <w:r>
              <w:t xml:space="preserve">                                                                value="insulin_injection_assistance"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lastRenderedPageBreak/>
              <w:t xml:space="preserve">                                                    &lt;li&gt;</w:t>
            </w:r>
          </w:p>
          <w:p w:rsidR="00E667D5" w:rsidRDefault="00E667D5" w:rsidP="00E667D5">
            <w:r>
              <w:t xml:space="preserve">                                                        &lt;label class="container_check"&gt;</w:t>
            </w:r>
          </w:p>
          <w:p w:rsidR="00E667D5" w:rsidRDefault="00E667D5" w:rsidP="00E667D5">
            <w:r>
              <w:t xml:space="preserve">                                                            Catheter Assistance</w:t>
            </w:r>
          </w:p>
          <w:p w:rsidR="00E667D5" w:rsidRDefault="00E667D5" w:rsidP="00E667D5">
            <w:r>
              <w:t xml:space="preserve">            </w:t>
            </w:r>
          </w:p>
          <w:p w:rsidR="00E667D5" w:rsidRDefault="00E667D5" w:rsidP="00E667D5">
            <w:r>
              <w:t xml:space="preserve">                                                            &lt;input type="checkbox" name="cares[]" value="catheter_assistance"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Visiting Podiatrist</w:t>
            </w:r>
          </w:p>
          <w:p w:rsidR="00E667D5" w:rsidRDefault="00E667D5" w:rsidP="00E667D5">
            <w:r>
              <w:t xml:space="preserve">            </w:t>
            </w:r>
          </w:p>
          <w:p w:rsidR="00E667D5" w:rsidRDefault="00E667D5" w:rsidP="00E667D5">
            <w:r>
              <w:t xml:space="preserve">                                                            &lt;input type="checkbox" name="cares[]" value="visiting_podiatrist"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Visiting Primary Physician</w:t>
            </w:r>
          </w:p>
          <w:p w:rsidR="00E667D5" w:rsidRDefault="00E667D5" w:rsidP="00E667D5">
            <w:r>
              <w:t xml:space="preserve">            </w:t>
            </w:r>
          </w:p>
          <w:p w:rsidR="00E667D5" w:rsidRDefault="00E667D5" w:rsidP="00E667D5">
            <w:r>
              <w:t xml:space="preserve">                                                            &lt;input type="checkbox" name="cares[]"</w:t>
            </w:r>
          </w:p>
          <w:p w:rsidR="00E667D5" w:rsidRDefault="00E667D5" w:rsidP="00E667D5">
            <w:r>
              <w:t xml:space="preserve">                                                                value="visiting_primary_physician"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Visiting Nurse Practitioner</w:t>
            </w:r>
          </w:p>
          <w:p w:rsidR="00E667D5" w:rsidRDefault="00E667D5" w:rsidP="00E667D5">
            <w:r>
              <w:t xml:space="preserve">            </w:t>
            </w:r>
          </w:p>
          <w:p w:rsidR="00E667D5" w:rsidRDefault="00E667D5" w:rsidP="00E667D5">
            <w:r>
              <w:t xml:space="preserve">                                                            &lt;input type="checkbox" name="cares[]"</w:t>
            </w:r>
          </w:p>
          <w:p w:rsidR="00E667D5" w:rsidRDefault="00E667D5" w:rsidP="00E667D5">
            <w:r>
              <w:t xml:space="preserve">                                                                value="visiting_nurse_practioner"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Visiting Physical Therapist</w:t>
            </w:r>
          </w:p>
          <w:p w:rsidR="00E667D5" w:rsidRDefault="00E667D5" w:rsidP="00E667D5">
            <w:r>
              <w:t xml:space="preserve">            </w:t>
            </w:r>
          </w:p>
          <w:p w:rsidR="00E667D5" w:rsidRDefault="00E667D5" w:rsidP="00E667D5">
            <w:r>
              <w:t xml:space="preserve">                                                            &lt;input type="checkbox" name="cares[]"</w:t>
            </w:r>
          </w:p>
          <w:p w:rsidR="00E667D5" w:rsidRDefault="00E667D5" w:rsidP="00E667D5">
            <w:r>
              <w:t xml:space="preserve">                                                                value="visiting_physical_therapist"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ul&gt;</w:t>
            </w:r>
          </w:p>
          <w:p w:rsidR="00E667D5" w:rsidRDefault="00E667D5" w:rsidP="00E667D5">
            <w:r>
              <w:t xml:space="preserve">                                            &lt;/div&gt;</w:t>
            </w:r>
          </w:p>
          <w:p w:rsidR="00E667D5" w:rsidRDefault="00E667D5" w:rsidP="00E667D5">
            <w:r>
              <w:t xml:space="preserve">                                            &lt;!---------------Care ends------------------&gt;</w:t>
            </w:r>
          </w:p>
          <w:p w:rsidR="00E667D5" w:rsidRDefault="00E667D5" w:rsidP="00E667D5">
            <w:r>
              <w:t xml:space="preserve">            </w:t>
            </w:r>
          </w:p>
          <w:p w:rsidR="00E667D5" w:rsidRDefault="00E667D5" w:rsidP="00E667D5">
            <w:r>
              <w:lastRenderedPageBreak/>
              <w:t xml:space="preserve">                                            &lt;!---------------amentites Starts------------------&gt;</w:t>
            </w:r>
          </w:p>
          <w:p w:rsidR="00E667D5" w:rsidRDefault="00E667D5" w:rsidP="00E667D5">
            <w:r>
              <w:t xml:space="preserve">                                            &lt;div class="filter_type"&gt;</w:t>
            </w:r>
          </w:p>
          <w:p w:rsidR="00E667D5" w:rsidRDefault="00E667D5" w:rsidP="00E667D5">
            <w:r>
              <w:t xml:space="preserve">                                                &lt;h6&gt;</w:t>
            </w:r>
          </w:p>
          <w:p w:rsidR="00E667D5" w:rsidRDefault="00E667D5" w:rsidP="00E667D5">
            <w:r>
              <w:t xml:space="preserve">                                                    &lt;a aria-controls="collapseAmenities" aria-expanded="false"</w:t>
            </w:r>
          </w:p>
          <w:p w:rsidR="00E667D5" w:rsidRDefault="00E667D5" w:rsidP="00E667D5">
            <w:r>
              <w:t xml:space="preserve">                                                        data-toggle="collapse" href="#collapseAmenities"</w:t>
            </w:r>
          </w:p>
          <w:p w:rsidR="00E667D5" w:rsidRDefault="00E667D5" w:rsidP="00E667D5">
            <w:r>
              <w:t xml:space="preserve">                                                        class="collapse-toggler collapsed"&gt;</w:t>
            </w:r>
          </w:p>
          <w:p w:rsidR="00E667D5" w:rsidRDefault="00E667D5" w:rsidP="00E667D5">
            <w:r>
              <w:t xml:space="preserve">                                                        Amenities</w:t>
            </w:r>
          </w:p>
          <w:p w:rsidR="00E667D5" w:rsidRDefault="00E667D5" w:rsidP="00E667D5">
            <w:r>
              <w:t xml:space="preserve">                                                    &lt;/a&gt;</w:t>
            </w:r>
          </w:p>
          <w:p w:rsidR="00E667D5" w:rsidRDefault="00E667D5" w:rsidP="00E667D5">
            <w:r>
              <w:t xml:space="preserve">                                                &lt;/h6&gt;</w:t>
            </w:r>
          </w:p>
          <w:p w:rsidR="00E667D5" w:rsidRDefault="00E667D5" w:rsidP="00E667D5">
            <w:r>
              <w:t xml:space="preserve">                                                &lt;ul class="collapse" id="collapseAmenities"&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Dining room for Guest</w:t>
            </w:r>
          </w:p>
          <w:p w:rsidR="00E667D5" w:rsidRDefault="00E667D5" w:rsidP="00E667D5">
            <w:r>
              <w:t xml:space="preserve">            </w:t>
            </w:r>
          </w:p>
          <w:p w:rsidR="00E667D5" w:rsidRDefault="00E667D5" w:rsidP="00E667D5">
            <w:r>
              <w:t xml:space="preserve">                                                            &lt;input type="checkbox" name="amenities[]"</w:t>
            </w:r>
          </w:p>
          <w:p w:rsidR="00E667D5" w:rsidRDefault="00E667D5" w:rsidP="00E667D5">
            <w:r>
              <w:t xml:space="preserve">                                                                value="dining_room_for_guest"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Lounge - Common Areas</w:t>
            </w:r>
          </w:p>
          <w:p w:rsidR="00E667D5" w:rsidRDefault="00E667D5" w:rsidP="00E667D5">
            <w:r>
              <w:t xml:space="preserve">            </w:t>
            </w:r>
          </w:p>
          <w:p w:rsidR="00E667D5" w:rsidRDefault="00E667D5" w:rsidP="00E667D5">
            <w:r>
              <w:t xml:space="preserve">                                                            &lt;input type="checkbox" name="amenities[]" value="lounge_common_areas"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Beauty Salon / Barber Shop</w:t>
            </w:r>
          </w:p>
          <w:p w:rsidR="00E667D5" w:rsidRDefault="00E667D5" w:rsidP="00E667D5">
            <w:r>
              <w:t xml:space="preserve">            </w:t>
            </w:r>
          </w:p>
          <w:p w:rsidR="00E667D5" w:rsidRDefault="00E667D5" w:rsidP="00E667D5">
            <w:r>
              <w:t xml:space="preserve">                                                            &lt;input type="checkbox" name="amenities[]"</w:t>
            </w:r>
          </w:p>
          <w:p w:rsidR="00E667D5" w:rsidRDefault="00E667D5" w:rsidP="00E667D5">
            <w:r>
              <w:t xml:space="preserve">                                                                value="beauty_salon_barber_shop"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Theater Room</w:t>
            </w:r>
          </w:p>
          <w:p w:rsidR="00E667D5" w:rsidRDefault="00E667D5" w:rsidP="00E667D5">
            <w:r>
              <w:t xml:space="preserve">            </w:t>
            </w:r>
          </w:p>
          <w:p w:rsidR="00E667D5" w:rsidRDefault="00E667D5" w:rsidP="00E667D5">
            <w:r>
              <w:t xml:space="preserve">                                                            &lt;input type="checkbox" name="amenities[]" value="theater_room"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Exercise Room</w:t>
            </w:r>
          </w:p>
          <w:p w:rsidR="00E667D5" w:rsidRDefault="00E667D5" w:rsidP="00E667D5">
            <w:r>
              <w:lastRenderedPageBreak/>
              <w:t xml:space="preserve">            </w:t>
            </w:r>
          </w:p>
          <w:p w:rsidR="00E667D5" w:rsidRDefault="00E667D5" w:rsidP="00E667D5">
            <w:r>
              <w:t xml:space="preserve">                                                            &lt;input type="checkbox" name="amenities[]" value="exercise_room"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Physical Therapy</w:t>
            </w:r>
          </w:p>
          <w:p w:rsidR="00E667D5" w:rsidRDefault="00E667D5" w:rsidP="00E667D5">
            <w:r>
              <w:t xml:space="preserve">            </w:t>
            </w:r>
          </w:p>
          <w:p w:rsidR="00E667D5" w:rsidRDefault="00E667D5" w:rsidP="00E667D5">
            <w:r>
              <w:t xml:space="preserve">                                                            &lt;input type="checkbox" name="amenities[]" value="physical_therapy"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Library</w:t>
            </w:r>
          </w:p>
          <w:p w:rsidR="00E667D5" w:rsidRDefault="00E667D5" w:rsidP="00E667D5">
            <w:r>
              <w:t xml:space="preserve">            </w:t>
            </w:r>
          </w:p>
          <w:p w:rsidR="00E667D5" w:rsidRDefault="00E667D5" w:rsidP="00E667D5">
            <w:r>
              <w:t xml:space="preserve">                                                            &lt;input type="checkbox" name="amenities[]" value="library"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Pool</w:t>
            </w:r>
          </w:p>
          <w:p w:rsidR="00E667D5" w:rsidRDefault="00E667D5" w:rsidP="00E667D5">
            <w:r>
              <w:t xml:space="preserve">            </w:t>
            </w:r>
          </w:p>
          <w:p w:rsidR="00E667D5" w:rsidRDefault="00E667D5" w:rsidP="00E667D5">
            <w:r>
              <w:t xml:space="preserve">                                                            &lt;input type="checkbox" name="amenities[]" value="pool"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Putting Green</w:t>
            </w:r>
          </w:p>
          <w:p w:rsidR="00E667D5" w:rsidRDefault="00E667D5" w:rsidP="00E667D5">
            <w:r>
              <w:t xml:space="preserve">            </w:t>
            </w:r>
          </w:p>
          <w:p w:rsidR="00E667D5" w:rsidRDefault="00E667D5" w:rsidP="00E667D5">
            <w:r>
              <w:t xml:space="preserve">                                                            &lt;input type="checkbox" name="amenities[]" value="putting_green"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Golf Course</w:t>
            </w:r>
          </w:p>
          <w:p w:rsidR="00E667D5" w:rsidRDefault="00E667D5" w:rsidP="00E667D5">
            <w:r>
              <w:t xml:space="preserve">            </w:t>
            </w:r>
          </w:p>
          <w:p w:rsidR="00E667D5" w:rsidRDefault="00E667D5" w:rsidP="00E667D5">
            <w:r>
              <w:t xml:space="preserve">                                                            &lt;input type="checkbox" name="amenities[]" value="100009"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lastRenderedPageBreak/>
              <w:t xml:space="preserve">                                                        &lt;label class="container_check"&gt;</w:t>
            </w:r>
          </w:p>
          <w:p w:rsidR="00E667D5" w:rsidRDefault="00E667D5" w:rsidP="00E667D5">
            <w:r>
              <w:t xml:space="preserve">                                                            Picnic Areas</w:t>
            </w:r>
          </w:p>
          <w:p w:rsidR="00E667D5" w:rsidRDefault="00E667D5" w:rsidP="00E667D5">
            <w:r>
              <w:t xml:space="preserve">            </w:t>
            </w:r>
          </w:p>
          <w:p w:rsidR="00E667D5" w:rsidRDefault="00E667D5" w:rsidP="00E667D5">
            <w:r>
              <w:t xml:space="preserve">                                                            &lt;input type="checkbox" name="amenities[]" value="100010"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Barbecues</w:t>
            </w:r>
          </w:p>
          <w:p w:rsidR="00E667D5" w:rsidRDefault="00E667D5" w:rsidP="00E667D5">
            <w:r>
              <w:t xml:space="preserve">            </w:t>
            </w:r>
          </w:p>
          <w:p w:rsidR="00E667D5" w:rsidRDefault="00E667D5" w:rsidP="00E667D5">
            <w:r>
              <w:t xml:space="preserve">                                                            &lt;input type="checkbox" name="amenities[]" value="barbecues"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Bistro</w:t>
            </w:r>
          </w:p>
          <w:p w:rsidR="00E667D5" w:rsidRDefault="00E667D5" w:rsidP="00E667D5">
            <w:r>
              <w:t xml:space="preserve">            </w:t>
            </w:r>
          </w:p>
          <w:p w:rsidR="00E667D5" w:rsidRDefault="00E667D5" w:rsidP="00E667D5">
            <w:r>
              <w:t xml:space="preserve">                                                            &lt;input type="checkbox" name="amenities[]" value="bistro"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Pizza Grotto</w:t>
            </w:r>
          </w:p>
          <w:p w:rsidR="00E667D5" w:rsidRDefault="00E667D5" w:rsidP="00E667D5">
            <w:r>
              <w:t xml:space="preserve">            </w:t>
            </w:r>
          </w:p>
          <w:p w:rsidR="00E667D5" w:rsidRDefault="00E667D5" w:rsidP="00E667D5">
            <w:r>
              <w:t xml:space="preserve">                                                            &lt;input type="checkbox" name="amenities[]" value="pizza_grotto"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Bar</w:t>
            </w:r>
          </w:p>
          <w:p w:rsidR="00E667D5" w:rsidRDefault="00E667D5" w:rsidP="00E667D5">
            <w:r>
              <w:t xml:space="preserve">            </w:t>
            </w:r>
          </w:p>
          <w:p w:rsidR="00E667D5" w:rsidRDefault="00E667D5" w:rsidP="00E667D5">
            <w:r>
              <w:t xml:space="preserve">                                                            &lt;input type="checkbox" name="amenities[]" value="bar"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Restaurants</w:t>
            </w:r>
          </w:p>
          <w:p w:rsidR="00E667D5" w:rsidRDefault="00E667D5" w:rsidP="00E667D5">
            <w:r>
              <w:t xml:space="preserve">            </w:t>
            </w:r>
          </w:p>
          <w:p w:rsidR="00E667D5" w:rsidRDefault="00E667D5" w:rsidP="00E667D5">
            <w:r>
              <w:t xml:space="preserve">                                                            &lt;input type="checkbox" name="amenities[]" value="restaurants"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lastRenderedPageBreak/>
              <w:t xml:space="preserve">                                                        &lt;label class="container_check"&gt;</w:t>
            </w:r>
          </w:p>
          <w:p w:rsidR="00E667D5" w:rsidRDefault="00E667D5" w:rsidP="00E667D5">
            <w:r>
              <w:t xml:space="preserve">                                                            Recreation Room</w:t>
            </w:r>
          </w:p>
          <w:p w:rsidR="00E667D5" w:rsidRDefault="00E667D5" w:rsidP="00E667D5">
            <w:r>
              <w:t xml:space="preserve">            </w:t>
            </w:r>
          </w:p>
          <w:p w:rsidR="00E667D5" w:rsidRDefault="00E667D5" w:rsidP="00E667D5">
            <w:r>
              <w:t xml:space="preserve">                                                            &lt;input type="checkbox" name="amenities[]" value="recreation_room"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Jacuzzi</w:t>
            </w:r>
          </w:p>
          <w:p w:rsidR="00E667D5" w:rsidRDefault="00E667D5" w:rsidP="00E667D5">
            <w:r>
              <w:t xml:space="preserve">            </w:t>
            </w:r>
          </w:p>
          <w:p w:rsidR="00E667D5" w:rsidRDefault="00E667D5" w:rsidP="00E667D5">
            <w:r>
              <w:t xml:space="preserve">                                                            &lt;input type="checkbox" name="amenities[]" value="jacuzzi"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Sauna</w:t>
            </w:r>
          </w:p>
          <w:p w:rsidR="00E667D5" w:rsidRDefault="00E667D5" w:rsidP="00E667D5">
            <w:r>
              <w:t xml:space="preserve">            </w:t>
            </w:r>
          </w:p>
          <w:p w:rsidR="00E667D5" w:rsidRDefault="00E667D5" w:rsidP="00E667D5">
            <w:r>
              <w:t xml:space="preserve">                                                            &lt;input type="checkbox" name="amenities[]" value="sauna"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ul&gt;</w:t>
            </w:r>
          </w:p>
          <w:p w:rsidR="00E667D5" w:rsidRDefault="00E667D5" w:rsidP="00E667D5">
            <w:r>
              <w:t xml:space="preserve">                                            &lt;/div&gt;</w:t>
            </w:r>
          </w:p>
          <w:p w:rsidR="00E667D5" w:rsidRDefault="00E667D5" w:rsidP="00E667D5">
            <w:r>
              <w:t xml:space="preserve">                                            &lt;!---------------amenities ends------------------&gt;</w:t>
            </w:r>
          </w:p>
          <w:p w:rsidR="00E667D5" w:rsidRDefault="00E667D5" w:rsidP="00E667D5">
            <w:r>
              <w:t xml:space="preserve">            </w:t>
            </w:r>
          </w:p>
          <w:p w:rsidR="00E667D5" w:rsidRDefault="00E667D5" w:rsidP="00E667D5">
            <w:r>
              <w:t xml:space="preserve">                                            &lt;!---------------Entertainments Starts------------------&gt;</w:t>
            </w:r>
          </w:p>
          <w:p w:rsidR="00E667D5" w:rsidRDefault="00E667D5" w:rsidP="00E667D5">
            <w:r>
              <w:t xml:space="preserve">                                            &lt;div class="filter_type"&gt;</w:t>
            </w:r>
          </w:p>
          <w:p w:rsidR="00E667D5" w:rsidRDefault="00E667D5" w:rsidP="00E667D5">
            <w:r>
              <w:t xml:space="preserve">                                                &lt;h6&gt;</w:t>
            </w:r>
          </w:p>
          <w:p w:rsidR="00E667D5" w:rsidRDefault="00E667D5" w:rsidP="00E667D5">
            <w:r>
              <w:t xml:space="preserve">                                                    &lt;a aria-controls="collapseEntertainments" aria-expanded="false"</w:t>
            </w:r>
          </w:p>
          <w:p w:rsidR="00E667D5" w:rsidRDefault="00E667D5" w:rsidP="00E667D5">
            <w:r>
              <w:t xml:space="preserve">                                                        data-toggle="collapse" href="#collapseEntertainments"</w:t>
            </w:r>
          </w:p>
          <w:p w:rsidR="00E667D5" w:rsidRDefault="00E667D5" w:rsidP="00E667D5">
            <w:r>
              <w:t xml:space="preserve">                                                        class="collapse-toggler collapsed"&gt;</w:t>
            </w:r>
          </w:p>
          <w:p w:rsidR="00E667D5" w:rsidRDefault="00E667D5" w:rsidP="00E667D5">
            <w:r>
              <w:t xml:space="preserve">                                                        Entertainment</w:t>
            </w:r>
          </w:p>
          <w:p w:rsidR="00E667D5" w:rsidRDefault="00E667D5" w:rsidP="00E667D5">
            <w:r>
              <w:t xml:space="preserve">                                                    &lt;/a&gt;</w:t>
            </w:r>
          </w:p>
          <w:p w:rsidR="00E667D5" w:rsidRDefault="00E667D5" w:rsidP="00E667D5">
            <w:r>
              <w:t xml:space="preserve">                                                &lt;/h6&gt;</w:t>
            </w:r>
          </w:p>
          <w:p w:rsidR="00E667D5" w:rsidRDefault="00E667D5" w:rsidP="00E667D5">
            <w:r>
              <w:t xml:space="preserve">                                                &lt;ul class="collapse" id="collapseEntertainments"&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Arts &amp;amp; Crafts</w:t>
            </w:r>
          </w:p>
          <w:p w:rsidR="00E667D5" w:rsidRDefault="00E667D5" w:rsidP="00E667D5">
            <w:r>
              <w:t xml:space="preserve">            </w:t>
            </w:r>
          </w:p>
          <w:p w:rsidR="00E667D5" w:rsidRDefault="00E667D5" w:rsidP="00E667D5">
            <w:r>
              <w:t xml:space="preserve">                                                            &lt;input type="checkbox" name="entertainments[]" value="arts_crafts"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lastRenderedPageBreak/>
              <w:t xml:space="preserve">                                                        &lt;label class="container_check"&gt;</w:t>
            </w:r>
          </w:p>
          <w:p w:rsidR="00E667D5" w:rsidRDefault="00E667D5" w:rsidP="00E667D5">
            <w:r>
              <w:t xml:space="preserve">                                                            Field Trips</w:t>
            </w:r>
          </w:p>
          <w:p w:rsidR="00E667D5" w:rsidRDefault="00E667D5" w:rsidP="00E667D5">
            <w:r>
              <w:t xml:space="preserve">            </w:t>
            </w:r>
          </w:p>
          <w:p w:rsidR="00E667D5" w:rsidRDefault="00E667D5" w:rsidP="00E667D5">
            <w:r>
              <w:t xml:space="preserve">                                                            &lt;input type="checkbox" name="entertainments[]" value="field_trips"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Movie Nights</w:t>
            </w:r>
          </w:p>
          <w:p w:rsidR="00E667D5" w:rsidRDefault="00E667D5" w:rsidP="00E667D5">
            <w:r>
              <w:t xml:space="preserve">            </w:t>
            </w:r>
          </w:p>
          <w:p w:rsidR="00E667D5" w:rsidRDefault="00E667D5" w:rsidP="00E667D5">
            <w:r>
              <w:t xml:space="preserve">                                                            &lt;input type="checkbox" name="entertainments[]" value="movie_nights"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Live Entertainment</w:t>
            </w:r>
          </w:p>
          <w:p w:rsidR="00E667D5" w:rsidRDefault="00E667D5" w:rsidP="00E667D5">
            <w:r>
              <w:t xml:space="preserve">            </w:t>
            </w:r>
          </w:p>
          <w:p w:rsidR="00E667D5" w:rsidRDefault="00E667D5" w:rsidP="00E667D5">
            <w:r>
              <w:t xml:space="preserve">                                                            &lt;input type="checkbox" name="entertainments[]"</w:t>
            </w:r>
          </w:p>
          <w:p w:rsidR="00E667D5" w:rsidRDefault="00E667D5" w:rsidP="00E667D5">
            <w:r>
              <w:t xml:space="preserve">                                                                value="live_entertainment"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Bingo</w:t>
            </w:r>
          </w:p>
          <w:p w:rsidR="00E667D5" w:rsidRDefault="00E667D5" w:rsidP="00E667D5">
            <w:r>
              <w:t xml:space="preserve">            </w:t>
            </w:r>
          </w:p>
          <w:p w:rsidR="00E667D5" w:rsidRDefault="00E667D5" w:rsidP="00E667D5">
            <w:r>
              <w:t xml:space="preserve">                                                            &lt;input type="checkbox" name="entertainments[]" value="bingo"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Social &amp;amp; Hobby Clubs</w:t>
            </w:r>
          </w:p>
          <w:p w:rsidR="00E667D5" w:rsidRDefault="00E667D5" w:rsidP="00E667D5">
            <w:r>
              <w:t xml:space="preserve">            </w:t>
            </w:r>
          </w:p>
          <w:p w:rsidR="00E667D5" w:rsidRDefault="00E667D5" w:rsidP="00E667D5">
            <w:r>
              <w:t xml:space="preserve">                                                            &lt;input type="checkbox" name="entertainments[]" value="100005"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Classes for Learning</w:t>
            </w:r>
          </w:p>
          <w:p w:rsidR="00E667D5" w:rsidRDefault="00E667D5" w:rsidP="00E667D5">
            <w:r>
              <w:t xml:space="preserve">            </w:t>
            </w:r>
          </w:p>
          <w:p w:rsidR="00E667D5" w:rsidRDefault="00E667D5" w:rsidP="00E667D5">
            <w:r>
              <w:t xml:space="preserve">                                                            &lt;input type="checkbox" name="entertainments[]"</w:t>
            </w:r>
          </w:p>
          <w:p w:rsidR="00E667D5" w:rsidRDefault="00E667D5" w:rsidP="00E667D5">
            <w:r>
              <w:t xml:space="preserve">                                                                value="classes_for_learning" /&gt;</w:t>
            </w:r>
          </w:p>
          <w:p w:rsidR="00E667D5" w:rsidRDefault="00E667D5" w:rsidP="00E667D5">
            <w:r>
              <w:lastRenderedPageBreak/>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Holiday Celebrations</w:t>
            </w:r>
          </w:p>
          <w:p w:rsidR="00E667D5" w:rsidRDefault="00E667D5" w:rsidP="00E667D5">
            <w:r>
              <w:t xml:space="preserve">            </w:t>
            </w:r>
          </w:p>
          <w:p w:rsidR="00E667D5" w:rsidRDefault="00E667D5" w:rsidP="00E667D5">
            <w:r>
              <w:t xml:space="preserve">                                                            &lt;input type="checkbox" name="entertainments[]"</w:t>
            </w:r>
          </w:p>
          <w:p w:rsidR="00E667D5" w:rsidRDefault="00E667D5" w:rsidP="00E667D5">
            <w:r>
              <w:t xml:space="preserve">                                                                value="holiday_celebrations"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Resident Council / Caucus</w:t>
            </w:r>
          </w:p>
          <w:p w:rsidR="00E667D5" w:rsidRDefault="00E667D5" w:rsidP="00E667D5">
            <w:r>
              <w:t xml:space="preserve">            </w:t>
            </w:r>
          </w:p>
          <w:p w:rsidR="00E667D5" w:rsidRDefault="00E667D5" w:rsidP="00E667D5">
            <w:r>
              <w:t xml:space="preserve">                                                            &lt;input type="checkbox" name="entertainments[]"</w:t>
            </w:r>
          </w:p>
          <w:p w:rsidR="00E667D5" w:rsidRDefault="00E667D5" w:rsidP="00E667D5">
            <w:r>
              <w:t xml:space="preserve">                                                                value="resident_council_caucus"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Shuffleboard</w:t>
            </w:r>
          </w:p>
          <w:p w:rsidR="00E667D5" w:rsidRDefault="00E667D5" w:rsidP="00E667D5">
            <w:r>
              <w:t xml:space="preserve">            </w:t>
            </w:r>
          </w:p>
          <w:p w:rsidR="00E667D5" w:rsidRDefault="00E667D5" w:rsidP="00E667D5">
            <w:r>
              <w:t xml:space="preserve">                                                            &lt;input type="checkbox" name="entertainments[]" value="shuffleboard"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Bocce Ball</w:t>
            </w:r>
          </w:p>
          <w:p w:rsidR="00E667D5" w:rsidRDefault="00E667D5" w:rsidP="00E667D5">
            <w:r>
              <w:t xml:space="preserve">            </w:t>
            </w:r>
          </w:p>
          <w:p w:rsidR="00E667D5" w:rsidRDefault="00E667D5" w:rsidP="00E667D5">
            <w:r>
              <w:t xml:space="preserve">                                                            &lt;input type="checkbox" name="entertainments[]" value="bocce_ball"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Tennis Courts</w:t>
            </w:r>
          </w:p>
          <w:p w:rsidR="00E667D5" w:rsidRDefault="00E667D5" w:rsidP="00E667D5">
            <w:r>
              <w:t xml:space="preserve">            </w:t>
            </w:r>
          </w:p>
          <w:p w:rsidR="00E667D5" w:rsidRDefault="00E667D5" w:rsidP="00E667D5">
            <w:r>
              <w:t xml:space="preserve">                                                            &lt;input type="checkbox" name="entertainments[]" value="tennis_courts"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lastRenderedPageBreak/>
              <w:t xml:space="preserve">                                                    &lt;li&gt;</w:t>
            </w:r>
          </w:p>
          <w:p w:rsidR="00E667D5" w:rsidRDefault="00E667D5" w:rsidP="00E667D5">
            <w:r>
              <w:t xml:space="preserve">                                                        &lt;label class="container_check"&gt;</w:t>
            </w:r>
          </w:p>
          <w:p w:rsidR="00E667D5" w:rsidRDefault="00E667D5" w:rsidP="00E667D5">
            <w:r>
              <w:t xml:space="preserve">                                                            Pickle Ball</w:t>
            </w:r>
          </w:p>
          <w:p w:rsidR="00E667D5" w:rsidRDefault="00E667D5" w:rsidP="00E667D5">
            <w:r>
              <w:t xml:space="preserve">            </w:t>
            </w:r>
          </w:p>
          <w:p w:rsidR="00E667D5" w:rsidRDefault="00E667D5" w:rsidP="00E667D5">
            <w:r>
              <w:t xml:space="preserve">                                                            &lt;input type="checkbox" name="entertainments[]" value="pickle_ball"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Ping Pong</w:t>
            </w:r>
          </w:p>
          <w:p w:rsidR="00E667D5" w:rsidRDefault="00E667D5" w:rsidP="00E667D5">
            <w:r>
              <w:t xml:space="preserve">            </w:t>
            </w:r>
          </w:p>
          <w:p w:rsidR="00E667D5" w:rsidRDefault="00E667D5" w:rsidP="00E667D5">
            <w:r>
              <w:t xml:space="preserve">                                                            &lt;input type="checkbox" name="entertainments[]" value="ping_pong"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ul&gt;</w:t>
            </w:r>
          </w:p>
          <w:p w:rsidR="00E667D5" w:rsidRDefault="00E667D5" w:rsidP="00E667D5">
            <w:r>
              <w:t xml:space="preserve">                                            &lt;/div&gt;</w:t>
            </w:r>
          </w:p>
          <w:p w:rsidR="00E667D5" w:rsidRDefault="00E667D5" w:rsidP="00E667D5">
            <w:r>
              <w:t xml:space="preserve">                                            &lt;!---------------Entertainment ends------------------&gt;</w:t>
            </w:r>
          </w:p>
          <w:p w:rsidR="00E667D5" w:rsidRDefault="00E667D5" w:rsidP="00E667D5">
            <w:r>
              <w:t xml:space="preserve">            </w:t>
            </w:r>
          </w:p>
          <w:p w:rsidR="00E667D5" w:rsidRDefault="00E667D5" w:rsidP="00E667D5">
            <w:r>
              <w:t xml:space="preserve">                                            &lt;!---------------religion Starts------------------&gt;</w:t>
            </w:r>
          </w:p>
          <w:p w:rsidR="00E667D5" w:rsidRDefault="00E667D5" w:rsidP="00E667D5">
            <w:r>
              <w:t xml:space="preserve">                                            &lt;div class="filter_type"&gt;</w:t>
            </w:r>
          </w:p>
          <w:p w:rsidR="00E667D5" w:rsidRDefault="00E667D5" w:rsidP="00E667D5">
            <w:r>
              <w:t xml:space="preserve">                                                &lt;h6&gt;</w:t>
            </w:r>
          </w:p>
          <w:p w:rsidR="00E667D5" w:rsidRDefault="00E667D5" w:rsidP="00E667D5">
            <w:r>
              <w:t xml:space="preserve">                                                    &lt;a aria-controls="collapseReligions" aria-expanded="false"</w:t>
            </w:r>
          </w:p>
          <w:p w:rsidR="00E667D5" w:rsidRDefault="00E667D5" w:rsidP="00E667D5">
            <w:r>
              <w:t xml:space="preserve">                                                        data-toggle="collapse" href="#collapseReligions"</w:t>
            </w:r>
          </w:p>
          <w:p w:rsidR="00E667D5" w:rsidRDefault="00E667D5" w:rsidP="00E667D5">
            <w:r>
              <w:t xml:space="preserve">                                                        class="collapse-toggler collapsed"&gt;</w:t>
            </w:r>
          </w:p>
          <w:p w:rsidR="00E667D5" w:rsidRDefault="00E667D5" w:rsidP="00E667D5">
            <w:r>
              <w:t xml:space="preserve">                                                        Religious Services</w:t>
            </w:r>
          </w:p>
          <w:p w:rsidR="00E667D5" w:rsidRDefault="00E667D5" w:rsidP="00E667D5">
            <w:r>
              <w:t xml:space="preserve">                                                    &lt;/a&gt;</w:t>
            </w:r>
          </w:p>
          <w:p w:rsidR="00E667D5" w:rsidRDefault="00E667D5" w:rsidP="00E667D5">
            <w:r>
              <w:t xml:space="preserve">                                                &lt;/h6&gt;</w:t>
            </w:r>
          </w:p>
          <w:p w:rsidR="00E667D5" w:rsidRDefault="00E667D5" w:rsidP="00E667D5">
            <w:r>
              <w:t xml:space="preserve">                                                &lt;ul class="collapse" id="collapseReligions"&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Christian</w:t>
            </w:r>
          </w:p>
          <w:p w:rsidR="00E667D5" w:rsidRDefault="00E667D5" w:rsidP="00E667D5">
            <w:r>
              <w:t xml:space="preserve">            </w:t>
            </w:r>
          </w:p>
          <w:p w:rsidR="00E667D5" w:rsidRDefault="00E667D5" w:rsidP="00E667D5">
            <w:r>
              <w:t xml:space="preserve">                                                            &lt;input type="checkbox" name="religions[]" value="christian"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Catholic</w:t>
            </w:r>
          </w:p>
          <w:p w:rsidR="00E667D5" w:rsidRDefault="00E667D5" w:rsidP="00E667D5">
            <w:r>
              <w:t xml:space="preserve">            </w:t>
            </w:r>
          </w:p>
          <w:p w:rsidR="00E667D5" w:rsidRDefault="00E667D5" w:rsidP="00E667D5">
            <w:r>
              <w:t xml:space="preserve">                                                            &lt;input type="checkbox" name="religions[]" value="catholic"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lastRenderedPageBreak/>
              <w:t xml:space="preserve">                                                    &lt;li&gt;</w:t>
            </w:r>
          </w:p>
          <w:p w:rsidR="00E667D5" w:rsidRDefault="00E667D5" w:rsidP="00E667D5">
            <w:r>
              <w:t xml:space="preserve">                                                        &lt;label class="container_check"&gt;</w:t>
            </w:r>
          </w:p>
          <w:p w:rsidR="00E667D5" w:rsidRDefault="00E667D5" w:rsidP="00E667D5">
            <w:r>
              <w:t xml:space="preserve">                                                            Jewish</w:t>
            </w:r>
          </w:p>
          <w:p w:rsidR="00E667D5" w:rsidRDefault="00E667D5" w:rsidP="00E667D5">
            <w:r>
              <w:t xml:space="preserve">            </w:t>
            </w:r>
          </w:p>
          <w:p w:rsidR="00E667D5" w:rsidRDefault="00E667D5" w:rsidP="00E667D5">
            <w:r>
              <w:t xml:space="preserve">                                                            &lt;input type="checkbox" name="religions[]" value="jewish"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Muslim</w:t>
            </w:r>
          </w:p>
          <w:p w:rsidR="00E667D5" w:rsidRDefault="00E667D5" w:rsidP="00E667D5">
            <w:r>
              <w:t xml:space="preserve">            </w:t>
            </w:r>
          </w:p>
          <w:p w:rsidR="00E667D5" w:rsidRDefault="00E667D5" w:rsidP="00E667D5">
            <w:r>
              <w:t xml:space="preserve">                                                            &lt;input type="checkbox" name="religions[]" value="muslim"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Buddhist</w:t>
            </w:r>
          </w:p>
          <w:p w:rsidR="00E667D5" w:rsidRDefault="00E667D5" w:rsidP="00E667D5">
            <w:r>
              <w:t xml:space="preserve">            </w:t>
            </w:r>
          </w:p>
          <w:p w:rsidR="00E667D5" w:rsidRDefault="00E667D5" w:rsidP="00E667D5">
            <w:r>
              <w:t xml:space="preserve">                                                            &lt;input type="checkbox" name="religions[]" value="buddhist"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Hindu</w:t>
            </w:r>
          </w:p>
          <w:p w:rsidR="00E667D5" w:rsidRDefault="00E667D5" w:rsidP="00E667D5">
            <w:r>
              <w:t xml:space="preserve">            </w:t>
            </w:r>
          </w:p>
          <w:p w:rsidR="00E667D5" w:rsidRDefault="00E667D5" w:rsidP="00E667D5">
            <w:r>
              <w:t xml:space="preserve">                                                            &lt;input type="checkbox" name="religions[]" value="hindu"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ul&gt;</w:t>
            </w:r>
          </w:p>
          <w:p w:rsidR="00E667D5" w:rsidRDefault="00E667D5" w:rsidP="00E667D5">
            <w:r>
              <w:t xml:space="preserve">                                            &lt;/div&gt;</w:t>
            </w:r>
          </w:p>
          <w:p w:rsidR="00E667D5" w:rsidRDefault="00E667D5" w:rsidP="00E667D5">
            <w:r>
              <w:t xml:space="preserve">                                            &lt;!---------------religion ends------------------&gt;</w:t>
            </w:r>
          </w:p>
          <w:p w:rsidR="00E667D5" w:rsidRDefault="00E667D5" w:rsidP="00E667D5">
            <w:r>
              <w:t xml:space="preserve">                                            </w:t>
            </w:r>
          </w:p>
          <w:p w:rsidR="00E667D5" w:rsidRDefault="00E667D5" w:rsidP="00E667D5">
            <w:r>
              <w:t xml:space="preserve">                                            &lt;!---------------feature Starts------------------&gt;</w:t>
            </w:r>
          </w:p>
          <w:p w:rsidR="00E667D5" w:rsidRDefault="00E667D5" w:rsidP="00E667D5">
            <w:r>
              <w:t xml:space="preserve">                                            &lt;div class="filter_type"&gt;</w:t>
            </w:r>
          </w:p>
          <w:p w:rsidR="00E667D5" w:rsidRDefault="00E667D5" w:rsidP="00E667D5">
            <w:r>
              <w:t xml:space="preserve">                                                &lt;h6&gt;</w:t>
            </w:r>
          </w:p>
          <w:p w:rsidR="00E667D5" w:rsidRDefault="00E667D5" w:rsidP="00E667D5">
            <w:r>
              <w:t xml:space="preserve">                                                    &lt;a aria-controls="collapseFeatures" aria-expanded="false"</w:t>
            </w:r>
          </w:p>
          <w:p w:rsidR="00E667D5" w:rsidRDefault="00E667D5" w:rsidP="00E667D5">
            <w:r>
              <w:t xml:space="preserve">                                                        data-toggle="collapse" href="#collapseFeatures"</w:t>
            </w:r>
          </w:p>
          <w:p w:rsidR="00E667D5" w:rsidRDefault="00E667D5" w:rsidP="00E667D5">
            <w:r>
              <w:t xml:space="preserve">                                                        class="collapse-toggler collapsed"&gt;</w:t>
            </w:r>
          </w:p>
          <w:p w:rsidR="00E667D5" w:rsidRDefault="00E667D5" w:rsidP="00E667D5">
            <w:r>
              <w:t xml:space="preserve">                                                        Features</w:t>
            </w:r>
          </w:p>
          <w:p w:rsidR="00E667D5" w:rsidRDefault="00E667D5" w:rsidP="00E667D5">
            <w:r>
              <w:t xml:space="preserve">                                                    &lt;/a&gt;</w:t>
            </w:r>
          </w:p>
          <w:p w:rsidR="00E667D5" w:rsidRDefault="00E667D5" w:rsidP="00E667D5">
            <w:r>
              <w:t xml:space="preserve">                                                &lt;/h6&gt;</w:t>
            </w:r>
          </w:p>
          <w:p w:rsidR="00E667D5" w:rsidRDefault="00E667D5" w:rsidP="00E667D5">
            <w:r>
              <w:t xml:space="preserve">                                                &lt;ul class="collapse" id="collapseFeatures"&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lastRenderedPageBreak/>
              <w:t xml:space="preserve">                                                            Electric Wheelchair</w:t>
            </w:r>
          </w:p>
          <w:p w:rsidR="00E667D5" w:rsidRDefault="00E667D5" w:rsidP="00E667D5">
            <w:r>
              <w:t xml:space="preserve">            </w:t>
            </w:r>
          </w:p>
          <w:p w:rsidR="00E667D5" w:rsidRDefault="00E667D5" w:rsidP="00E667D5">
            <w:r>
              <w:t xml:space="preserve">                                                            &lt;input type="checkbox" name="features[]" value="electric_wheelchair"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1 Bird</w:t>
            </w:r>
          </w:p>
          <w:p w:rsidR="00E667D5" w:rsidRDefault="00E667D5" w:rsidP="00E667D5">
            <w:r>
              <w:t xml:space="preserve">            </w:t>
            </w:r>
          </w:p>
          <w:p w:rsidR="00E667D5" w:rsidRDefault="00E667D5" w:rsidP="00E667D5">
            <w:r>
              <w:t xml:space="preserve">                                                            &lt;input type="checkbox" name="features[]" value="one_bird"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1 Cat</w:t>
            </w:r>
          </w:p>
          <w:p w:rsidR="00E667D5" w:rsidRDefault="00E667D5" w:rsidP="00E667D5">
            <w:r>
              <w:t xml:space="preserve">            </w:t>
            </w:r>
          </w:p>
          <w:p w:rsidR="00E667D5" w:rsidRDefault="00E667D5" w:rsidP="00E667D5">
            <w:r>
              <w:t xml:space="preserve">                                                            &lt;input type="checkbox" name="features[]" value="one_cat"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1 Dog</w:t>
            </w:r>
          </w:p>
          <w:p w:rsidR="00E667D5" w:rsidRDefault="00E667D5" w:rsidP="00E667D5">
            <w:r>
              <w:t xml:space="preserve">            </w:t>
            </w:r>
          </w:p>
          <w:p w:rsidR="00E667D5" w:rsidRDefault="00E667D5" w:rsidP="00E667D5">
            <w:r>
              <w:t xml:space="preserve">                                                            &lt;input type="checkbox" name="features[]" value="one_dog_20lbs"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lt;li&gt;</w:t>
            </w:r>
          </w:p>
          <w:p w:rsidR="00E667D5" w:rsidRDefault="00E667D5" w:rsidP="00E667D5">
            <w:r>
              <w:t xml:space="preserve">                                                        &lt;label class="container_check"&gt;</w:t>
            </w:r>
          </w:p>
          <w:p w:rsidR="00E667D5" w:rsidRDefault="00E667D5" w:rsidP="00E667D5">
            <w:r>
              <w:t xml:space="preserve">                                                            Smoking</w:t>
            </w:r>
          </w:p>
          <w:p w:rsidR="00E667D5" w:rsidRDefault="00E667D5" w:rsidP="00E667D5">
            <w:r>
              <w:t xml:space="preserve">            </w:t>
            </w:r>
          </w:p>
          <w:p w:rsidR="00E667D5" w:rsidRDefault="00E667D5" w:rsidP="00E667D5">
            <w:r>
              <w:t xml:space="preserve">                                                            &lt;input type="checkbox" name="features[]" value="smoking" /&gt;</w:t>
            </w:r>
          </w:p>
          <w:p w:rsidR="00E667D5" w:rsidRDefault="00E667D5" w:rsidP="00E667D5">
            <w:r>
              <w:t xml:space="preserve">                                                            &lt;span class="checkmark"&gt;&lt;/span&gt;</w:t>
            </w:r>
          </w:p>
          <w:p w:rsidR="00E667D5" w:rsidRDefault="00E667D5" w:rsidP="00E667D5">
            <w:r>
              <w:t xml:space="preserve">                                                        &lt;/label&gt;</w:t>
            </w:r>
          </w:p>
          <w:p w:rsidR="00E667D5" w:rsidRDefault="00E667D5" w:rsidP="00E667D5">
            <w:r>
              <w:t xml:space="preserve">                                                    &lt;/li&gt;</w:t>
            </w:r>
          </w:p>
          <w:p w:rsidR="00E667D5" w:rsidRDefault="00E667D5" w:rsidP="00E667D5">
            <w:r>
              <w:t xml:space="preserve">                                                    </w:t>
            </w:r>
          </w:p>
          <w:p w:rsidR="00E667D5" w:rsidRDefault="00E667D5" w:rsidP="00E667D5">
            <w:r>
              <w:t xml:space="preserve">                                                &lt;/ul&gt;</w:t>
            </w:r>
          </w:p>
          <w:p w:rsidR="00E667D5" w:rsidRDefault="00E667D5" w:rsidP="00E667D5">
            <w:r>
              <w:t xml:space="preserve">                                            &lt;/div&gt;</w:t>
            </w:r>
          </w:p>
          <w:p w:rsidR="00E667D5" w:rsidRDefault="00E667D5" w:rsidP="00E667D5">
            <w:r>
              <w:t xml:space="preserve">                                            &lt;!--------------feature ends------------------&gt;</w:t>
            </w:r>
          </w:p>
          <w:p w:rsidR="00E667D5" w:rsidRDefault="00E667D5" w:rsidP="00E667D5">
            <w:r>
              <w:t xml:space="preserve">                    &lt;input type="hidden" id="txtFeatures" value="[{&amp;quot;residences_id&amp;quot;:100184,&amp;quot;accomodations&amp;quot;:[100002,100006,100007,100008,100009],&amp;quot;rental_services&amp;quot;:[100000,100002],&amp;quot;meals&amp;quot;:[100004],&amp;quot;dietss&amp;quot;:[100000,100001,100004],&amp;quot;cares&amp;quot;:[100006,100012,100013],&amp;quot;entertainments&amp;quot;:[100001,100003,100004,100005,100008,100011,100013],&amp;quot;amenities&amp;quot;:[100001,10000</w:t>
            </w:r>
            <w:r>
              <w:lastRenderedPageBreak/>
              <w:t>5,100007,100008,100009,100010,100011,100013,100014,100017],&amp;quot;religion&amp;quot;:[100000,100002]},{&amp;quot;residences_id&amp;quot;:100153,&amp;quot;accomodations&amp;quot;:[100002,100005,100006,100007,100008],&amp;quot;rental_services&amp;quot;:[100002,100003],&amp;quot;meals&amp;quot;:[100001],&amp;quot;diets&amp;quot;:[100001,100002,100004],&amp;quot;cares&amp;quot;:[100004,100007,100011],&amp;quot;entertainments&amp;quot;:[100000,100001,100003,100008,100010,100011,100013],&amp;quot;amenities&amp;quot;:[100000,100002,100003,100005,100006,100008,100011,100013,100014,100016],&amp;quot;religions&amp;quot;:[100000,100001]},{&amp;quot;residences_id&amp;quot;:100111,&amp;quot;accomodations&amp;quot;:[100001,100004,100006,100008,100011],&amp;quot;rental_services&amp;quot;:[100000,100002],&amp;quot;meals&amp;quot;:[100001],&amp;quot;diets&amp;quot;:[100002,100003,100004],&amp;quot;cares&amp;quot;:[100001,100003,100006],&amp;quot;entertainments&amp;quot;:[100000,100001,100003,100004,100005,100006,100008],&amp;quot;amenities&amp;quot;:[100000,100001,100005,100007,100010,100011,100013,100016,100017,100018],&amp;quot;religions&amp;quot;:[100000,100002]},{&amp;quot;residences_id&amp;quot;:100112,&amp;quot;accomodations&amp;quot;:[100000,100001,100004,100007,100008],&amp;quot;rental_services&amp;quot;:[100000,100002],&amp;quot;meals&amp;quot;:[100001],&amp;quot;diets&amp;quot;:[100002,100003,100004],&amp;quot;cares&amp;quot;:[100001,100007,100013],&amp;quot;entertainments&amp;quot;:[100000,100004,100007,100009,100010,100011,100013],&amp;quot;amenities&amp;quot;:[100000,100001,100002,100004,100008,100011,100012,100013,100014,100016],&amp;quot;religions&amp;quot;:[100002,100004]}]"/&gt;</w:t>
            </w:r>
          </w:p>
          <w:p w:rsidR="00E667D5" w:rsidRDefault="00E667D5" w:rsidP="00E667D5">
            <w:r>
              <w:t xml:space="preserve">                &lt;/div&gt;</w:t>
            </w:r>
          </w:p>
          <w:p w:rsidR="00E667D5" w:rsidRDefault="00E667D5" w:rsidP="00E667D5">
            <w:r>
              <w:t xml:space="preserve">            &lt;/div&gt;</w:t>
            </w:r>
          </w:p>
          <w:p w:rsidR="00E667D5" w:rsidRDefault="00E667D5" w:rsidP="00E667D5">
            <w:r>
              <w:t xml:space="preserve">            &lt;!---------------Filter ends------------------&gt;</w:t>
            </w:r>
          </w:p>
          <w:p w:rsidR="00E667D5" w:rsidRDefault="00E667D5" w:rsidP="00E667D5">
            <w:r>
              <w:t xml:space="preserve">                </w:t>
            </w:r>
          </w:p>
          <w:p w:rsidR="00E667D5" w:rsidRDefault="00E667D5" w:rsidP="00E667D5">
            <w:r>
              <w:t xml:space="preserve">            &lt;!---------------Filter Validation Starts------------------&gt;</w:t>
            </w:r>
          </w:p>
          <w:p w:rsidR="00E667D5" w:rsidRDefault="00E667D5" w:rsidP="00E667D5">
            <w:r>
              <w:t xml:space="preserve">            &lt;script type="text/javascript"&gt;</w:t>
            </w:r>
          </w:p>
          <w:p w:rsidR="00E667D5" w:rsidRDefault="00E667D5" w:rsidP="00E667D5">
            <w:r>
              <w:t xml:space="preserve">                    var placeSearch, autoComplete;</w:t>
            </w:r>
          </w:p>
          <w:p w:rsidR="00E667D5" w:rsidRDefault="00E667D5" w:rsidP="00E667D5">
            <w:r>
              <w:t xml:space="preserve">                    var filter = {};</w:t>
            </w:r>
          </w:p>
          <w:p w:rsidR="00E667D5" w:rsidRDefault="00E667D5" w:rsidP="00E667D5">
            <w:r>
              <w:t xml:space="preserve">                    //these two lines were commented </w:t>
            </w:r>
          </w:p>
          <w:p w:rsidR="00E667D5" w:rsidRDefault="00E667D5" w:rsidP="00E667D5">
            <w:r>
              <w:t xml:space="preserve">                    /*$(window).on("load", function () {</w:t>
            </w:r>
          </w:p>
          <w:p w:rsidR="00E667D5" w:rsidRDefault="00E667D5" w:rsidP="00E667D5">
            <w:r>
              <w:t xml:space="preserve">                        geoLocate();</w:t>
            </w:r>
          </w:p>
          <w:p w:rsidR="00E667D5" w:rsidRDefault="00E667D5" w:rsidP="00E667D5">
            <w:r>
              <w:t xml:space="preserve">                    }); */</w:t>
            </w:r>
          </w:p>
          <w:p w:rsidR="00E667D5" w:rsidRDefault="00E667D5" w:rsidP="00E667D5">
            <w:r>
              <w:t xml:space="preserve">                    // the abov two lines were commented</w:t>
            </w:r>
          </w:p>
          <w:p w:rsidR="00E667D5" w:rsidRDefault="00E667D5" w:rsidP="00E667D5">
            <w:r>
              <w:t xml:space="preserve">                    $(document).ready(function() {</w:t>
            </w:r>
          </w:p>
          <w:p w:rsidR="00E667D5" w:rsidRDefault="00E667D5" w:rsidP="00E667D5">
            <w:r>
              <w:t xml:space="preserve">                        filter = fnParseFilter("");</w:t>
            </w:r>
          </w:p>
          <w:p w:rsidR="00E667D5" w:rsidRDefault="00E667D5" w:rsidP="00E667D5"/>
          <w:p w:rsidR="00E667D5" w:rsidRDefault="00E667D5" w:rsidP="00E667D5">
            <w:r>
              <w:t xml:space="preserve">                        $('input[type="range"]').rangeslider({</w:t>
            </w:r>
          </w:p>
          <w:p w:rsidR="00E667D5" w:rsidRDefault="00E667D5" w:rsidP="00E667D5">
            <w:r>
              <w:t xml:space="preserve">                            polyfill: false,</w:t>
            </w:r>
          </w:p>
          <w:p w:rsidR="00E667D5" w:rsidRDefault="00E667D5" w:rsidP="00E667D5">
            <w:r>
              <w:t xml:space="preserve">                            onInit: function() {</w:t>
            </w:r>
          </w:p>
          <w:p w:rsidR="00E667D5" w:rsidRDefault="00E667D5" w:rsidP="00E667D5">
            <w:r>
              <w:t xml:space="preserve">                                this.output = $('.distance span').html(this.$element.val())</w:t>
            </w:r>
          </w:p>
          <w:p w:rsidR="00E667D5" w:rsidRDefault="00E667D5" w:rsidP="00E667D5">
            <w:r>
              <w:t xml:space="preserve">                            },</w:t>
            </w:r>
          </w:p>
          <w:p w:rsidR="00E667D5" w:rsidRDefault="00E667D5" w:rsidP="00E667D5">
            <w:r>
              <w:t xml:space="preserve">                            onSlide: function(i, e) {</w:t>
            </w:r>
          </w:p>
          <w:p w:rsidR="00E667D5" w:rsidRDefault="00E667D5" w:rsidP="00E667D5">
            <w:r>
              <w:t xml:space="preserve">                                this.output.html(e)</w:t>
            </w:r>
          </w:p>
          <w:p w:rsidR="00E667D5" w:rsidRDefault="00E667D5" w:rsidP="00E667D5">
            <w:r>
              <w:t xml:space="preserve">                            }</w:t>
            </w:r>
          </w:p>
          <w:p w:rsidR="00E667D5" w:rsidRDefault="00E667D5" w:rsidP="00E667D5">
            <w:r>
              <w:t xml:space="preserve">                        });</w:t>
            </w:r>
          </w:p>
          <w:p w:rsidR="00E667D5" w:rsidRDefault="00E667D5" w:rsidP="00E667D5"/>
          <w:p w:rsidR="00E667D5" w:rsidRDefault="00E667D5" w:rsidP="00E667D5">
            <w:r>
              <w:t xml:space="preserve">                        $(".slider-range").each(function() {</w:t>
            </w:r>
          </w:p>
          <w:p w:rsidR="00E667D5" w:rsidRDefault="00E667D5" w:rsidP="00E667D5">
            <w:r>
              <w:t xml:space="preserve">                            var instance = this;</w:t>
            </w:r>
          </w:p>
          <w:p w:rsidR="00E667D5" w:rsidRDefault="00E667D5" w:rsidP="00E667D5">
            <w:r>
              <w:t xml:space="preserve">                            var data = $(this).data();</w:t>
            </w:r>
          </w:p>
          <w:p w:rsidR="00E667D5" w:rsidRDefault="00E667D5" w:rsidP="00E667D5">
            <w:r>
              <w:t xml:space="preserve">                            var formatter = {</w:t>
            </w:r>
          </w:p>
          <w:p w:rsidR="00E667D5" w:rsidRDefault="00E667D5" w:rsidP="00E667D5">
            <w:r>
              <w:t xml:space="preserve">                                decimals: 0</w:t>
            </w:r>
          </w:p>
          <w:p w:rsidR="00E667D5" w:rsidRDefault="00E667D5" w:rsidP="00E667D5">
            <w:r>
              <w:t xml:space="preserve">                            };</w:t>
            </w:r>
          </w:p>
          <w:p w:rsidR="00E667D5" w:rsidRDefault="00E667D5" w:rsidP="00E667D5">
            <w:r>
              <w:lastRenderedPageBreak/>
              <w:t xml:space="preserve">                            var minTarget = $("#txtMin" + data.target);</w:t>
            </w:r>
          </w:p>
          <w:p w:rsidR="00E667D5" w:rsidRDefault="00E667D5" w:rsidP="00E667D5">
            <w:r>
              <w:t xml:space="preserve">                            var maxTarget = $("#txtMax" + data.target);</w:t>
            </w:r>
          </w:p>
          <w:p w:rsidR="00E667D5" w:rsidRDefault="00E667D5" w:rsidP="00E667D5">
            <w:r>
              <w:t xml:space="preserve">                            if (data.format === "price") {</w:t>
            </w:r>
          </w:p>
          <w:p w:rsidR="00E667D5" w:rsidRDefault="00E667D5" w:rsidP="00E667D5">
            <w:r>
              <w:t xml:space="preserve">                                formatter["thousand"] = ',';</w:t>
            </w:r>
          </w:p>
          <w:p w:rsidR="00E667D5" w:rsidRDefault="00E667D5" w:rsidP="00E667D5">
            <w:r>
              <w:t xml:space="preserve">                                formatter["prefix"] = '$ ';</w:t>
            </w:r>
          </w:p>
          <w:p w:rsidR="00E667D5" w:rsidRDefault="00E667D5" w:rsidP="00E667D5">
            <w:r>
              <w:t xml:space="preserve">                            }</w:t>
            </w:r>
          </w:p>
          <w:p w:rsidR="00E667D5" w:rsidRDefault="00E667D5" w:rsidP="00E667D5">
            <w:r>
              <w:t xml:space="preserve">                            data.start = minTarget.val() || data.min;</w:t>
            </w:r>
          </w:p>
          <w:p w:rsidR="00E667D5" w:rsidRDefault="00E667D5" w:rsidP="00E667D5">
            <w:r>
              <w:t xml:space="preserve">                            data.end = maxTarget.val() || data.max;</w:t>
            </w:r>
          </w:p>
          <w:p w:rsidR="00E667D5" w:rsidRDefault="00E667D5" w:rsidP="00E667D5">
            <w:r>
              <w:t xml:space="preserve">                            noUiSlider.create(this, {</w:t>
            </w:r>
          </w:p>
          <w:p w:rsidR="00E667D5" w:rsidRDefault="00E667D5" w:rsidP="00E667D5">
            <w:r>
              <w:t xml:space="preserve">                                start: [data.start, data.end],</w:t>
            </w:r>
          </w:p>
          <w:p w:rsidR="00E667D5" w:rsidRDefault="00E667D5" w:rsidP="00E667D5">
            <w:r>
              <w:t xml:space="preserve">                                connect: true,</w:t>
            </w:r>
          </w:p>
          <w:p w:rsidR="00E667D5" w:rsidRDefault="00E667D5" w:rsidP="00E667D5">
            <w:r>
              <w:t xml:space="preserve">                                step: data.step,</w:t>
            </w:r>
          </w:p>
          <w:p w:rsidR="00E667D5" w:rsidRDefault="00E667D5" w:rsidP="00E667D5">
            <w:r>
              <w:t xml:space="preserve">                                /*tooltips: [wNumb(formatter), wNumb(formatter)],*/</w:t>
            </w:r>
          </w:p>
          <w:p w:rsidR="00E667D5" w:rsidRDefault="00E667D5" w:rsidP="00E667D5">
            <w:r>
              <w:t xml:space="preserve">                                range: {</w:t>
            </w:r>
          </w:p>
          <w:p w:rsidR="00E667D5" w:rsidRDefault="00E667D5" w:rsidP="00E667D5">
            <w:r>
              <w:t xml:space="preserve">                                    'min': data.min,</w:t>
            </w:r>
          </w:p>
          <w:p w:rsidR="00E667D5" w:rsidRDefault="00E667D5" w:rsidP="00E667D5">
            <w:r>
              <w:t xml:space="preserve">                                    'max': data.max</w:t>
            </w:r>
          </w:p>
          <w:p w:rsidR="00E667D5" w:rsidRDefault="00E667D5" w:rsidP="00E667D5">
            <w:r>
              <w:t xml:space="preserve">                                }</w:t>
            </w:r>
          </w:p>
          <w:p w:rsidR="00E667D5" w:rsidRDefault="00E667D5" w:rsidP="00E667D5">
            <w:r>
              <w:t xml:space="preserve">                            }).on('update', function(values) {</w:t>
            </w:r>
          </w:p>
          <w:p w:rsidR="00E667D5" w:rsidRDefault="00E667D5" w:rsidP="00E667D5">
            <w:r>
              <w:t xml:space="preserve">                                minTarget.val(parseInt(values[0]));</w:t>
            </w:r>
          </w:p>
          <w:p w:rsidR="00E667D5" w:rsidRDefault="00E667D5" w:rsidP="00E667D5">
            <w:r>
              <w:t xml:space="preserve">                                maxTarget.val(parseInt(values[1]));</w:t>
            </w:r>
          </w:p>
          <w:p w:rsidR="00E667D5" w:rsidRDefault="00E667D5" w:rsidP="00E667D5">
            <w:r>
              <w:t xml:space="preserve">                            });</w:t>
            </w:r>
          </w:p>
          <w:p w:rsidR="00E667D5" w:rsidRDefault="00E667D5" w:rsidP="00E667D5"/>
          <w:p w:rsidR="00E667D5" w:rsidRDefault="00E667D5" w:rsidP="00E667D5">
            <w:r>
              <w:t xml:space="preserve">                            minTarget.on('change', function() {</w:t>
            </w:r>
          </w:p>
          <w:p w:rsidR="00E667D5" w:rsidRDefault="00E667D5" w:rsidP="00E667D5">
            <w:r>
              <w:t xml:space="preserve">                                instance.noUiSlider.set([this.value, null]);</w:t>
            </w:r>
          </w:p>
          <w:p w:rsidR="00E667D5" w:rsidRDefault="00E667D5" w:rsidP="00E667D5">
            <w:r>
              <w:t xml:space="preserve">                            });</w:t>
            </w:r>
          </w:p>
          <w:p w:rsidR="00E667D5" w:rsidRDefault="00E667D5" w:rsidP="00E667D5"/>
          <w:p w:rsidR="00E667D5" w:rsidRDefault="00E667D5" w:rsidP="00E667D5">
            <w:r>
              <w:t xml:space="preserve">                            maxTarget.on('change', function() {</w:t>
            </w:r>
          </w:p>
          <w:p w:rsidR="00E667D5" w:rsidRDefault="00E667D5" w:rsidP="00E667D5">
            <w:r>
              <w:t xml:space="preserve">                                instance.noUiSlider.set([null, this.value]);</w:t>
            </w:r>
          </w:p>
          <w:p w:rsidR="00E667D5" w:rsidRDefault="00E667D5" w:rsidP="00E667D5">
            <w:r>
              <w:t xml:space="preserve">                            });</w:t>
            </w:r>
          </w:p>
          <w:p w:rsidR="00E667D5" w:rsidRDefault="00E667D5" w:rsidP="00E667D5">
            <w:r>
              <w:t xml:space="preserve">                        });</w:t>
            </w:r>
          </w:p>
          <w:p w:rsidR="00E667D5" w:rsidRDefault="00E667D5" w:rsidP="00E667D5"/>
          <w:p w:rsidR="00E667D5" w:rsidRDefault="00E667D5" w:rsidP="00E667D5">
            <w:r>
              <w:t xml:space="preserve">                        $(document.body).on("click", ".remove-item", function(e) {</w:t>
            </w:r>
          </w:p>
          <w:p w:rsidR="00E667D5" w:rsidRDefault="00E667D5" w:rsidP="00E667D5">
            <w:r>
              <w:t xml:space="preserve">                            e.preventDefault();</w:t>
            </w:r>
          </w:p>
          <w:p w:rsidR="00E667D5" w:rsidRDefault="00E667D5" w:rsidP="00E667D5">
            <w:r>
              <w:t xml:space="preserve">                            var item = $(this).parents("button");</w:t>
            </w:r>
          </w:p>
          <w:p w:rsidR="00E667D5" w:rsidRDefault="00E667D5" w:rsidP="00E667D5">
            <w:r>
              <w:t xml:space="preserve">                            if (item.attr("title") === "Your Location") {</w:t>
            </w:r>
          </w:p>
          <w:p w:rsidR="00E667D5" w:rsidRDefault="00E667D5" w:rsidP="00E667D5">
            <w:r>
              <w:t xml:space="preserve">                                swal.fire({</w:t>
            </w:r>
          </w:p>
          <w:p w:rsidR="00E667D5" w:rsidRDefault="00E667D5" w:rsidP="00E667D5">
            <w:r>
              <w:t xml:space="preserve">                                    title: 'Are you sure?',</w:t>
            </w:r>
          </w:p>
          <w:p w:rsidR="00E667D5" w:rsidRDefault="00E667D5" w:rsidP="00E667D5">
            <w:r>
              <w:t xml:space="preserve">                                    text: "You are removing your location that was detected by the system. If you choose to remove, you will not be shown with your location automatically, until you clear this preference manually.",</w:t>
            </w:r>
          </w:p>
          <w:p w:rsidR="00E667D5" w:rsidRDefault="00E667D5" w:rsidP="00E667D5">
            <w:r>
              <w:t xml:space="preserve">                                    icon: 'warning',</w:t>
            </w:r>
          </w:p>
          <w:p w:rsidR="00E667D5" w:rsidRDefault="00E667D5" w:rsidP="00E667D5">
            <w:r>
              <w:t xml:space="preserve">                                    showCancelButton: true,</w:t>
            </w:r>
          </w:p>
          <w:p w:rsidR="00E667D5" w:rsidRDefault="00E667D5" w:rsidP="00E667D5">
            <w:r>
              <w:t xml:space="preserve">                                    confirmButtonColor: '#0CC27E',</w:t>
            </w:r>
          </w:p>
          <w:p w:rsidR="00E667D5" w:rsidRDefault="00E667D5" w:rsidP="00E667D5">
            <w:r>
              <w:t xml:space="preserve">                                    cancelButtonColor: '#FF586B',</w:t>
            </w:r>
          </w:p>
          <w:p w:rsidR="00E667D5" w:rsidRDefault="00E667D5" w:rsidP="00E667D5">
            <w:r>
              <w:t xml:space="preserve">                                    confirmButtonText: 'Yes, Remove',</w:t>
            </w:r>
          </w:p>
          <w:p w:rsidR="00E667D5" w:rsidRDefault="00E667D5" w:rsidP="00E667D5">
            <w:r>
              <w:t xml:space="preserve">                                    cancelButtonText: 'Let it be',</w:t>
            </w:r>
          </w:p>
          <w:p w:rsidR="00E667D5" w:rsidRDefault="00E667D5" w:rsidP="00E667D5">
            <w:r>
              <w:t xml:space="preserve">                                    showLoaderOnConfirm: true,</w:t>
            </w:r>
          </w:p>
          <w:p w:rsidR="00E667D5" w:rsidRDefault="00E667D5" w:rsidP="00E667D5">
            <w:r>
              <w:t xml:space="preserve">                                    reverseButtons: true</w:t>
            </w:r>
          </w:p>
          <w:p w:rsidR="00E667D5" w:rsidRDefault="00E667D5" w:rsidP="00E667D5">
            <w:r>
              <w:lastRenderedPageBreak/>
              <w:t xml:space="preserve">                                }).then((result) =&gt; {</w:t>
            </w:r>
          </w:p>
          <w:p w:rsidR="00E667D5" w:rsidRDefault="00E667D5" w:rsidP="00E667D5">
            <w:r>
              <w:t xml:space="preserve">                                    if (result.value) {</w:t>
            </w:r>
          </w:p>
          <w:p w:rsidR="00E667D5" w:rsidRDefault="00E667D5" w:rsidP="00E667D5">
            <w:r>
              <w:t xml:space="preserve">                                        lscache.set("auto_location_off", 1, (7 * 24 * 60));</w:t>
            </w:r>
          </w:p>
          <w:p w:rsidR="00E667D5" w:rsidRDefault="00E667D5" w:rsidP="00E667D5">
            <w:r>
              <w:t xml:space="preserve">                                        item.remove();</w:t>
            </w:r>
          </w:p>
          <w:p w:rsidR="00E667D5" w:rsidRDefault="00E667D5" w:rsidP="00E667D5">
            <w:r>
              <w:t xml:space="preserve">                                        noty("success",</w:t>
            </w:r>
          </w:p>
          <w:p w:rsidR="00E667D5" w:rsidRDefault="00E667D5" w:rsidP="00E667D5">
            <w:r>
              <w:t xml:space="preserve">                                            "Your preference has been updated!!",</w:t>
            </w:r>
          </w:p>
          <w:p w:rsidR="00E667D5" w:rsidRDefault="00E667D5" w:rsidP="00E667D5">
            <w:r>
              <w:t xml:space="preserve">                                            "You will not be shown with your location for the next 7 days.",</w:t>
            </w:r>
          </w:p>
          <w:p w:rsidR="00E667D5" w:rsidRDefault="00E667D5" w:rsidP="00E667D5">
            <w:r>
              <w:t xml:space="preserve">                                            5000, "top-right");</w:t>
            </w:r>
          </w:p>
          <w:p w:rsidR="00E667D5" w:rsidRDefault="00E667D5" w:rsidP="00E667D5">
            <w:r>
              <w:t xml:space="preserve">                                        /*Swal.fire({</w:t>
            </w:r>
          </w:p>
          <w:p w:rsidR="00E667D5" w:rsidRDefault="00E667D5" w:rsidP="00E667D5">
            <w:r>
              <w:t xml:space="preserve">                                            title: "Your preference has been updated!!",</w:t>
            </w:r>
          </w:p>
          <w:p w:rsidR="00E667D5" w:rsidRDefault="00E667D5" w:rsidP="00E667D5">
            <w:r>
              <w:t xml:space="preserve">                                            text: "You will not be shown with your location for the next 7 days.",</w:t>
            </w:r>
          </w:p>
          <w:p w:rsidR="00E667D5" w:rsidRDefault="00E667D5" w:rsidP="00E667D5">
            <w:r>
              <w:t xml:space="preserve">                                            icon: "success",</w:t>
            </w:r>
          </w:p>
          <w:p w:rsidR="00E667D5" w:rsidRDefault="00E667D5" w:rsidP="00E667D5">
            <w:r>
              <w:t xml:space="preserve">                                            confirmButtonText: "Ok, Got it!!"</w:t>
            </w:r>
          </w:p>
          <w:p w:rsidR="00E667D5" w:rsidRDefault="00E667D5" w:rsidP="00E667D5">
            <w:r>
              <w:t xml:space="preserve">                                        });*/</w:t>
            </w:r>
          </w:p>
          <w:p w:rsidR="00E667D5" w:rsidRDefault="00E667D5" w:rsidP="00E667D5">
            <w:r>
              <w:t xml:space="preserve">                                    }</w:t>
            </w:r>
          </w:p>
          <w:p w:rsidR="00E667D5" w:rsidRDefault="00E667D5" w:rsidP="00E667D5">
            <w:r>
              <w:t xml:space="preserve">                                });</w:t>
            </w:r>
          </w:p>
          <w:p w:rsidR="00E667D5" w:rsidRDefault="00E667D5" w:rsidP="00E667D5">
            <w:r>
              <w:t xml:space="preserve">                            } else {</w:t>
            </w:r>
          </w:p>
          <w:p w:rsidR="00E667D5" w:rsidRDefault="00E667D5" w:rsidP="00E667D5">
            <w:r>
              <w:t xml:space="preserve">                                item.remove();</w:t>
            </w:r>
          </w:p>
          <w:p w:rsidR="00E667D5" w:rsidRDefault="00E667D5" w:rsidP="00E667D5">
            <w:r>
              <w:t xml:space="preserve">                            }</w:t>
            </w:r>
          </w:p>
          <w:p w:rsidR="00E667D5" w:rsidRDefault="00E667D5" w:rsidP="00E667D5">
            <w:r>
              <w:t xml:space="preserve">                            var eLocations = [...new Set($("#divLocations button").map(function() {</w:t>
            </w:r>
          </w:p>
          <w:p w:rsidR="00E667D5" w:rsidRDefault="00E667D5" w:rsidP="00E667D5">
            <w:r>
              <w:t xml:space="preserve">                                return $(this).data("location");</w:t>
            </w:r>
          </w:p>
          <w:p w:rsidR="00E667D5" w:rsidRDefault="00E667D5" w:rsidP="00E667D5">
            <w:r>
              <w:t xml:space="preserve">                            }).get())];</w:t>
            </w:r>
          </w:p>
          <w:p w:rsidR="00E667D5" w:rsidRDefault="00E667D5" w:rsidP="00E667D5">
            <w:r>
              <w:t xml:space="preserve">                            if (eLocations.find(item =&gt; item.startsWith("zip_code"))) {</w:t>
            </w:r>
          </w:p>
          <w:p w:rsidR="00E667D5" w:rsidRDefault="00E667D5" w:rsidP="00E667D5">
            <w:r>
              <w:t xml:space="preserve">                                $("#divRadius").show();</w:t>
            </w:r>
          </w:p>
          <w:p w:rsidR="00E667D5" w:rsidRDefault="00E667D5" w:rsidP="00E667D5">
            <w:r>
              <w:t xml:space="preserve">                            } else {</w:t>
            </w:r>
          </w:p>
          <w:p w:rsidR="00E667D5" w:rsidRDefault="00E667D5" w:rsidP="00E667D5">
            <w:r>
              <w:t xml:space="preserve">                                $("#divRadius").hide();</w:t>
            </w:r>
          </w:p>
          <w:p w:rsidR="00E667D5" w:rsidRDefault="00E667D5" w:rsidP="00E667D5">
            <w:r>
              <w:t xml:space="preserve">                            }</w:t>
            </w:r>
          </w:p>
          <w:p w:rsidR="00E667D5" w:rsidRDefault="00E667D5" w:rsidP="00E667D5">
            <w:r>
              <w:t xml:space="preserve">                        });</w:t>
            </w:r>
          </w:p>
          <w:p w:rsidR="00E667D5" w:rsidRDefault="00E667D5" w:rsidP="00E667D5"/>
          <w:p w:rsidR="00E667D5" w:rsidRDefault="00E667D5" w:rsidP="00E667D5">
            <w:r>
              <w:t xml:space="preserve">                        fnInitFilter();</w:t>
            </w:r>
          </w:p>
          <w:p w:rsidR="00E667D5" w:rsidRDefault="00E667D5" w:rsidP="00E667D5"/>
          <w:p w:rsidR="00E667D5" w:rsidRDefault="00E667D5" w:rsidP="00E667D5">
            <w:r>
              <w:t xml:space="preserve">                        $(document.body).on("click", "#btnApplyFilter", function(e) {</w:t>
            </w:r>
          </w:p>
          <w:p w:rsidR="00E667D5" w:rsidRDefault="00E667D5" w:rsidP="00E667D5">
            <w:r>
              <w:t xml:space="preserve">                            e.preventDefault();</w:t>
            </w:r>
          </w:p>
          <w:p w:rsidR="00E667D5" w:rsidRDefault="00E667D5" w:rsidP="00E667D5">
            <w:r>
              <w:t xml:space="preserve">                            $(this).attr("disabled", "disabled");</w:t>
            </w:r>
          </w:p>
          <w:p w:rsidR="00E667D5" w:rsidRDefault="00E667D5" w:rsidP="00E667D5">
            <w:r>
              <w:t xml:space="preserve">                            fnApplyFilter();</w:t>
            </w:r>
          </w:p>
          <w:p w:rsidR="00E667D5" w:rsidRDefault="00E667D5" w:rsidP="00E667D5">
            <w:r>
              <w:t xml:space="preserve">                        });</w:t>
            </w:r>
          </w:p>
          <w:p w:rsidR="00E667D5" w:rsidRDefault="00E667D5" w:rsidP="00E667D5"/>
          <w:p w:rsidR="00E667D5" w:rsidRDefault="00E667D5" w:rsidP="00E667D5">
            <w:r>
              <w:t xml:space="preserve">                        $(document.body).on("click", "#divRefiner input:checkbox", function() {</w:t>
            </w:r>
          </w:p>
          <w:p w:rsidR="00E667D5" w:rsidRDefault="00E667D5" w:rsidP="00E667D5">
            <w:r>
              <w:t xml:space="preserve">                            var refine = {};</w:t>
            </w:r>
          </w:p>
          <w:p w:rsidR="00E667D5" w:rsidRDefault="00E667D5" w:rsidP="00E667D5">
            <w:r>
              <w:t xml:space="preserve">                            getResidence();</w:t>
            </w:r>
          </w:p>
          <w:p w:rsidR="00E667D5" w:rsidRDefault="00E667D5" w:rsidP="00E667D5">
            <w:r>
              <w:t xml:space="preserve">                            let checkGroups = [</w:t>
            </w:r>
          </w:p>
          <w:p w:rsidR="00E667D5" w:rsidRDefault="00E667D5" w:rsidP="00E667D5">
            <w:r>
              <w:t xml:space="preserve">                                'residences',</w:t>
            </w:r>
          </w:p>
          <w:p w:rsidR="00E667D5" w:rsidRDefault="00E667D5" w:rsidP="00E667D5">
            <w:r>
              <w:t xml:space="preserve">                                'accommodations',</w:t>
            </w:r>
          </w:p>
          <w:p w:rsidR="00E667D5" w:rsidRDefault="00E667D5" w:rsidP="00E667D5">
            <w:r>
              <w:t xml:space="preserve">                                'rental_services',</w:t>
            </w:r>
          </w:p>
          <w:p w:rsidR="00E667D5" w:rsidRDefault="00E667D5" w:rsidP="00E667D5">
            <w:r>
              <w:t xml:space="preserve">                                'meals',</w:t>
            </w:r>
          </w:p>
          <w:p w:rsidR="00E667D5" w:rsidRDefault="00E667D5" w:rsidP="00E667D5">
            <w:r>
              <w:t xml:space="preserve">                                'diets',</w:t>
            </w:r>
          </w:p>
          <w:p w:rsidR="00E667D5" w:rsidRDefault="00E667D5" w:rsidP="00E667D5">
            <w:r>
              <w:t xml:space="preserve">                                'cares',</w:t>
            </w:r>
          </w:p>
          <w:p w:rsidR="00E667D5" w:rsidRDefault="00E667D5" w:rsidP="00E667D5">
            <w:r>
              <w:t xml:space="preserve">                                'amenities',</w:t>
            </w:r>
          </w:p>
          <w:p w:rsidR="00E667D5" w:rsidRDefault="00E667D5" w:rsidP="00E667D5">
            <w:r>
              <w:lastRenderedPageBreak/>
              <w:t xml:space="preserve">                                'entertainments',</w:t>
            </w:r>
          </w:p>
          <w:p w:rsidR="00E667D5" w:rsidRDefault="00E667D5" w:rsidP="00E667D5">
            <w:r>
              <w:t xml:space="preserve">                                'religions',</w:t>
            </w:r>
          </w:p>
          <w:p w:rsidR="00E667D5" w:rsidRDefault="00E667D5" w:rsidP="00E667D5">
            <w:r>
              <w:t xml:space="preserve">                                'features'</w:t>
            </w:r>
          </w:p>
          <w:p w:rsidR="00E667D5" w:rsidRDefault="00E667D5" w:rsidP="00E667D5">
            <w:r>
              <w:t xml:space="preserve">                                </w:t>
            </w:r>
          </w:p>
          <w:p w:rsidR="00E667D5" w:rsidRDefault="00E667D5" w:rsidP="00E667D5">
            <w:r>
              <w:t xml:space="preserve">                            ];</w:t>
            </w:r>
          </w:p>
          <w:p w:rsidR="00E667D5" w:rsidRDefault="00E667D5" w:rsidP="00E667D5">
            <w:r>
              <w:t xml:space="preserve">                            checkGroups.forEach(function(item, index) {</w:t>
            </w:r>
          </w:p>
          <w:p w:rsidR="00E667D5" w:rsidRDefault="00E667D5" w:rsidP="00E667D5">
            <w:r>
              <w:t xml:space="preserve">                                refine[item] = $("input[name='" + item + "[]']:checked")</w:t>
            </w:r>
          </w:p>
          <w:p w:rsidR="00E667D5" w:rsidRDefault="00E667D5" w:rsidP="00E667D5">
            <w:r>
              <w:t xml:space="preserve">                                    .map(function() {</w:t>
            </w:r>
          </w:p>
          <w:p w:rsidR="00E667D5" w:rsidRDefault="00E667D5" w:rsidP="00E667D5">
            <w:r>
              <w:t xml:space="preserve">                                        return parseInt(this.value);</w:t>
            </w:r>
          </w:p>
          <w:p w:rsidR="00E667D5" w:rsidRDefault="00E667D5" w:rsidP="00E667D5">
            <w:r>
              <w:t xml:space="preserve">                                    }).get();</w:t>
            </w:r>
          </w:p>
          <w:p w:rsidR="00E667D5" w:rsidRDefault="00E667D5" w:rsidP="00E667D5">
            <w:r>
              <w:t xml:space="preserve">                            });</w:t>
            </w:r>
          </w:p>
          <w:p w:rsidR="00E667D5" w:rsidRDefault="00E667D5" w:rsidP="00E667D5">
            <w:r>
              <w:t xml:space="preserve">                            var query = buildFilter(refine);</w:t>
            </w:r>
          </w:p>
          <w:p w:rsidR="00E667D5" w:rsidRDefault="00E667D5" w:rsidP="00E667D5">
            <w:r>
              <w:t xml:space="preserve">                            var searchQuery = fnGetSearchQuery();</w:t>
            </w:r>
          </w:p>
          <w:p w:rsidR="00E667D5" w:rsidRDefault="00E667D5" w:rsidP="00E667D5">
            <w:r>
              <w:t xml:space="preserve">                            var pref = {</w:t>
            </w:r>
          </w:p>
          <w:p w:rsidR="00E667D5" w:rsidRDefault="00E667D5" w:rsidP="00E667D5">
            <w:r>
              <w:t xml:space="preserve">                                ...searchQuery,</w:t>
            </w:r>
          </w:p>
          <w:p w:rsidR="00E667D5" w:rsidRDefault="00E667D5" w:rsidP="00E667D5">
            <w:r>
              <w:t xml:space="preserve">                                ...query</w:t>
            </w:r>
          </w:p>
          <w:p w:rsidR="00E667D5" w:rsidRDefault="00E667D5" w:rsidP="00E667D5">
            <w:r>
              <w:t xml:space="preserve">                            };</w:t>
            </w:r>
          </w:p>
          <w:p w:rsidR="00E667D5" w:rsidRDefault="00E667D5" w:rsidP="00E667D5">
            <w:r>
              <w:t xml:space="preserve">                            var features = $("#txtFeatures").val();</w:t>
            </w:r>
          </w:p>
          <w:p w:rsidR="00E667D5" w:rsidRDefault="00E667D5" w:rsidP="00E667D5">
            <w:r>
              <w:t xml:space="preserve">                            var refined = filterData($.parseJSON(features), query);</w:t>
            </w:r>
          </w:p>
          <w:p w:rsidR="00E667D5" w:rsidRDefault="00E667D5" w:rsidP="00E667D5">
            <w:r>
              <w:t xml:space="preserve">                            var ids = _.map(refined, "residence_id");</w:t>
            </w:r>
          </w:p>
          <w:p w:rsidR="00E667D5" w:rsidRDefault="00E667D5" w:rsidP="00E667D5">
            <w:r>
              <w:t xml:space="preserve">                            window.setCookie("RIDS", ids, 1);</w:t>
            </w:r>
          </w:p>
          <w:p w:rsidR="00E667D5" w:rsidRDefault="00E667D5" w:rsidP="00E667D5">
            <w:r>
              <w:t xml:space="preserve">                            window.setCookie("PREF", btoa(fnStringifyObject(pref)), 30);</w:t>
            </w:r>
          </w:p>
          <w:p w:rsidR="00E667D5" w:rsidRDefault="00E667D5" w:rsidP="00E667D5">
            <w:r>
              <w:t xml:space="preserve">                            var elements = $(ids.map(i =&gt; '#' + i).join(","));</w:t>
            </w:r>
          </w:p>
          <w:p w:rsidR="00E667D5" w:rsidRDefault="00E667D5" w:rsidP="00E667D5">
            <w:r>
              <w:t xml:space="preserve">                            $(".residence").not(elements).hide();</w:t>
            </w:r>
          </w:p>
          <w:p w:rsidR="00E667D5" w:rsidRDefault="00E667D5" w:rsidP="00E667D5">
            <w:r>
              <w:t xml:space="preserve">                            elements.show();</w:t>
            </w:r>
          </w:p>
          <w:p w:rsidR="00E667D5" w:rsidRDefault="00E667D5" w:rsidP="00E667D5">
            <w:r>
              <w:t xml:space="preserve">                            if (elements.length &gt; 0) {</w:t>
            </w:r>
          </w:p>
          <w:p w:rsidR="00E667D5" w:rsidRDefault="00E667D5" w:rsidP="00E667D5">
            <w:r>
              <w:t xml:space="preserve">                                $(".no-records").hide();</w:t>
            </w:r>
          </w:p>
          <w:p w:rsidR="00E667D5" w:rsidRDefault="00E667D5" w:rsidP="00E667D5">
            <w:r>
              <w:t xml:space="preserve">                            } else {</w:t>
            </w:r>
          </w:p>
          <w:p w:rsidR="00E667D5" w:rsidRDefault="00E667D5" w:rsidP="00E667D5">
            <w:r>
              <w:t xml:space="preserve">                                $(".no-records").show();</w:t>
            </w:r>
          </w:p>
          <w:p w:rsidR="00E667D5" w:rsidRDefault="00E667D5" w:rsidP="00E667D5">
            <w:r>
              <w:t xml:space="preserve">                            }</w:t>
            </w:r>
          </w:p>
          <w:p w:rsidR="00E667D5" w:rsidRDefault="00E667D5" w:rsidP="00E667D5">
            <w:r>
              <w:t xml:space="preserve">                            new WOW().init();</w:t>
            </w:r>
          </w:p>
          <w:p w:rsidR="00E667D5" w:rsidRDefault="00E667D5" w:rsidP="00E667D5">
            <w:r>
              <w:t xml:space="preserve">                            $("#spnRefined").text(elements.length + " of ");</w:t>
            </w:r>
          </w:p>
          <w:p w:rsidR="00E667D5" w:rsidRDefault="00E667D5" w:rsidP="00E667D5">
            <w:r>
              <w:t xml:space="preserve">                        });</w:t>
            </w:r>
          </w:p>
          <w:p w:rsidR="00E667D5" w:rsidRDefault="00E667D5" w:rsidP="00E667D5"/>
          <w:p w:rsidR="00E667D5" w:rsidRDefault="00E667D5" w:rsidP="00E667D5">
            <w:r>
              <w:t xml:space="preserve">                        window.buildFilter = (filter) =&gt; {</w:t>
            </w:r>
          </w:p>
          <w:p w:rsidR="00E667D5" w:rsidRDefault="00E667D5" w:rsidP="00E667D5">
            <w:r>
              <w:t xml:space="preserve">                            let query = {};</w:t>
            </w:r>
          </w:p>
          <w:p w:rsidR="00E667D5" w:rsidRDefault="00E667D5" w:rsidP="00E667D5">
            <w:r>
              <w:t xml:space="preserve">                            for (let keys in filter) {</w:t>
            </w:r>
          </w:p>
          <w:p w:rsidR="00E667D5" w:rsidRDefault="00E667D5" w:rsidP="00E667D5">
            <w:r>
              <w:t xml:space="preserve">                                if (filter[keys].constructor === Array &amp;&amp; filter[keys].length &gt; 0) {</w:t>
            </w:r>
          </w:p>
          <w:p w:rsidR="00E667D5" w:rsidRDefault="00E667D5" w:rsidP="00E667D5">
            <w:r>
              <w:t xml:space="preserve">                                    query[keys] = filter[keys];</w:t>
            </w:r>
          </w:p>
          <w:p w:rsidR="00E667D5" w:rsidRDefault="00E667D5" w:rsidP="00E667D5">
            <w:r>
              <w:t xml:space="preserve">                                }</w:t>
            </w:r>
          </w:p>
          <w:p w:rsidR="00E667D5" w:rsidRDefault="00E667D5" w:rsidP="00E667D5">
            <w:r>
              <w:t xml:space="preserve">                            }</w:t>
            </w:r>
          </w:p>
          <w:p w:rsidR="00E667D5" w:rsidRDefault="00E667D5" w:rsidP="00E667D5">
            <w:r>
              <w:t xml:space="preserve">                            return query;</w:t>
            </w:r>
          </w:p>
          <w:p w:rsidR="00E667D5" w:rsidRDefault="00E667D5" w:rsidP="00E667D5">
            <w:r>
              <w:t xml:space="preserve">                        };</w:t>
            </w:r>
          </w:p>
          <w:p w:rsidR="00E667D5" w:rsidRDefault="00E667D5" w:rsidP="00E667D5"/>
          <w:p w:rsidR="00E667D5" w:rsidRDefault="00E667D5" w:rsidP="00E667D5">
            <w:r>
              <w:t xml:space="preserve">                        window.filterData = (data, query, any = true) =&gt; {</w:t>
            </w:r>
          </w:p>
          <w:p w:rsidR="00E667D5" w:rsidRDefault="00E667D5" w:rsidP="00E667D5">
            <w:r>
              <w:t xml:space="preserve">                            const filteredData = data.filter((item) =&gt; {</w:t>
            </w:r>
          </w:p>
          <w:p w:rsidR="00E667D5" w:rsidRDefault="00E667D5" w:rsidP="00E667D5">
            <w:r>
              <w:t xml:space="preserve">                                if (any) {</w:t>
            </w:r>
          </w:p>
          <w:p w:rsidR="00E667D5" w:rsidRDefault="00E667D5" w:rsidP="00E667D5">
            <w:r>
              <w:t xml:space="preserve">                                    var result = false;</w:t>
            </w:r>
          </w:p>
          <w:p w:rsidR="00E667D5" w:rsidRDefault="00E667D5" w:rsidP="00E667D5">
            <w:r>
              <w:lastRenderedPageBreak/>
              <w:t xml:space="preserve">                                    for (let key in query) {</w:t>
            </w:r>
          </w:p>
          <w:p w:rsidR="00E667D5" w:rsidRDefault="00E667D5" w:rsidP="00E667D5">
            <w:r>
              <w:t xml:space="preserve">                                        if (item[key] === undefined || !item[key].some(r =&gt;</w:t>
            </w:r>
          </w:p>
          <w:p w:rsidR="00E667D5" w:rsidRDefault="00E667D5" w:rsidP="00E667D5">
            <w:r>
              <w:t xml:space="preserve">                                                query[key].indexOf(r) &gt;= 0)) {</w:t>
            </w:r>
          </w:p>
          <w:p w:rsidR="00E667D5" w:rsidRDefault="00E667D5" w:rsidP="00E667D5">
            <w:r>
              <w:t xml:space="preserve">                                            result = result || false;</w:t>
            </w:r>
          </w:p>
          <w:p w:rsidR="00E667D5" w:rsidRDefault="00E667D5" w:rsidP="00E667D5">
            <w:r>
              <w:t xml:space="preserve">                                        } else {</w:t>
            </w:r>
          </w:p>
          <w:p w:rsidR="00E667D5" w:rsidRDefault="00E667D5" w:rsidP="00E667D5">
            <w:r>
              <w:t xml:space="preserve">                                            result = result || true;</w:t>
            </w:r>
          </w:p>
          <w:p w:rsidR="00E667D5" w:rsidRDefault="00E667D5" w:rsidP="00E667D5">
            <w:r>
              <w:t xml:space="preserve">                                        }</w:t>
            </w:r>
          </w:p>
          <w:p w:rsidR="00E667D5" w:rsidRDefault="00E667D5" w:rsidP="00E667D5">
            <w:r>
              <w:t xml:space="preserve">                                    }</w:t>
            </w:r>
          </w:p>
          <w:p w:rsidR="00E667D5" w:rsidRDefault="00E667D5" w:rsidP="00E667D5">
            <w:r>
              <w:t xml:space="preserve">                                    return result;</w:t>
            </w:r>
          </w:p>
          <w:p w:rsidR="00E667D5" w:rsidRDefault="00E667D5" w:rsidP="00E667D5">
            <w:r>
              <w:t xml:space="preserve">                                } else {</w:t>
            </w:r>
          </w:p>
          <w:p w:rsidR="00E667D5" w:rsidRDefault="00E667D5" w:rsidP="00E667D5">
            <w:r>
              <w:t xml:space="preserve">                                    for (let key in query) {</w:t>
            </w:r>
          </w:p>
          <w:p w:rsidR="00E667D5" w:rsidRDefault="00E667D5" w:rsidP="00E667D5">
            <w:r>
              <w:t xml:space="preserve">                                        if (item[key] === undefined || !item[key].some(r =&gt;</w:t>
            </w:r>
          </w:p>
          <w:p w:rsidR="00E667D5" w:rsidRDefault="00E667D5" w:rsidP="00E667D5">
            <w:r>
              <w:t xml:space="preserve">                                                query[key].indexOf(r) &gt;= 0)) {</w:t>
            </w:r>
          </w:p>
          <w:p w:rsidR="00E667D5" w:rsidRDefault="00E667D5" w:rsidP="00E667D5">
            <w:r>
              <w:t xml:space="preserve">                                            return false;</w:t>
            </w:r>
          </w:p>
          <w:p w:rsidR="00E667D5" w:rsidRDefault="00E667D5" w:rsidP="00E667D5">
            <w:r>
              <w:t xml:space="preserve">                                        }</w:t>
            </w:r>
          </w:p>
          <w:p w:rsidR="00E667D5" w:rsidRDefault="00E667D5" w:rsidP="00E667D5">
            <w:r>
              <w:t xml:space="preserve">                                    }</w:t>
            </w:r>
          </w:p>
          <w:p w:rsidR="00E667D5" w:rsidRDefault="00E667D5" w:rsidP="00E667D5">
            <w:r>
              <w:t xml:space="preserve">                                    return true;</w:t>
            </w:r>
          </w:p>
          <w:p w:rsidR="00E667D5" w:rsidRDefault="00E667D5" w:rsidP="00E667D5">
            <w:r>
              <w:t xml:space="preserve">                                }</w:t>
            </w:r>
          </w:p>
          <w:p w:rsidR="00E667D5" w:rsidRDefault="00E667D5" w:rsidP="00E667D5">
            <w:r>
              <w:t xml:space="preserve">                            });</w:t>
            </w:r>
          </w:p>
          <w:p w:rsidR="00E667D5" w:rsidRDefault="00E667D5" w:rsidP="00E667D5">
            <w:r>
              <w:t xml:space="preserve">                            return filteredData;</w:t>
            </w:r>
          </w:p>
          <w:p w:rsidR="00E667D5" w:rsidRDefault="00E667D5" w:rsidP="00E667D5">
            <w:r>
              <w:t xml:space="preserve">                        };</w:t>
            </w:r>
          </w:p>
          <w:p w:rsidR="00E667D5" w:rsidRDefault="00E667D5" w:rsidP="00E667D5"/>
          <w:p w:rsidR="00E667D5" w:rsidRDefault="00E667D5" w:rsidP="00E667D5">
            <w:r>
              <w:t xml:space="preserve">                        $("#frmSearchResidence").on("submit", function(e) {</w:t>
            </w:r>
          </w:p>
          <w:p w:rsidR="00E667D5" w:rsidRDefault="00E667D5" w:rsidP="00E667D5">
            <w:r>
              <w:t xml:space="preserve">                            e.preventDefault();</w:t>
            </w:r>
          </w:p>
          <w:p w:rsidR="00E667D5" w:rsidRDefault="00E667D5" w:rsidP="00E667D5">
            <w:r>
              <w:t xml:space="preserve">                            fnApplyFilter();</w:t>
            </w:r>
          </w:p>
          <w:p w:rsidR="00E667D5" w:rsidRDefault="00E667D5" w:rsidP="00E667D5">
            <w:r>
              <w:t xml:space="preserve">                        });</w:t>
            </w:r>
          </w:p>
          <w:p w:rsidR="00E667D5" w:rsidRDefault="00E667D5" w:rsidP="00E667D5"/>
          <w:p w:rsidR="00E667D5" w:rsidRDefault="00E667D5" w:rsidP="00E667D5">
            <w:r>
              <w:t xml:space="preserve">                        $(document.body).on("click", ".btnClearFilter", function(e) {</w:t>
            </w:r>
          </w:p>
          <w:p w:rsidR="00E667D5" w:rsidRDefault="00E667D5" w:rsidP="00E667D5">
            <w:r>
              <w:t xml:space="preserve">                            e.preventDefault();</w:t>
            </w:r>
          </w:p>
          <w:p w:rsidR="00E667D5" w:rsidRDefault="00E667D5" w:rsidP="00E667D5">
            <w:r>
              <w:t xml:space="preserve">                            $(this).attr("disabled", "disabled");</w:t>
            </w:r>
          </w:p>
          <w:p w:rsidR="00E667D5" w:rsidRDefault="00E667D5" w:rsidP="00E667D5">
            <w:r>
              <w:t xml:space="preserve">                            $("#txtSearchText").val("");</w:t>
            </w:r>
          </w:p>
          <w:p w:rsidR="00E667D5" w:rsidRDefault="00E667D5" w:rsidP="00E667D5">
            <w:r>
              <w:t xml:space="preserve">                            $("#txtFilterData").val("");</w:t>
            </w:r>
          </w:p>
          <w:p w:rsidR="00E667D5" w:rsidRDefault="00E667D5" w:rsidP="00E667D5">
            <w:r>
              <w:t xml:space="preserve">                            fnRedirect(window.location.pathname);</w:t>
            </w:r>
          </w:p>
          <w:p w:rsidR="00E667D5" w:rsidRDefault="00E667D5" w:rsidP="00E667D5">
            <w:r>
              <w:t xml:space="preserve">                            /*let sText = $("#txtSearchText").val().trim();</w:t>
            </w:r>
          </w:p>
          <w:p w:rsidR="00E667D5" w:rsidRDefault="00E667D5" w:rsidP="00E667D5">
            <w:r>
              <w:t xml:space="preserve">                            let params = {</w:t>
            </w:r>
          </w:p>
          <w:p w:rsidR="00E667D5" w:rsidRDefault="00E667D5" w:rsidP="00E667D5">
            <w:r>
              <w:t xml:space="preserve">                                "q": sText</w:t>
            </w:r>
          </w:p>
          <w:p w:rsidR="00E667D5" w:rsidRDefault="00E667D5" w:rsidP="00E667D5">
            <w:r>
              <w:t xml:space="preserve">                            };</w:t>
            </w:r>
          </w:p>
          <w:p w:rsidR="00E667D5" w:rsidRDefault="00E667D5" w:rsidP="00E667D5">
            <w:r>
              <w:t xml:space="preserve">                            $("#txtFilterData").val(JSON.stringify(fnRefineObject(params)));</w:t>
            </w:r>
          </w:p>
          <w:p w:rsidR="00E667D5" w:rsidRDefault="00E667D5" w:rsidP="00E667D5">
            <w:r>
              <w:t xml:space="preserve">                            fnRedirect(window.location.pathname, fnObjectToQuery(params));*/</w:t>
            </w:r>
          </w:p>
          <w:p w:rsidR="00E667D5" w:rsidRDefault="00E667D5" w:rsidP="00E667D5">
            <w:r>
              <w:t xml:space="preserve">                        });</w:t>
            </w:r>
          </w:p>
          <w:p w:rsidR="00E667D5" w:rsidRDefault="00E667D5" w:rsidP="00E667D5">
            <w:r>
              <w:t xml:space="preserve">                    });</w:t>
            </w:r>
          </w:p>
          <w:p w:rsidR="00E667D5" w:rsidRDefault="00E667D5" w:rsidP="00E667D5"/>
          <w:p w:rsidR="00E667D5" w:rsidRDefault="00E667D5" w:rsidP="00E667D5">
            <w:r>
              <w:t xml:space="preserve">                    function fnGetSearchQuery() {</w:t>
            </w:r>
          </w:p>
          <w:p w:rsidR="00E667D5" w:rsidRDefault="00E667D5" w:rsidP="00E667D5">
            <w:r>
              <w:t xml:space="preserve">                        var query = {};</w:t>
            </w:r>
          </w:p>
          <w:p w:rsidR="00E667D5" w:rsidRDefault="00E667D5" w:rsidP="00E667D5">
            <w:r>
              <w:t xml:space="preserve">                        query["residences"] = $("input[name='residences[]']:checked").map(function() {</w:t>
            </w:r>
          </w:p>
          <w:p w:rsidR="00E667D5" w:rsidRDefault="00E667D5" w:rsidP="00E667D5">
            <w:r>
              <w:t xml:space="preserve">                            return this.value;</w:t>
            </w:r>
          </w:p>
          <w:p w:rsidR="00E667D5" w:rsidRDefault="00E667D5" w:rsidP="00E667D5">
            <w:r>
              <w:t xml:space="preserve">                        }).get();</w:t>
            </w:r>
          </w:p>
          <w:p w:rsidR="00E667D5" w:rsidRDefault="00E667D5" w:rsidP="00E667D5">
            <w:r>
              <w:t xml:space="preserve">                        query["min"] = $("#txtMinBudgetRange").val();</w:t>
            </w:r>
          </w:p>
          <w:p w:rsidR="00E667D5" w:rsidRDefault="00E667D5" w:rsidP="00E667D5">
            <w:r>
              <w:lastRenderedPageBreak/>
              <w:t xml:space="preserve">                        query["max"] = $("#txtMaxBudgetRange").val();</w:t>
            </w:r>
          </w:p>
          <w:p w:rsidR="00E667D5" w:rsidRDefault="00E667D5" w:rsidP="00E667D5">
            <w:r>
              <w:t xml:space="preserve">                        query["location"] = [...new Set($("#divLocations button").map(function() {</w:t>
            </w:r>
          </w:p>
          <w:p w:rsidR="00E667D5" w:rsidRDefault="00E667D5" w:rsidP="00E667D5">
            <w:r>
              <w:t xml:space="preserve">                            return $(this).data("location");</w:t>
            </w:r>
          </w:p>
          <w:p w:rsidR="00E667D5" w:rsidRDefault="00E667D5" w:rsidP="00E667D5">
            <w:r>
              <w:t xml:space="preserve">                        }).get())];</w:t>
            </w:r>
          </w:p>
          <w:p w:rsidR="00E667D5" w:rsidRDefault="00E667D5" w:rsidP="00E667D5">
            <w:r>
              <w:t xml:space="preserve">                        if (query["location"].length) {</w:t>
            </w:r>
          </w:p>
          <w:p w:rsidR="00E667D5" w:rsidRDefault="00E667D5" w:rsidP="00E667D5">
            <w:r>
              <w:t xml:space="preserve">                            query["radius"] = $("#txtRadius").val();</w:t>
            </w:r>
          </w:p>
          <w:p w:rsidR="00E667D5" w:rsidRDefault="00E667D5" w:rsidP="00E667D5">
            <w:r>
              <w:t xml:space="preserve">                        }</w:t>
            </w:r>
          </w:p>
          <w:p w:rsidR="00E667D5" w:rsidRDefault="00E667D5" w:rsidP="00E667D5">
            <w:r>
              <w:t xml:space="preserve">                        let checkGroups = [</w:t>
            </w:r>
          </w:p>
          <w:p w:rsidR="00E667D5" w:rsidRDefault="00E667D5" w:rsidP="00E667D5">
            <w:r>
              <w:t xml:space="preserve">                            'residences',</w:t>
            </w:r>
          </w:p>
          <w:p w:rsidR="00E667D5" w:rsidRDefault="00E667D5" w:rsidP="00E667D5">
            <w:r>
              <w:t xml:space="preserve">                            'accommodations',</w:t>
            </w:r>
          </w:p>
          <w:p w:rsidR="00E667D5" w:rsidRDefault="00E667D5" w:rsidP="00E667D5">
            <w:r>
              <w:t xml:space="preserve">                            'rental_services',</w:t>
            </w:r>
          </w:p>
          <w:p w:rsidR="00E667D5" w:rsidRDefault="00E667D5" w:rsidP="00E667D5">
            <w:r>
              <w:t xml:space="preserve">                            'meals',</w:t>
            </w:r>
          </w:p>
          <w:p w:rsidR="00E667D5" w:rsidRDefault="00E667D5" w:rsidP="00E667D5">
            <w:r>
              <w:t xml:space="preserve">                            'diets',</w:t>
            </w:r>
          </w:p>
          <w:p w:rsidR="00E667D5" w:rsidRDefault="00E667D5" w:rsidP="00E667D5">
            <w:r>
              <w:t xml:space="preserve">                            'cares',</w:t>
            </w:r>
          </w:p>
          <w:p w:rsidR="00E667D5" w:rsidRDefault="00E667D5" w:rsidP="00E667D5">
            <w:r>
              <w:t xml:space="preserve">                            'amenities',</w:t>
            </w:r>
          </w:p>
          <w:p w:rsidR="00E667D5" w:rsidRDefault="00E667D5" w:rsidP="00E667D5">
            <w:r>
              <w:t xml:space="preserve">                            'entertainments',</w:t>
            </w:r>
          </w:p>
          <w:p w:rsidR="00E667D5" w:rsidRDefault="00E667D5" w:rsidP="00E667D5">
            <w:r>
              <w:t xml:space="preserve">                            'religions',</w:t>
            </w:r>
          </w:p>
          <w:p w:rsidR="00E667D5" w:rsidRDefault="00E667D5" w:rsidP="00E667D5">
            <w:r>
              <w:t xml:space="preserve">                            'features'</w:t>
            </w:r>
          </w:p>
          <w:p w:rsidR="00E667D5" w:rsidRDefault="00E667D5" w:rsidP="00E667D5">
            <w:r>
              <w:t xml:space="preserve">                        ];</w:t>
            </w:r>
          </w:p>
          <w:p w:rsidR="00E667D5" w:rsidRDefault="00E667D5" w:rsidP="00E667D5">
            <w:r>
              <w:t xml:space="preserve">                        checkGroups.forEach(function(item, index) {</w:t>
            </w:r>
          </w:p>
          <w:p w:rsidR="00E667D5" w:rsidRDefault="00E667D5" w:rsidP="00E667D5">
            <w:r>
              <w:t xml:space="preserve">                            query[item] = $("input[name='" + item + "[]']:checked").map(function() {</w:t>
            </w:r>
          </w:p>
          <w:p w:rsidR="00E667D5" w:rsidRDefault="00E667D5" w:rsidP="00E667D5">
            <w:r>
              <w:t xml:space="preserve">                                return this.value;</w:t>
            </w:r>
          </w:p>
          <w:p w:rsidR="00E667D5" w:rsidRDefault="00E667D5" w:rsidP="00E667D5">
            <w:r>
              <w:t xml:space="preserve">                            }).get();</w:t>
            </w:r>
          </w:p>
          <w:p w:rsidR="00E667D5" w:rsidRDefault="00E667D5" w:rsidP="00E667D5">
            <w:r>
              <w:t xml:space="preserve">                        });</w:t>
            </w:r>
          </w:p>
          <w:p w:rsidR="00E667D5" w:rsidRDefault="00E667D5" w:rsidP="00E667D5"/>
          <w:p w:rsidR="00E667D5" w:rsidRDefault="00E667D5" w:rsidP="00E667D5">
            <w:r>
              <w:t xml:space="preserve">                        return query;</w:t>
            </w:r>
          </w:p>
          <w:p w:rsidR="00E667D5" w:rsidRDefault="00E667D5" w:rsidP="00E667D5">
            <w:r>
              <w:t xml:space="preserve">                    }</w:t>
            </w:r>
          </w:p>
          <w:p w:rsidR="00E667D5" w:rsidRDefault="00E667D5" w:rsidP="00E667D5"/>
          <w:p w:rsidR="00E667D5" w:rsidRDefault="00E667D5" w:rsidP="00E667D5">
            <w:r>
              <w:t xml:space="preserve">                    function fnApplyFilter() {</w:t>
            </w:r>
          </w:p>
          <w:p w:rsidR="00E667D5" w:rsidRDefault="00E667D5" w:rsidP="00E667D5">
            <w:r>
              <w:t xml:space="preserve">                        let filterQuery = fnGetSearchQuery();</w:t>
            </w:r>
          </w:p>
          <w:p w:rsidR="00E667D5" w:rsidRDefault="00E667D5" w:rsidP="00E667D5">
            <w:r>
              <w:t xml:space="preserve">                        let sText = $("#txtSearchText").val().trim();</w:t>
            </w:r>
          </w:p>
          <w:p w:rsidR="00E667D5" w:rsidRDefault="00E667D5" w:rsidP="00E667D5">
            <w:r>
              <w:t xml:space="preserve">                        let params = {</w:t>
            </w:r>
          </w:p>
          <w:p w:rsidR="00E667D5" w:rsidRDefault="00E667D5" w:rsidP="00E667D5">
            <w:r>
              <w:t xml:space="preserve">                            "q": sText,</w:t>
            </w:r>
          </w:p>
          <w:p w:rsidR="00E667D5" w:rsidRDefault="00E667D5" w:rsidP="00E667D5">
            <w:r>
              <w:t xml:space="preserve">                            "filter": btoa(fnStringifyObject(filterQuery))</w:t>
            </w:r>
          </w:p>
          <w:p w:rsidR="00E667D5" w:rsidRDefault="00E667D5" w:rsidP="00E667D5">
            <w:r>
              <w:t xml:space="preserve">                        };</w:t>
            </w:r>
          </w:p>
          <w:p w:rsidR="00E667D5" w:rsidRDefault="00E667D5" w:rsidP="00E667D5">
            <w:r>
              <w:t xml:space="preserve">                        $("#txtFilterData").val(JSON.stringify(fnRefineObject(params)));</w:t>
            </w:r>
          </w:p>
          <w:p w:rsidR="00E667D5" w:rsidRDefault="00E667D5" w:rsidP="00E667D5">
            <w:r>
              <w:t xml:space="preserve">                        fnSetSPFCookie();</w:t>
            </w:r>
          </w:p>
          <w:p w:rsidR="00E667D5" w:rsidRDefault="00E667D5" w:rsidP="00E667D5">
            <w:r>
              <w:t xml:space="preserve">                        // fnRedirect(window.location.pathname, fnObjectToQuery(params));</w:t>
            </w:r>
          </w:p>
          <w:p w:rsidR="00E667D5" w:rsidRDefault="00E667D5" w:rsidP="00E667D5">
            <w:r>
              <w:t xml:space="preserve">                        getResidence();</w:t>
            </w:r>
          </w:p>
          <w:p w:rsidR="00E667D5" w:rsidRDefault="00E667D5" w:rsidP="00E667D5">
            <w:r>
              <w:t xml:space="preserve">                    }</w:t>
            </w:r>
          </w:p>
          <w:p w:rsidR="00E667D5" w:rsidRDefault="00E667D5" w:rsidP="00E667D5"/>
          <w:p w:rsidR="00E667D5" w:rsidRDefault="00E667D5" w:rsidP="00E667D5">
            <w:r>
              <w:t xml:space="preserve">                    function fnRedirect(url, query) {</w:t>
            </w:r>
          </w:p>
          <w:p w:rsidR="00E667D5" w:rsidRDefault="00E667D5" w:rsidP="00E667D5">
            <w:r>
              <w:t xml:space="preserve">                        window.location.href = url + (query ? "?" + query : "");</w:t>
            </w:r>
          </w:p>
          <w:p w:rsidR="00E667D5" w:rsidRDefault="00E667D5" w:rsidP="00E667D5">
            <w:r>
              <w:t xml:space="preserve">                    }</w:t>
            </w:r>
          </w:p>
          <w:p w:rsidR="00E667D5" w:rsidRDefault="00E667D5" w:rsidP="00E667D5"/>
          <w:p w:rsidR="00E667D5" w:rsidRDefault="00E667D5" w:rsidP="00E667D5">
            <w:r>
              <w:t xml:space="preserve">                    function fnInitFilter() {</w:t>
            </w:r>
          </w:p>
          <w:p w:rsidR="00E667D5" w:rsidRDefault="00E667D5" w:rsidP="00E667D5">
            <w:r>
              <w:t xml:space="preserve">                        $("#txtMinBudgetRange").val(filter.min || 100).change();</w:t>
            </w:r>
          </w:p>
          <w:p w:rsidR="00E667D5" w:rsidRDefault="00E667D5" w:rsidP="00E667D5">
            <w:r>
              <w:t xml:space="preserve">                        $("#txtMaxBudgetRange").val(filter.max || 15000).change();</w:t>
            </w:r>
          </w:p>
          <w:p w:rsidR="00E667D5" w:rsidRDefault="00E667D5" w:rsidP="00E667D5">
            <w:r>
              <w:lastRenderedPageBreak/>
              <w:t xml:space="preserve">                        $("#txtRadius").val(filter.radius || 5).change();</w:t>
            </w:r>
          </w:p>
          <w:p w:rsidR="00E667D5" w:rsidRDefault="00E667D5" w:rsidP="00E667D5">
            <w:r>
              <w:t xml:space="preserve">                        fnSetCheckbox(filter['residences'], 'residences');</w:t>
            </w:r>
          </w:p>
          <w:p w:rsidR="00E667D5" w:rsidRDefault="00E667D5" w:rsidP="00E667D5">
            <w:r>
              <w:t xml:space="preserve">                        fnSetLocations(filter.location);</w:t>
            </w:r>
          </w:p>
          <w:p w:rsidR="00E667D5" w:rsidRDefault="00E667D5" w:rsidP="00E667D5">
            <w:r>
              <w:t xml:space="preserve">                        let params = {</w:t>
            </w:r>
          </w:p>
          <w:p w:rsidR="00E667D5" w:rsidRDefault="00E667D5" w:rsidP="00E667D5">
            <w:r>
              <w:t xml:space="preserve">                            "q": $("#txtSearchText").val(),</w:t>
            </w:r>
          </w:p>
          <w:p w:rsidR="00E667D5" w:rsidRDefault="00E667D5" w:rsidP="00E667D5">
            <w:r>
              <w:t xml:space="preserve">                            "filter": btoa(fnStringifyObject(filter))</w:t>
            </w:r>
          </w:p>
          <w:p w:rsidR="00E667D5" w:rsidRDefault="00E667D5" w:rsidP="00E667D5">
            <w:r>
              <w:t xml:space="preserve">                        };</w:t>
            </w:r>
          </w:p>
          <w:p w:rsidR="00E667D5" w:rsidRDefault="00E667D5" w:rsidP="00E667D5">
            <w:r>
              <w:t xml:space="preserve">                        $("#txtFilterData").val(JSON.stringify(fnRefineObject(params)));</w:t>
            </w:r>
          </w:p>
          <w:p w:rsidR="00E667D5" w:rsidRDefault="00E667D5" w:rsidP="00E667D5">
            <w:r>
              <w:t xml:space="preserve">                        fnSetSPFCookie();</w:t>
            </w:r>
          </w:p>
          <w:p w:rsidR="00E667D5" w:rsidRDefault="00E667D5" w:rsidP="00E667D5">
            <w:r>
              <w:t xml:space="preserve">                    }</w:t>
            </w:r>
          </w:p>
          <w:p w:rsidR="00E667D5" w:rsidRDefault="00E667D5" w:rsidP="00E667D5"/>
          <w:p w:rsidR="00E667D5" w:rsidRDefault="00E667D5" w:rsidP="00E667D5">
            <w:r>
              <w:t xml:space="preserve">                    function fnSetSPFCookie() {</w:t>
            </w:r>
          </w:p>
          <w:p w:rsidR="00E667D5" w:rsidRDefault="00E667D5" w:rsidP="00E667D5">
            <w:r>
              <w:t xml:space="preserve">                        var pref = fnGetSearchQuery();</w:t>
            </w:r>
          </w:p>
          <w:p w:rsidR="00E667D5" w:rsidRDefault="00E667D5" w:rsidP="00E667D5">
            <w:r>
              <w:t xml:space="preserve">                        window.setCookie("PREF", btoa(fnStringifyObject(pref)), 30);</w:t>
            </w:r>
          </w:p>
          <w:p w:rsidR="00E667D5" w:rsidRDefault="00E667D5" w:rsidP="00E667D5">
            <w:r>
              <w:t xml:space="preserve">                    }</w:t>
            </w:r>
          </w:p>
          <w:p w:rsidR="00E667D5" w:rsidRDefault="00E667D5" w:rsidP="00E667D5"/>
          <w:p w:rsidR="00E667D5" w:rsidRDefault="00E667D5" w:rsidP="00E667D5">
            <w:r>
              <w:t xml:space="preserve">                    function fnSetLocations(data) {</w:t>
            </w:r>
          </w:p>
          <w:p w:rsidR="00E667D5" w:rsidRDefault="00E667D5" w:rsidP="00E667D5">
            <w:r>
              <w:t xml:space="preserve">                        if (data instanceof Array) {</w:t>
            </w:r>
          </w:p>
          <w:p w:rsidR="00E667D5" w:rsidRDefault="00E667D5" w:rsidP="00E667D5">
            <w:r>
              <w:t xml:space="preserve">                            data.forEach(function(item) {</w:t>
            </w:r>
          </w:p>
          <w:p w:rsidR="00E667D5" w:rsidRDefault="00E667D5" w:rsidP="00E667D5">
            <w:r>
              <w:t xml:space="preserve">                                fnAddLocationItem(item);</w:t>
            </w:r>
          </w:p>
          <w:p w:rsidR="00E667D5" w:rsidRDefault="00E667D5" w:rsidP="00E667D5">
            <w:r>
              <w:t xml:space="preserve">                            });</w:t>
            </w:r>
          </w:p>
          <w:p w:rsidR="00E667D5" w:rsidRDefault="00E667D5" w:rsidP="00E667D5">
            <w:r>
              <w:t xml:space="preserve">                        } else if (data !== "") {</w:t>
            </w:r>
          </w:p>
          <w:p w:rsidR="00E667D5" w:rsidRDefault="00E667D5" w:rsidP="00E667D5">
            <w:r>
              <w:t xml:space="preserve">                            fnAddLocationItem(data);</w:t>
            </w:r>
          </w:p>
          <w:p w:rsidR="00E667D5" w:rsidRDefault="00E667D5" w:rsidP="00E667D5">
            <w:r>
              <w:t xml:space="preserve">                        }</w:t>
            </w:r>
          </w:p>
          <w:p w:rsidR="00E667D5" w:rsidRDefault="00E667D5" w:rsidP="00E667D5">
            <w:r>
              <w:t xml:space="preserve">                        $("#txtLocation").val("");</w:t>
            </w:r>
          </w:p>
          <w:p w:rsidR="00E667D5" w:rsidRDefault="00E667D5" w:rsidP="00E667D5">
            <w:r>
              <w:t xml:space="preserve">                    }</w:t>
            </w:r>
          </w:p>
          <w:p w:rsidR="00E667D5" w:rsidRDefault="00E667D5" w:rsidP="00E667D5"/>
          <w:p w:rsidR="00E667D5" w:rsidRDefault="00E667D5" w:rsidP="00E667D5">
            <w:r>
              <w:t xml:space="preserve">                    function fnAddLocationItem(data, theme = 'primary', title = "Added Location") {</w:t>
            </w:r>
          </w:p>
          <w:p w:rsidR="00E667D5" w:rsidRDefault="00E667D5" w:rsidP="00E667D5">
            <w:r>
              <w:t xml:space="preserve">                        let locData = data.split('~');</w:t>
            </w:r>
          </w:p>
          <w:p w:rsidR="00E667D5" w:rsidRDefault="00E667D5" w:rsidP="00E667D5">
            <w:r>
              <w:t xml:space="preserve">                        var existing = $("#divLocations button:contains(" + locData[1] + ")");</w:t>
            </w:r>
          </w:p>
          <w:p w:rsidR="00E667D5" w:rsidRDefault="00E667D5" w:rsidP="00E667D5">
            <w:r>
              <w:t xml:space="preserve">                        if (existing.length &gt; 0) {</w:t>
            </w:r>
          </w:p>
          <w:p w:rsidR="00E667D5" w:rsidRDefault="00E667D5" w:rsidP="00E667D5">
            <w:r>
              <w:t xml:space="preserve">                            $(existing).attr("title", title);</w:t>
            </w:r>
          </w:p>
          <w:p w:rsidR="00E667D5" w:rsidRDefault="00E667D5" w:rsidP="00E667D5">
            <w:r>
              <w:t xml:space="preserve">                            $(existing).removeClass("btn-outline-primary");</w:t>
            </w:r>
          </w:p>
          <w:p w:rsidR="00E667D5" w:rsidRDefault="00E667D5" w:rsidP="00E667D5">
            <w:r>
              <w:t xml:space="preserve">                            $(existing).addClass("btn-outline-" + theme);</w:t>
            </w:r>
          </w:p>
          <w:p w:rsidR="00E667D5" w:rsidRDefault="00E667D5" w:rsidP="00E667D5">
            <w:r>
              <w:t xml:space="preserve">                        } else {</w:t>
            </w:r>
          </w:p>
          <w:p w:rsidR="00E667D5" w:rsidRDefault="00E667D5" w:rsidP="00E667D5">
            <w:r>
              <w:t xml:space="preserve">                            var template = $('&lt;button type="button" class="btn btn-outline-' + theme +</w:t>
            </w:r>
          </w:p>
          <w:p w:rsidR="00E667D5" w:rsidRDefault="00E667D5" w:rsidP="00E667D5">
            <w:r>
              <w:t xml:space="preserve">                                ' btn-sm mr-1 mb-1 wow fadeInDown"&gt;&lt;span class="badge remove-item ml-1"&gt;&amp;times;&lt;/span&gt;&lt;/button&gt;'</w:t>
            </w:r>
          </w:p>
          <w:p w:rsidR="00E667D5" w:rsidRDefault="00E667D5" w:rsidP="00E667D5">
            <w:r>
              <w:t xml:space="preserve">                            );</w:t>
            </w:r>
          </w:p>
          <w:p w:rsidR="00E667D5" w:rsidRDefault="00E667D5" w:rsidP="00E667D5">
            <w:r>
              <w:t xml:space="preserve">                            template.prepend(_.upperFirst(_.camelCase(locData[0])) + ": " + locData[1]);</w:t>
            </w:r>
          </w:p>
          <w:p w:rsidR="00E667D5" w:rsidRDefault="00E667D5" w:rsidP="00E667D5">
            <w:r>
              <w:t xml:space="preserve">                            $(template).data("location", data);</w:t>
            </w:r>
          </w:p>
          <w:p w:rsidR="00E667D5" w:rsidRDefault="00E667D5" w:rsidP="00E667D5">
            <w:r>
              <w:t xml:space="preserve">                            $(template).attr("title", title);</w:t>
            </w:r>
          </w:p>
          <w:p w:rsidR="00E667D5" w:rsidRDefault="00E667D5" w:rsidP="00E667D5">
            <w:r>
              <w:t xml:space="preserve">                            $("#divLocations").append(template);</w:t>
            </w:r>
          </w:p>
          <w:p w:rsidR="00E667D5" w:rsidRDefault="00E667D5" w:rsidP="00E667D5">
            <w:r>
              <w:t xml:space="preserve">                        }</w:t>
            </w:r>
          </w:p>
          <w:p w:rsidR="00E667D5" w:rsidRDefault="00E667D5" w:rsidP="00E667D5">
            <w:r>
              <w:t xml:space="preserve">                        if (locData[0] === "zip_code") {</w:t>
            </w:r>
          </w:p>
          <w:p w:rsidR="00E667D5" w:rsidRDefault="00E667D5" w:rsidP="00E667D5">
            <w:r>
              <w:t xml:space="preserve">                            $("#divRadius").show();</w:t>
            </w:r>
          </w:p>
          <w:p w:rsidR="00E667D5" w:rsidRDefault="00E667D5" w:rsidP="00E667D5">
            <w:r>
              <w:t xml:space="preserve">                        }</w:t>
            </w:r>
          </w:p>
          <w:p w:rsidR="00E667D5" w:rsidRDefault="00E667D5" w:rsidP="00E667D5">
            <w:r>
              <w:t xml:space="preserve">                    }</w:t>
            </w:r>
          </w:p>
          <w:p w:rsidR="00E667D5" w:rsidRDefault="00E667D5" w:rsidP="00E667D5"/>
          <w:p w:rsidR="00E667D5" w:rsidRDefault="00E667D5" w:rsidP="00E667D5">
            <w:r>
              <w:t xml:space="preserve">                    function fnSetCheckbox(data, name) {</w:t>
            </w:r>
          </w:p>
          <w:p w:rsidR="00E667D5" w:rsidRDefault="00E667D5" w:rsidP="00E667D5">
            <w:r>
              <w:t xml:space="preserve">                        if (data instanceof Array) {</w:t>
            </w:r>
          </w:p>
          <w:p w:rsidR="00E667D5" w:rsidRDefault="00E667D5" w:rsidP="00E667D5">
            <w:r>
              <w:t xml:space="preserve">                            data.forEach(function(item, index) {</w:t>
            </w:r>
          </w:p>
          <w:p w:rsidR="00E667D5" w:rsidRDefault="00E667D5" w:rsidP="00E667D5">
            <w:r>
              <w:t xml:space="preserve">                                $("input[name='" + name + "[]'][value='" + item + "']").prop("checked",</w:t>
            </w:r>
          </w:p>
          <w:p w:rsidR="00E667D5" w:rsidRDefault="00E667D5" w:rsidP="00E667D5">
            <w:r>
              <w:t xml:space="preserve">                                    true);</w:t>
            </w:r>
          </w:p>
          <w:p w:rsidR="00E667D5" w:rsidRDefault="00E667D5" w:rsidP="00E667D5">
            <w:r>
              <w:t xml:space="preserve">                            });</w:t>
            </w:r>
          </w:p>
          <w:p w:rsidR="00E667D5" w:rsidRDefault="00E667D5" w:rsidP="00E667D5">
            <w:r>
              <w:t xml:space="preserve">                        } else if (data !== "") {</w:t>
            </w:r>
          </w:p>
          <w:p w:rsidR="00E667D5" w:rsidRDefault="00E667D5" w:rsidP="00E667D5">
            <w:r>
              <w:t xml:space="preserve">                            $("input[name='" + name + "[]'][value='" + data + "']").prop("checked", true);</w:t>
            </w:r>
          </w:p>
          <w:p w:rsidR="00E667D5" w:rsidRDefault="00E667D5" w:rsidP="00E667D5">
            <w:r>
              <w:t xml:space="preserve">                        }</w:t>
            </w:r>
          </w:p>
          <w:p w:rsidR="00E667D5" w:rsidRDefault="00E667D5" w:rsidP="00E667D5">
            <w:r>
              <w:t xml:space="preserve">                    }</w:t>
            </w:r>
          </w:p>
          <w:p w:rsidR="00E667D5" w:rsidRDefault="00E667D5" w:rsidP="00E667D5"/>
          <w:p w:rsidR="00E667D5" w:rsidRDefault="00E667D5" w:rsidP="00E667D5">
            <w:r>
              <w:t xml:space="preserve">                    function fnObjectToQuery(obj) {</w:t>
            </w:r>
          </w:p>
          <w:p w:rsidR="00E667D5" w:rsidRDefault="00E667D5" w:rsidP="00E667D5">
            <w:r>
              <w:t xml:space="preserve">                        obj = fnRefineObject(obj);</w:t>
            </w:r>
          </w:p>
          <w:p w:rsidR="00E667D5" w:rsidRDefault="00E667D5" w:rsidP="00E667D5">
            <w:r>
              <w:t xml:space="preserve">                        return Object.keys(obj).map(function(prop) {</w:t>
            </w:r>
          </w:p>
          <w:p w:rsidR="00E667D5" w:rsidRDefault="00E667D5" w:rsidP="00E667D5">
            <w:r>
              <w:t xml:space="preserve">                            return prop + "=" + obj[prop];</w:t>
            </w:r>
          </w:p>
          <w:p w:rsidR="00E667D5" w:rsidRDefault="00E667D5" w:rsidP="00E667D5">
            <w:r>
              <w:t xml:space="preserve">                        }).join("&amp;");</w:t>
            </w:r>
          </w:p>
          <w:p w:rsidR="00E667D5" w:rsidRDefault="00E667D5" w:rsidP="00E667D5">
            <w:r>
              <w:t xml:space="preserve">                    }</w:t>
            </w:r>
          </w:p>
          <w:p w:rsidR="00E667D5" w:rsidRDefault="00E667D5" w:rsidP="00E667D5"/>
          <w:p w:rsidR="00E667D5" w:rsidRDefault="00E667D5" w:rsidP="00E667D5">
            <w:r>
              <w:t xml:space="preserve">                    function fnParseFilter(sFilter) {</w:t>
            </w:r>
          </w:p>
          <w:p w:rsidR="00E667D5" w:rsidRDefault="00E667D5" w:rsidP="00E667D5">
            <w:r>
              <w:t xml:space="preserve">                        sFilter = atob(sFilter.replace(/\s+/g, '+'));</w:t>
            </w:r>
          </w:p>
          <w:p w:rsidR="00E667D5" w:rsidRDefault="00E667D5" w:rsidP="00E667D5">
            <w:r>
              <w:t xml:space="preserve">                        let newArray = {</w:t>
            </w:r>
          </w:p>
          <w:p w:rsidR="00E667D5" w:rsidRDefault="00E667D5" w:rsidP="00E667D5">
            <w:r>
              <w:t xml:space="preserve">                            'radius': '',</w:t>
            </w:r>
          </w:p>
          <w:p w:rsidR="00E667D5" w:rsidRDefault="00E667D5" w:rsidP="00E667D5">
            <w:r>
              <w:t xml:space="preserve">                            'location': '',</w:t>
            </w:r>
          </w:p>
          <w:p w:rsidR="00E667D5" w:rsidRDefault="00E667D5" w:rsidP="00E667D5">
            <w:r>
              <w:t xml:space="preserve">                            //'residences': '',</w:t>
            </w:r>
          </w:p>
          <w:p w:rsidR="00E667D5" w:rsidRDefault="00E667D5" w:rsidP="00E667D5">
            <w:r>
              <w:t xml:space="preserve">                            'price_range': ''</w:t>
            </w:r>
          </w:p>
          <w:p w:rsidR="00E667D5" w:rsidRDefault="00E667D5" w:rsidP="00E667D5">
            <w:r>
              <w:t xml:space="preserve">                        };</w:t>
            </w:r>
          </w:p>
          <w:p w:rsidR="00E667D5" w:rsidRDefault="00E667D5" w:rsidP="00E667D5">
            <w:r>
              <w:t xml:space="preserve">                        if (sFilter) {</w:t>
            </w:r>
          </w:p>
          <w:p w:rsidR="00E667D5" w:rsidRDefault="00E667D5" w:rsidP="00E667D5">
            <w:r>
              <w:t xml:space="preserve">                            let aryFilter = sFilter.split("|");</w:t>
            </w:r>
          </w:p>
          <w:p w:rsidR="00E667D5" w:rsidRDefault="00E667D5" w:rsidP="00E667D5">
            <w:r>
              <w:t xml:space="preserve">                            aryFilter.forEach(function(item, index) {</w:t>
            </w:r>
          </w:p>
          <w:p w:rsidR="00E667D5" w:rsidRDefault="00E667D5" w:rsidP="00E667D5">
            <w:r>
              <w:t xml:space="preserve">                                let keyPair = item.split(":");</w:t>
            </w:r>
          </w:p>
          <w:p w:rsidR="00E667D5" w:rsidRDefault="00E667D5" w:rsidP="00E667D5">
            <w:r>
              <w:t xml:space="preserve">                                newArray[keyPair[0]] = (keyPair[1].indexOf(",") === -1 ? keyPair[1] :</w:t>
            </w:r>
          </w:p>
          <w:p w:rsidR="00E667D5" w:rsidRDefault="00E667D5" w:rsidP="00E667D5">
            <w:r>
              <w:t xml:space="preserve">                                    keyPair[1].split(","));</w:t>
            </w:r>
          </w:p>
          <w:p w:rsidR="00E667D5" w:rsidRDefault="00E667D5" w:rsidP="00E667D5">
            <w:r>
              <w:t xml:space="preserve">                            });</w:t>
            </w:r>
          </w:p>
          <w:p w:rsidR="00E667D5" w:rsidRDefault="00E667D5" w:rsidP="00E667D5">
            <w:r>
              <w:t xml:space="preserve">                        }</w:t>
            </w:r>
          </w:p>
          <w:p w:rsidR="00E667D5" w:rsidRDefault="00E667D5" w:rsidP="00E667D5">
            <w:r>
              <w:t xml:space="preserve">                        return newArray;</w:t>
            </w:r>
          </w:p>
          <w:p w:rsidR="00E667D5" w:rsidRDefault="00E667D5" w:rsidP="00E667D5">
            <w:r>
              <w:t xml:space="preserve">                    }</w:t>
            </w:r>
          </w:p>
          <w:p w:rsidR="00E667D5" w:rsidRDefault="00E667D5" w:rsidP="00E667D5"/>
          <w:p w:rsidR="00E667D5" w:rsidRDefault="00E667D5" w:rsidP="00E667D5">
            <w:r>
              <w:t xml:space="preserve">                    function fnStringifyObject(obj) {</w:t>
            </w:r>
          </w:p>
          <w:p w:rsidR="00E667D5" w:rsidRDefault="00E667D5" w:rsidP="00E667D5">
            <w:r>
              <w:t xml:space="preserve">                        obj = fnRefineObject(obj);</w:t>
            </w:r>
          </w:p>
          <w:p w:rsidR="00E667D5" w:rsidRDefault="00E667D5" w:rsidP="00E667D5">
            <w:r>
              <w:t xml:space="preserve">                        let newArray = [];</w:t>
            </w:r>
          </w:p>
          <w:p w:rsidR="00E667D5" w:rsidRDefault="00E667D5" w:rsidP="00E667D5">
            <w:r>
              <w:t xml:space="preserve">                        Object.keys(obj).forEach((prop) =&gt; {</w:t>
            </w:r>
          </w:p>
          <w:p w:rsidR="00E667D5" w:rsidRDefault="00E667D5" w:rsidP="00E667D5">
            <w:r>
              <w:t xml:space="preserve">                            newArray.push(prop + ":" + ((obj[prop].constructor === Array) ? obj[prop].join(</w:t>
            </w:r>
          </w:p>
          <w:p w:rsidR="00E667D5" w:rsidRDefault="00E667D5" w:rsidP="00E667D5">
            <w:r>
              <w:t xml:space="preserve">                                ",") : obj[prop]));</w:t>
            </w:r>
          </w:p>
          <w:p w:rsidR="00E667D5" w:rsidRDefault="00E667D5" w:rsidP="00E667D5">
            <w:r>
              <w:t xml:space="preserve">                        });</w:t>
            </w:r>
          </w:p>
          <w:p w:rsidR="00E667D5" w:rsidRDefault="00E667D5" w:rsidP="00E667D5">
            <w:r>
              <w:t xml:space="preserve">                        return newArray.join("|");</w:t>
            </w:r>
          </w:p>
          <w:p w:rsidR="00E667D5" w:rsidRDefault="00E667D5" w:rsidP="00E667D5">
            <w:r>
              <w:t xml:space="preserve">                    }</w:t>
            </w:r>
          </w:p>
          <w:p w:rsidR="00E667D5" w:rsidRDefault="00E667D5" w:rsidP="00E667D5"/>
          <w:p w:rsidR="00E667D5" w:rsidRDefault="00E667D5" w:rsidP="00E667D5">
            <w:r>
              <w:lastRenderedPageBreak/>
              <w:t xml:space="preserve">                    function fnRefineObject(obj) {</w:t>
            </w:r>
          </w:p>
          <w:p w:rsidR="00E667D5" w:rsidRDefault="00E667D5" w:rsidP="00E667D5">
            <w:r>
              <w:t xml:space="preserve">                        let newObj = {};</w:t>
            </w:r>
          </w:p>
          <w:p w:rsidR="00E667D5" w:rsidRDefault="00E667D5" w:rsidP="00E667D5">
            <w:r>
              <w:t xml:space="preserve">                        Object.keys(obj).forEach((prop) =&gt; {</w:t>
            </w:r>
          </w:p>
          <w:p w:rsidR="00E667D5" w:rsidRDefault="00E667D5" w:rsidP="00E667D5">
            <w:r>
              <w:t xml:space="preserve">                            if (obj[prop] &amp;&amp; !(Object.keys(obj[prop]).length === 0 &amp;&amp; obj[prop]</w:t>
            </w:r>
          </w:p>
          <w:p w:rsidR="00E667D5" w:rsidRDefault="00E667D5" w:rsidP="00E667D5">
            <w:r>
              <w:t xml:space="preserve">                                    .constructor === Object) &amp;&amp;</w:t>
            </w:r>
          </w:p>
          <w:p w:rsidR="00E667D5" w:rsidRDefault="00E667D5" w:rsidP="00E667D5">
            <w:r>
              <w:t xml:space="preserve">                                !(obj[prop].constructor === Array &amp;&amp; obj[prop].length === 0)) {</w:t>
            </w:r>
          </w:p>
          <w:p w:rsidR="00E667D5" w:rsidRDefault="00E667D5" w:rsidP="00E667D5">
            <w:r>
              <w:t xml:space="preserve">                                newObj[prop] = obj[prop];</w:t>
            </w:r>
          </w:p>
          <w:p w:rsidR="00E667D5" w:rsidRDefault="00E667D5" w:rsidP="00E667D5">
            <w:r>
              <w:t xml:space="preserve">                            }</w:t>
            </w:r>
          </w:p>
          <w:p w:rsidR="00E667D5" w:rsidRDefault="00E667D5" w:rsidP="00E667D5">
            <w:r>
              <w:t xml:space="preserve">                        });</w:t>
            </w:r>
          </w:p>
          <w:p w:rsidR="00E667D5" w:rsidRDefault="00E667D5" w:rsidP="00E667D5">
            <w:r>
              <w:t xml:space="preserve">                        return newObj;</w:t>
            </w:r>
          </w:p>
          <w:p w:rsidR="00E667D5" w:rsidRDefault="00E667D5" w:rsidP="00E667D5">
            <w:r>
              <w:t xml:space="preserve">                    }</w:t>
            </w:r>
          </w:p>
          <w:p w:rsidR="00E667D5" w:rsidRDefault="00E667D5" w:rsidP="00E667D5"/>
          <w:p w:rsidR="00E667D5" w:rsidRDefault="00E667D5" w:rsidP="00E667D5">
            <w:r>
              <w:t xml:space="preserve">                    function initAutocomplete() {</w:t>
            </w:r>
          </w:p>
          <w:p w:rsidR="00E667D5" w:rsidRDefault="00E667D5" w:rsidP="00E667D5">
            <w:r>
              <w:t xml:space="preserve">                        geoLocate();</w:t>
            </w:r>
          </w:p>
          <w:p w:rsidR="00E667D5" w:rsidRDefault="00E667D5" w:rsidP="00E667D5">
            <w:r>
              <w:t xml:space="preserve">                        autocomplete = new google.maps.places.Autocomplete(</w:t>
            </w:r>
          </w:p>
          <w:p w:rsidR="00E667D5" w:rsidRDefault="00E667D5" w:rsidP="00E667D5">
            <w:r>
              <w:t xml:space="preserve">                            document.getElementById('txtLocation'), {</w:t>
            </w:r>
          </w:p>
          <w:p w:rsidR="00E667D5" w:rsidRDefault="00E667D5" w:rsidP="00E667D5">
            <w:r>
              <w:t xml:space="preserve">                                types: ['geocode'],</w:t>
            </w:r>
          </w:p>
          <w:p w:rsidR="00E667D5" w:rsidRDefault="00E667D5" w:rsidP="00E667D5">
            <w:r>
              <w:t xml:space="preserve">                                componentRestrictions: {</w:t>
            </w:r>
          </w:p>
          <w:p w:rsidR="00E667D5" w:rsidRDefault="00E667D5" w:rsidP="00E667D5">
            <w:r>
              <w:t xml:space="preserve">                                    country: "us"</w:t>
            </w:r>
          </w:p>
          <w:p w:rsidR="00E667D5" w:rsidRDefault="00E667D5" w:rsidP="00E667D5">
            <w:r>
              <w:t xml:space="preserve">                                }</w:t>
            </w:r>
          </w:p>
          <w:p w:rsidR="00E667D5" w:rsidRDefault="00E667D5" w:rsidP="00E667D5">
            <w:r>
              <w:t xml:space="preserve">                            });</w:t>
            </w:r>
          </w:p>
          <w:p w:rsidR="00E667D5" w:rsidRDefault="00E667D5" w:rsidP="00E667D5">
            <w:r>
              <w:t xml:space="preserve">                        autocomplete.setFields(['address_component']);</w:t>
            </w:r>
          </w:p>
          <w:p w:rsidR="00E667D5" w:rsidRDefault="00E667D5" w:rsidP="00E667D5">
            <w:r>
              <w:t xml:space="preserve">                        autocomplete.addListener('place_changed', fnPlaceChanged);</w:t>
            </w:r>
          </w:p>
          <w:p w:rsidR="00E667D5" w:rsidRDefault="00E667D5" w:rsidP="00E667D5">
            <w:r>
              <w:t xml:space="preserve">                        google.maps.event.addDomListener(document.getElementById('txtLocation'), 'keydown',</w:t>
            </w:r>
          </w:p>
          <w:p w:rsidR="00E667D5" w:rsidRDefault="00E667D5" w:rsidP="00E667D5">
            <w:r>
              <w:t xml:space="preserve">                            function(e) {</w:t>
            </w:r>
          </w:p>
          <w:p w:rsidR="00E667D5" w:rsidRDefault="00E667D5" w:rsidP="00E667D5">
            <w:r>
              <w:t xml:space="preserve">                                if (e.keyCode === 13) {</w:t>
            </w:r>
          </w:p>
          <w:p w:rsidR="00E667D5" w:rsidRDefault="00E667D5" w:rsidP="00E667D5">
            <w:r>
              <w:t xml:space="preserve">                                    e.preventDefault();</w:t>
            </w:r>
          </w:p>
          <w:p w:rsidR="00E667D5" w:rsidRDefault="00E667D5" w:rsidP="00E667D5">
            <w:r>
              <w:t xml:space="preserve">                                }</w:t>
            </w:r>
          </w:p>
          <w:p w:rsidR="00E667D5" w:rsidRDefault="00E667D5" w:rsidP="00E667D5">
            <w:r>
              <w:t xml:space="preserve">                            });</w:t>
            </w:r>
          </w:p>
          <w:p w:rsidR="00E667D5" w:rsidRDefault="00E667D5" w:rsidP="00E667D5">
            <w:r>
              <w:t xml:space="preserve">                    }</w:t>
            </w:r>
          </w:p>
          <w:p w:rsidR="00E667D5" w:rsidRDefault="00E667D5" w:rsidP="00E667D5"/>
          <w:p w:rsidR="00E667D5" w:rsidRDefault="00E667D5" w:rsidP="00E667D5">
            <w:r>
              <w:t xml:space="preserve">                    function fnPlaceChanged() {</w:t>
            </w:r>
          </w:p>
          <w:p w:rsidR="00E667D5" w:rsidRDefault="00E667D5" w:rsidP="00E667D5">
            <w:r>
              <w:t xml:space="preserve">                        var place = autocomplete.getPlace();</w:t>
            </w:r>
          </w:p>
          <w:p w:rsidR="00E667D5" w:rsidRDefault="00E667D5" w:rsidP="00E667D5">
            <w:r>
              <w:t xml:space="preserve">                        var locationData = fnGetLocationData(place);</w:t>
            </w:r>
          </w:p>
          <w:p w:rsidR="00E667D5" w:rsidRDefault="00E667D5" w:rsidP="00E667D5">
            <w:r>
              <w:t xml:space="preserve">                        if (locationData !== "") {</w:t>
            </w:r>
          </w:p>
          <w:p w:rsidR="00E667D5" w:rsidRDefault="00E667D5" w:rsidP="00E667D5">
            <w:r>
              <w:t xml:space="preserve">                            fnAddLocationItem(locationData);</w:t>
            </w:r>
          </w:p>
          <w:p w:rsidR="00E667D5" w:rsidRDefault="00E667D5" w:rsidP="00E667D5">
            <w:r>
              <w:t xml:space="preserve">                        } else {</w:t>
            </w:r>
          </w:p>
          <w:p w:rsidR="00E667D5" w:rsidRDefault="00E667D5" w:rsidP="00E667D5">
            <w:r>
              <w:t xml:space="preserve">                            swal.fire({</w:t>
            </w:r>
          </w:p>
          <w:p w:rsidR="00E667D5" w:rsidRDefault="00E667D5" w:rsidP="00E667D5">
            <w:r>
              <w:t xml:space="preserve">                                title: "Invalid input!!",</w:t>
            </w:r>
          </w:p>
          <w:p w:rsidR="00E667D5" w:rsidRDefault="00E667D5" w:rsidP="00E667D5">
            <w:r>
              <w:t xml:space="preserve">                                text: "Please enter a city or zip code.",</w:t>
            </w:r>
          </w:p>
          <w:p w:rsidR="00E667D5" w:rsidRDefault="00E667D5" w:rsidP="00E667D5">
            <w:r>
              <w:t xml:space="preserve">                                icon: "warning",</w:t>
            </w:r>
          </w:p>
          <w:p w:rsidR="00E667D5" w:rsidRDefault="00E667D5" w:rsidP="00E667D5">
            <w:r>
              <w:t xml:space="preserve">                                confirmButtonColor: "#DD6B55",</w:t>
            </w:r>
          </w:p>
          <w:p w:rsidR="00E667D5" w:rsidRDefault="00E667D5" w:rsidP="00E667D5">
            <w:r>
              <w:t xml:space="preserve">                                confirmButtonText: "Ok, Got it!!",</w:t>
            </w:r>
          </w:p>
          <w:p w:rsidR="00E667D5" w:rsidRDefault="00E667D5" w:rsidP="00E667D5">
            <w:r>
              <w:t xml:space="preserve">                                allowOutsideClick: false</w:t>
            </w:r>
          </w:p>
          <w:p w:rsidR="00E667D5" w:rsidRDefault="00E667D5" w:rsidP="00E667D5">
            <w:r>
              <w:t xml:space="preserve">                            });</w:t>
            </w:r>
          </w:p>
          <w:p w:rsidR="00E667D5" w:rsidRDefault="00E667D5" w:rsidP="00E667D5">
            <w:r>
              <w:t xml:space="preserve">                        }</w:t>
            </w:r>
          </w:p>
          <w:p w:rsidR="00E667D5" w:rsidRDefault="00E667D5" w:rsidP="00E667D5">
            <w:r>
              <w:t xml:space="preserve">                        $("#txtLocation").val("");</w:t>
            </w:r>
          </w:p>
          <w:p w:rsidR="00E667D5" w:rsidRDefault="00E667D5" w:rsidP="00E667D5">
            <w:r>
              <w:t xml:space="preserve">                    }</w:t>
            </w:r>
          </w:p>
          <w:p w:rsidR="00E667D5" w:rsidRDefault="00E667D5" w:rsidP="00E667D5"/>
          <w:p w:rsidR="00E667D5" w:rsidRDefault="00E667D5" w:rsidP="00E667D5">
            <w:r>
              <w:t xml:space="preserve">                    function fnGetLocationData(place) {</w:t>
            </w:r>
          </w:p>
          <w:p w:rsidR="00E667D5" w:rsidRDefault="00E667D5" w:rsidP="00E667D5">
            <w:r>
              <w:t xml:space="preserve">                        var location = {},</w:t>
            </w:r>
          </w:p>
          <w:p w:rsidR="00E667D5" w:rsidRDefault="00E667D5" w:rsidP="00E667D5">
            <w:r>
              <w:t xml:space="preserve">                            locationData = "";</w:t>
            </w:r>
          </w:p>
          <w:p w:rsidR="00E667D5" w:rsidRDefault="00E667D5" w:rsidP="00E667D5">
            <w:r>
              <w:t xml:space="preserve">                        for (var i = 0; i &lt; place.address_components.length; i++) {</w:t>
            </w:r>
          </w:p>
          <w:p w:rsidR="00E667D5" w:rsidRDefault="00E667D5" w:rsidP="00E667D5">
            <w:r>
              <w:t xml:space="preserve">                            var addressType = place.address_components[i].types[0];</w:t>
            </w:r>
          </w:p>
          <w:p w:rsidR="00E667D5" w:rsidRDefault="00E667D5" w:rsidP="00E667D5">
            <w:r>
              <w:t xml:space="preserve">                            if (addressType === "postal_code") {</w:t>
            </w:r>
          </w:p>
          <w:p w:rsidR="00E667D5" w:rsidRDefault="00E667D5" w:rsidP="00E667D5">
            <w:r>
              <w:t xml:space="preserve">                                location["zip_code"] = place.address_components[i]["short_name"];</w:t>
            </w:r>
          </w:p>
          <w:p w:rsidR="00E667D5" w:rsidRDefault="00E667D5" w:rsidP="00E667D5">
            <w:r>
              <w:t xml:space="preserve">                            }</w:t>
            </w:r>
          </w:p>
          <w:p w:rsidR="00E667D5" w:rsidRDefault="00E667D5" w:rsidP="00E667D5">
            <w:r>
              <w:t xml:space="preserve">                            if (addressType === "locality") {</w:t>
            </w:r>
          </w:p>
          <w:p w:rsidR="00E667D5" w:rsidRDefault="00E667D5" w:rsidP="00E667D5">
            <w:r>
              <w:t xml:space="preserve">                                location["city_alt"] = place.address_components[i]["long_name"];</w:t>
            </w:r>
          </w:p>
          <w:p w:rsidR="00E667D5" w:rsidRDefault="00E667D5" w:rsidP="00E667D5">
            <w:r>
              <w:t xml:space="preserve">                            }</w:t>
            </w:r>
          </w:p>
          <w:p w:rsidR="00E667D5" w:rsidRDefault="00E667D5" w:rsidP="00E667D5">
            <w:r>
              <w:t xml:space="preserve">                            if (addressType === "neighborhood") {</w:t>
            </w:r>
          </w:p>
          <w:p w:rsidR="00E667D5" w:rsidRDefault="00E667D5" w:rsidP="00E667D5">
            <w:r>
              <w:t xml:space="preserve">                                location["city"] = place.address_components[i]["long_name"];</w:t>
            </w:r>
          </w:p>
          <w:p w:rsidR="00E667D5" w:rsidRDefault="00E667D5" w:rsidP="00E667D5">
            <w:r>
              <w:t xml:space="preserve">                            }</w:t>
            </w:r>
          </w:p>
          <w:p w:rsidR="00E667D5" w:rsidRDefault="00E667D5" w:rsidP="00E667D5">
            <w:r>
              <w:t xml:space="preserve">                            if (addressType === "administrative_area_level_1") {</w:t>
            </w:r>
          </w:p>
          <w:p w:rsidR="00E667D5" w:rsidRDefault="00E667D5" w:rsidP="00E667D5">
            <w:r>
              <w:t xml:space="preserve">                                location["state"] = place.address_components[i]["short_name"];</w:t>
            </w:r>
          </w:p>
          <w:p w:rsidR="00E667D5" w:rsidRDefault="00E667D5" w:rsidP="00E667D5">
            <w:r>
              <w:t xml:space="preserve">                            }</w:t>
            </w:r>
          </w:p>
          <w:p w:rsidR="00E667D5" w:rsidRDefault="00E667D5" w:rsidP="00E667D5">
            <w:r>
              <w:t xml:space="preserve">                        }</w:t>
            </w:r>
          </w:p>
          <w:p w:rsidR="00E667D5" w:rsidRDefault="00E667D5" w:rsidP="00E667D5">
            <w:r>
              <w:t xml:space="preserve">                        if (location.hasOwnProperty("zip_code")) {</w:t>
            </w:r>
          </w:p>
          <w:p w:rsidR="00E667D5" w:rsidRDefault="00E667D5" w:rsidP="00E667D5">
            <w:r>
              <w:t xml:space="preserve">                            locationData = "zip_code~" + location["zip_code"];</w:t>
            </w:r>
          </w:p>
          <w:p w:rsidR="00E667D5" w:rsidRDefault="00E667D5" w:rsidP="00E667D5">
            <w:r>
              <w:t xml:space="preserve">                        } else if (location.hasOwnProperty("city")) {</w:t>
            </w:r>
          </w:p>
          <w:p w:rsidR="00E667D5" w:rsidRDefault="00E667D5" w:rsidP="00E667D5">
            <w:r>
              <w:t xml:space="preserve">                            locationData = "city~" + location["city"];</w:t>
            </w:r>
          </w:p>
          <w:p w:rsidR="00E667D5" w:rsidRDefault="00E667D5" w:rsidP="00E667D5">
            <w:r>
              <w:t xml:space="preserve">                        } else if (location.hasOwnProperty("city_alt")) {</w:t>
            </w:r>
          </w:p>
          <w:p w:rsidR="00E667D5" w:rsidRDefault="00E667D5" w:rsidP="00E667D5">
            <w:r>
              <w:t xml:space="preserve">                            locationData = "city~" + location["city_alt"];</w:t>
            </w:r>
          </w:p>
          <w:p w:rsidR="00E667D5" w:rsidRDefault="00E667D5" w:rsidP="00E667D5">
            <w:r>
              <w:t xml:space="preserve">                        }</w:t>
            </w:r>
          </w:p>
          <w:p w:rsidR="00E667D5" w:rsidRDefault="00E667D5" w:rsidP="00E667D5">
            <w:r>
              <w:t xml:space="preserve">                        /* else if (location.hasOwnProperty("state")) {</w:t>
            </w:r>
          </w:p>
          <w:p w:rsidR="00E667D5" w:rsidRDefault="00E667D5" w:rsidP="00E667D5">
            <w:r>
              <w:t xml:space="preserve">                                        locationData = "state~" + location["state"];</w:t>
            </w:r>
          </w:p>
          <w:p w:rsidR="00E667D5" w:rsidRDefault="00E667D5" w:rsidP="00E667D5">
            <w:r>
              <w:t xml:space="preserve">                                    }*/</w:t>
            </w:r>
          </w:p>
          <w:p w:rsidR="00E667D5" w:rsidRDefault="00E667D5" w:rsidP="00E667D5">
            <w:r>
              <w:t xml:space="preserve">                        return locationData;</w:t>
            </w:r>
          </w:p>
          <w:p w:rsidR="00E667D5" w:rsidRDefault="00E667D5" w:rsidP="00E667D5">
            <w:r>
              <w:t xml:space="preserve">                    }</w:t>
            </w:r>
          </w:p>
          <w:p w:rsidR="00E667D5" w:rsidRDefault="00E667D5" w:rsidP="00E667D5"/>
          <w:p w:rsidR="00E667D5" w:rsidRDefault="00E667D5" w:rsidP="00E667D5">
            <w:r>
              <w:t xml:space="preserve">                    function geoLocate() {</w:t>
            </w:r>
          </w:p>
          <w:p w:rsidR="00E667D5" w:rsidRDefault="00E667D5" w:rsidP="00E667D5">
            <w:r>
              <w:t xml:space="preserve">                        if (navigator.geolocation) {</w:t>
            </w:r>
          </w:p>
          <w:p w:rsidR="00E667D5" w:rsidRDefault="00E667D5" w:rsidP="00E667D5">
            <w:r>
              <w:t xml:space="preserve">                            navigator.geolocation.getCurrentPosition(function(position) {</w:t>
            </w:r>
          </w:p>
          <w:p w:rsidR="00E667D5" w:rsidRDefault="00E667D5" w:rsidP="00E667D5">
            <w:r>
              <w:t xml:space="preserve">                                var geolocation = {</w:t>
            </w:r>
          </w:p>
          <w:p w:rsidR="00E667D5" w:rsidRDefault="00E667D5" w:rsidP="00E667D5">
            <w:r>
              <w:t xml:space="preserve">                                    lat: position.coords.latitude,</w:t>
            </w:r>
          </w:p>
          <w:p w:rsidR="00E667D5" w:rsidRDefault="00E667D5" w:rsidP="00E667D5">
            <w:r>
              <w:t xml:space="preserve">                                    lng: position.coords.longitude</w:t>
            </w:r>
          </w:p>
          <w:p w:rsidR="00E667D5" w:rsidRDefault="00E667D5" w:rsidP="00E667D5">
            <w:r>
              <w:t xml:space="preserve">                                };</w:t>
            </w:r>
          </w:p>
          <w:p w:rsidR="00E667D5" w:rsidRDefault="00E667D5" w:rsidP="00E667D5">
            <w:r>
              <w:t xml:space="preserve">                                var circle = new google.maps.Circle({</w:t>
            </w:r>
          </w:p>
          <w:p w:rsidR="00E667D5" w:rsidRDefault="00E667D5" w:rsidP="00E667D5">
            <w:r>
              <w:t xml:space="preserve">                                    center: geolocation,</w:t>
            </w:r>
          </w:p>
          <w:p w:rsidR="00E667D5" w:rsidRDefault="00E667D5" w:rsidP="00E667D5">
            <w:r>
              <w:t xml:space="preserve">                                    radius: position.coords.accuracy</w:t>
            </w:r>
          </w:p>
          <w:p w:rsidR="00E667D5" w:rsidRDefault="00E667D5" w:rsidP="00E667D5">
            <w:r>
              <w:t xml:space="preserve">                                });</w:t>
            </w:r>
          </w:p>
          <w:p w:rsidR="00E667D5" w:rsidRDefault="00E667D5" w:rsidP="00E667D5">
            <w:r>
              <w:t xml:space="preserve">                                autocomplete.setBounds(circle.getBounds());</w:t>
            </w:r>
          </w:p>
          <w:p w:rsidR="00E667D5" w:rsidRDefault="00E667D5" w:rsidP="00E667D5">
            <w:r>
              <w:t xml:space="preserve">                                if (!lscache.get("auto_location_off")) {</w:t>
            </w:r>
          </w:p>
          <w:p w:rsidR="00E667D5" w:rsidRDefault="00E667D5" w:rsidP="00E667D5">
            <w:r>
              <w:t xml:space="preserve">                                    var point = new google.maps.LatLng(position.coords.latitude, position</w:t>
            </w:r>
          </w:p>
          <w:p w:rsidR="00E667D5" w:rsidRDefault="00E667D5" w:rsidP="00E667D5">
            <w:r>
              <w:t xml:space="preserve">                                        .coords.longitude);</w:t>
            </w:r>
          </w:p>
          <w:p w:rsidR="00E667D5" w:rsidRDefault="00E667D5" w:rsidP="00E667D5">
            <w:r>
              <w:t xml:space="preserve">                                    new google.maps.Geocoder().geocode({</w:t>
            </w:r>
          </w:p>
          <w:p w:rsidR="00E667D5" w:rsidRDefault="00E667D5" w:rsidP="00E667D5">
            <w:r>
              <w:lastRenderedPageBreak/>
              <w:t xml:space="preserve">                                        'latLng': point</w:t>
            </w:r>
          </w:p>
          <w:p w:rsidR="00E667D5" w:rsidRDefault="00E667D5" w:rsidP="00E667D5">
            <w:r>
              <w:t xml:space="preserve">                                    }, function(res, status) {</w:t>
            </w:r>
          </w:p>
          <w:p w:rsidR="00E667D5" w:rsidRDefault="00E667D5" w:rsidP="00E667D5">
            <w:r>
              <w:t xml:space="preserve">                                        if (status === google.maps.GeocoderStatus.OK &amp;&amp; typeof res[</w:t>
            </w:r>
          </w:p>
          <w:p w:rsidR="00E667D5" w:rsidRDefault="00E667D5" w:rsidP="00E667D5">
            <w:r>
              <w:t xml:space="preserve">                                                0] !== 'undefined') {</w:t>
            </w:r>
          </w:p>
          <w:p w:rsidR="00E667D5" w:rsidRDefault="00E667D5" w:rsidP="00E667D5">
            <w:r>
              <w:t xml:space="preserve">                                            var locationData = fnGetLocationData(res[0]);</w:t>
            </w:r>
          </w:p>
          <w:p w:rsidR="00E667D5" w:rsidRDefault="00E667D5" w:rsidP="00E667D5">
            <w:r>
              <w:t xml:space="preserve">                                            if (locationData !== "") {</w:t>
            </w:r>
          </w:p>
          <w:p w:rsidR="00E667D5" w:rsidRDefault="00E667D5" w:rsidP="00E667D5">
            <w:r>
              <w:t xml:space="preserve">                                                fnAddLocationItem(locationData, 'success',</w:t>
            </w:r>
          </w:p>
          <w:p w:rsidR="00E667D5" w:rsidRDefault="00E667D5" w:rsidP="00E667D5">
            <w:r>
              <w:t xml:space="preserve">                                                    'Your Location');</w:t>
            </w:r>
          </w:p>
          <w:p w:rsidR="00E667D5" w:rsidRDefault="00E667D5" w:rsidP="00E667D5">
            <w:r>
              <w:t xml:space="preserve">                                            } else {</w:t>
            </w:r>
          </w:p>
          <w:p w:rsidR="00E667D5" w:rsidRDefault="00E667D5" w:rsidP="00E667D5">
            <w:r>
              <w:t xml:space="preserve">                                                fail('Unable to get zip code');</w:t>
            </w:r>
          </w:p>
          <w:p w:rsidR="00E667D5" w:rsidRDefault="00E667D5" w:rsidP="00E667D5">
            <w:r>
              <w:t xml:space="preserve">                                            }</w:t>
            </w:r>
          </w:p>
          <w:p w:rsidR="00E667D5" w:rsidRDefault="00E667D5" w:rsidP="00E667D5">
            <w:r>
              <w:t xml:space="preserve">                                        } else {</w:t>
            </w:r>
          </w:p>
          <w:p w:rsidR="00E667D5" w:rsidRDefault="00E667D5" w:rsidP="00E667D5">
            <w:r>
              <w:t xml:space="preserve">                                            fail('Unable to look-up geolocation');</w:t>
            </w:r>
          </w:p>
          <w:p w:rsidR="00E667D5" w:rsidRDefault="00E667D5" w:rsidP="00E667D5">
            <w:r>
              <w:t xml:space="preserve">                                        }</w:t>
            </w:r>
          </w:p>
          <w:p w:rsidR="00E667D5" w:rsidRDefault="00E667D5" w:rsidP="00E667D5">
            <w:r>
              <w:t xml:space="preserve">                                    });</w:t>
            </w:r>
          </w:p>
          <w:p w:rsidR="00E667D5" w:rsidRDefault="00E667D5" w:rsidP="00E667D5">
            <w:r>
              <w:t xml:space="preserve">                                }</w:t>
            </w:r>
          </w:p>
          <w:p w:rsidR="00E667D5" w:rsidRDefault="00E667D5" w:rsidP="00E667D5">
            <w:r>
              <w:t xml:space="preserve">                            });</w:t>
            </w:r>
          </w:p>
          <w:p w:rsidR="00E667D5" w:rsidRDefault="00E667D5" w:rsidP="00E667D5">
            <w:r>
              <w:t xml:space="preserve">                        } else {</w:t>
            </w:r>
          </w:p>
          <w:p w:rsidR="00E667D5" w:rsidRDefault="00E667D5" w:rsidP="00E667D5">
            <w:r>
              <w:t xml:space="preserve">                            console.log("Geolocation not supported");</w:t>
            </w:r>
          </w:p>
          <w:p w:rsidR="00E667D5" w:rsidRDefault="00E667D5" w:rsidP="00E667D5">
            <w:r>
              <w:t xml:space="preserve">                        }</w:t>
            </w:r>
          </w:p>
          <w:p w:rsidR="00E667D5" w:rsidRDefault="00E667D5" w:rsidP="00E667D5">
            <w:r>
              <w:t xml:space="preserve">                    }</w:t>
            </w:r>
          </w:p>
          <w:p w:rsidR="00E667D5" w:rsidRDefault="00E667D5" w:rsidP="00E667D5">
            <w:r>
              <w:t xml:space="preserve">                    &lt;/script&gt;</w:t>
            </w:r>
          </w:p>
          <w:p w:rsidR="00E667D5" w:rsidRDefault="00E667D5" w:rsidP="00E667D5">
            <w:r>
              <w:t xml:space="preserve">                &lt;/aside&gt;</w:t>
            </w:r>
          </w:p>
          <w:p w:rsidR="00E667D5" w:rsidRDefault="00E667D5" w:rsidP="00E667D5">
            <w:r>
              <w:t xml:space="preserve">            &lt;!---------------Filter validation ends------------------&gt;</w:t>
            </w:r>
          </w:p>
          <w:p w:rsidR="00E667D5" w:rsidRDefault="00E667D5" w:rsidP="00E667D5">
            <w:r>
              <w:t xml:space="preserve">                    </w:t>
            </w:r>
          </w:p>
          <w:p w:rsidR="00E667D5" w:rsidRDefault="00E667D5" w:rsidP="00E667D5">
            <w:r>
              <w:t xml:space="preserve">            &lt;!------------residences recomendation starts---------------&gt;</w:t>
            </w:r>
          </w:p>
          <w:p w:rsidR="00E667D5" w:rsidRDefault="00E667D5" w:rsidP="00E667D5"/>
          <w:p w:rsidR="00E667D5" w:rsidRDefault="00E667D5" w:rsidP="00E667D5">
            <w:r>
              <w:t xml:space="preserve">            &lt;div class="col-lg-9"&gt;</w:t>
            </w:r>
          </w:p>
          <w:p w:rsidR="00E667D5" w:rsidRDefault="00E667D5" w:rsidP="00E667D5">
            <w:r>
              <w:t xml:space="preserve">                &lt;div class="row"&gt;</w:t>
            </w:r>
          </w:p>
          <w:p w:rsidR="00E667D5" w:rsidRDefault="00E667D5" w:rsidP="00E667D5">
            <w:r>
              <w:t xml:space="preserve">                &lt;div class="col-md-12"&gt;</w:t>
            </w:r>
          </w:p>
          <w:p w:rsidR="00E667D5" w:rsidRDefault="00E667D5" w:rsidP="00E667D5">
            <w:r>
              <w:t xml:space="preserve">                    &lt;div class="main_title_2"&gt;</w:t>
            </w:r>
          </w:p>
          <w:p w:rsidR="00E667D5" w:rsidRDefault="00E667D5" w:rsidP="00E667D5">
            <w:r>
              <w:t xml:space="preserve">                        &lt;div class="d-flex justify-content-center align-items-center"&gt;</w:t>
            </w:r>
          </w:p>
          <w:p w:rsidR="00E667D5" w:rsidRDefault="00E667D5" w:rsidP="00E667D5">
            <w:r>
              <w:t xml:space="preserve">                                &lt;img src="spf/img/services/icon/residential-board.png"</w:t>
            </w:r>
          </w:p>
          <w:p w:rsidR="00E667D5" w:rsidRDefault="00E667D5" w:rsidP="00E667D5">
            <w:r>
              <w:t xml:space="preserve">                                            class="img-fluid d-inline-block" width="70" height="70" /&gt;</w:t>
            </w:r>
          </w:p>
          <w:p w:rsidR="00E667D5" w:rsidRDefault="00E667D5" w:rsidP="00E667D5">
            <w:r>
              <w:t xml:space="preserve">                                        &lt;div class="d-inline-block text-left"&gt;</w:t>
            </w:r>
          </w:p>
          <w:p w:rsidR="00E667D5" w:rsidRDefault="00E667D5" w:rsidP="00E667D5">
            <w:r>
              <w:t xml:space="preserve">                                            &lt;h4&gt;Residential Board &amp;amp; Care&lt;/h4&gt;</w:t>
            </w:r>
          </w:p>
          <w:p w:rsidR="00E667D5" w:rsidRDefault="00E667D5" w:rsidP="00E667D5">
            <w:r>
              <w:t xml:space="preserve">                                            &lt;p class="lead"&gt;List based on Resident Type&lt;/p&gt;</w:t>
            </w:r>
          </w:p>
          <w:p w:rsidR="00E667D5" w:rsidRDefault="00E667D5" w:rsidP="00E667D5">
            <w:r>
              <w:t xml:space="preserve">                                        &lt;/div&gt;</w:t>
            </w:r>
          </w:p>
          <w:p w:rsidR="00E667D5" w:rsidRDefault="00E667D5" w:rsidP="00E667D5">
            <w:r>
              <w:t xml:space="preserve">                            &lt;/div&gt;</w:t>
            </w:r>
          </w:p>
          <w:p w:rsidR="00E667D5" w:rsidRDefault="00E667D5" w:rsidP="00E667D5">
            <w:r>
              <w:t xml:space="preserve">                        &lt;span&gt;&lt;em&gt;&lt;/em&gt;&lt;/span&gt;</w:t>
            </w:r>
          </w:p>
          <w:p w:rsidR="00E667D5" w:rsidRDefault="00E667D5" w:rsidP="00E667D5">
            <w:r>
              <w:t xml:space="preserve">                    &lt;/div&gt;</w:t>
            </w:r>
          </w:p>
          <w:p w:rsidR="00E667D5" w:rsidRDefault="00E667D5" w:rsidP="00E667D5">
            <w:r>
              <w:t xml:space="preserve">                &lt;/div&gt;</w:t>
            </w:r>
          </w:p>
          <w:p w:rsidR="00E667D5" w:rsidRDefault="00E667D5" w:rsidP="00E667D5">
            <w:r>
              <w:t xml:space="preserve">                &lt;div class="col-md-12 no-records"</w:t>
            </w:r>
          </w:p>
          <w:p w:rsidR="00E667D5" w:rsidRDefault="00E667D5" w:rsidP="00E667D5">
            <w:r>
              <w:t xml:space="preserve">                     style="display: none;"&gt;</w:t>
            </w:r>
          </w:p>
          <w:p w:rsidR="00E667D5" w:rsidRDefault="00E667D5" w:rsidP="00E667D5">
            <w:r>
              <w:t xml:space="preserve">                    &lt;div class="pt-3 text-center text-danger"&gt;</w:t>
            </w:r>
          </w:p>
          <w:p w:rsidR="00E667D5" w:rsidRDefault="00E667D5" w:rsidP="00E667D5">
            <w:r>
              <w:t xml:space="preserve">                        &lt;i class="fa fa-smile-wink fa-3x"&gt;&lt;/i&gt;</w:t>
            </w:r>
          </w:p>
          <w:p w:rsidR="00E667D5" w:rsidRDefault="00E667D5" w:rsidP="00E667D5">
            <w:r>
              <w:t xml:space="preserve">                        &lt;h6 class="text-danger mt-3"&gt;Sorry! No matches were found in your search, you can edit your search by selecting more preferences.</w:t>
            </w:r>
          </w:p>
          <w:p w:rsidR="00E667D5" w:rsidRDefault="00E667D5" w:rsidP="00E667D5">
            <w:r>
              <w:lastRenderedPageBreak/>
              <w:t xml:space="preserve">                        &lt;/h6&gt;</w:t>
            </w:r>
          </w:p>
          <w:p w:rsidR="00E667D5" w:rsidRDefault="00E667D5" w:rsidP="00E667D5">
            <w:r>
              <w:t xml:space="preserve">                    &lt;/div&gt;</w:t>
            </w:r>
          </w:p>
          <w:p w:rsidR="00E667D5" w:rsidRDefault="00E667D5" w:rsidP="00E667D5">
            <w:r>
              <w:t xml:space="preserve">                &lt;/div&gt;</w:t>
            </w:r>
          </w:p>
          <w:p w:rsidR="00E667D5" w:rsidRDefault="00E667D5" w:rsidP="00E667D5">
            <w:r>
              <w:t xml:space="preserve">                </w:t>
            </w:r>
          </w:p>
          <w:p w:rsidR="00E667D5" w:rsidRDefault="00E667D5" w:rsidP="00E667D5">
            <w:r>
              <w:t xml:space="preserve">                &lt;div class="row" id="residence_list"&gt;</w:t>
            </w:r>
          </w:p>
          <w:p w:rsidR="00E667D5" w:rsidRDefault="00E667D5" w:rsidP="00E667D5">
            <w:r>
              <w:t xml:space="preserve">                &lt;/div&gt;</w:t>
            </w:r>
          </w:p>
          <w:p w:rsidR="00E667D5" w:rsidRDefault="00E667D5" w:rsidP="00E667D5">
            <w:r>
              <w:t xml:space="preserve">            &lt;/div&gt;</w:t>
            </w:r>
          </w:p>
          <w:p w:rsidR="00E667D5" w:rsidRDefault="00E667D5" w:rsidP="00E667D5">
            <w:r>
              <w:t xml:space="preserve">                </w:t>
            </w:r>
          </w:p>
          <w:p w:rsidR="00E667D5" w:rsidRDefault="00E667D5" w:rsidP="00E667D5">
            <w:r>
              <w:t xml:space="preserve">            &lt;/div&gt;</w:t>
            </w:r>
          </w:p>
          <w:p w:rsidR="00E667D5" w:rsidRDefault="00E667D5" w:rsidP="00E667D5">
            <w:r>
              <w:t xml:space="preserve">            </w:t>
            </w:r>
          </w:p>
          <w:p w:rsidR="00E667D5" w:rsidRDefault="00E667D5" w:rsidP="00E667D5">
            <w:r>
              <w:t xml:space="preserve">                    </w:t>
            </w:r>
          </w:p>
          <w:p w:rsidR="00E667D5" w:rsidRDefault="00E667D5" w:rsidP="00E667D5"/>
          <w:p w:rsidR="00E667D5" w:rsidRDefault="00E667D5" w:rsidP="00E667D5">
            <w:r>
              <w:t xml:space="preserve">        &lt;/div&gt;</w:t>
            </w:r>
          </w:p>
          <w:p w:rsidR="00E667D5" w:rsidRDefault="00E667D5" w:rsidP="00E667D5">
            <w:r>
              <w:t xml:space="preserve">        </w:t>
            </w:r>
          </w:p>
          <w:p w:rsidR="00E667D5" w:rsidRDefault="00E667D5" w:rsidP="00E667D5">
            <w:r>
              <w:t xml:space="preserve">        &lt;/div&gt;</w:t>
            </w:r>
          </w:p>
          <w:p w:rsidR="00E667D5" w:rsidRDefault="00E667D5" w:rsidP="00E667D5">
            <w:r>
              <w:t xml:space="preserve">    &lt;/div&gt;</w:t>
            </w:r>
          </w:p>
          <w:p w:rsidR="00E667D5" w:rsidRDefault="00E667D5" w:rsidP="00E667D5">
            <w:r>
              <w:t>&lt;/main&gt;</w:t>
            </w:r>
          </w:p>
          <w:p w:rsidR="00E667D5" w:rsidRDefault="00E667D5" w:rsidP="00E667D5">
            <w:r>
              <w:t xml:space="preserve">        </w:t>
            </w:r>
          </w:p>
          <w:p w:rsidR="00E667D5" w:rsidRDefault="00E667D5" w:rsidP="00E667D5"/>
          <w:p w:rsidR="00E667D5" w:rsidRDefault="00E667D5" w:rsidP="00E667D5"/>
          <w:p w:rsidR="00E667D5" w:rsidRDefault="00E667D5" w:rsidP="00E667D5">
            <w:r>
              <w:t>&lt;!---------------Residences ends------------------&gt;</w:t>
            </w:r>
          </w:p>
          <w:p w:rsidR="00E667D5" w:rsidRDefault="00E667D5" w:rsidP="00E667D5"/>
          <w:p w:rsidR="00E667D5" w:rsidRDefault="00E667D5" w:rsidP="00E667D5"/>
          <w:p w:rsidR="00E667D5" w:rsidRDefault="00E667D5" w:rsidP="00E667D5">
            <w:r>
              <w:t>&lt;!---------------Floating widget Starts------------------&gt;</w:t>
            </w:r>
          </w:p>
          <w:p w:rsidR="00E667D5" w:rsidRDefault="00E667D5" w:rsidP="00E667D5"/>
          <w:p w:rsidR="00E667D5" w:rsidRDefault="00E667D5" w:rsidP="00E667D5">
            <w:r>
              <w:t>&lt;div class="floating-widget"&gt;</w:t>
            </w:r>
          </w:p>
          <w:p w:rsidR="00E667D5" w:rsidRDefault="00E667D5" w:rsidP="00E667D5">
            <w:r>
              <w:t xml:space="preserve">    &lt;a class="float-item all-service d-xl-none d-lg-none d-md-none d-sm-block"&gt;</w:t>
            </w:r>
          </w:p>
          <w:p w:rsidR="00E667D5" w:rsidRDefault="00E667D5" w:rsidP="00E667D5">
            <w:r>
              <w:t xml:space="preserve">        &lt;img src="img/icon/ssp.png" class="icon"/&gt;</w:t>
            </w:r>
          </w:p>
          <w:p w:rsidR="00E667D5" w:rsidRDefault="00E667D5" w:rsidP="00E667D5">
            <w:r>
              <w:t xml:space="preserve">    &lt;/a&gt;</w:t>
            </w:r>
          </w:p>
          <w:p w:rsidR="00E667D5" w:rsidRDefault="00E667D5" w:rsidP="00E667D5">
            <w:r>
              <w:t xml:space="preserve">    &lt;ul&gt;</w:t>
            </w:r>
          </w:p>
          <w:p w:rsidR="00E667D5" w:rsidRDefault="00E667D5" w:rsidP="00E667D5">
            <w:r>
              <w:t xml:space="preserve">                    &lt;li&gt;</w:t>
            </w:r>
          </w:p>
          <w:p w:rsidR="00E667D5" w:rsidRDefault="00E667D5" w:rsidP="00E667D5">
            <w:r>
              <w:t xml:space="preserve">                &lt;a href="https://srepfinder.com/" target="_blank" class="float-item" title="Find Senior Real Estate Professionals specializing in the real estate of seniors"</w:t>
            </w:r>
          </w:p>
          <w:p w:rsidR="00E667D5" w:rsidRDefault="00E667D5" w:rsidP="00E667D5">
            <w:r>
              <w:t xml:space="preserve">                   data-toggle="tooltip" data-placement="right" data-delay="500"&gt;</w:t>
            </w:r>
          </w:p>
          <w:p w:rsidR="00E667D5" w:rsidRDefault="00E667D5" w:rsidP="00E667D5">
            <w:r>
              <w:t xml:space="preserve">                    &lt;img class="rounded-circle icon" src="img/icon/srep.png"/&gt;</w:t>
            </w:r>
          </w:p>
          <w:p w:rsidR="00E667D5" w:rsidRDefault="00E667D5" w:rsidP="00E667D5">
            <w:r>
              <w:t xml:space="preserve">                    &lt;img class="full-logo" src="img/finder/text/srep.png"/&gt;</w:t>
            </w:r>
          </w:p>
          <w:p w:rsidR="00E667D5" w:rsidRDefault="00E667D5" w:rsidP="00E667D5">
            <w:r>
              <w:t xml:space="preserve">                &lt;/a&gt;</w:t>
            </w:r>
          </w:p>
          <w:p w:rsidR="00E667D5" w:rsidRDefault="00E667D5" w:rsidP="00E667D5">
            <w:r>
              <w:t xml:space="preserve">            &lt;/li&gt;</w:t>
            </w:r>
          </w:p>
          <w:p w:rsidR="00E667D5" w:rsidRDefault="00E667D5" w:rsidP="00E667D5">
            <w:r>
              <w:t xml:space="preserve">                    &lt;li&gt;</w:t>
            </w:r>
          </w:p>
          <w:p w:rsidR="00E667D5" w:rsidRDefault="00E667D5" w:rsidP="00E667D5">
            <w:r>
              <w:t xml:space="preserve">                &lt;a href="https://espmfinder.com/" target="_blank" class="float-item" title="Find Professionals Serving Seniors with their Estate Sales, Packing and Moving"</w:t>
            </w:r>
          </w:p>
          <w:p w:rsidR="00E667D5" w:rsidRDefault="00E667D5" w:rsidP="00E667D5">
            <w:r>
              <w:t xml:space="preserve">                   data-toggle="tooltip" data-placement="right" data-delay="500"&gt;</w:t>
            </w:r>
          </w:p>
          <w:p w:rsidR="00E667D5" w:rsidRDefault="00E667D5" w:rsidP="00E667D5">
            <w:r>
              <w:t xml:space="preserve">                    &lt;img class="rounded-circle icon" src="img/icon/espm.png"/&gt;</w:t>
            </w:r>
          </w:p>
          <w:p w:rsidR="00E667D5" w:rsidRDefault="00E667D5" w:rsidP="00E667D5">
            <w:r>
              <w:t xml:space="preserve">                    &lt;img class="full-logo" src="img/finder/text/espm.png"/&gt;</w:t>
            </w:r>
          </w:p>
          <w:p w:rsidR="00E667D5" w:rsidRDefault="00E667D5" w:rsidP="00E667D5">
            <w:r>
              <w:t xml:space="preserve">                &lt;/a&gt;</w:t>
            </w:r>
          </w:p>
          <w:p w:rsidR="00E667D5" w:rsidRDefault="00E667D5" w:rsidP="00E667D5">
            <w:r>
              <w:t xml:space="preserve">            &lt;/li&gt;</w:t>
            </w:r>
          </w:p>
          <w:p w:rsidR="00E667D5" w:rsidRDefault="00E667D5" w:rsidP="00E667D5">
            <w:r>
              <w:t xml:space="preserve">                    &lt;li&gt;</w:t>
            </w:r>
          </w:p>
          <w:p w:rsidR="00E667D5" w:rsidRDefault="00E667D5" w:rsidP="00E667D5">
            <w:r>
              <w:t xml:space="preserve">                &lt;a href="https://elderlawlawyerfinder.com/" target="_blank" class="float-item" title="Find </w:t>
            </w:r>
            <w:r>
              <w:lastRenderedPageBreak/>
              <w:t>Attorneys specializing in the legal needs of seniors"</w:t>
            </w:r>
          </w:p>
          <w:p w:rsidR="00E667D5" w:rsidRDefault="00E667D5" w:rsidP="00E667D5">
            <w:r>
              <w:t xml:space="preserve">                   data-toggle="tooltip" data-placement="right" data-delay="500"&gt;</w:t>
            </w:r>
          </w:p>
          <w:p w:rsidR="00E667D5" w:rsidRDefault="00E667D5" w:rsidP="00E667D5">
            <w:r>
              <w:t xml:space="preserve">                    &lt;img class="rounded-circle icon" src="img/icon/el.png"/&gt;</w:t>
            </w:r>
          </w:p>
          <w:p w:rsidR="00E667D5" w:rsidRDefault="00E667D5" w:rsidP="00E667D5">
            <w:r>
              <w:t xml:space="preserve">                    &lt;img class="full-logo" src="img/finder/text/el.png"/&gt;</w:t>
            </w:r>
          </w:p>
          <w:p w:rsidR="00E667D5" w:rsidRDefault="00E667D5" w:rsidP="00E667D5">
            <w:r>
              <w:t xml:space="preserve">                &lt;/a&gt;</w:t>
            </w:r>
          </w:p>
          <w:p w:rsidR="00E667D5" w:rsidRDefault="00E667D5" w:rsidP="00E667D5">
            <w:r>
              <w:t xml:space="preserve">            &lt;/li&gt;</w:t>
            </w:r>
          </w:p>
          <w:p w:rsidR="00E667D5" w:rsidRDefault="00E667D5" w:rsidP="00E667D5">
            <w:r>
              <w:t xml:space="preserve">                    &lt;li&gt;</w:t>
            </w:r>
          </w:p>
          <w:p w:rsidR="00E667D5" w:rsidRDefault="00E667D5" w:rsidP="00E667D5">
            <w:r>
              <w:t xml:space="preserve">                &lt;a href="https://eiflfinder.com/" target="_blank" class="float-item" title="Find Professionals specializing in Investment, Finance and Loans for Seniors"</w:t>
            </w:r>
          </w:p>
          <w:p w:rsidR="00E667D5" w:rsidRDefault="00E667D5" w:rsidP="00E667D5">
            <w:r>
              <w:t xml:space="preserve">                   data-toggle="tooltip" data-placement="right" data-delay="500"&gt;</w:t>
            </w:r>
          </w:p>
          <w:p w:rsidR="00E667D5" w:rsidRDefault="00E667D5" w:rsidP="00E667D5">
            <w:r>
              <w:t xml:space="preserve">                    &lt;img class="rounded-circle icon" src="img/icon/eifl.png"/&gt;</w:t>
            </w:r>
          </w:p>
          <w:p w:rsidR="00E667D5" w:rsidRDefault="00E667D5" w:rsidP="00E667D5">
            <w:r>
              <w:t xml:space="preserve">                    &lt;img class="full-logo" src="img/finder/text/eifl.png"/&gt;</w:t>
            </w:r>
          </w:p>
          <w:p w:rsidR="00E667D5" w:rsidRDefault="00E667D5" w:rsidP="00E667D5">
            <w:r>
              <w:t xml:space="preserve">                &lt;/a&gt;</w:t>
            </w:r>
          </w:p>
          <w:p w:rsidR="00E667D5" w:rsidRDefault="00E667D5" w:rsidP="00E667D5">
            <w:r>
              <w:t xml:space="preserve">            &lt;/li&gt;</w:t>
            </w:r>
          </w:p>
          <w:p w:rsidR="00E667D5" w:rsidRDefault="00E667D5" w:rsidP="00E667D5">
            <w:r>
              <w:t xml:space="preserve">                    &lt;li&gt;</w:t>
            </w:r>
          </w:p>
          <w:p w:rsidR="00E667D5" w:rsidRDefault="00E667D5" w:rsidP="00E667D5">
            <w:r>
              <w:t xml:space="preserve">                &lt;a href="https://vabenefitsfinder.com/" target="_blank" class="float-item" title="Find Specialists who guarantee Seniors the Veteran’s Benefits they deserve"</w:t>
            </w:r>
          </w:p>
          <w:p w:rsidR="00E667D5" w:rsidRDefault="00E667D5" w:rsidP="00E667D5">
            <w:r>
              <w:t xml:space="preserve">                   data-toggle="tooltip" data-placement="right" data-delay="500"&gt;</w:t>
            </w:r>
          </w:p>
          <w:p w:rsidR="00E667D5" w:rsidRDefault="00E667D5" w:rsidP="00E667D5">
            <w:r>
              <w:t xml:space="preserve">                    &lt;img class="rounded-circle icon" src="img/icon/vab.png"/&gt;</w:t>
            </w:r>
          </w:p>
          <w:p w:rsidR="00E667D5" w:rsidRDefault="00E667D5" w:rsidP="00E667D5">
            <w:r>
              <w:t xml:space="preserve">                    &lt;img class="full-logo" src="img/finder/text/vab.png"/&gt;</w:t>
            </w:r>
          </w:p>
          <w:p w:rsidR="00E667D5" w:rsidRDefault="00E667D5" w:rsidP="00E667D5">
            <w:r>
              <w:t xml:space="preserve">                &lt;/a&gt;</w:t>
            </w:r>
          </w:p>
          <w:p w:rsidR="00E667D5" w:rsidRDefault="00E667D5" w:rsidP="00E667D5">
            <w:r>
              <w:t xml:space="preserve">            &lt;/li&gt;</w:t>
            </w:r>
          </w:p>
          <w:p w:rsidR="00E667D5" w:rsidRDefault="00E667D5" w:rsidP="00E667D5">
            <w:r>
              <w:t xml:space="preserve">                    &lt;li&gt;</w:t>
            </w:r>
          </w:p>
          <w:p w:rsidR="00E667D5" w:rsidRDefault="00E667D5" w:rsidP="00E667D5">
            <w:r>
              <w:t xml:space="preserve">                &lt;a href="https://insureseniorsfinder.com/" target="_blank" class="float-item" title="Find Professionals who Insure Seniors for life, health, property and peace of mind"</w:t>
            </w:r>
          </w:p>
          <w:p w:rsidR="00E667D5" w:rsidRDefault="00E667D5" w:rsidP="00E667D5">
            <w:r>
              <w:t xml:space="preserve">                   data-toggle="tooltip" data-placement="right" data-delay="500"&gt;</w:t>
            </w:r>
          </w:p>
          <w:p w:rsidR="00E667D5" w:rsidRDefault="00E667D5" w:rsidP="00E667D5">
            <w:r>
              <w:t xml:space="preserve">                    &lt;img class="rounded-circle icon" src="img/icon/is.png"/&gt;</w:t>
            </w:r>
          </w:p>
          <w:p w:rsidR="00E667D5" w:rsidRDefault="00E667D5" w:rsidP="00E667D5">
            <w:r>
              <w:t xml:space="preserve">                    &lt;img class="full-logo" src="img/finder/text/is.png"/&gt;</w:t>
            </w:r>
          </w:p>
          <w:p w:rsidR="00E667D5" w:rsidRDefault="00E667D5" w:rsidP="00E667D5">
            <w:r>
              <w:t xml:space="preserve">                &lt;/a&gt;</w:t>
            </w:r>
          </w:p>
          <w:p w:rsidR="00E667D5" w:rsidRDefault="00E667D5" w:rsidP="00E667D5">
            <w:r>
              <w:t xml:space="preserve">            &lt;/li&gt;</w:t>
            </w:r>
          </w:p>
          <w:p w:rsidR="00E667D5" w:rsidRDefault="00E667D5" w:rsidP="00E667D5">
            <w:r>
              <w:t xml:space="preserve">            &lt;/ul&gt;</w:t>
            </w:r>
          </w:p>
          <w:p w:rsidR="00E667D5" w:rsidRDefault="00E667D5" w:rsidP="00E667D5">
            <w:r>
              <w:t>&lt;/div&gt;</w:t>
            </w:r>
          </w:p>
          <w:p w:rsidR="00E667D5" w:rsidRDefault="00E667D5" w:rsidP="00E667D5"/>
          <w:p w:rsidR="00E667D5" w:rsidRDefault="00E667D5" w:rsidP="00E667D5">
            <w:r>
              <w:t>&lt;script type="text/javascript"&gt;</w:t>
            </w:r>
          </w:p>
          <w:p w:rsidR="00E667D5" w:rsidRDefault="00E667D5" w:rsidP="00E667D5">
            <w:r>
              <w:t xml:space="preserve">    var isMobile = /iPhone|Android/i.test(navigator.userAgent);</w:t>
            </w:r>
          </w:p>
          <w:p w:rsidR="00E667D5" w:rsidRDefault="00E667D5" w:rsidP="00E667D5">
            <w:r>
              <w:t xml:space="preserve">    $(document).ready(function () {</w:t>
            </w:r>
          </w:p>
          <w:p w:rsidR="00E667D5" w:rsidRDefault="00E667D5" w:rsidP="00E667D5">
            <w:r>
              <w:t xml:space="preserve">        // jQuery reverse</w:t>
            </w:r>
          </w:p>
          <w:p w:rsidR="00E667D5" w:rsidRDefault="00E667D5" w:rsidP="00E667D5">
            <w:r>
              <w:t xml:space="preserve">        $.fn.reverse = [].reverse;</w:t>
            </w:r>
          </w:p>
          <w:p w:rsidR="00E667D5" w:rsidRDefault="00E667D5" w:rsidP="00E667D5">
            <w:r>
              <w:t xml:space="preserve">        $(".floating-widget ul li").hover(function () {</w:t>
            </w:r>
          </w:p>
          <w:p w:rsidR="00E667D5" w:rsidRDefault="00E667D5" w:rsidP="00E667D5">
            <w:r>
              <w:t xml:space="preserve">            $(this).toggleClass("active");</w:t>
            </w:r>
          </w:p>
          <w:p w:rsidR="00E667D5" w:rsidRDefault="00E667D5" w:rsidP="00E667D5">
            <w:r>
              <w:t xml:space="preserve">        });</w:t>
            </w:r>
          </w:p>
          <w:p w:rsidR="00E667D5" w:rsidRDefault="00E667D5" w:rsidP="00E667D5">
            <w:r>
              <w:t xml:space="preserve">        if (isMobile) {</w:t>
            </w:r>
          </w:p>
          <w:p w:rsidR="00E667D5" w:rsidRDefault="00E667D5" w:rsidP="00E667D5">
            <w:r>
              <w:t xml:space="preserve">            // Toggle-on-click behaviour.</w:t>
            </w:r>
          </w:p>
          <w:p w:rsidR="00E667D5" w:rsidRDefault="00E667D5" w:rsidP="00E667D5">
            <w:r>
              <w:t xml:space="preserve">            $(document).on('click.floatingWidget', '.floating-widget &gt; a', function (e) {</w:t>
            </w:r>
          </w:p>
          <w:p w:rsidR="00E667D5" w:rsidRDefault="00E667D5" w:rsidP="00E667D5">
            <w:r>
              <w:t xml:space="preserve">                var $this = $(this);</w:t>
            </w:r>
          </w:p>
          <w:p w:rsidR="00E667D5" w:rsidRDefault="00E667D5" w:rsidP="00E667D5">
            <w:r>
              <w:t xml:space="preserve">                var $menu = $this.parent();</w:t>
            </w:r>
          </w:p>
          <w:p w:rsidR="00E667D5" w:rsidRDefault="00E667D5" w:rsidP="00E667D5">
            <w:r>
              <w:t xml:space="preserve">                if ($menu.hasClass('open')) {</w:t>
            </w:r>
          </w:p>
          <w:p w:rsidR="00E667D5" w:rsidRDefault="00E667D5" w:rsidP="00E667D5">
            <w:r>
              <w:t xml:space="preserve">                    closeFABMenu($menu);</w:t>
            </w:r>
          </w:p>
          <w:p w:rsidR="00E667D5" w:rsidRDefault="00E667D5" w:rsidP="00E667D5">
            <w:r>
              <w:lastRenderedPageBreak/>
              <w:t xml:space="preserve">                } else {</w:t>
            </w:r>
          </w:p>
          <w:p w:rsidR="00E667D5" w:rsidRDefault="00E667D5" w:rsidP="00E667D5">
            <w:r>
              <w:t xml:space="preserve">                    openFABMenu($menu);</w:t>
            </w:r>
          </w:p>
          <w:p w:rsidR="00E667D5" w:rsidRDefault="00E667D5" w:rsidP="00E667D5">
            <w:r>
              <w:t xml:space="preserve">                }</w:t>
            </w:r>
          </w:p>
          <w:p w:rsidR="00E667D5" w:rsidRDefault="00E667D5" w:rsidP="00E667D5">
            <w:r>
              <w:t xml:space="preserve">            });</w:t>
            </w:r>
          </w:p>
          <w:p w:rsidR="00E667D5" w:rsidRDefault="00E667D5" w:rsidP="00E667D5">
            <w:r>
              <w:t xml:space="preserve">        } else {</w:t>
            </w:r>
          </w:p>
          <w:p w:rsidR="00E667D5" w:rsidRDefault="00E667D5" w:rsidP="00E667D5">
            <w:r>
              <w:t xml:space="preserve">            var $menu = $(".floating-widget");</w:t>
            </w:r>
          </w:p>
          <w:p w:rsidR="00E667D5" w:rsidRDefault="00E667D5" w:rsidP="00E667D5">
            <w:r>
              <w:t xml:space="preserve">            openFABMenu($menu);</w:t>
            </w:r>
          </w:p>
          <w:p w:rsidR="00E667D5" w:rsidRDefault="00E667D5" w:rsidP="00E667D5">
            <w:r>
              <w:t xml:space="preserve">        }</w:t>
            </w:r>
          </w:p>
          <w:p w:rsidR="00E667D5" w:rsidRDefault="00E667D5" w:rsidP="00E667D5">
            <w:r>
              <w:t xml:space="preserve">    });</w:t>
            </w:r>
          </w:p>
          <w:p w:rsidR="00E667D5" w:rsidRDefault="00E667D5" w:rsidP="00E667D5"/>
          <w:p w:rsidR="00E667D5" w:rsidRDefault="00E667D5" w:rsidP="00E667D5">
            <w:r>
              <w:t xml:space="preserve">    $.fn.extend({</w:t>
            </w:r>
          </w:p>
          <w:p w:rsidR="00E667D5" w:rsidRDefault="00E667D5" w:rsidP="00E667D5">
            <w:r>
              <w:t xml:space="preserve">        openFAB: function () {</w:t>
            </w:r>
          </w:p>
          <w:p w:rsidR="00E667D5" w:rsidRDefault="00E667D5" w:rsidP="00E667D5">
            <w:r>
              <w:t xml:space="preserve">            openFABMenu($(this));</w:t>
            </w:r>
          </w:p>
          <w:p w:rsidR="00E667D5" w:rsidRDefault="00E667D5" w:rsidP="00E667D5">
            <w:r>
              <w:t xml:space="preserve">        },</w:t>
            </w:r>
          </w:p>
          <w:p w:rsidR="00E667D5" w:rsidRDefault="00E667D5" w:rsidP="00E667D5">
            <w:r>
              <w:t xml:space="preserve">        closeFAB: function () {</w:t>
            </w:r>
          </w:p>
          <w:p w:rsidR="00E667D5" w:rsidRDefault="00E667D5" w:rsidP="00E667D5">
            <w:r>
              <w:t xml:space="preserve">            closeFABMenu($(this));</w:t>
            </w:r>
          </w:p>
          <w:p w:rsidR="00E667D5" w:rsidRDefault="00E667D5" w:rsidP="00E667D5">
            <w:r>
              <w:t xml:space="preserve">        }</w:t>
            </w:r>
          </w:p>
          <w:p w:rsidR="00E667D5" w:rsidRDefault="00E667D5" w:rsidP="00E667D5">
            <w:r>
              <w:t xml:space="preserve">    });</w:t>
            </w:r>
          </w:p>
          <w:p w:rsidR="00E667D5" w:rsidRDefault="00E667D5" w:rsidP="00E667D5"/>
          <w:p w:rsidR="00E667D5" w:rsidRDefault="00E667D5" w:rsidP="00E667D5">
            <w:r>
              <w:t xml:space="preserve">    var openFABMenu = function (btn) {</w:t>
            </w:r>
          </w:p>
          <w:p w:rsidR="00E667D5" w:rsidRDefault="00E667D5" w:rsidP="00E667D5">
            <w:r>
              <w:t xml:space="preserve">        $this = btn;</w:t>
            </w:r>
          </w:p>
          <w:p w:rsidR="00E667D5" w:rsidRDefault="00E667D5" w:rsidP="00E667D5">
            <w:r>
              <w:t xml:space="preserve">        if ($this.hasClass('open') === false) {</w:t>
            </w:r>
          </w:p>
          <w:p w:rsidR="00E667D5" w:rsidRDefault="00E667D5" w:rsidP="00E667D5"/>
          <w:p w:rsidR="00E667D5" w:rsidRDefault="00E667D5" w:rsidP="00E667D5">
            <w:r>
              <w:t xml:space="preserve">            // Get direction option</w:t>
            </w:r>
          </w:p>
          <w:p w:rsidR="00E667D5" w:rsidRDefault="00E667D5" w:rsidP="00E667D5">
            <w:r>
              <w:t xml:space="preserve">            var horizontal = $this.hasClass('horizontal');</w:t>
            </w:r>
          </w:p>
          <w:p w:rsidR="00E667D5" w:rsidRDefault="00E667D5" w:rsidP="00E667D5">
            <w:r>
              <w:t xml:space="preserve">            var offsetY, offsetX;</w:t>
            </w:r>
          </w:p>
          <w:p w:rsidR="00E667D5" w:rsidRDefault="00E667D5" w:rsidP="00E667D5"/>
          <w:p w:rsidR="00E667D5" w:rsidRDefault="00E667D5" w:rsidP="00E667D5">
            <w:r>
              <w:t xml:space="preserve">            if (horizontal === true) {</w:t>
            </w:r>
          </w:p>
          <w:p w:rsidR="00E667D5" w:rsidRDefault="00E667D5" w:rsidP="00E667D5">
            <w:r>
              <w:t xml:space="preserve">                offsetX = 40;</w:t>
            </w:r>
          </w:p>
          <w:p w:rsidR="00E667D5" w:rsidRDefault="00E667D5" w:rsidP="00E667D5">
            <w:r>
              <w:t xml:space="preserve">            } else {</w:t>
            </w:r>
          </w:p>
          <w:p w:rsidR="00E667D5" w:rsidRDefault="00E667D5" w:rsidP="00E667D5">
            <w:r>
              <w:t xml:space="preserve">                offsetY = 40;</w:t>
            </w:r>
          </w:p>
          <w:p w:rsidR="00E667D5" w:rsidRDefault="00E667D5" w:rsidP="00E667D5">
            <w:r>
              <w:t xml:space="preserve">            }</w:t>
            </w:r>
          </w:p>
          <w:p w:rsidR="00E667D5" w:rsidRDefault="00E667D5" w:rsidP="00E667D5"/>
          <w:p w:rsidR="00E667D5" w:rsidRDefault="00E667D5" w:rsidP="00E667D5">
            <w:r>
              <w:t xml:space="preserve">            $this.addClass('open');</w:t>
            </w:r>
          </w:p>
          <w:p w:rsidR="00E667D5" w:rsidRDefault="00E667D5" w:rsidP="00E667D5">
            <w:r>
              <w:t xml:space="preserve">            $this.find('ul .float-item').velocity(</w:t>
            </w:r>
          </w:p>
          <w:p w:rsidR="00E667D5" w:rsidRDefault="00E667D5" w:rsidP="00E667D5">
            <w:r>
              <w:t xml:space="preserve">                {scaleY: ".4", scaleX: ".4", translateY: offsetY + 'px', translateX: offsetX + 'px'},</w:t>
            </w:r>
          </w:p>
          <w:p w:rsidR="00E667D5" w:rsidRDefault="00E667D5" w:rsidP="00E667D5">
            <w:r>
              <w:t xml:space="preserve">                {duration: 0});</w:t>
            </w:r>
          </w:p>
          <w:p w:rsidR="00E667D5" w:rsidRDefault="00E667D5" w:rsidP="00E667D5"/>
          <w:p w:rsidR="00E667D5" w:rsidRDefault="00E667D5" w:rsidP="00E667D5">
            <w:r>
              <w:t xml:space="preserve">            var time = 0;</w:t>
            </w:r>
          </w:p>
          <w:p w:rsidR="00E667D5" w:rsidRDefault="00E667D5" w:rsidP="00E667D5">
            <w:r>
              <w:t xml:space="preserve">            $this.find('ul .float-item').reverse().each(function () {</w:t>
            </w:r>
          </w:p>
          <w:p w:rsidR="00E667D5" w:rsidRDefault="00E667D5" w:rsidP="00E667D5">
            <w:r>
              <w:t xml:space="preserve">                $(this).velocity(</w:t>
            </w:r>
          </w:p>
          <w:p w:rsidR="00E667D5" w:rsidRDefault="00E667D5" w:rsidP="00E667D5">
            <w:r>
              <w:t xml:space="preserve">                    {opacity: "1", scaleX: "1", scaleY: "1", translateY: "0", translateX: '0'},</w:t>
            </w:r>
          </w:p>
          <w:p w:rsidR="00E667D5" w:rsidRDefault="00E667D5" w:rsidP="00E667D5">
            <w:r>
              <w:t xml:space="preserve">                    {duration: 80, delay: time});</w:t>
            </w:r>
          </w:p>
          <w:p w:rsidR="00E667D5" w:rsidRDefault="00E667D5" w:rsidP="00E667D5">
            <w:r>
              <w:t xml:space="preserve">                time += 40;</w:t>
            </w:r>
          </w:p>
          <w:p w:rsidR="00E667D5" w:rsidRDefault="00E667D5" w:rsidP="00E667D5">
            <w:r>
              <w:t xml:space="preserve">            });</w:t>
            </w:r>
          </w:p>
          <w:p w:rsidR="00E667D5" w:rsidRDefault="00E667D5" w:rsidP="00E667D5">
            <w:r>
              <w:t xml:space="preserve">        }</w:t>
            </w:r>
          </w:p>
          <w:p w:rsidR="00E667D5" w:rsidRDefault="00E667D5" w:rsidP="00E667D5">
            <w:r>
              <w:t xml:space="preserve">    };</w:t>
            </w:r>
          </w:p>
          <w:p w:rsidR="00E667D5" w:rsidRDefault="00E667D5" w:rsidP="00E667D5"/>
          <w:p w:rsidR="00E667D5" w:rsidRDefault="00E667D5" w:rsidP="00E667D5">
            <w:r>
              <w:lastRenderedPageBreak/>
              <w:t xml:space="preserve">    var closeFABMenu = function (btn) {</w:t>
            </w:r>
          </w:p>
          <w:p w:rsidR="00E667D5" w:rsidRDefault="00E667D5" w:rsidP="00E667D5">
            <w:r>
              <w:t xml:space="preserve">        $this = btn;</w:t>
            </w:r>
          </w:p>
          <w:p w:rsidR="00E667D5" w:rsidRDefault="00E667D5" w:rsidP="00E667D5">
            <w:r>
              <w:t xml:space="preserve">        // Get direction option</w:t>
            </w:r>
          </w:p>
          <w:p w:rsidR="00E667D5" w:rsidRDefault="00E667D5" w:rsidP="00E667D5">
            <w:r>
              <w:t xml:space="preserve">        var horizontal = $this.hasClass('horizontal');</w:t>
            </w:r>
          </w:p>
          <w:p w:rsidR="00E667D5" w:rsidRDefault="00E667D5" w:rsidP="00E667D5">
            <w:r>
              <w:t xml:space="preserve">        var offsetY, offsetX;</w:t>
            </w:r>
          </w:p>
          <w:p w:rsidR="00E667D5" w:rsidRDefault="00E667D5" w:rsidP="00E667D5"/>
          <w:p w:rsidR="00E667D5" w:rsidRDefault="00E667D5" w:rsidP="00E667D5">
            <w:r>
              <w:t xml:space="preserve">        if (horizontal === true) {</w:t>
            </w:r>
          </w:p>
          <w:p w:rsidR="00E667D5" w:rsidRDefault="00E667D5" w:rsidP="00E667D5">
            <w:r>
              <w:t xml:space="preserve">            offsetX = 40;</w:t>
            </w:r>
          </w:p>
          <w:p w:rsidR="00E667D5" w:rsidRDefault="00E667D5" w:rsidP="00E667D5">
            <w:r>
              <w:t xml:space="preserve">        } else {</w:t>
            </w:r>
          </w:p>
          <w:p w:rsidR="00E667D5" w:rsidRDefault="00E667D5" w:rsidP="00E667D5">
            <w:r>
              <w:t xml:space="preserve">            offsetY = 40;</w:t>
            </w:r>
          </w:p>
          <w:p w:rsidR="00E667D5" w:rsidRDefault="00E667D5" w:rsidP="00E667D5">
            <w:r>
              <w:t xml:space="preserve">        }</w:t>
            </w:r>
          </w:p>
          <w:p w:rsidR="00E667D5" w:rsidRDefault="00E667D5" w:rsidP="00E667D5"/>
          <w:p w:rsidR="00E667D5" w:rsidRDefault="00E667D5" w:rsidP="00E667D5">
            <w:r>
              <w:t xml:space="preserve">        $this.removeClass('open');</w:t>
            </w:r>
          </w:p>
          <w:p w:rsidR="00E667D5" w:rsidRDefault="00E667D5" w:rsidP="00E667D5">
            <w:r>
              <w:t xml:space="preserve">        var time = 0;</w:t>
            </w:r>
          </w:p>
          <w:p w:rsidR="00E667D5" w:rsidRDefault="00E667D5" w:rsidP="00E667D5">
            <w:r>
              <w:t xml:space="preserve">        $this.find('ul .float-item').velocity("stop", true);</w:t>
            </w:r>
          </w:p>
          <w:p w:rsidR="00E667D5" w:rsidRDefault="00E667D5" w:rsidP="00E667D5">
            <w:r>
              <w:t xml:space="preserve">        $this.find('ul .float-item').velocity(</w:t>
            </w:r>
          </w:p>
          <w:p w:rsidR="00E667D5" w:rsidRDefault="00E667D5" w:rsidP="00E667D5">
            <w:r>
              <w:t xml:space="preserve">            {opacity: "0", scaleX: ".4", scaleY: ".4", translateY: offsetY + 'px', translateX: offsetX + 'px'},</w:t>
            </w:r>
          </w:p>
          <w:p w:rsidR="00E667D5" w:rsidRDefault="00E667D5" w:rsidP="00E667D5">
            <w:r>
              <w:t xml:space="preserve">            {duration: 80}</w:t>
            </w:r>
          </w:p>
          <w:p w:rsidR="00E667D5" w:rsidRDefault="00E667D5" w:rsidP="00E667D5">
            <w:r>
              <w:t xml:space="preserve">        );</w:t>
            </w:r>
          </w:p>
          <w:p w:rsidR="00E667D5" w:rsidRDefault="00E667D5" w:rsidP="00E667D5">
            <w:r>
              <w:t xml:space="preserve">    };</w:t>
            </w:r>
          </w:p>
          <w:p w:rsidR="00E667D5" w:rsidRDefault="00E667D5" w:rsidP="00E667D5">
            <w:r>
              <w:t>&lt;/script&gt;</w:t>
            </w:r>
          </w:p>
          <w:p w:rsidR="00E667D5" w:rsidRDefault="00E667D5" w:rsidP="00E667D5">
            <w:r>
              <w:t>&lt;!---------------floating widget ends------------------&gt;</w:t>
            </w:r>
          </w:p>
          <w:p w:rsidR="00E667D5" w:rsidRDefault="00E667D5" w:rsidP="00E667D5">
            <w:r>
              <w:t>&lt;div id="divLoader" class="loading-widget" align="center"&gt;</w:t>
            </w:r>
          </w:p>
          <w:p w:rsidR="00E667D5" w:rsidRDefault="00E667D5" w:rsidP="00E667D5">
            <w:r>
              <w:t xml:space="preserve">    &lt;br/&gt;</w:t>
            </w:r>
          </w:p>
          <w:p w:rsidR="00E667D5" w:rsidRDefault="00E667D5" w:rsidP="00E667D5">
            <w:r>
              <w:t xml:space="preserve">    &lt;p class="text-default"&gt;</w:t>
            </w:r>
          </w:p>
          <w:p w:rsidR="00E667D5" w:rsidRDefault="00E667D5" w:rsidP="00E667D5">
            <w:r>
              <w:t xml:space="preserve">        Loading, Please Wait for a while...</w:t>
            </w:r>
          </w:p>
          <w:p w:rsidR="00E667D5" w:rsidRDefault="00E667D5" w:rsidP="00E667D5">
            <w:r>
              <w:t xml:space="preserve">    &lt;/p&gt;</w:t>
            </w:r>
          </w:p>
          <w:p w:rsidR="00E667D5" w:rsidRDefault="00E667D5" w:rsidP="00E667D5">
            <w:r>
              <w:t xml:space="preserve">    &lt;br/&gt;</w:t>
            </w:r>
          </w:p>
          <w:p w:rsidR="00E667D5" w:rsidRDefault="00E667D5" w:rsidP="00E667D5">
            <w:r>
              <w:t>&lt;/div&gt;</w:t>
            </w:r>
          </w:p>
          <w:p w:rsidR="00E667D5" w:rsidRDefault="00E667D5" w:rsidP="00E667D5">
            <w:r>
              <w:t>&lt;div id="divOverlay" class="loading-overlay"&gt;&lt;/div&gt;</w:t>
            </w:r>
          </w:p>
          <w:p w:rsidR="00E667D5" w:rsidRDefault="00E667D5" w:rsidP="00E667D5">
            <w:r>
              <w:t>&lt;script type="text/javascript"&gt;</w:t>
            </w:r>
          </w:p>
          <w:p w:rsidR="00E667D5" w:rsidRDefault="00E667D5" w:rsidP="00E667D5">
            <w:r>
              <w:t xml:space="preserve">    window.loading = function (show, message) {</w:t>
            </w:r>
          </w:p>
          <w:p w:rsidR="00E667D5" w:rsidRDefault="00E667D5" w:rsidP="00E667D5">
            <w:r>
              <w:t xml:space="preserve">        let overlay = $(".loading-overlay");</w:t>
            </w:r>
          </w:p>
          <w:p w:rsidR="00E667D5" w:rsidRDefault="00E667D5" w:rsidP="00E667D5">
            <w:r>
              <w:t xml:space="preserve">        let loading = $(".loading-widget");</w:t>
            </w:r>
          </w:p>
          <w:p w:rsidR="00E667D5" w:rsidRDefault="00E667D5" w:rsidP="00E667D5">
            <w:r>
              <w:t xml:space="preserve">        $("p", loading).html(message);</w:t>
            </w:r>
          </w:p>
          <w:p w:rsidR="00E667D5" w:rsidRDefault="00E667D5" w:rsidP="00E667D5">
            <w:r>
              <w:t xml:space="preserve">        if (show) {</w:t>
            </w:r>
          </w:p>
          <w:p w:rsidR="00E667D5" w:rsidRDefault="00E667D5" w:rsidP="00E667D5">
            <w:r>
              <w:t xml:space="preserve">            let top = Math.max($(window).height() / 2 - loading[0].offsetHeight / 2 - 50, 0);</w:t>
            </w:r>
          </w:p>
          <w:p w:rsidR="00E667D5" w:rsidRDefault="00E667D5" w:rsidP="00E667D5">
            <w:r>
              <w:t xml:space="preserve">            overlay.fadeIn();</w:t>
            </w:r>
          </w:p>
          <w:p w:rsidR="00E667D5" w:rsidRDefault="00E667D5" w:rsidP="00E667D5">
            <w:r>
              <w:t xml:space="preserve">            loading.fadeIn();</w:t>
            </w:r>
          </w:p>
          <w:p w:rsidR="00E667D5" w:rsidRDefault="00E667D5" w:rsidP="00E667D5">
            <w:r>
              <w:t xml:space="preserve">            loading.css({</w:t>
            </w:r>
          </w:p>
          <w:p w:rsidR="00E667D5" w:rsidRDefault="00E667D5" w:rsidP="00E667D5">
            <w:r>
              <w:t xml:space="preserve">                top: top</w:t>
            </w:r>
          </w:p>
          <w:p w:rsidR="00E667D5" w:rsidRDefault="00E667D5" w:rsidP="00E667D5">
            <w:r>
              <w:t xml:space="preserve">            });</w:t>
            </w:r>
          </w:p>
          <w:p w:rsidR="00E667D5" w:rsidRDefault="00E667D5" w:rsidP="00E667D5">
            <w:r>
              <w:t xml:space="preserve">        } else {</w:t>
            </w:r>
          </w:p>
          <w:p w:rsidR="00E667D5" w:rsidRDefault="00E667D5" w:rsidP="00E667D5">
            <w:r>
              <w:t xml:space="preserve">            overlay.fadeOut();</w:t>
            </w:r>
          </w:p>
          <w:p w:rsidR="00E667D5" w:rsidRDefault="00E667D5" w:rsidP="00E667D5">
            <w:r>
              <w:t xml:space="preserve">            loading.fadeOut();</w:t>
            </w:r>
          </w:p>
          <w:p w:rsidR="00E667D5" w:rsidRDefault="00E667D5" w:rsidP="00E667D5">
            <w:r>
              <w:t xml:space="preserve">        }</w:t>
            </w:r>
          </w:p>
          <w:p w:rsidR="00E667D5" w:rsidRDefault="00E667D5" w:rsidP="00E667D5">
            <w:r>
              <w:t xml:space="preserve">    }</w:t>
            </w:r>
          </w:p>
          <w:p w:rsidR="00E667D5" w:rsidRDefault="00E667D5" w:rsidP="00E667D5">
            <w:r>
              <w:t>&lt;/script&gt;</w:t>
            </w:r>
          </w:p>
          <w:p w:rsidR="00E667D5" w:rsidRDefault="00E667D5" w:rsidP="00E667D5">
            <w:r>
              <w:lastRenderedPageBreak/>
              <w:t>&lt;style type="text/css"&gt;</w:t>
            </w:r>
          </w:p>
          <w:p w:rsidR="00E667D5" w:rsidRDefault="00E667D5" w:rsidP="00E667D5">
            <w:r>
              <w:t xml:space="preserve">    .loading-overlay {</w:t>
            </w:r>
          </w:p>
          <w:p w:rsidR="00E667D5" w:rsidRDefault="00E667D5" w:rsidP="00E667D5">
            <w:r>
              <w:t xml:space="preserve">        display: none;</w:t>
            </w:r>
          </w:p>
          <w:p w:rsidR="00E667D5" w:rsidRDefault="00E667D5" w:rsidP="00E667D5">
            <w:r>
              <w:t xml:space="preserve">        position: fixed;</w:t>
            </w:r>
          </w:p>
          <w:p w:rsidR="00E667D5" w:rsidRDefault="00E667D5" w:rsidP="00E667D5">
            <w:r>
              <w:t xml:space="preserve">        top: 0;</w:t>
            </w:r>
          </w:p>
          <w:p w:rsidR="00E667D5" w:rsidRDefault="00E667D5" w:rsidP="00E667D5">
            <w:r>
              <w:t xml:space="preserve">        left: 0;</w:t>
            </w:r>
          </w:p>
          <w:p w:rsidR="00E667D5" w:rsidRDefault="00E667D5" w:rsidP="00E667D5">
            <w:r>
              <w:t xml:space="preserve">        background-color: #FFFFFF;</w:t>
            </w:r>
          </w:p>
          <w:p w:rsidR="00E667D5" w:rsidRDefault="00E667D5" w:rsidP="00E667D5">
            <w:r>
              <w:t xml:space="preserve">        z-index: 10060;</w:t>
            </w:r>
          </w:p>
          <w:p w:rsidR="00E667D5" w:rsidRDefault="00E667D5" w:rsidP="00E667D5">
            <w:r>
              <w:t xml:space="preserve">        opacity: 0.8;</w:t>
            </w:r>
          </w:p>
          <w:p w:rsidR="00E667D5" w:rsidRDefault="00E667D5" w:rsidP="00E667D5">
            <w:r>
              <w:t xml:space="preserve">        filter: alpha(opacity=80);</w:t>
            </w:r>
          </w:p>
          <w:p w:rsidR="00E667D5" w:rsidRDefault="00E667D5" w:rsidP="00E667D5">
            <w:r>
              <w:t xml:space="preserve">        -moz-opacity: 0.8;</w:t>
            </w:r>
          </w:p>
          <w:p w:rsidR="00E667D5" w:rsidRDefault="00E667D5" w:rsidP="00E667D5">
            <w:r>
              <w:t xml:space="preserve">        min-height: 100%;</w:t>
            </w:r>
          </w:p>
          <w:p w:rsidR="00E667D5" w:rsidRDefault="00E667D5" w:rsidP="00E667D5">
            <w:r>
              <w:t xml:space="preserve">        width: 100%;</w:t>
            </w:r>
          </w:p>
          <w:p w:rsidR="00E667D5" w:rsidRDefault="00E667D5" w:rsidP="00E667D5">
            <w:r>
              <w:t xml:space="preserve">    }</w:t>
            </w:r>
          </w:p>
          <w:p w:rsidR="00E667D5" w:rsidRDefault="00E667D5" w:rsidP="00E667D5">
            <w:r>
              <w:t xml:space="preserve">    .loading-widget {</w:t>
            </w:r>
          </w:p>
          <w:p w:rsidR="00E667D5" w:rsidRDefault="00E667D5" w:rsidP="00E667D5">
            <w:r>
              <w:t xml:space="preserve">        font-family: Arial;</w:t>
            </w:r>
          </w:p>
          <w:p w:rsidR="00E667D5" w:rsidRDefault="00E667D5" w:rsidP="00E667D5">
            <w:r>
              <w:t xml:space="preserve">        font-size: 10pt;</w:t>
            </w:r>
          </w:p>
          <w:p w:rsidR="00E667D5" w:rsidRDefault="00E667D5" w:rsidP="00E667D5">
            <w:r>
              <w:t xml:space="preserve">        width: 350px;</w:t>
            </w:r>
          </w:p>
          <w:p w:rsidR="00E667D5" w:rsidRDefault="00E667D5" w:rsidP="00E667D5">
            <w:r>
              <w:t xml:space="preserve">        height: 130px;</w:t>
            </w:r>
          </w:p>
          <w:p w:rsidR="00E667D5" w:rsidRDefault="00E667D5" w:rsidP="00E667D5">
            <w:r>
              <w:t xml:space="preserve">        display: none;</w:t>
            </w:r>
          </w:p>
          <w:p w:rsidR="00E667D5" w:rsidRDefault="00E667D5" w:rsidP="00E667D5">
            <w:r>
              <w:t xml:space="preserve">        position: fixed;</w:t>
            </w:r>
          </w:p>
          <w:p w:rsidR="00E667D5" w:rsidRDefault="00E667D5" w:rsidP="00E667D5">
            <w:r>
              <w:t xml:space="preserve">        background: transparent url("{{ url('frontend/img/loader.gif") 50% 50% no-repeat;</w:t>
            </w:r>
          </w:p>
          <w:p w:rsidR="00E667D5" w:rsidRDefault="00E667D5" w:rsidP="00E667D5">
            <w:r>
              <w:t xml:space="preserve">        z-index: 10080;</w:t>
            </w:r>
          </w:p>
          <w:p w:rsidR="00E667D5" w:rsidRDefault="00E667D5" w:rsidP="00E667D5">
            <w:r>
              <w:t xml:space="preserve">        left: 50%;</w:t>
            </w:r>
          </w:p>
          <w:p w:rsidR="00E667D5" w:rsidRDefault="00E667D5" w:rsidP="00E667D5">
            <w:r>
              <w:t xml:space="preserve">        margin-left: -175px;</w:t>
            </w:r>
          </w:p>
          <w:p w:rsidR="00E667D5" w:rsidRDefault="00E667D5" w:rsidP="00E667D5">
            <w:r>
              <w:t xml:space="preserve">    }</w:t>
            </w:r>
          </w:p>
          <w:p w:rsidR="00E667D5" w:rsidRDefault="00E667D5" w:rsidP="00E667D5">
            <w:r>
              <w:t xml:space="preserve">    .loading-widget p {</w:t>
            </w:r>
          </w:p>
          <w:p w:rsidR="00E667D5" w:rsidRDefault="00E667D5" w:rsidP="00E667D5">
            <w:r>
              <w:t xml:space="preserve">        margin-top: 130px;</w:t>
            </w:r>
          </w:p>
          <w:p w:rsidR="00E667D5" w:rsidRDefault="00E667D5" w:rsidP="00E667D5">
            <w:r>
              <w:t xml:space="preserve">        font-weight: bolder;</w:t>
            </w:r>
          </w:p>
          <w:p w:rsidR="00E667D5" w:rsidRDefault="00E667D5" w:rsidP="00E667D5">
            <w:r>
              <w:t xml:space="preserve">        color: #035b67;</w:t>
            </w:r>
          </w:p>
          <w:p w:rsidR="00E667D5" w:rsidRDefault="00E667D5" w:rsidP="00E667D5">
            <w:r>
              <w:t xml:space="preserve">        font-size: 18px;</w:t>
            </w:r>
          </w:p>
          <w:p w:rsidR="00E667D5" w:rsidRDefault="00E667D5" w:rsidP="00E667D5">
            <w:r>
              <w:t xml:space="preserve">    }</w:t>
            </w:r>
          </w:p>
          <w:p w:rsidR="00E667D5" w:rsidRDefault="00E667D5" w:rsidP="00E667D5">
            <w:r>
              <w:t>&lt;/style&gt;&lt;div id="toTop"&gt;&lt;/div&gt;</w:t>
            </w:r>
          </w:p>
          <w:p w:rsidR="00E667D5" w:rsidRDefault="00E667D5" w:rsidP="00E667D5"/>
          <w:p w:rsidR="00E667D5" w:rsidRDefault="00E667D5" w:rsidP="00E667D5">
            <w:r>
              <w:t>&lt;!---------------remove wishlist Starts------------------&gt;</w:t>
            </w:r>
          </w:p>
          <w:p w:rsidR="00E667D5" w:rsidRDefault="00E667D5" w:rsidP="00E667D5">
            <w:r>
              <w:t>&lt;!--theme.js --&gt;</w:t>
            </w:r>
          </w:p>
          <w:p w:rsidR="00E667D5" w:rsidRDefault="00E667D5" w:rsidP="00E667D5">
            <w:r>
              <w:t>&lt;script src="spf/js/theme.js"&gt;&lt;/script&gt;</w:t>
            </w:r>
          </w:p>
          <w:p w:rsidR="00E667D5" w:rsidRDefault="00E667D5" w:rsidP="00E667D5">
            <w:r>
              <w:t>&lt;!--lscache.js --&gt;</w:t>
            </w:r>
          </w:p>
          <w:p w:rsidR="00E667D5" w:rsidRDefault="00E667D5" w:rsidP="00E667D5">
            <w:r>
              <w:t>&lt;script src="js/lscache.js"&gt;&lt;/script&gt;</w:t>
            </w:r>
          </w:p>
          <w:p w:rsidR="00E667D5" w:rsidRDefault="00E667D5" w:rsidP="00E667D5">
            <w:r>
              <w:t>&lt;!--notify.js --&gt;</w:t>
            </w:r>
          </w:p>
          <w:p w:rsidR="00E667D5" w:rsidRDefault="00E667D5" w:rsidP="00E667D5">
            <w:r>
              <w:t>&lt;script src="js/notify.js"&gt;&lt;/script&gt;</w:t>
            </w:r>
          </w:p>
          <w:p w:rsidR="00E667D5" w:rsidRDefault="00E667D5" w:rsidP="00E667D5">
            <w:r>
              <w:t>&lt;!--js/common.js --&gt;</w:t>
            </w:r>
          </w:p>
          <w:p w:rsidR="00E667D5" w:rsidRDefault="00E667D5" w:rsidP="00E667D5">
            <w:r>
              <w:t>&lt;script src="js/common.js"&gt;&lt;/script&gt;</w:t>
            </w:r>
          </w:p>
          <w:p w:rsidR="00E667D5" w:rsidRDefault="00E667D5" w:rsidP="00E667D5">
            <w:r>
              <w:t xml:space="preserve">&lt;!--animated_canvas.js </w:t>
            </w:r>
          </w:p>
          <w:p w:rsidR="00E667D5" w:rsidRDefault="00E667D5" w:rsidP="00E667D5">
            <w:r>
              <w:t xml:space="preserve">    &lt;script src="spf/js/animated_canvas.js"&gt;&lt;/script&gt;--&gt;</w:t>
            </w:r>
          </w:p>
          <w:p w:rsidR="00E667D5" w:rsidRDefault="00E667D5" w:rsidP="00E667D5">
            <w:r>
              <w:t xml:space="preserve">    &lt;!--selectize.js --&gt;</w:t>
            </w:r>
          </w:p>
          <w:p w:rsidR="00E667D5" w:rsidRDefault="00E667D5" w:rsidP="00E667D5">
            <w:r>
              <w:t xml:space="preserve">    &lt;script src="js/selectize.js"&gt;&lt;/script&gt;</w:t>
            </w:r>
          </w:p>
          <w:p w:rsidR="00E667D5" w:rsidRDefault="00E667D5" w:rsidP="00E667D5">
            <w:r>
              <w:t xml:space="preserve">    &lt;!--googleapis --&gt;</w:t>
            </w:r>
          </w:p>
          <w:p w:rsidR="00E667D5" w:rsidRDefault="00E667D5" w:rsidP="00E667D5">
            <w:r>
              <w:lastRenderedPageBreak/>
              <w:t xml:space="preserve">    &lt;script</w:t>
            </w:r>
          </w:p>
          <w:p w:rsidR="00E667D5" w:rsidRDefault="00E667D5" w:rsidP="00E667D5">
            <w:r>
              <w:t xml:space="preserve">            src="https://maps.googleapis.com/maps/api/js?key=AIzaSyCjN2knZ92ZcETe2mNF2t5l_j21ZTvTnIY&amp;amp;libraries=places&amp;amp;callback=initAutocomplete"</w:t>
            </w:r>
          </w:p>
          <w:p w:rsidR="00E667D5" w:rsidRDefault="00E667D5" w:rsidP="00E667D5">
            <w:r>
              <w:t xml:space="preserve">            async defer&gt;&lt;/script&gt;</w:t>
            </w:r>
          </w:p>
          <w:p w:rsidR="00E667D5" w:rsidRDefault="00E667D5" w:rsidP="00E667D5">
            <w:r>
              <w:t xml:space="preserve">            &lt;!-- velocity.js--&gt;</w:t>
            </w:r>
          </w:p>
          <w:p w:rsidR="00E667D5" w:rsidRDefault="00E667D5" w:rsidP="00E667D5">
            <w:r>
              <w:t>&lt;script src="js/velocity.js"&gt;&lt;/script&gt;</w:t>
            </w:r>
          </w:p>
          <w:p w:rsidR="00E667D5" w:rsidRDefault="00E667D5" w:rsidP="00E667D5">
            <w:r>
              <w:t>&lt;!-- init.js--&gt;</w:t>
            </w:r>
          </w:p>
          <w:p w:rsidR="00E667D5" w:rsidRDefault="00E667D5" w:rsidP="00E667D5">
            <w:r>
              <w:t>&lt;script src="spf/js/init.js"&gt;&lt;/script&gt;</w:t>
            </w:r>
          </w:p>
          <w:p w:rsidR="00E667D5" w:rsidRDefault="00E667D5" w:rsidP="00E667D5">
            <w:r>
              <w:t>&lt;script type="text/javascript"&gt;</w:t>
            </w:r>
          </w:p>
          <w:p w:rsidR="00E667D5" w:rsidRDefault="00E667D5" w:rsidP="00E667D5">
            <w:r>
              <w:t xml:space="preserve">    $(document).ready(function () {</w:t>
            </w:r>
          </w:p>
          <w:p w:rsidR="00E667D5" w:rsidRDefault="00E667D5" w:rsidP="00E667D5">
            <w:r>
              <w:t xml:space="preserve">        /*if (document.referrer !== "" &amp;&amp;</w:t>
            </w:r>
          </w:p>
          <w:p w:rsidR="00E667D5" w:rsidRDefault="00E667D5" w:rsidP="00E667D5">
            <w:r>
              <w:t xml:space="preserve">            (new URL(document.referrer)).origin !== window.location.origin &amp;&amp;</w:t>
            </w:r>
          </w:p>
          <w:p w:rsidR="00E667D5" w:rsidRDefault="00E667D5" w:rsidP="00E667D5">
            <w:r>
              <w:t xml:space="preserve">            lscache.get("last_visited")) {</w:t>
            </w:r>
          </w:p>
          <w:p w:rsidR="00E667D5" w:rsidRDefault="00E667D5" w:rsidP="00E667D5">
            <w:r>
              <w:t xml:space="preserve">            var lastVisited = lscache.get("last_visited");</w:t>
            </w:r>
          </w:p>
          <w:p w:rsidR="00E667D5" w:rsidRDefault="00E667D5" w:rsidP="00E667D5">
            <w:r>
              <w:t xml:space="preserve">            lscache.remove("last_visited");</w:t>
            </w:r>
          </w:p>
          <w:p w:rsidR="00E667D5" w:rsidRDefault="00E667D5" w:rsidP="00E667D5">
            <w:r>
              <w:t xml:space="preserve">            window.location.href = lastVisited;</w:t>
            </w:r>
          </w:p>
          <w:p w:rsidR="00E667D5" w:rsidRDefault="00E667D5" w:rsidP="00E667D5">
            <w:r>
              <w:t xml:space="preserve">        } else {</w:t>
            </w:r>
          </w:p>
          <w:p w:rsidR="00E667D5" w:rsidRDefault="00E667D5" w:rsidP="00E667D5">
            <w:r>
              <w:t xml:space="preserve">            //lscache.set("last_visited", window.location.href);</w:t>
            </w:r>
          </w:p>
          <w:p w:rsidR="00E667D5" w:rsidRDefault="00E667D5" w:rsidP="00E667D5">
            <w:r>
              <w:t xml:space="preserve">        }*/</w:t>
            </w:r>
          </w:p>
          <w:p w:rsidR="00E667D5" w:rsidRDefault="00E667D5" w:rsidP="00E667D5">
            <w:r>
              <w:t xml:space="preserve">        /*window.onbeforeunload = function() {</w:t>
            </w:r>
          </w:p>
          <w:p w:rsidR="00E667D5" w:rsidRDefault="00E667D5" w:rsidP="00E667D5">
            <w:r>
              <w:t xml:space="preserve">            lscache.set("last_visited", window.location.href);</w:t>
            </w:r>
          </w:p>
          <w:p w:rsidR="00E667D5" w:rsidRDefault="00E667D5" w:rsidP="00E667D5">
            <w:r>
              <w:t xml:space="preserve">            return;</w:t>
            </w:r>
          </w:p>
          <w:p w:rsidR="00E667D5" w:rsidRDefault="00E667D5" w:rsidP="00E667D5">
            <w:r>
              <w:t xml:space="preserve">        }*/</w:t>
            </w:r>
          </w:p>
          <w:p w:rsidR="00E667D5" w:rsidRDefault="00E667D5" w:rsidP="00E667D5">
            <w:r>
              <w:t xml:space="preserve">        fnUpdateWishFlag();</w:t>
            </w:r>
          </w:p>
          <w:p w:rsidR="00E667D5" w:rsidRDefault="00E667D5" w:rsidP="00E667D5">
            <w:r>
              <w:t xml:space="preserve">        $(document.body).on("click", ".btn-wishlist", function (e) {</w:t>
            </w:r>
          </w:p>
          <w:p w:rsidR="00E667D5" w:rsidRDefault="00E667D5" w:rsidP="00E667D5">
            <w:r>
              <w:t xml:space="preserve">            e.preventDefault();</w:t>
            </w:r>
          </w:p>
          <w:p w:rsidR="00E667D5" w:rsidRDefault="00E667D5" w:rsidP="00E667D5">
            <w:r>
              <w:t xml:space="preserve">            var that = this;</w:t>
            </w:r>
          </w:p>
          <w:p w:rsidR="00E667D5" w:rsidRDefault="00E667D5" w:rsidP="00E667D5">
            <w:r>
              <w:t xml:space="preserve">            let href = $(that).data("href");</w:t>
            </w:r>
          </w:p>
          <w:p w:rsidR="00E667D5" w:rsidRDefault="00E667D5" w:rsidP="00E667D5">
            <w:r>
              <w:t xml:space="preserve">            let rid = $(that).data("id");</w:t>
            </w:r>
          </w:p>
          <w:p w:rsidR="00E667D5" w:rsidRDefault="00E667D5" w:rsidP="00E667D5">
            <w:r>
              <w:t xml:space="preserve">            if (href) {</w:t>
            </w:r>
          </w:p>
          <w:p w:rsidR="00E667D5" w:rsidRDefault="00E667D5" w:rsidP="00E667D5">
            <w:r>
              <w:t xml:space="preserve">                $.ajax({</w:t>
            </w:r>
          </w:p>
          <w:p w:rsidR="00E667D5" w:rsidRDefault="00E667D5" w:rsidP="00E667D5">
            <w:r>
              <w:t xml:space="preserve">                    type: "get",</w:t>
            </w:r>
          </w:p>
          <w:p w:rsidR="00E667D5" w:rsidRDefault="00E667D5" w:rsidP="00E667D5">
            <w:r>
              <w:t xml:space="preserve">                    url: href,</w:t>
            </w:r>
          </w:p>
          <w:p w:rsidR="00E667D5" w:rsidRDefault="00E667D5" w:rsidP="00E667D5">
            <w:r>
              <w:t xml:space="preserve">                    beforeSend: function () {</w:t>
            </w:r>
          </w:p>
          <w:p w:rsidR="00E667D5" w:rsidRDefault="00E667D5" w:rsidP="00E667D5">
            <w:r>
              <w:t xml:space="preserve">                        $(that).addClass("block-loader");</w:t>
            </w:r>
          </w:p>
          <w:p w:rsidR="00E667D5" w:rsidRDefault="00E667D5" w:rsidP="00E667D5">
            <w:r>
              <w:t xml:space="preserve">                    },</w:t>
            </w:r>
          </w:p>
          <w:p w:rsidR="00E667D5" w:rsidRDefault="00E667D5" w:rsidP="00E667D5">
            <w:r>
              <w:t xml:space="preserve">                    success: function (response) {</w:t>
            </w:r>
          </w:p>
          <w:p w:rsidR="00E667D5" w:rsidRDefault="00E667D5" w:rsidP="00E667D5">
            <w:r>
              <w:t xml:space="preserve">                        $(that).removeClass("block-loader");</w:t>
            </w:r>
          </w:p>
          <w:p w:rsidR="00E667D5" w:rsidRDefault="00E667D5" w:rsidP="00E667D5">
            <w:r>
              <w:t xml:space="preserve">                        $(that).toggleClass("liked");</w:t>
            </w:r>
          </w:p>
          <w:p w:rsidR="00E667D5" w:rsidRDefault="00E667D5" w:rsidP="00E667D5">
            <w:r>
              <w:t xml:space="preserve">                        $("span", that).text($(that).hasClass("liked") ? "In Your List" : "Add To My List");</w:t>
            </w:r>
          </w:p>
          <w:p w:rsidR="00E667D5" w:rsidRDefault="00E667D5" w:rsidP="00E667D5">
            <w:r>
              <w:t xml:space="preserve">                        $(that).attr("data-original-title", $(that).hasClass("liked") ? "Remove From Your List" : "Add To My List").tooltip('show');</w:t>
            </w:r>
          </w:p>
          <w:p w:rsidR="00E667D5" w:rsidRDefault="00E667D5" w:rsidP="00E667D5">
            <w:r>
              <w:t xml:space="preserve">                    }</w:t>
            </w:r>
          </w:p>
          <w:p w:rsidR="00E667D5" w:rsidRDefault="00E667D5" w:rsidP="00E667D5">
            <w:r>
              <w:t xml:space="preserve">                });</w:t>
            </w:r>
          </w:p>
          <w:p w:rsidR="00E667D5" w:rsidRDefault="00E667D5" w:rsidP="00E667D5">
            <w:r>
              <w:t xml:space="preserve">            } else {</w:t>
            </w:r>
          </w:p>
          <w:p w:rsidR="00E667D5" w:rsidRDefault="00E667D5" w:rsidP="00E667D5">
            <w:r>
              <w:t xml:space="preserve">                let wishList = lscache.get("wishlist") || [];</w:t>
            </w:r>
          </w:p>
          <w:p w:rsidR="00E667D5" w:rsidRDefault="00E667D5" w:rsidP="00E667D5">
            <w:r>
              <w:t xml:space="preserve">                if (wishList.includes(rid)) {</w:t>
            </w:r>
          </w:p>
          <w:p w:rsidR="00E667D5" w:rsidRDefault="00E667D5" w:rsidP="00E667D5">
            <w:r>
              <w:lastRenderedPageBreak/>
              <w:t xml:space="preserve">                    wishList = _.without(wishList, rid);</w:t>
            </w:r>
          </w:p>
          <w:p w:rsidR="00E667D5" w:rsidRDefault="00E667D5" w:rsidP="00E667D5">
            <w:r>
              <w:t xml:space="preserve">                } else {</w:t>
            </w:r>
          </w:p>
          <w:p w:rsidR="00E667D5" w:rsidRDefault="00E667D5" w:rsidP="00E667D5">
            <w:r>
              <w:t xml:space="preserve">                    wishList.push(rid);</w:t>
            </w:r>
          </w:p>
          <w:p w:rsidR="00E667D5" w:rsidRDefault="00E667D5" w:rsidP="00E667D5">
            <w:r>
              <w:t xml:space="preserve">                }</w:t>
            </w:r>
          </w:p>
          <w:p w:rsidR="00E667D5" w:rsidRDefault="00E667D5" w:rsidP="00E667D5">
            <w:r>
              <w:t xml:space="preserve">                lscache.set("wishlist", wishList);</w:t>
            </w:r>
          </w:p>
          <w:p w:rsidR="00E667D5" w:rsidRDefault="00E667D5" w:rsidP="00E667D5">
            <w:r>
              <w:t xml:space="preserve">                $(this).toggleClass("liked");</w:t>
            </w:r>
          </w:p>
          <w:p w:rsidR="00E667D5" w:rsidRDefault="00E667D5" w:rsidP="00E667D5">
            <w:r>
              <w:t xml:space="preserve">                $("span", this).text($(this).hasClass("liked") ? "In Your List" : "Add To My List");</w:t>
            </w:r>
          </w:p>
          <w:p w:rsidR="00E667D5" w:rsidRDefault="00E667D5" w:rsidP="00E667D5">
            <w:r>
              <w:t xml:space="preserve">                $(this).attr("data-original-title", $(this).hasClass("liked") ? "Remove From Your List" : "Add To My List").tooltip('show');</w:t>
            </w:r>
          </w:p>
          <w:p w:rsidR="00E667D5" w:rsidRDefault="00E667D5" w:rsidP="00E667D5">
            <w:r>
              <w:t xml:space="preserve">            }</w:t>
            </w:r>
          </w:p>
          <w:p w:rsidR="00E667D5" w:rsidRDefault="00E667D5" w:rsidP="00E667D5">
            <w:r>
              <w:t xml:space="preserve">        });</w:t>
            </w:r>
          </w:p>
          <w:p w:rsidR="00E667D5" w:rsidRDefault="00E667D5" w:rsidP="00E667D5">
            <w:r>
              <w:t xml:space="preserve">            });</w:t>
            </w:r>
          </w:p>
          <w:p w:rsidR="00E667D5" w:rsidRDefault="00E667D5" w:rsidP="00E667D5">
            <w:r>
              <w:t xml:space="preserve">    window.fnUpdateWishFlag = function () {</w:t>
            </w:r>
          </w:p>
          <w:p w:rsidR="00E667D5" w:rsidRDefault="00E667D5" w:rsidP="00E667D5">
            <w:r>
              <w:t xml:space="preserve">        let wishList = lscache.get("wishlist") || [];</w:t>
            </w:r>
          </w:p>
          <w:p w:rsidR="00E667D5" w:rsidRDefault="00E667D5" w:rsidP="00E667D5">
            <w:r>
              <w:t xml:space="preserve">        wishList.forEach(function (item) {</w:t>
            </w:r>
          </w:p>
          <w:p w:rsidR="00E667D5" w:rsidRDefault="00E667D5" w:rsidP="00E667D5">
            <w:r>
              <w:t xml:space="preserve">            $(".btn-wishlist[data-id='" + item + "']").addClass("liked");</w:t>
            </w:r>
          </w:p>
          <w:p w:rsidR="00E667D5" w:rsidRDefault="00E667D5" w:rsidP="00E667D5">
            <w:r>
              <w:t xml:space="preserve">            $(".btn-wishlist[data-id='" + item + "'].liked span").text("In Your List");</w:t>
            </w:r>
          </w:p>
          <w:p w:rsidR="00E667D5" w:rsidRDefault="00E667D5" w:rsidP="00E667D5">
            <w:r>
              <w:t xml:space="preserve">            $(".btn-wishlist[data-id='" + item + "'].liked").attr("title", "Remove From Your List");</w:t>
            </w:r>
          </w:p>
          <w:p w:rsidR="00E667D5" w:rsidRDefault="00E667D5" w:rsidP="00E667D5">
            <w:r>
              <w:t xml:space="preserve">        });</w:t>
            </w:r>
          </w:p>
          <w:p w:rsidR="00E667D5" w:rsidRDefault="00E667D5" w:rsidP="00E667D5">
            <w:r>
              <w:t xml:space="preserve">    };</w:t>
            </w:r>
          </w:p>
          <w:p w:rsidR="00E667D5" w:rsidRDefault="00E667D5" w:rsidP="00E667D5">
            <w:r>
              <w:t xml:space="preserve">    &lt;/script&gt;</w:t>
            </w:r>
          </w:p>
          <w:p w:rsidR="00E667D5" w:rsidRDefault="00E667D5" w:rsidP="00E667D5">
            <w:r>
              <w:t xml:space="preserve">    &lt;!---------------remove wishlist ends------------------&gt;</w:t>
            </w:r>
          </w:p>
          <w:p w:rsidR="00E667D5" w:rsidRDefault="00E667D5" w:rsidP="00E667D5">
            <w:r>
              <w:t xml:space="preserve">    &lt;script src="spf/js/theme.js"&gt;&lt;/script&gt;</w:t>
            </w:r>
          </w:p>
          <w:p w:rsidR="00E667D5" w:rsidRDefault="00E667D5" w:rsidP="00E667D5">
            <w:r>
              <w:t xml:space="preserve">    &lt;script src="js/lscache.js"&gt;&lt;/script&gt;</w:t>
            </w:r>
          </w:p>
          <w:p w:rsidR="00E667D5" w:rsidRDefault="00E667D5" w:rsidP="00E667D5">
            <w:r>
              <w:t xml:space="preserve">    &lt;script src="js/notify.js"&gt;&lt;/script&gt;</w:t>
            </w:r>
          </w:p>
          <w:p w:rsidR="00E667D5" w:rsidRDefault="00E667D5" w:rsidP="00E667D5">
            <w:r>
              <w:t xml:space="preserve">    &lt;script src="js/common.js"&gt;&lt;/script&gt;</w:t>
            </w:r>
          </w:p>
          <w:p w:rsidR="00E667D5" w:rsidRDefault="00E667D5" w:rsidP="00E667D5">
            <w:r>
              <w:t xml:space="preserve">        &lt;script src="js/selectize.js"&gt;&lt;/script&gt;</w:t>
            </w:r>
          </w:p>
          <w:p w:rsidR="00E667D5" w:rsidRDefault="00E667D5" w:rsidP="00E667D5">
            <w:r>
              <w:t xml:space="preserve">        &lt;script src="js/nouislider.js"&gt;&lt;/script&gt;</w:t>
            </w:r>
          </w:p>
          <w:p w:rsidR="00E667D5" w:rsidRDefault="00E667D5" w:rsidP="00E667D5">
            <w:r>
              <w:t xml:space="preserve">        &lt;script</w:t>
            </w:r>
          </w:p>
          <w:p w:rsidR="00E667D5" w:rsidRDefault="00E667D5" w:rsidP="00E667D5">
            <w:r>
              <w:t xml:space="preserve">                src="https://maps.googleapis.com/maps/api/js?key=AIzaSyCjN2knZ92ZcETe2mNF2t5l_j21ZTvTnIY&amp;amp;libraries=places&amp;amp;callback=initAutocomplete"</w:t>
            </w:r>
          </w:p>
          <w:p w:rsidR="00E667D5" w:rsidRDefault="00E667D5" w:rsidP="00E667D5">
            <w:r>
              <w:t xml:space="preserve">                async defer&gt;&lt;/script&gt;</w:t>
            </w:r>
          </w:p>
          <w:p w:rsidR="00E667D5" w:rsidRDefault="00E667D5" w:rsidP="00E667D5">
            <w:r>
              <w:t xml:space="preserve">    &lt;script src="js/velocity.js"&gt;&lt;/script&gt;</w:t>
            </w:r>
          </w:p>
          <w:p w:rsidR="00E667D5" w:rsidRDefault="00E667D5" w:rsidP="00E667D5">
            <w:r>
              <w:t xml:space="preserve">    &lt;script src="spf/js/init.js"&gt;&lt;/script&gt;</w:t>
            </w:r>
          </w:p>
          <w:p w:rsidR="00E667D5" w:rsidRDefault="00E667D5" w:rsidP="00E667D5">
            <w:r>
              <w:t xml:space="preserve">        &lt;script type="text/javascript"&gt;</w:t>
            </w:r>
          </w:p>
          <w:p w:rsidR="00E667D5" w:rsidRDefault="00E667D5" w:rsidP="00E667D5">
            <w:r>
              <w:t xml:space="preserve">        &lt;/script&gt;</w:t>
            </w:r>
          </w:p>
          <w:p w:rsidR="00E667D5" w:rsidRDefault="00E667D5" w:rsidP="00E667D5">
            <w:r>
              <w:t>&lt;script type="text/javascript"&gt;</w:t>
            </w:r>
          </w:p>
          <w:p w:rsidR="00E667D5" w:rsidRDefault="00E667D5" w:rsidP="00E667D5">
            <w:r>
              <w:t>//$(document).ready(function () {</w:t>
            </w:r>
          </w:p>
          <w:p w:rsidR="00E667D5" w:rsidRDefault="00E667D5" w:rsidP="00E667D5">
            <w:r>
              <w:t>function getResidence() {</w:t>
            </w:r>
          </w:p>
          <w:p w:rsidR="00E667D5" w:rsidRDefault="00E667D5" w:rsidP="00E667D5">
            <w:r>
              <w:t xml:space="preserve">    //alert(1);</w:t>
            </w:r>
          </w:p>
          <w:p w:rsidR="00E667D5" w:rsidRDefault="00E667D5" w:rsidP="00E667D5">
            <w:r>
              <w:t xml:space="preserve">    const residence_type = &lt;?php echo json_encode(residence_type); ?&gt;;</w:t>
            </w:r>
          </w:p>
          <w:p w:rsidR="00E667D5" w:rsidRDefault="00E667D5" w:rsidP="00E667D5">
            <w:r>
              <w:t xml:space="preserve">    var url = new URL(window.location.href);</w:t>
            </w:r>
          </w:p>
          <w:p w:rsidR="00E667D5" w:rsidRDefault="00E667D5" w:rsidP="00E667D5">
            <w:r>
              <w:t xml:space="preserve">    var filter = url.searchParams.get("filter");</w:t>
            </w:r>
          </w:p>
          <w:p w:rsidR="00E667D5" w:rsidRDefault="00E667D5" w:rsidP="00E667D5">
            <w:r>
              <w:t xml:space="preserve">    let filterQuery = fnGetSearchQuery();</w:t>
            </w:r>
          </w:p>
          <w:p w:rsidR="00E667D5" w:rsidRDefault="00E667D5" w:rsidP="00E667D5">
            <w:r>
              <w:tab/>
              <w:t xml:space="preserve">var q </w:t>
            </w:r>
            <w:r>
              <w:tab/>
              <w:t>=</w:t>
            </w:r>
            <w:r>
              <w:tab/>
              <w:t>$("#txtSearchText").val()</w:t>
            </w:r>
          </w:p>
          <w:p w:rsidR="00E667D5" w:rsidRDefault="00E667D5" w:rsidP="00E667D5">
            <w:r>
              <w:t xml:space="preserve">    // console.log("Hello"+q);</w:t>
            </w:r>
          </w:p>
          <w:p w:rsidR="00E667D5" w:rsidRDefault="00E667D5" w:rsidP="00E667D5">
            <w:r>
              <w:t xml:space="preserve">    // console.log(filterQuery, 'filterQuery');</w:t>
            </w:r>
          </w:p>
          <w:p w:rsidR="00E667D5" w:rsidRDefault="00E667D5" w:rsidP="00E667D5">
            <w:r>
              <w:lastRenderedPageBreak/>
              <w:t xml:space="preserve">    $.post("get_residence.php", {</w:t>
            </w:r>
          </w:p>
          <w:p w:rsidR="00E667D5" w:rsidRDefault="00E667D5" w:rsidP="00E667D5">
            <w:r>
              <w:t xml:space="preserve">            "filter": btoa(fnStringifyObject(filterQuery)),</w:t>
            </w:r>
          </w:p>
          <w:p w:rsidR="00E667D5" w:rsidRDefault="00E667D5" w:rsidP="00E667D5">
            <w:r>
              <w:t xml:space="preserve">            "q": q,</w:t>
            </w:r>
          </w:p>
          <w:p w:rsidR="00E667D5" w:rsidRDefault="00E667D5" w:rsidP="00E667D5">
            <w:r>
              <w:t xml:space="preserve">            "filter2": filter,</w:t>
            </w:r>
          </w:p>
          <w:p w:rsidR="00E667D5" w:rsidRDefault="00E667D5" w:rsidP="00E667D5">
            <w:r>
              <w:t xml:space="preserve">            'residence_type': 'board_care'</w:t>
            </w:r>
          </w:p>
          <w:p w:rsidR="00E667D5" w:rsidRDefault="00E667D5" w:rsidP="00E667D5"/>
          <w:p w:rsidR="00E667D5" w:rsidRDefault="00E667D5" w:rsidP="00E667D5">
            <w:r>
              <w:t xml:space="preserve">        },</w:t>
            </w:r>
          </w:p>
          <w:p w:rsidR="00E667D5" w:rsidRDefault="00E667D5" w:rsidP="00E667D5">
            <w:r>
              <w:t xml:space="preserve">        function(data, status) {</w:t>
            </w:r>
          </w:p>
          <w:p w:rsidR="00E667D5" w:rsidRDefault="00E667D5" w:rsidP="00E667D5">
            <w:r>
              <w:tab/>
            </w:r>
            <w:r>
              <w:tab/>
            </w:r>
            <w:r>
              <w:tab/>
              <w:t>console.log(data);</w:t>
            </w:r>
          </w:p>
          <w:p w:rsidR="00E667D5" w:rsidRDefault="00E667D5" w:rsidP="00E667D5">
            <w:r>
              <w:t xml:space="preserve">            let residence_data = JSON.parse(data);</w:t>
            </w:r>
          </w:p>
          <w:p w:rsidR="00E667D5" w:rsidRDefault="00E667D5" w:rsidP="00E667D5"/>
          <w:p w:rsidR="00E667D5" w:rsidRDefault="00E667D5" w:rsidP="00E667D5"/>
          <w:p w:rsidR="00E667D5" w:rsidRDefault="00E667D5" w:rsidP="00E667D5">
            <w:r>
              <w:t xml:space="preserve">            let residence_list = ''; let col_cls = 'col-md-6';</w:t>
            </w:r>
          </w:p>
          <w:p w:rsidR="00E667D5" w:rsidRDefault="00E667D5" w:rsidP="00E667D5">
            <w:r>
              <w:t xml:space="preserve">            if (residence_data['data'].length == 1) {</w:t>
            </w:r>
          </w:p>
          <w:p w:rsidR="00E667D5" w:rsidRDefault="00E667D5" w:rsidP="00E667D5">
            <w:r>
              <w:t xml:space="preserve">                col_cls = 'col-md-12';</w:t>
            </w:r>
          </w:p>
          <w:p w:rsidR="00E667D5" w:rsidRDefault="00E667D5" w:rsidP="00E667D5">
            <w:r>
              <w:t xml:space="preserve">            }</w:t>
            </w:r>
          </w:p>
          <w:p w:rsidR="00E667D5" w:rsidRDefault="00E667D5" w:rsidP="00E667D5">
            <w:r>
              <w:t xml:space="preserve">            residence_data['data'].forEach(function(item) {</w:t>
            </w:r>
          </w:p>
          <w:p w:rsidR="00E667D5" w:rsidRDefault="00E667D5" w:rsidP="00E667D5">
            <w:r>
              <w:t xml:space="preserve">                let residence_types = '';</w:t>
            </w:r>
          </w:p>
          <w:p w:rsidR="00E667D5" w:rsidRDefault="00E667D5" w:rsidP="00E667D5">
            <w:r>
              <w:t xml:space="preserve">                let residence = String(item.residence);</w:t>
            </w:r>
          </w:p>
          <w:p w:rsidR="00E667D5" w:rsidRDefault="00E667D5" w:rsidP="00E667D5">
            <w:r>
              <w:t xml:space="preserve">                residence_split = residence.split(',');</w:t>
            </w:r>
          </w:p>
          <w:p w:rsidR="00E667D5" w:rsidRDefault="00E667D5" w:rsidP="00E667D5">
            <w:r>
              <w:t xml:space="preserve">                residence_split.forEach(function(res) {</w:t>
            </w:r>
          </w:p>
          <w:p w:rsidR="00E667D5" w:rsidRDefault="00E667D5" w:rsidP="00E667D5">
            <w:r>
              <w:t xml:space="preserve">                    residence_types += "&lt;small&gt;" + residence_type[res] +</w:t>
            </w:r>
          </w:p>
          <w:p w:rsidR="00E667D5" w:rsidRDefault="00E667D5" w:rsidP="00E667D5">
            <w:r>
              <w:t xml:space="preserve">                        "&lt;/small&gt;";</w:t>
            </w:r>
          </w:p>
          <w:p w:rsidR="00E667D5" w:rsidRDefault="00E667D5" w:rsidP="00E667D5">
            <w:r>
              <w:t xml:space="preserve">                });</w:t>
            </w:r>
          </w:p>
          <w:p w:rsidR="00E667D5" w:rsidRDefault="00E667D5" w:rsidP="00E667D5">
            <w:r>
              <w:t xml:space="preserve">                var id = item.id; </w:t>
            </w:r>
          </w:p>
          <w:p w:rsidR="00E667D5" w:rsidRDefault="00E667D5" w:rsidP="00E667D5">
            <w:r>
              <w:tab/>
            </w:r>
            <w:r>
              <w:tab/>
            </w:r>
            <w:r>
              <w:tab/>
            </w:r>
            <w:r>
              <w:tab/>
              <w:t>var url = "https://reachseniors.com";</w:t>
            </w:r>
          </w:p>
          <w:p w:rsidR="00E667D5" w:rsidRDefault="00E667D5" w:rsidP="00E667D5">
            <w:r>
              <w:tab/>
            </w:r>
            <w:r>
              <w:tab/>
            </w:r>
            <w:r>
              <w:tab/>
            </w:r>
            <w:r>
              <w:tab/>
              <w:t>if (item.photo1) {</w:t>
            </w:r>
          </w:p>
          <w:p w:rsidR="00E667D5" w:rsidRDefault="00E667D5" w:rsidP="00E667D5">
            <w:r>
              <w:tab/>
            </w:r>
            <w:r>
              <w:tab/>
            </w:r>
            <w:r>
              <w:tab/>
            </w:r>
            <w:r>
              <w:tab/>
            </w:r>
            <w:r>
              <w:tab/>
              <w:t>var photo1 = item.photo1;</w:t>
            </w:r>
          </w:p>
          <w:p w:rsidR="00E667D5" w:rsidRDefault="00E667D5" w:rsidP="00E667D5">
            <w:r>
              <w:tab/>
            </w:r>
            <w:r>
              <w:tab/>
            </w:r>
            <w:r>
              <w:tab/>
            </w:r>
            <w:r>
              <w:tab/>
              <w:t xml:space="preserve">}else{ </w:t>
            </w:r>
          </w:p>
          <w:p w:rsidR="00E667D5" w:rsidRDefault="00E667D5" w:rsidP="00E667D5">
            <w:r>
              <w:tab/>
            </w:r>
            <w:r>
              <w:tab/>
            </w:r>
            <w:r>
              <w:tab/>
            </w:r>
            <w:r>
              <w:tab/>
            </w:r>
            <w:r>
              <w:tab/>
              <w:t>var photo1 = "no-image_No_Photo.png";</w:t>
            </w:r>
          </w:p>
          <w:p w:rsidR="00E667D5" w:rsidRDefault="00E667D5" w:rsidP="00E667D5">
            <w:r>
              <w:tab/>
            </w:r>
            <w:r>
              <w:tab/>
            </w:r>
            <w:r>
              <w:tab/>
            </w:r>
            <w:r>
              <w:tab/>
              <w:t>}</w:t>
            </w:r>
          </w:p>
          <w:p w:rsidR="00E667D5" w:rsidRDefault="00E667D5" w:rsidP="00E667D5"/>
          <w:p w:rsidR="00E667D5" w:rsidRDefault="00E667D5" w:rsidP="00E667D5">
            <w:r>
              <w:t xml:space="preserve">                residence_list +=</w:t>
            </w:r>
          </w:p>
          <w:p w:rsidR="00E667D5" w:rsidRDefault="00E667D5" w:rsidP="00E667D5">
            <w:r>
              <w:t xml:space="preserve">                    '&lt;div class="'+col_cls+' residence wow bounceInUp 0" data-wow-duration="1.5s" data-wow-delay="0.1s" id="100184"&gt;&lt;div class="strip grid"&gt;&lt;figure&gt; &lt;a class="wish_bt btn-wishlist " href="javascript:" title="Add To My List" data-toggle="tooltip" data-id="100184" &gt;&lt;/a&gt;&lt;a href="property-details.php?id='+id+'"&gt;&lt;img alt="" title="" class="img-fluid" height="266" width="400" src="'+url+"/uploads/slg/properties/"+</w:t>
            </w:r>
          </w:p>
          <w:p w:rsidR="00E667D5" w:rsidRDefault="00E667D5" w:rsidP="00E667D5">
            <w:r>
              <w:t xml:space="preserve">                    photo1 +</w:t>
            </w:r>
          </w:p>
          <w:p w:rsidR="00E667D5" w:rsidRDefault="00E667D5" w:rsidP="00E667D5">
            <w:r>
              <w:t xml:space="preserve">                    '"/&gt;&lt;div class="read_more"&gt;&lt;span&gt;View Residence&lt;/span&gt;&lt;/div&gt;&lt;/a&gt;' +</w:t>
            </w:r>
          </w:p>
          <w:p w:rsidR="00E667D5" w:rsidRDefault="00E667D5" w:rsidP="00E667D5">
            <w:r>
              <w:t xml:space="preserve">                    residence_types +</w:t>
            </w:r>
          </w:p>
          <w:p w:rsidR="00E667D5" w:rsidRDefault="00E667D5" w:rsidP="00E667D5">
            <w:r>
              <w:t xml:space="preserve">                    '&lt;/figure&gt;&lt;div class="wrapper"&gt;&lt;h3&gt;&lt;a href="property-details.php?id='+id+'"&gt;' +</w:t>
            </w:r>
          </w:p>
          <w:p w:rsidR="00E667D5" w:rsidRDefault="00E667D5" w:rsidP="00E667D5">
            <w:r>
              <w:t xml:space="preserve">                    item.title +</w:t>
            </w:r>
          </w:p>
          <w:p w:rsidR="00E667D5" w:rsidRDefault="00E667D5" w:rsidP="00E667D5">
            <w:r>
              <w:t xml:space="preserve">                    '&lt;/a&gt;&lt;/h3&gt;&lt;p&gt;Independent / Adult Active 55+ Community Residence&lt;/p&gt;&lt;/div&gt;&lt;ul&gt;&lt;li&gt;&lt;div class="score"&gt;&lt;span&gt;Total&lt;em&gt;Views&lt;/em&gt;&lt;/span&gt;&lt;strong&gt;' +</w:t>
            </w:r>
          </w:p>
          <w:p w:rsidR="00E667D5" w:rsidRDefault="00E667D5" w:rsidP="00E667D5">
            <w:r>
              <w:t xml:space="preserve">                    item.views +</w:t>
            </w:r>
          </w:p>
          <w:p w:rsidR="00E667D5" w:rsidRDefault="00E667D5" w:rsidP="00E667D5">
            <w:r>
              <w:t xml:space="preserve">                    '&lt;/strong&gt;&lt;/div&gt;&lt;/li&gt;&lt;li&gt;&lt;a class="btn btn-sm btn-success rounded-pill" href="property-details.php?id='+id+'"&gt;&lt;i class="fas fa-map-marker-alt mr-1"&gt;&lt;/i&gt;View </w:t>
            </w:r>
            <w:r>
              <w:lastRenderedPageBreak/>
              <w:t>More&lt;/a&gt;&lt;/li&gt;&lt;/ul&gt;&lt;/div&gt;&lt;/div&gt;';</w:t>
            </w:r>
          </w:p>
          <w:p w:rsidR="00E667D5" w:rsidRDefault="00E667D5" w:rsidP="00E667D5">
            <w:r>
              <w:t xml:space="preserve">            });</w:t>
            </w:r>
          </w:p>
          <w:p w:rsidR="00E667D5" w:rsidRDefault="00E667D5" w:rsidP="00E667D5">
            <w:r>
              <w:t xml:space="preserve">            $("#residence_list").html(residence_list);</w:t>
            </w:r>
          </w:p>
          <w:p w:rsidR="00E667D5" w:rsidRDefault="00E667D5" w:rsidP="00E667D5">
            <w:r>
              <w:tab/>
            </w:r>
            <w:r>
              <w:tab/>
            </w:r>
            <w:r>
              <w:tab/>
              <w:t>$("#res_count").html(residence_data['data'].length);</w:t>
            </w:r>
          </w:p>
          <w:p w:rsidR="00E667D5" w:rsidRDefault="00E667D5" w:rsidP="00E667D5">
            <w:r>
              <w:tab/>
            </w:r>
            <w:r>
              <w:tab/>
            </w:r>
            <w:r>
              <w:tab/>
              <w:t>console.log(residence_data['data'].length );</w:t>
            </w:r>
          </w:p>
          <w:p w:rsidR="00E667D5" w:rsidRDefault="00E667D5" w:rsidP="00E667D5">
            <w:r>
              <w:t xml:space="preserve">            if (residence_data['data'].length == 0) {</w:t>
            </w:r>
          </w:p>
          <w:p w:rsidR="00E667D5" w:rsidRDefault="00E667D5" w:rsidP="00E667D5">
            <w:r>
              <w:t xml:space="preserve">                $(".no-records").show();</w:t>
            </w:r>
          </w:p>
          <w:p w:rsidR="00E667D5" w:rsidRDefault="00E667D5" w:rsidP="00E667D5">
            <w:r>
              <w:t xml:space="preserve">            } else {</w:t>
            </w:r>
          </w:p>
          <w:p w:rsidR="00E667D5" w:rsidRDefault="00E667D5" w:rsidP="00E667D5">
            <w:r>
              <w:t xml:space="preserve">                $(".no-records").hide();</w:t>
            </w:r>
          </w:p>
          <w:p w:rsidR="00E667D5" w:rsidRDefault="00E667D5" w:rsidP="00E667D5">
            <w:r>
              <w:t xml:space="preserve">            }</w:t>
            </w:r>
          </w:p>
          <w:p w:rsidR="00E667D5" w:rsidRDefault="00E667D5" w:rsidP="00E667D5"/>
          <w:p w:rsidR="00E667D5" w:rsidRDefault="00E667D5" w:rsidP="00E667D5">
            <w:r>
              <w:t xml:space="preserve">            let residenceTypes = residence_data['search_data'];</w:t>
            </w:r>
          </w:p>
          <w:p w:rsidR="00E667D5" w:rsidRDefault="00E667D5" w:rsidP="00E667D5"/>
          <w:p w:rsidR="00E667D5" w:rsidRDefault="00E667D5" w:rsidP="00E667D5"/>
          <w:p w:rsidR="00E667D5" w:rsidRDefault="00E667D5" w:rsidP="00E667D5"/>
          <w:p w:rsidR="00E667D5" w:rsidRDefault="00E667D5" w:rsidP="00E667D5">
            <w:r>
              <w:t xml:space="preserve">        });</w:t>
            </w:r>
          </w:p>
          <w:p w:rsidR="00E667D5" w:rsidRDefault="00E667D5" w:rsidP="00E667D5">
            <w:r>
              <w:t>}</w:t>
            </w:r>
          </w:p>
          <w:p w:rsidR="00E667D5" w:rsidRDefault="00E667D5" w:rsidP="00E667D5">
            <w:r>
              <w:t>// });</w:t>
            </w:r>
          </w:p>
          <w:p w:rsidR="00E667D5" w:rsidRDefault="00E667D5" w:rsidP="00E667D5">
            <w:r>
              <w:t>getResidence();</w:t>
            </w:r>
          </w:p>
          <w:p w:rsidR="00E667D5" w:rsidRDefault="00E667D5" w:rsidP="00E667D5">
            <w:r>
              <w:t>&lt;/script&gt;</w:t>
            </w:r>
          </w:p>
          <w:p w:rsidR="00E667D5" w:rsidRDefault="00E667D5" w:rsidP="00E667D5"/>
          <w:p w:rsidR="00E667D5" w:rsidRDefault="00E667D5" w:rsidP="00E667D5">
            <w:r>
              <w:t>&lt;style&gt;</w:t>
            </w:r>
          </w:p>
          <w:p w:rsidR="00E667D5" w:rsidRDefault="00E667D5" w:rsidP="00E667D5">
            <w:r>
              <w:t>#residence_list {</w:t>
            </w:r>
          </w:p>
          <w:p w:rsidR="00E667D5" w:rsidRDefault="00E667D5" w:rsidP="00E667D5">
            <w:r>
              <w:t xml:space="preserve">    margin-left: 0px;</w:t>
            </w:r>
          </w:p>
          <w:p w:rsidR="00E667D5" w:rsidRDefault="00E667D5" w:rsidP="00E667D5">
            <w:r>
              <w:t xml:space="preserve">    margin-right: 0px;</w:t>
            </w:r>
          </w:p>
          <w:p w:rsidR="00E667D5" w:rsidRDefault="00E667D5" w:rsidP="00E667D5">
            <w:r>
              <w:t>}</w:t>
            </w:r>
          </w:p>
          <w:p w:rsidR="00E667D5" w:rsidRDefault="00E667D5" w:rsidP="00E667D5">
            <w:r>
              <w:t>&lt;/style&gt;</w:t>
            </w:r>
          </w:p>
          <w:p w:rsidR="00E667D5" w:rsidRDefault="00E667D5" w:rsidP="00E667D5"/>
          <w:p w:rsidR="00E667D5" w:rsidRDefault="00E667D5" w:rsidP="00E667D5">
            <w:r>
              <w:t xml:space="preserve">    &lt;div id = "myModalContainer"&gt;</w:t>
            </w:r>
          </w:p>
          <w:p w:rsidR="00E667D5" w:rsidRDefault="00E667D5" w:rsidP="00E667D5">
            <w:r>
              <w:t xml:space="preserve">                &lt;div class="modal fade" id="myModal" style="max-height: 800px !important; margin-top: 20px;"&gt;</w:t>
            </w:r>
          </w:p>
          <w:p w:rsidR="00E667D5" w:rsidRDefault="00E667D5" w:rsidP="00E667D5">
            <w:r>
              <w:t xml:space="preserve">                    &lt;div class="modal-dialog modal-dialog-scrollable modal-lg" style="height: 846px; width:1000;"&gt;</w:t>
            </w:r>
          </w:p>
          <w:p w:rsidR="00E667D5" w:rsidRDefault="00E667D5" w:rsidP="00E667D5">
            <w:r>
              <w:t xml:space="preserve">                      &lt;div class="modal-content"&gt;</w:t>
            </w:r>
          </w:p>
          <w:p w:rsidR="00E667D5" w:rsidRDefault="00E667D5" w:rsidP="00E667D5"/>
          <w:p w:rsidR="00E667D5" w:rsidRDefault="00E667D5" w:rsidP="00E667D5">
            <w:r>
              <w:t xml:space="preserve">                        &lt;!-- Modal Header --&gt;</w:t>
            </w:r>
          </w:p>
          <w:p w:rsidR="00E667D5" w:rsidRDefault="00E667D5" w:rsidP="00E667D5">
            <w:r>
              <w:t xml:space="preserve">                        &lt;div class="modal-header"&gt;</w:t>
            </w:r>
          </w:p>
          <w:p w:rsidR="00E667D5" w:rsidRDefault="00E667D5" w:rsidP="00E667D5">
            <w:r>
              <w:t xml:space="preserve">                            &lt;!--&lt;h4 class="modal-title"&gt;Your Senior Place Living -  Desires and Needs &lt;?php echo LOGGED_STATUS."Hello"; ?&gt;&lt;/h4&gt;--&gt;</w:t>
            </w:r>
          </w:p>
          <w:p w:rsidR="00E667D5" w:rsidRDefault="00E667D5" w:rsidP="00E667D5">
            <w:r>
              <w:t xml:space="preserve">                            &lt;h4 class="modal-title"&gt;Your Senior Place Living -  Desires and Needs &lt;/h4&gt;</w:t>
            </w:r>
          </w:p>
          <w:p w:rsidR="00E667D5" w:rsidRDefault="00E667D5" w:rsidP="00E667D5">
            <w:r>
              <w:t xml:space="preserve">                          &lt;button type="button" class="close" data-dismiss="modal"&gt;&amp;#x274C;&lt;/button&gt;</w:t>
            </w:r>
          </w:p>
          <w:p w:rsidR="00E667D5" w:rsidRDefault="00E667D5" w:rsidP="00E667D5">
            <w:r>
              <w:t xml:space="preserve">                        &lt;/div&gt;</w:t>
            </w:r>
          </w:p>
          <w:p w:rsidR="00E667D5" w:rsidRDefault="00E667D5" w:rsidP="00E667D5">
            <w:r>
              <w:t xml:space="preserve">                        </w:t>
            </w:r>
          </w:p>
          <w:p w:rsidR="00E667D5" w:rsidRDefault="00E667D5" w:rsidP="00E667D5">
            <w:r>
              <w:t xml:space="preserve">                        &lt;!-- Modal body --&gt;</w:t>
            </w:r>
          </w:p>
          <w:p w:rsidR="00E667D5" w:rsidRDefault="00E667D5" w:rsidP="00E667D5">
            <w:r>
              <w:t xml:space="preserve">                        &lt;div class="text-left" style= "height: 600px; overflow-y: scroll;"&gt;</w:t>
            </w:r>
          </w:p>
          <w:p w:rsidR="00E667D5" w:rsidRDefault="00E667D5" w:rsidP="00E667D5">
            <w:r>
              <w:t xml:space="preserve">                            &lt;br&gt;</w:t>
            </w:r>
          </w:p>
          <w:p w:rsidR="00E667D5" w:rsidRDefault="00E667D5" w:rsidP="00E667D5">
            <w:r>
              <w:t xml:space="preserve">                            &lt;span style="position:relative;left:50px;" text-align="center;"&gt; We suggest that you take a moment to enter your information and further convey your needs and desires&lt;br&gt; for senior </w:t>
            </w:r>
            <w:r>
              <w:lastRenderedPageBreak/>
              <w:t>living.&lt;/span&gt;</w:t>
            </w:r>
          </w:p>
          <w:p w:rsidR="00E667D5" w:rsidRDefault="00E667D5" w:rsidP="00E667D5">
            <w:r>
              <w:t xml:space="preserve">                            </w:t>
            </w:r>
          </w:p>
          <w:p w:rsidR="00E667D5" w:rsidRDefault="00E667D5" w:rsidP="00E667D5">
            <w:r>
              <w:t xml:space="preserve">                            &lt;div class="modal-body"&gt;</w:t>
            </w:r>
          </w:p>
          <w:p w:rsidR="00E667D5" w:rsidRDefault="00E667D5" w:rsidP="00E667D5">
            <w:r>
              <w:t xml:space="preserve">                            &lt;form method="POST"  id="ci_form" name="ci_form"&gt;</w:t>
            </w:r>
          </w:p>
          <w:p w:rsidR="00E667D5" w:rsidRDefault="00E667D5" w:rsidP="00E667D5"/>
          <w:p w:rsidR="00E667D5" w:rsidRDefault="00E667D5" w:rsidP="00E667D5">
            <w:r>
              <w:t xml:space="preserve">                                &lt;input type="hidden" name="userTempId" value="&lt;?php echo $userTempId ; ?&gt;" /&gt;</w:t>
            </w:r>
          </w:p>
          <w:p w:rsidR="00E667D5" w:rsidRDefault="00E667D5" w:rsidP="00E667D5">
            <w:r>
              <w:t xml:space="preserve">                              </w:t>
            </w:r>
          </w:p>
          <w:p w:rsidR="00E667D5" w:rsidRDefault="00E667D5" w:rsidP="00E667D5">
            <w:r>
              <w:t xml:space="preserve">                              </w:t>
            </w:r>
          </w:p>
          <w:p w:rsidR="00E667D5" w:rsidRDefault="00E667D5" w:rsidP="00E667D5">
            <w:r>
              <w:t xml:space="preserve">                                    &lt;div class="mb-3 row"&gt;</w:t>
            </w:r>
          </w:p>
          <w:p w:rsidR="00E667D5" w:rsidRDefault="00E667D5" w:rsidP="00E667D5">
            <w:r>
              <w:t xml:space="preserve">                                    &lt;br/&gt;</w:t>
            </w:r>
          </w:p>
          <w:p w:rsidR="00E667D5" w:rsidRDefault="00E667D5" w:rsidP="00E667D5">
            <w:r>
              <w:t xml:space="preserve">                                    &lt;br/&gt;</w:t>
            </w:r>
          </w:p>
          <w:p w:rsidR="00E667D5" w:rsidRDefault="00E667D5" w:rsidP="00E667D5">
            <w:r>
              <w:t xml:space="preserve">                                    &lt;label class="col-sm-5 col-form-label text-end"&gt;&lt;b&gt;City/ State/Zipcode* of Senior Residence looking for&lt;/b&gt;&lt;/label&gt;</w:t>
            </w:r>
          </w:p>
          <w:p w:rsidR="00E667D5" w:rsidRDefault="00E667D5" w:rsidP="00E667D5">
            <w:r>
              <w:t xml:space="preserve">                                    &lt;div class="col-sm-6"&gt;</w:t>
            </w:r>
          </w:p>
          <w:p w:rsidR="00E667D5" w:rsidRDefault="00E667D5" w:rsidP="00E667D5">
            <w:r>
              <w:t xml:space="preserve">                                        &lt;input class="form-control" placeholder="City or Zip code..."</w:t>
            </w:r>
          </w:p>
          <w:p w:rsidR="00E667D5" w:rsidRDefault="00E667D5" w:rsidP="00E667D5">
            <w:r>
              <w:t xml:space="preserve">                                       type="text" id="txtLocation"/&gt;</w:t>
            </w:r>
          </w:p>
          <w:p w:rsidR="00E667D5" w:rsidRDefault="00E667D5" w:rsidP="00E667D5">
            <w:r>
              <w:t xml:space="preserve">                                            </w:t>
            </w:r>
          </w:p>
          <w:p w:rsidR="00E667D5" w:rsidRDefault="00E667D5" w:rsidP="00E667D5">
            <w:r>
              <w:t xml:space="preserve">                                    &lt;/div&gt;</w:t>
            </w:r>
          </w:p>
          <w:p w:rsidR="00E667D5" w:rsidRDefault="00E667D5" w:rsidP="00E667D5">
            <w:r>
              <w:t xml:space="preserve">                                &lt;/div&gt; </w:t>
            </w:r>
          </w:p>
          <w:p w:rsidR="00E667D5" w:rsidRDefault="00E667D5" w:rsidP="00E667D5">
            <w:r>
              <w:t xml:space="preserve">                                </w:t>
            </w:r>
          </w:p>
          <w:p w:rsidR="00E667D5" w:rsidRDefault="00E667D5" w:rsidP="00E667D5">
            <w:r>
              <w:t xml:space="preserve">                                &lt;div class="mb-3 row"&gt;</w:t>
            </w:r>
          </w:p>
          <w:p w:rsidR="00E667D5" w:rsidRDefault="00E667D5" w:rsidP="00E667D5">
            <w:r>
              <w:t xml:space="preserve">                                </w:t>
            </w:r>
          </w:p>
          <w:p w:rsidR="00E667D5" w:rsidRDefault="00E667D5" w:rsidP="00E667D5">
            <w:r>
              <w:t xml:space="preserve">                                &lt;?php </w:t>
            </w:r>
          </w:p>
          <w:p w:rsidR="00E667D5" w:rsidRDefault="00E667D5" w:rsidP="00E667D5">
            <w:r>
              <w:t xml:space="preserve">                                 </w:t>
            </w:r>
          </w:p>
          <w:p w:rsidR="00E667D5" w:rsidRDefault="00E667D5" w:rsidP="00E667D5">
            <w:r>
              <w:t xml:space="preserve">                            foreach($propertyAttributes as $propertyAttributeCode=&gt;$propertyAttribute){ ?&gt;</w:t>
            </w:r>
          </w:p>
          <w:p w:rsidR="00E667D5" w:rsidRDefault="00E667D5" w:rsidP="00E667D5">
            <w:r>
              <w:t xml:space="preserve">                            &lt;div class="col-sm-4"&gt; </w:t>
            </w:r>
          </w:p>
          <w:p w:rsidR="00E667D5" w:rsidRDefault="00E667D5" w:rsidP="00E667D5">
            <w:r>
              <w:t xml:space="preserve">                                </w:t>
            </w:r>
          </w:p>
          <w:p w:rsidR="00E667D5" w:rsidRDefault="00E667D5" w:rsidP="00E667D5">
            <w:r>
              <w:t xml:space="preserve">                            &lt;label class="col-sm-2 col-form-label text-end"&gt; &lt;strong&gt;&lt;?php echo $propertyAttribute['label']; ?&gt; &lt;/strong&gt; &lt;/label&gt; </w:t>
            </w:r>
          </w:p>
          <w:p w:rsidR="00E667D5" w:rsidRDefault="00E667D5" w:rsidP="00E667D5">
            <w:r>
              <w:t xml:space="preserve">                            </w:t>
            </w:r>
          </w:p>
          <w:p w:rsidR="00E667D5" w:rsidRDefault="00E667D5" w:rsidP="00E667D5">
            <w:r>
              <w:t xml:space="preserve">                                &lt;div class="col-sm-12" class="form-control"&gt;</w:t>
            </w:r>
          </w:p>
          <w:p w:rsidR="00E667D5" w:rsidRDefault="00E667D5" w:rsidP="00E667D5">
            <w:r>
              <w:t xml:space="preserve">                                &lt;!--&lt;fieldset&gt; --&gt;</w:t>
            </w:r>
          </w:p>
          <w:p w:rsidR="00E667D5" w:rsidRDefault="00E667D5" w:rsidP="00E667D5">
            <w:r>
              <w:t xml:space="preserve">                                &lt;?php foreach($propertyAttribute['options'] as $option){ ?&gt;</w:t>
            </w:r>
          </w:p>
          <w:p w:rsidR="00E667D5" w:rsidRDefault="00E667D5" w:rsidP="00E667D5">
            <w:r>
              <w:t xml:space="preserve">                                </w:t>
            </w:r>
          </w:p>
          <w:p w:rsidR="00E667D5" w:rsidRDefault="00E667D5" w:rsidP="00E667D5">
            <w:r>
              <w:t xml:space="preserve">                                &lt;?php </w:t>
            </w:r>
          </w:p>
          <w:p w:rsidR="00E667D5" w:rsidRDefault="00E667D5" w:rsidP="00E667D5">
            <w:r>
              <w:t xml:space="preserve">                                    $priceBox = false;</w:t>
            </w:r>
          </w:p>
          <w:p w:rsidR="00E667D5" w:rsidRDefault="00E667D5" w:rsidP="00E667D5">
            <w:r>
              <w:t xml:space="preserve">                                    $onclick = '';</w:t>
            </w:r>
          </w:p>
          <w:p w:rsidR="00E667D5" w:rsidRDefault="00E667D5" w:rsidP="00E667D5">
            <w:r>
              <w:t xml:space="preserve">                                    if(isset($propertyAttribute['price']) &amp;&amp;  $propertyAttribute['price']){ </w:t>
            </w:r>
          </w:p>
          <w:p w:rsidR="00E667D5" w:rsidRDefault="00E667D5" w:rsidP="00E667D5">
            <w:r>
              <w:t xml:space="preserve">                                        $priceBox = true;</w:t>
            </w:r>
          </w:p>
          <w:p w:rsidR="00E667D5" w:rsidRDefault="00E667D5" w:rsidP="00E667D5">
            <w:r>
              <w:t xml:space="preserve">                                        $onclick = 'onclick="priceBoxShow(\''.$propertyAttributeCode.'_'.$option['value'].'\',\''.$propertyAttributeCode.'_'.$option['value'].'_price\')"';</w:t>
            </w:r>
          </w:p>
          <w:p w:rsidR="00E667D5" w:rsidRDefault="00E667D5" w:rsidP="00E667D5">
            <w:r>
              <w:t xml:space="preserve">                                    }</w:t>
            </w:r>
          </w:p>
          <w:p w:rsidR="00E667D5" w:rsidRDefault="00E667D5" w:rsidP="00E667D5">
            <w:r>
              <w:t xml:space="preserve">                                    ?&gt;</w:t>
            </w:r>
          </w:p>
          <w:p w:rsidR="00E667D5" w:rsidRDefault="00E667D5" w:rsidP="00E667D5">
            <w:r>
              <w:t xml:space="preserve">                                 &lt;label for="&lt;?php echo $option['value']?&gt;"&gt;</w:t>
            </w:r>
          </w:p>
          <w:p w:rsidR="00E667D5" w:rsidRDefault="00E667D5" w:rsidP="00E667D5">
            <w:r>
              <w:t xml:space="preserve">                                  &lt;input &lt;?php echo $onclick ?&gt; type="checkbox" name="&lt;?php echo $propertyAttributeCode?&gt;[]" id="&lt;?php echo$propertyAttributeCode.'_'.$option['value'] ?&gt;" value="&lt;?php echo $option['value']?&gt;" &gt;</w:t>
            </w:r>
          </w:p>
          <w:p w:rsidR="00E667D5" w:rsidRDefault="00E667D5" w:rsidP="00E667D5">
            <w:r>
              <w:lastRenderedPageBreak/>
              <w:t xml:space="preserve">                                  &lt;?php echo $option['label']?&gt;&lt;/label&gt;</w:t>
            </w:r>
          </w:p>
          <w:p w:rsidR="00E667D5" w:rsidRDefault="00E667D5" w:rsidP="00E667D5">
            <w:r>
              <w:t xml:space="preserve">                      </w:t>
            </w:r>
          </w:p>
          <w:p w:rsidR="00E667D5" w:rsidRDefault="00E667D5" w:rsidP="00E667D5">
            <w:r>
              <w:t xml:space="preserve">                                  &lt;?php if($priceBox){ ?&gt;</w:t>
            </w:r>
          </w:p>
          <w:p w:rsidR="00E667D5" w:rsidRDefault="00E667D5" w:rsidP="00E667D5">
            <w:r>
              <w:t xml:space="preserve">                                 &lt;div style="display:none" id="&lt;?php echo $propertyAttributeCode.'_'.$option['value']?&gt;_price"&gt;Monthly Price ($)</w:t>
            </w:r>
          </w:p>
          <w:p w:rsidR="00E667D5" w:rsidRDefault="00E667D5" w:rsidP="00E667D5">
            <w:r>
              <w:t xml:space="preserve">                                  &lt;input type="text" name="&lt;?php echo $propertyAttributeCode.'_'.$option['value']?&gt;_price" id="&lt;?php echo $propertyAttributeCode.'_'.$option['value']?&gt;_price" value="" size="10" maxlength="5" placeholder="Numbers only" &gt;</w:t>
            </w:r>
          </w:p>
          <w:p w:rsidR="00E667D5" w:rsidRDefault="00E667D5" w:rsidP="00E667D5">
            <w:r>
              <w:t xml:space="preserve">                                  &lt;/div&gt;</w:t>
            </w:r>
          </w:p>
          <w:p w:rsidR="00E667D5" w:rsidRDefault="00E667D5" w:rsidP="00E667D5">
            <w:r>
              <w:t xml:space="preserve">                                </w:t>
            </w:r>
          </w:p>
          <w:p w:rsidR="00E667D5" w:rsidRDefault="00E667D5" w:rsidP="00E667D5">
            <w:r>
              <w:t xml:space="preserve">                                &lt;?php  }  ?&gt;</w:t>
            </w:r>
          </w:p>
          <w:p w:rsidR="00E667D5" w:rsidRDefault="00E667D5" w:rsidP="00E667D5">
            <w:r>
              <w:t xml:space="preserve">                                &lt;br /&gt; </w:t>
            </w:r>
          </w:p>
          <w:p w:rsidR="00E667D5" w:rsidRDefault="00E667D5" w:rsidP="00E667D5">
            <w:r>
              <w:t xml:space="preserve">                                </w:t>
            </w:r>
          </w:p>
          <w:p w:rsidR="00E667D5" w:rsidRDefault="00E667D5" w:rsidP="00E667D5">
            <w:r>
              <w:t xml:space="preserve">                                &lt;?php  }  ?&gt;</w:t>
            </w:r>
          </w:p>
          <w:p w:rsidR="00E667D5" w:rsidRDefault="00E667D5" w:rsidP="00E667D5">
            <w:r>
              <w:t xml:space="preserve">                                </w:t>
            </w:r>
          </w:p>
          <w:p w:rsidR="00E667D5" w:rsidRDefault="00E667D5" w:rsidP="00E667D5">
            <w:r>
              <w:t xml:space="preserve">                                  &lt;!--&lt;/fieldset&gt; --&gt;</w:t>
            </w:r>
          </w:p>
          <w:p w:rsidR="00E667D5" w:rsidRDefault="00E667D5" w:rsidP="00E667D5">
            <w:r>
              <w:t xml:space="preserve">                                &lt;/div&gt;</w:t>
            </w:r>
          </w:p>
          <w:p w:rsidR="00E667D5" w:rsidRDefault="00E667D5" w:rsidP="00E667D5">
            <w:r>
              <w:t xml:space="preserve">                            &lt;/div&gt;</w:t>
            </w:r>
          </w:p>
          <w:p w:rsidR="00E667D5" w:rsidRDefault="00E667D5" w:rsidP="00E667D5">
            <w:r>
              <w:t xml:space="preserve">                          &lt;?php  }</w:t>
            </w:r>
          </w:p>
          <w:p w:rsidR="00E667D5" w:rsidRDefault="00E667D5" w:rsidP="00E667D5">
            <w:r>
              <w:t xml:space="preserve">                            ?&gt;</w:t>
            </w:r>
          </w:p>
          <w:p w:rsidR="00E667D5" w:rsidRDefault="00E667D5" w:rsidP="00E667D5">
            <w:r>
              <w:t xml:space="preserve">                        &lt;/div&gt;    </w:t>
            </w:r>
          </w:p>
          <w:p w:rsidR="00E667D5" w:rsidRDefault="00E667D5" w:rsidP="00E667D5">
            <w:r>
              <w:t xml:space="preserve">            </w:t>
            </w:r>
          </w:p>
          <w:p w:rsidR="00E667D5" w:rsidRDefault="00E667D5" w:rsidP="00E667D5">
            <w:r>
              <w:t xml:space="preserve">            </w:t>
            </w:r>
          </w:p>
          <w:p w:rsidR="00E667D5" w:rsidRDefault="00E667D5" w:rsidP="00E667D5">
            <w:r>
              <w:t xml:space="preserve">              </w:t>
            </w:r>
          </w:p>
          <w:p w:rsidR="00E667D5" w:rsidRDefault="00E667D5" w:rsidP="00E667D5">
            <w:r>
              <w:t>&lt;script&gt;</w:t>
            </w:r>
          </w:p>
          <w:p w:rsidR="00E667D5" w:rsidRDefault="00E667D5" w:rsidP="00E667D5">
            <w:r>
              <w:t>function priceBoxShow(checkboxid, divid) {</w:t>
            </w:r>
          </w:p>
          <w:p w:rsidR="00E667D5" w:rsidRDefault="00E667D5" w:rsidP="00E667D5">
            <w:r>
              <w:t xml:space="preserve">      var checkBox = document.getElementById(checkboxid);</w:t>
            </w:r>
          </w:p>
          <w:p w:rsidR="00E667D5" w:rsidRDefault="00E667D5" w:rsidP="00E667D5">
            <w:r>
              <w:t xml:space="preserve">  const pricebox = document.getElementById(divid);</w:t>
            </w:r>
          </w:p>
          <w:p w:rsidR="00E667D5" w:rsidRDefault="00E667D5" w:rsidP="00E667D5">
            <w:r>
              <w:t xml:space="preserve">  if (checkBox.checked == true){</w:t>
            </w:r>
          </w:p>
          <w:p w:rsidR="00E667D5" w:rsidRDefault="00E667D5" w:rsidP="00E667D5">
            <w:r>
              <w:t xml:space="preserve">   pricebox.style.display = 'block';</w:t>
            </w:r>
          </w:p>
          <w:p w:rsidR="00E667D5" w:rsidRDefault="00E667D5" w:rsidP="00E667D5">
            <w:r>
              <w:t xml:space="preserve">  } else {</w:t>
            </w:r>
          </w:p>
          <w:p w:rsidR="00E667D5" w:rsidRDefault="00E667D5" w:rsidP="00E667D5">
            <w:r>
              <w:t xml:space="preserve">    pricebox.style.display = 'none';</w:t>
            </w:r>
          </w:p>
          <w:p w:rsidR="00E667D5" w:rsidRDefault="00E667D5" w:rsidP="00E667D5">
            <w:r>
              <w:t xml:space="preserve">  }</w:t>
            </w:r>
          </w:p>
          <w:p w:rsidR="00E667D5" w:rsidRDefault="00E667D5" w:rsidP="00E667D5">
            <w:r>
              <w:t xml:space="preserve"> </w:t>
            </w:r>
          </w:p>
          <w:p w:rsidR="00E667D5" w:rsidRDefault="00E667D5" w:rsidP="00E667D5">
            <w:r>
              <w:t>}</w:t>
            </w:r>
          </w:p>
          <w:p w:rsidR="00E667D5" w:rsidRDefault="00E667D5" w:rsidP="00E667D5">
            <w:r>
              <w:t>&lt;/script&gt;</w:t>
            </w:r>
          </w:p>
          <w:p w:rsidR="00E667D5" w:rsidRDefault="00E667D5" w:rsidP="00E667D5">
            <w:r>
              <w:t xml:space="preserve">           </w:t>
            </w:r>
          </w:p>
          <w:p w:rsidR="00E667D5" w:rsidRDefault="00E667D5" w:rsidP="00E667D5">
            <w:r>
              <w:t xml:space="preserve">            </w:t>
            </w:r>
          </w:p>
          <w:p w:rsidR="00E667D5" w:rsidRDefault="00E667D5" w:rsidP="00E667D5">
            <w:r>
              <w:t xml:space="preserve">             </w:t>
            </w:r>
          </w:p>
          <w:p w:rsidR="00E667D5" w:rsidRDefault="00E667D5" w:rsidP="00E667D5">
            <w:r>
              <w:t>&lt;script&gt;</w:t>
            </w:r>
          </w:p>
          <w:p w:rsidR="00E667D5" w:rsidRDefault="00E667D5" w:rsidP="00E667D5">
            <w:r>
              <w:t>$('#cityStateZip').selectize({</w:t>
            </w:r>
          </w:p>
          <w:p w:rsidR="00E667D5" w:rsidRDefault="00E667D5" w:rsidP="00E667D5">
            <w:r>
              <w:t xml:space="preserve">    valueField: 'zipcode',</w:t>
            </w:r>
          </w:p>
          <w:p w:rsidR="00E667D5" w:rsidRDefault="00E667D5" w:rsidP="00E667D5">
            <w:r>
              <w:t xml:space="preserve">    labelField: 'display_text',</w:t>
            </w:r>
          </w:p>
          <w:p w:rsidR="00E667D5" w:rsidRDefault="00E667D5" w:rsidP="00E667D5">
            <w:r>
              <w:t xml:space="preserve">    searchField: 'display_text',</w:t>
            </w:r>
          </w:p>
          <w:p w:rsidR="00E667D5" w:rsidRDefault="00E667D5" w:rsidP="00E667D5">
            <w:r>
              <w:t xml:space="preserve">    options: [],</w:t>
            </w:r>
          </w:p>
          <w:p w:rsidR="00E667D5" w:rsidRDefault="00E667D5" w:rsidP="00E667D5">
            <w:r>
              <w:t xml:space="preserve">  create: false,</w:t>
            </w:r>
          </w:p>
          <w:p w:rsidR="00E667D5" w:rsidRDefault="00E667D5" w:rsidP="00E667D5">
            <w:r>
              <w:t xml:space="preserve">  load: function(query, callback) {</w:t>
            </w:r>
          </w:p>
          <w:p w:rsidR="00E667D5" w:rsidRDefault="00E667D5" w:rsidP="00E667D5">
            <w:r>
              <w:lastRenderedPageBreak/>
              <w:t xml:space="preserve">    if (!query.length) return callback();</w:t>
            </w:r>
          </w:p>
          <w:p w:rsidR="00E667D5" w:rsidRDefault="00E667D5" w:rsidP="00E667D5">
            <w:r>
              <w:t xml:space="preserve">    </w:t>
            </w:r>
          </w:p>
          <w:p w:rsidR="00E667D5" w:rsidRDefault="00E667D5" w:rsidP="00E667D5">
            <w:r>
              <w:t xml:space="preserve">    //var countryId = document.getElementById("countryId").value ;</w:t>
            </w:r>
          </w:p>
          <w:p w:rsidR="00E667D5" w:rsidRDefault="00E667D5" w:rsidP="00E667D5">
            <w:r>
              <w:t xml:space="preserve">    //var selectedCountry = "United States" ; // document.querySelector('#select-country option:checked').text ;</w:t>
            </w:r>
          </w:p>
          <w:p w:rsidR="00E667D5" w:rsidRDefault="00E667D5" w:rsidP="00E667D5">
            <w:r>
              <w:t xml:space="preserve">    </w:t>
            </w:r>
          </w:p>
          <w:p w:rsidR="00E667D5" w:rsidRDefault="00E667D5" w:rsidP="00E667D5">
            <w:r>
              <w:t xml:space="preserve">    //alert(countryId) ;</w:t>
            </w:r>
          </w:p>
          <w:p w:rsidR="00E667D5" w:rsidRDefault="00E667D5" w:rsidP="00E667D5">
            <w:r>
              <w:t xml:space="preserve">    $.ajax({</w:t>
            </w:r>
          </w:p>
          <w:p w:rsidR="00E667D5" w:rsidRDefault="00E667D5" w:rsidP="00E667D5">
            <w:r>
              <w:t xml:space="preserve">      url: '&lt;?php echo SITE_URL_PROFILE ; ?&gt;/selectize/country_usa_state_city_zipcode.php',</w:t>
            </w:r>
          </w:p>
          <w:p w:rsidR="00E667D5" w:rsidRDefault="00E667D5" w:rsidP="00E667D5">
            <w:r>
              <w:t xml:space="preserve">      type: 'GET',</w:t>
            </w:r>
          </w:p>
          <w:p w:rsidR="00E667D5" w:rsidRDefault="00E667D5" w:rsidP="00E667D5">
            <w:r>
              <w:t xml:space="preserve">      dataType: 'json',</w:t>
            </w:r>
          </w:p>
          <w:p w:rsidR="00E667D5" w:rsidRDefault="00E667D5" w:rsidP="00E667D5">
            <w:r>
              <w:t xml:space="preserve">      data: {</w:t>
            </w:r>
          </w:p>
          <w:p w:rsidR="00E667D5" w:rsidRDefault="00E667D5" w:rsidP="00E667D5">
            <w:r>
              <w:t xml:space="preserve">        //countryid: countryId,</w:t>
            </w:r>
          </w:p>
          <w:p w:rsidR="00E667D5" w:rsidRDefault="00E667D5" w:rsidP="00E667D5">
            <w:r>
              <w:t xml:space="preserve">        //countryname: selectedCountry,</w:t>
            </w:r>
          </w:p>
          <w:p w:rsidR="00E667D5" w:rsidRDefault="00E667D5" w:rsidP="00E667D5">
            <w:r>
              <w:t xml:space="preserve">        query: query,</w:t>
            </w:r>
          </w:p>
          <w:p w:rsidR="00E667D5" w:rsidRDefault="00E667D5" w:rsidP="00E667D5">
            <w:r>
              <w:t xml:space="preserve">      },</w:t>
            </w:r>
          </w:p>
          <w:p w:rsidR="00E667D5" w:rsidRDefault="00E667D5" w:rsidP="00E667D5">
            <w:r>
              <w:t xml:space="preserve">      error: function() {</w:t>
            </w:r>
          </w:p>
          <w:p w:rsidR="00E667D5" w:rsidRDefault="00E667D5" w:rsidP="00E667D5">
            <w:r>
              <w:t xml:space="preserve">        callback();</w:t>
            </w:r>
          </w:p>
          <w:p w:rsidR="00E667D5" w:rsidRDefault="00E667D5" w:rsidP="00E667D5">
            <w:r>
              <w:t xml:space="preserve">      },</w:t>
            </w:r>
          </w:p>
          <w:p w:rsidR="00E667D5" w:rsidRDefault="00E667D5" w:rsidP="00E667D5">
            <w:r>
              <w:t xml:space="preserve">      success: function(res) {</w:t>
            </w:r>
          </w:p>
          <w:p w:rsidR="00E667D5" w:rsidRDefault="00E667D5" w:rsidP="00E667D5">
            <w:r>
              <w:t xml:space="preserve">        callback(res);</w:t>
            </w:r>
          </w:p>
          <w:p w:rsidR="00E667D5" w:rsidRDefault="00E667D5" w:rsidP="00E667D5">
            <w:r>
              <w:t xml:space="preserve">        //document.getElementById('cityDiv').style.display = 'block';</w:t>
            </w:r>
          </w:p>
          <w:p w:rsidR="00E667D5" w:rsidRDefault="00E667D5" w:rsidP="00E667D5">
            <w:r>
              <w:t xml:space="preserve">        //alert(res) ;</w:t>
            </w:r>
          </w:p>
          <w:p w:rsidR="00E667D5" w:rsidRDefault="00E667D5" w:rsidP="00E667D5">
            <w:r>
              <w:t xml:space="preserve">      }</w:t>
            </w:r>
          </w:p>
          <w:p w:rsidR="00E667D5" w:rsidRDefault="00E667D5" w:rsidP="00E667D5">
            <w:r>
              <w:t xml:space="preserve">    });</w:t>
            </w:r>
          </w:p>
          <w:p w:rsidR="00E667D5" w:rsidRDefault="00E667D5" w:rsidP="00E667D5">
            <w:r>
              <w:t xml:space="preserve">  }</w:t>
            </w:r>
          </w:p>
          <w:p w:rsidR="00E667D5" w:rsidRDefault="00E667D5" w:rsidP="00E667D5">
            <w:r>
              <w:t>});</w:t>
            </w:r>
          </w:p>
          <w:p w:rsidR="00E667D5" w:rsidRDefault="00E667D5" w:rsidP="00E667D5">
            <w:r>
              <w:t>&lt;/script&gt;</w:t>
            </w:r>
          </w:p>
          <w:p w:rsidR="00E667D5" w:rsidRDefault="00E667D5" w:rsidP="00E667D5">
            <w:r>
              <w:t xml:space="preserve">            &lt;div class="mb-3 row"&gt;</w:t>
            </w:r>
          </w:p>
          <w:p w:rsidR="00E667D5" w:rsidRDefault="00E667D5" w:rsidP="00E667D5">
            <w:r>
              <w:t xml:space="preserve">                &lt;label class="col-sm-3 col-form-label text-end"&gt;&lt;b&gt;You are the  *&lt;/b&gt;&lt;/label&gt;</w:t>
            </w:r>
          </w:p>
          <w:p w:rsidR="00E667D5" w:rsidRDefault="00E667D5" w:rsidP="00E667D5">
            <w:r>
              <w:t xml:space="preserve">                &lt;div class="col-sm-9"&gt;</w:t>
            </w:r>
          </w:p>
          <w:p w:rsidR="00E667D5" w:rsidRDefault="00E667D5" w:rsidP="00E667D5">
            <w:r>
              <w:t xml:space="preserve">                    &lt;div class="you"&gt;</w:t>
            </w:r>
          </w:p>
          <w:p w:rsidR="00E667D5" w:rsidRDefault="00E667D5" w:rsidP="00E667D5">
            <w:r>
              <w:t xml:space="preserve">                      &lt;input type = "radio" name = "Seniors"</w:t>
            </w:r>
          </w:p>
          <w:p w:rsidR="00E667D5" w:rsidRDefault="00E667D5" w:rsidP="00E667D5">
            <w:r>
              <w:t xml:space="preserve">                        id = "Senior" value = "Senior"</w:t>
            </w:r>
          </w:p>
          <w:p w:rsidR="00E667D5" w:rsidRDefault="00E667D5" w:rsidP="00E667D5">
            <w:r>
              <w:t xml:space="preserve">                         checked = "checked" /&gt;</w:t>
            </w:r>
          </w:p>
          <w:p w:rsidR="00E667D5" w:rsidRDefault="00E667D5" w:rsidP="00E667D5">
            <w:r>
              <w:t xml:space="preserve">                        &lt;label for = "sizeSmall"&gt;Senior&lt;/label&gt;</w:t>
            </w:r>
          </w:p>
          <w:p w:rsidR="00E667D5" w:rsidRDefault="00E667D5" w:rsidP="00E667D5">
            <w:r>
              <w:t xml:space="preserve">                    &lt;/div&gt;</w:t>
            </w:r>
          </w:p>
          <w:p w:rsidR="00E667D5" w:rsidRDefault="00E667D5" w:rsidP="00E667D5">
            <w:r>
              <w:t xml:space="preserve">                    &lt;div class="you"&gt;</w:t>
            </w:r>
          </w:p>
          <w:p w:rsidR="00E667D5" w:rsidRDefault="00E667D5" w:rsidP="00E667D5">
            <w:r>
              <w:t xml:space="preserve">                        &lt;input type = "radio" name = "Seniors"</w:t>
            </w:r>
          </w:p>
          <w:p w:rsidR="00E667D5" w:rsidRDefault="00E667D5" w:rsidP="00E667D5">
            <w:r>
              <w:t xml:space="preserve">                         id = "sizeMed" value = "Adult Child" /&gt;</w:t>
            </w:r>
          </w:p>
          <w:p w:rsidR="00E667D5" w:rsidRDefault="00E667D5" w:rsidP="00E667D5">
            <w:r>
              <w:t xml:space="preserve">                        &lt;label for = "Adult Child"&gt;Adult Child&lt;/label&gt;</w:t>
            </w:r>
          </w:p>
          <w:p w:rsidR="00E667D5" w:rsidRDefault="00E667D5" w:rsidP="00E667D5">
            <w:r>
              <w:t xml:space="preserve">                    &lt;/div&gt;</w:t>
            </w:r>
          </w:p>
          <w:p w:rsidR="00E667D5" w:rsidRDefault="00E667D5" w:rsidP="00E667D5">
            <w:r>
              <w:t xml:space="preserve">                    &lt;div class="you"&gt;    </w:t>
            </w:r>
          </w:p>
          <w:p w:rsidR="00E667D5" w:rsidRDefault="00E667D5" w:rsidP="00E667D5">
            <w:r>
              <w:t xml:space="preserve">                        &lt;input type = "radio" name = "Seniors"</w:t>
            </w:r>
          </w:p>
          <w:p w:rsidR="00E667D5" w:rsidRDefault="00E667D5" w:rsidP="00E667D5">
            <w:r>
              <w:t xml:space="preserve">                         id = "sizeLarge" value = "Family Member" /&gt;</w:t>
            </w:r>
          </w:p>
          <w:p w:rsidR="00E667D5" w:rsidRDefault="00E667D5" w:rsidP="00E667D5">
            <w:r>
              <w:t xml:space="preserve">                        &lt;label for = "Family Member"&gt;Family Member&lt;/label&gt;</w:t>
            </w:r>
          </w:p>
          <w:p w:rsidR="00E667D5" w:rsidRDefault="00E667D5" w:rsidP="00E667D5">
            <w:r>
              <w:t xml:space="preserve">                    &lt;/div&gt;</w:t>
            </w:r>
          </w:p>
          <w:p w:rsidR="00E667D5" w:rsidRDefault="00E667D5" w:rsidP="00E667D5">
            <w:r>
              <w:t xml:space="preserve">                    &lt;div class="you"&gt;    </w:t>
            </w:r>
          </w:p>
          <w:p w:rsidR="00E667D5" w:rsidRDefault="00E667D5" w:rsidP="00E667D5">
            <w:r>
              <w:lastRenderedPageBreak/>
              <w:t xml:space="preserve">                        &lt;input type = "radio" name = "Seniors"</w:t>
            </w:r>
          </w:p>
          <w:p w:rsidR="00E667D5" w:rsidRDefault="00E667D5" w:rsidP="00E667D5">
            <w:r>
              <w:t xml:space="preserve">                        id = "sizeLarge" value = "Friend" /&gt;</w:t>
            </w:r>
          </w:p>
          <w:p w:rsidR="00E667D5" w:rsidRDefault="00E667D5" w:rsidP="00E667D5">
            <w:r>
              <w:t xml:space="preserve">                        &lt;label for = "Friend"&gt;Friend&lt;/label&gt;</w:t>
            </w:r>
          </w:p>
          <w:p w:rsidR="00E667D5" w:rsidRDefault="00E667D5" w:rsidP="00E667D5">
            <w:r>
              <w:t xml:space="preserve">                    &lt;/div&gt;</w:t>
            </w:r>
          </w:p>
          <w:p w:rsidR="00E667D5" w:rsidRDefault="00E667D5" w:rsidP="00E667D5">
            <w:r>
              <w:t xml:space="preserve">                    &lt;div class="you"&gt;    </w:t>
            </w:r>
          </w:p>
          <w:p w:rsidR="00E667D5" w:rsidRDefault="00E667D5" w:rsidP="00E667D5">
            <w:r>
              <w:t xml:space="preserve">                        &lt;input type = "radio" name = "Seniors"</w:t>
            </w:r>
          </w:p>
          <w:p w:rsidR="00E667D5" w:rsidRDefault="00E667D5" w:rsidP="00E667D5">
            <w:r>
              <w:t xml:space="preserve">                         id = "Advisor" value = "Advisor" /&gt;</w:t>
            </w:r>
          </w:p>
          <w:p w:rsidR="00E667D5" w:rsidRDefault="00E667D5" w:rsidP="00E667D5">
            <w:r>
              <w:t xml:space="preserve">                        &lt;label for = "Advisore"&gt;Advisor&lt;/label&gt;</w:t>
            </w:r>
          </w:p>
          <w:p w:rsidR="00E667D5" w:rsidRDefault="00E667D5" w:rsidP="00E667D5">
            <w:r>
              <w:t xml:space="preserve">                    &lt;/div&gt;</w:t>
            </w:r>
          </w:p>
          <w:p w:rsidR="00E667D5" w:rsidRDefault="00E667D5" w:rsidP="00E667D5">
            <w:r>
              <w:t xml:space="preserve">                    &lt;div class="you"&gt;    </w:t>
            </w:r>
          </w:p>
          <w:p w:rsidR="00E667D5" w:rsidRDefault="00E667D5" w:rsidP="00E667D5">
            <w:r>
              <w:t xml:space="preserve">                        &lt;input type = "radio" name = "Seniors"</w:t>
            </w:r>
          </w:p>
          <w:p w:rsidR="00E667D5" w:rsidRDefault="00E667D5" w:rsidP="00E667D5">
            <w:r>
              <w:t xml:space="preserve">                         id = "POA" value = "POA" /&gt;</w:t>
            </w:r>
          </w:p>
          <w:p w:rsidR="00E667D5" w:rsidRDefault="00E667D5" w:rsidP="00E667D5">
            <w:r>
              <w:t xml:space="preserve">                        &lt;label for = "POA"&gt;POA&lt;/label&gt;</w:t>
            </w:r>
          </w:p>
          <w:p w:rsidR="00E667D5" w:rsidRDefault="00E667D5" w:rsidP="00E667D5">
            <w:r>
              <w:t xml:space="preserve">                    &lt;/div&gt;</w:t>
            </w:r>
          </w:p>
          <w:p w:rsidR="00E667D5" w:rsidRDefault="00E667D5" w:rsidP="00E667D5">
            <w:r>
              <w:t xml:space="preserve">                    &lt;div class="you"&gt;    </w:t>
            </w:r>
          </w:p>
          <w:p w:rsidR="00E667D5" w:rsidRDefault="00E667D5" w:rsidP="00E667D5">
            <w:r>
              <w:t xml:space="preserve">                        &lt;input type = "radio" name = "Seniors"</w:t>
            </w:r>
          </w:p>
          <w:p w:rsidR="00E667D5" w:rsidRDefault="00E667D5" w:rsidP="00E667D5">
            <w:r>
              <w:t xml:space="preserve">                         id = "other" value = "Other" /&gt;</w:t>
            </w:r>
          </w:p>
          <w:p w:rsidR="00E667D5" w:rsidRDefault="00E667D5" w:rsidP="00E667D5">
            <w:r>
              <w:t xml:space="preserve">                        &lt;label for = "Other"&gt;Other&lt;/label&gt;</w:t>
            </w:r>
          </w:p>
          <w:p w:rsidR="00E667D5" w:rsidRDefault="00E667D5" w:rsidP="00E667D5">
            <w:r>
              <w:t xml:space="preserve">                    &lt;/div&gt;</w:t>
            </w:r>
          </w:p>
          <w:p w:rsidR="00E667D5" w:rsidRDefault="00E667D5" w:rsidP="00E667D5">
            <w:r>
              <w:t xml:space="preserve">                    &lt;div&gt;</w:t>
            </w:r>
          </w:p>
          <w:p w:rsidR="00E667D5" w:rsidRDefault="00E667D5" w:rsidP="00E667D5">
            <w:r>
              <w:t xml:space="preserve">                       &lt;input type="text" id="dist" name="txtbox"&gt; &lt;label&gt;&lt;/label&gt;</w:t>
            </w:r>
          </w:p>
          <w:p w:rsidR="00E667D5" w:rsidRDefault="00E667D5" w:rsidP="00E667D5">
            <w:r>
              <w:t xml:space="preserve">                    &lt;/div&gt;</w:t>
            </w:r>
          </w:p>
          <w:p w:rsidR="00E667D5" w:rsidRDefault="00E667D5" w:rsidP="00E667D5">
            <w:r>
              <w:t xml:space="preserve">                &lt;/div&gt;</w:t>
            </w:r>
          </w:p>
          <w:p w:rsidR="00E667D5" w:rsidRDefault="00E667D5" w:rsidP="00E667D5">
            <w:r>
              <w:t xml:space="preserve">            &lt;/div&gt;</w:t>
            </w:r>
          </w:p>
          <w:p w:rsidR="00E667D5" w:rsidRDefault="00E667D5" w:rsidP="00E667D5">
            <w:r>
              <w:t xml:space="preserve">                &lt;!-- start of enable text box when radio button is selected --&gt;</w:t>
            </w:r>
          </w:p>
          <w:p w:rsidR="00E667D5" w:rsidRDefault="00E667D5" w:rsidP="00E667D5">
            <w:r>
              <w:t xml:space="preserve">                    &lt;script type="text/javascript"&gt;</w:t>
            </w:r>
          </w:p>
          <w:p w:rsidR="00E667D5" w:rsidRDefault="00E667D5" w:rsidP="00E667D5">
            <w:r>
              <w:t xml:space="preserve">                        $(document).ready(function () {</w:t>
            </w:r>
          </w:p>
          <w:p w:rsidR="00E667D5" w:rsidRDefault="00E667D5" w:rsidP="00E667D5">
            <w:r>
              <w:t xml:space="preserve">                            $("#dist").prop('disabled', true);</w:t>
            </w:r>
          </w:p>
          <w:p w:rsidR="00E667D5" w:rsidRDefault="00E667D5" w:rsidP="00E667D5">
            <w:r>
              <w:t xml:space="preserve">                            $("#other").click(function () {</w:t>
            </w:r>
          </w:p>
          <w:p w:rsidR="00E667D5" w:rsidRDefault="00E667D5" w:rsidP="00E667D5">
            <w:r>
              <w:t xml:space="preserve">                                $("#dist").prop('disabled', false);</w:t>
            </w:r>
          </w:p>
          <w:p w:rsidR="00E667D5" w:rsidRDefault="00E667D5" w:rsidP="00E667D5">
            <w:r>
              <w:t xml:space="preserve">                            });</w:t>
            </w:r>
          </w:p>
          <w:p w:rsidR="00E667D5" w:rsidRDefault="00E667D5" w:rsidP="00E667D5">
            <w:r>
              <w:t xml:space="preserve">                    }); </w:t>
            </w:r>
          </w:p>
          <w:p w:rsidR="00E667D5" w:rsidRDefault="00E667D5" w:rsidP="00E667D5">
            <w:r>
              <w:t xml:space="preserve">                    &lt;/script&gt;</w:t>
            </w:r>
          </w:p>
          <w:p w:rsidR="00E667D5" w:rsidRDefault="00E667D5" w:rsidP="00E667D5">
            <w:r>
              <w:t xml:space="preserve">                    &lt;!--&lt;script type="text/javascript"&gt;</w:t>
            </w:r>
          </w:p>
          <w:p w:rsidR="00E667D5" w:rsidRDefault="00E667D5" w:rsidP="00E667D5">
            <w:r>
              <w:t xml:space="preserve">                    $(document).ready(function () {</w:t>
            </w:r>
          </w:p>
          <w:p w:rsidR="00E667D5" w:rsidRDefault="00E667D5" w:rsidP="00E667D5">
            <w:r>
              <w:t xml:space="preserve">                        $("#dist").attr("disabled","disabled");</w:t>
            </w:r>
          </w:p>
          <w:p w:rsidR="00E667D5" w:rsidRDefault="00E667D5" w:rsidP="00E667D5">
            <w:r>
              <w:t xml:space="preserve">                        $("#other").click(function () {</w:t>
            </w:r>
          </w:p>
          <w:p w:rsidR="00E667D5" w:rsidRDefault="00E667D5" w:rsidP="00E667D5">
            <w:r>
              <w:t xml:space="preserve">                            $("#dist").removeAttr("disabled");</w:t>
            </w:r>
          </w:p>
          <w:p w:rsidR="00E667D5" w:rsidRDefault="00E667D5" w:rsidP="00E667D5">
            <w:r>
              <w:t xml:space="preserve">                        });</w:t>
            </w:r>
          </w:p>
          <w:p w:rsidR="00E667D5" w:rsidRDefault="00E667D5" w:rsidP="00E667D5">
            <w:r>
              <w:t xml:space="preserve">                    });</w:t>
            </w:r>
          </w:p>
          <w:p w:rsidR="00E667D5" w:rsidRDefault="00E667D5" w:rsidP="00E667D5">
            <w:r>
              <w:t xml:space="preserve">                    &lt;/script&gt; --&gt;</w:t>
            </w:r>
          </w:p>
          <w:p w:rsidR="00E667D5" w:rsidRDefault="00E667D5" w:rsidP="00E667D5">
            <w:r>
              <w:t xml:space="preserve">                &lt;!-- end of enable text box when radio button is selected --&gt;</w:t>
            </w:r>
          </w:p>
          <w:p w:rsidR="00E667D5" w:rsidRDefault="00E667D5" w:rsidP="00E667D5"/>
          <w:p w:rsidR="00E667D5" w:rsidRDefault="00E667D5" w:rsidP="00E667D5">
            <w:r>
              <w:t xml:space="preserve">            &lt;div class="mb-3 row"&gt;</w:t>
            </w:r>
          </w:p>
          <w:p w:rsidR="00E667D5" w:rsidRDefault="00E667D5" w:rsidP="00E667D5">
            <w:r>
              <w:t xml:space="preserve">                &lt;label class="col-sm-5 col-form-label text-end"&gt;&lt;b&gt;Birthdate of Prospective Resident*  &lt;/b&gt;&lt;/label&gt;</w:t>
            </w:r>
          </w:p>
          <w:p w:rsidR="00E667D5" w:rsidRDefault="00E667D5" w:rsidP="00E667D5">
            <w:r>
              <w:t xml:space="preserve">                &lt;div class="col-sm-4"&gt;</w:t>
            </w:r>
          </w:p>
          <w:p w:rsidR="00E667D5" w:rsidRDefault="00E667D5" w:rsidP="00E667D5">
            <w:r>
              <w:t xml:space="preserve">                    &lt;input type="date" id="start" name="trip-start"</w:t>
            </w:r>
          </w:p>
          <w:p w:rsidR="00E667D5" w:rsidRDefault="00E667D5" w:rsidP="00E667D5">
            <w:r>
              <w:lastRenderedPageBreak/>
              <w:t xml:space="preserve">                       value="1950-12-25"</w:t>
            </w:r>
          </w:p>
          <w:p w:rsidR="00E667D5" w:rsidRDefault="00E667D5" w:rsidP="00E667D5">
            <w:r>
              <w:t xml:space="preserve">                       min="1922-01-01" max="2004-12-31"&gt;</w:t>
            </w:r>
          </w:p>
          <w:p w:rsidR="00E667D5" w:rsidRDefault="00E667D5" w:rsidP="00E667D5">
            <w:r>
              <w:t xml:space="preserve">                &lt;/div&gt;</w:t>
            </w:r>
          </w:p>
          <w:p w:rsidR="00E667D5" w:rsidRDefault="00E667D5" w:rsidP="00E667D5">
            <w:r>
              <w:t xml:space="preserve">                &lt;div class="col-sm-3"&gt;</w:t>
            </w:r>
          </w:p>
          <w:p w:rsidR="00E667D5" w:rsidRDefault="00E667D5" w:rsidP="00E667D5">
            <w:r>
              <w:t xml:space="preserve">                   </w:t>
            </w:r>
          </w:p>
          <w:p w:rsidR="00E667D5" w:rsidRDefault="00E667D5" w:rsidP="00E667D5">
            <w:r>
              <w:t xml:space="preserve">                &lt;/div&gt;</w:t>
            </w:r>
          </w:p>
          <w:p w:rsidR="00E667D5" w:rsidRDefault="00E667D5" w:rsidP="00E667D5">
            <w:r>
              <w:t xml:space="preserve">            &lt;/div&gt;</w:t>
            </w:r>
          </w:p>
          <w:p w:rsidR="00E667D5" w:rsidRDefault="00E667D5" w:rsidP="00E667D5">
            <w:r>
              <w:tab/>
            </w:r>
            <w:r>
              <w:tab/>
            </w:r>
            <w:r>
              <w:tab/>
            </w:r>
          </w:p>
          <w:p w:rsidR="00E667D5" w:rsidRDefault="00E667D5" w:rsidP="00E667D5">
            <w:r>
              <w:tab/>
            </w:r>
            <w:r>
              <w:tab/>
            </w:r>
            <w:r>
              <w:tab/>
            </w:r>
          </w:p>
          <w:p w:rsidR="00E667D5" w:rsidRDefault="00E667D5" w:rsidP="00E667D5">
            <w:r>
              <w:tab/>
            </w:r>
            <w:r>
              <w:tab/>
            </w:r>
            <w:r>
              <w:tab/>
            </w:r>
          </w:p>
          <w:p w:rsidR="00E667D5" w:rsidRDefault="00E667D5" w:rsidP="00E667D5">
            <w:r>
              <w:t xml:space="preserve">            &lt;br&gt;</w:t>
            </w:r>
          </w:p>
          <w:p w:rsidR="00E667D5" w:rsidRDefault="00E667D5" w:rsidP="00E667D5">
            <w:r>
              <w:tab/>
            </w:r>
            <w:r>
              <w:tab/>
            </w:r>
            <w:r>
              <w:tab/>
            </w:r>
          </w:p>
          <w:p w:rsidR="00E667D5" w:rsidRDefault="00E667D5" w:rsidP="00E667D5">
            <w:r>
              <w:tab/>
            </w:r>
            <w:r>
              <w:tab/>
            </w:r>
            <w:r>
              <w:tab/>
              <w:t xml:space="preserve">&lt;?php if ( LOGGED_STATUS == 0 ) { ?&gt; </w:t>
            </w:r>
          </w:p>
          <w:p w:rsidR="00E667D5" w:rsidRDefault="00E667D5" w:rsidP="00E667D5">
            <w:r>
              <w:t xml:space="preserve">            &lt;div class="mb-12 row"&gt;</w:t>
            </w:r>
          </w:p>
          <w:p w:rsidR="00E667D5" w:rsidRDefault="00E667D5" w:rsidP="00E667D5">
            <w:r>
              <w:t xml:space="preserve">                &lt;p class="offset-1"&gt;By entering your name, email and password, you are  able to set-up a free account on Senior Place Finder &lt;br/&gt;and view and manage your profile from your dashboard&lt;/p&gt;</w:t>
            </w:r>
          </w:p>
          <w:p w:rsidR="00E667D5" w:rsidRDefault="00E667D5" w:rsidP="00E667D5">
            <w:r>
              <w:t xml:space="preserve">                </w:t>
            </w:r>
          </w:p>
          <w:p w:rsidR="00E667D5" w:rsidRDefault="00E667D5" w:rsidP="00E667D5">
            <w:r>
              <w:t xml:space="preserve">            &lt;/div&gt;</w:t>
            </w:r>
          </w:p>
          <w:p w:rsidR="00E667D5" w:rsidRDefault="00E667D5" w:rsidP="00E667D5">
            <w:r>
              <w:t xml:space="preserve">            </w:t>
            </w:r>
          </w:p>
          <w:p w:rsidR="00E667D5" w:rsidRDefault="00E667D5" w:rsidP="00E667D5">
            <w:r>
              <w:t xml:space="preserve">            &lt;div class="mb-3 row"&gt;</w:t>
            </w:r>
          </w:p>
          <w:p w:rsidR="00E667D5" w:rsidRDefault="00E667D5" w:rsidP="00E667D5">
            <w:r>
              <w:t xml:space="preserve">                &lt;label class="col-sm-3 col-form-label text-end"&gt;&lt;b&gt;Name*&lt;/b&gt;&lt;/label&gt;</w:t>
            </w:r>
          </w:p>
          <w:p w:rsidR="00E667D5" w:rsidRDefault="00E667D5" w:rsidP="00E667D5">
            <w:r>
              <w:t xml:space="preserve">                &lt;div class="col-sm-9"&gt;</w:t>
            </w:r>
          </w:p>
          <w:p w:rsidR="00E667D5" w:rsidRDefault="00E667D5" w:rsidP="00E667D5">
            <w:r>
              <w:t xml:space="preserve">                    &lt;input type="text" name="username" class="form-control" placeholder="Name" required="" maxlength="50" /&gt;</w:t>
            </w:r>
          </w:p>
          <w:p w:rsidR="00E667D5" w:rsidRDefault="00E667D5" w:rsidP="00E667D5">
            <w:r>
              <w:t xml:space="preserve">                &lt;/div&gt;</w:t>
            </w:r>
          </w:p>
          <w:p w:rsidR="00E667D5" w:rsidRDefault="00E667D5" w:rsidP="00E667D5">
            <w:r>
              <w:t xml:space="preserve">            &lt;/div&gt;</w:t>
            </w:r>
          </w:p>
          <w:p w:rsidR="00E667D5" w:rsidRDefault="00E667D5" w:rsidP="00E667D5"/>
          <w:p w:rsidR="00E667D5" w:rsidRDefault="00E667D5" w:rsidP="00E667D5">
            <w:r>
              <w:t xml:space="preserve">            &lt;div class="mb-3 row"&gt;</w:t>
            </w:r>
          </w:p>
          <w:p w:rsidR="00E667D5" w:rsidRDefault="00E667D5" w:rsidP="00E667D5">
            <w:r>
              <w:t xml:space="preserve">                &lt;label class="col-sm-3 col-form-label text-end"&gt;&lt;b&gt;Email*&lt;/b&gt;&lt;/label&gt;</w:t>
            </w:r>
          </w:p>
          <w:p w:rsidR="00E667D5" w:rsidRDefault="00E667D5" w:rsidP="00E667D5">
            <w:r>
              <w:t xml:space="preserve">                &lt;div class="col-sm-9"&gt;</w:t>
            </w:r>
          </w:p>
          <w:p w:rsidR="00E667D5" w:rsidRDefault="00E667D5" w:rsidP="00E667D5">
            <w:r>
              <w:t xml:space="preserve">                    &lt;input type="text" name="email" class="form-control" placeholder="Your email id" required="" maxlength="50" /&gt;</w:t>
            </w:r>
          </w:p>
          <w:p w:rsidR="00E667D5" w:rsidRDefault="00E667D5" w:rsidP="00E667D5">
            <w:r>
              <w:t xml:space="preserve">                &lt;/div&gt;</w:t>
            </w:r>
          </w:p>
          <w:p w:rsidR="00E667D5" w:rsidRDefault="00E667D5" w:rsidP="00E667D5">
            <w:r>
              <w:t xml:space="preserve">            &lt;/div&gt;</w:t>
            </w:r>
          </w:p>
          <w:p w:rsidR="00E667D5" w:rsidRDefault="00E667D5" w:rsidP="00E667D5">
            <w:r>
              <w:t xml:space="preserve">            </w:t>
            </w:r>
          </w:p>
          <w:p w:rsidR="00E667D5" w:rsidRDefault="00E667D5" w:rsidP="00E667D5">
            <w:r>
              <w:t xml:space="preserve">            &lt;div class="mb-3 row"&gt;</w:t>
            </w:r>
          </w:p>
          <w:p w:rsidR="00E667D5" w:rsidRDefault="00E667D5" w:rsidP="00E667D5">
            <w:r>
              <w:t xml:space="preserve">                &lt;label class="col-sm-3 col-form-label text-end"&gt;&lt;b&gt;Password*&lt;/b&gt;&lt;/label&gt;</w:t>
            </w:r>
          </w:p>
          <w:p w:rsidR="00E667D5" w:rsidRDefault="00E667D5" w:rsidP="00E667D5">
            <w:r>
              <w:t xml:space="preserve">                &lt;div class="col-sm-9"&gt;</w:t>
            </w:r>
          </w:p>
          <w:p w:rsidR="00E667D5" w:rsidRDefault="00E667D5" w:rsidP="00E667D5">
            <w:r>
              <w:t xml:space="preserve">                    &lt;input type="text" name="password" id="password" class="form-control" placeholder="Password" required="" maxlength="50" /&gt;</w:t>
            </w:r>
          </w:p>
          <w:p w:rsidR="00E667D5" w:rsidRDefault="00E667D5" w:rsidP="00E667D5">
            <w:r>
              <w:t xml:space="preserve">                &lt;/div&gt;</w:t>
            </w:r>
          </w:p>
          <w:p w:rsidR="00E667D5" w:rsidRDefault="00E667D5" w:rsidP="00E667D5">
            <w:r>
              <w:t xml:space="preserve">            &lt;/div&gt;</w:t>
            </w:r>
          </w:p>
          <w:p w:rsidR="00E667D5" w:rsidRDefault="00E667D5" w:rsidP="00E667D5">
            <w:r>
              <w:t xml:space="preserve">            </w:t>
            </w:r>
          </w:p>
          <w:p w:rsidR="00E667D5" w:rsidRDefault="00E667D5" w:rsidP="00E667D5">
            <w:r>
              <w:t xml:space="preserve">            &lt;div class="mb-3 row"&gt;</w:t>
            </w:r>
          </w:p>
          <w:p w:rsidR="00E667D5" w:rsidRDefault="00E667D5" w:rsidP="00E667D5">
            <w:r>
              <w:t xml:space="preserve">                &lt;label class="col-sm-3 col-form-label text-end"&gt;&lt;b&gt;Confirm Password*&lt;/b&gt;&lt;/label&gt;</w:t>
            </w:r>
          </w:p>
          <w:p w:rsidR="00E667D5" w:rsidRDefault="00E667D5" w:rsidP="00E667D5">
            <w:r>
              <w:t xml:space="preserve">                &lt;div class="col-sm-9"&gt;</w:t>
            </w:r>
          </w:p>
          <w:p w:rsidR="00E667D5" w:rsidRDefault="00E667D5" w:rsidP="00E667D5">
            <w:r>
              <w:t xml:space="preserve">                    &lt;input type="text" name="confpassword" class="form-control" placeholder="Confirm Password" required="" maxlength="50" /&gt;</w:t>
            </w:r>
          </w:p>
          <w:p w:rsidR="00E667D5" w:rsidRDefault="00E667D5" w:rsidP="00E667D5">
            <w:r>
              <w:lastRenderedPageBreak/>
              <w:t xml:space="preserve">                &lt;/div&gt;</w:t>
            </w:r>
          </w:p>
          <w:p w:rsidR="00E667D5" w:rsidRDefault="00E667D5" w:rsidP="00E667D5">
            <w:r>
              <w:t xml:space="preserve">            &lt;/div&gt;</w:t>
            </w:r>
          </w:p>
          <w:p w:rsidR="00E667D5" w:rsidRDefault="00E667D5" w:rsidP="00E667D5">
            <w:r>
              <w:tab/>
            </w:r>
            <w:r>
              <w:tab/>
            </w:r>
            <w:r>
              <w:tab/>
              <w:t xml:space="preserve"> &lt;?php } ?&gt;</w:t>
            </w:r>
          </w:p>
          <w:p w:rsidR="00E667D5" w:rsidRDefault="00E667D5" w:rsidP="00E667D5"/>
          <w:p w:rsidR="00E667D5" w:rsidRDefault="00E667D5" w:rsidP="00E667D5">
            <w:r>
              <w:t xml:space="preserve">            &lt;div class="text-end mt-3"&gt;</w:t>
            </w:r>
          </w:p>
          <w:p w:rsidR="00E667D5" w:rsidRDefault="00E667D5" w:rsidP="00E667D5">
            <w:r>
              <w:t xml:space="preserve">                    &lt;div class="collapse" id="processSpan"&gt;</w:t>
            </w:r>
          </w:p>
          <w:p w:rsidR="00E667D5" w:rsidRDefault="00E667D5" w:rsidP="00E667D5">
            <w:r>
              <w:t xml:space="preserve">                        &lt;div class="spinner-border text-primary" role="status"&gt;</w:t>
            </w:r>
          </w:p>
          <w:p w:rsidR="00E667D5" w:rsidRDefault="00E667D5" w:rsidP="00E667D5">
            <w:r>
              <w:t xml:space="preserve">                          &lt;span class="visually-hidden"&gt;Loading...&lt;/span&gt;</w:t>
            </w:r>
          </w:p>
          <w:p w:rsidR="00E667D5" w:rsidRDefault="00E667D5" w:rsidP="00E667D5">
            <w:r>
              <w:t xml:space="preserve">                        &lt;/div&gt; Processing please wait..</w:t>
            </w:r>
          </w:p>
          <w:p w:rsidR="00E667D5" w:rsidRDefault="00E667D5" w:rsidP="00E667D5">
            <w:r>
              <w:t xml:space="preserve">                    &lt;/div&gt;</w:t>
            </w:r>
          </w:p>
          <w:p w:rsidR="00E667D5" w:rsidRDefault="00E667D5" w:rsidP="00E667D5">
            <w:r>
              <w:t xml:space="preserve">                    &lt;span id="log_result"&gt;&lt;/span&gt;</w:t>
            </w:r>
          </w:p>
          <w:p w:rsidR="00E667D5" w:rsidRDefault="00E667D5" w:rsidP="00E667D5">
            <w:r>
              <w:t xml:space="preserve">                    &lt;div id="submitBtnsBox" style="text-align: right;"&gt;</w:t>
            </w:r>
          </w:p>
          <w:p w:rsidR="00E667D5" w:rsidRDefault="00E667D5" w:rsidP="00E667D5">
            <w:r>
              <w:t xml:space="preserve">                        &lt;button name="submit" type="submit" class="btn btn-success" &gt;&lt;i class="fas fa-2x fa-pen-to-square"&gt;&lt;/i&gt; SUBMIT&lt;/button&gt; </w:t>
            </w:r>
          </w:p>
          <w:p w:rsidR="00E667D5" w:rsidRDefault="00E667D5" w:rsidP="00E667D5">
            <w:r>
              <w:t xml:space="preserve">                    &lt;/div&gt;</w:t>
            </w:r>
          </w:p>
          <w:p w:rsidR="00E667D5" w:rsidRDefault="00E667D5" w:rsidP="00E667D5">
            <w:r>
              <w:t xml:space="preserve">                &lt;/div&gt;</w:t>
            </w:r>
          </w:p>
          <w:p w:rsidR="00E667D5" w:rsidRDefault="00E667D5" w:rsidP="00E667D5"/>
          <w:p w:rsidR="00E667D5" w:rsidRDefault="00E667D5" w:rsidP="00E667D5">
            <w:r>
              <w:t xml:space="preserve">        &lt;/form&gt;</w:t>
            </w:r>
          </w:p>
          <w:p w:rsidR="00E667D5" w:rsidRDefault="00E667D5" w:rsidP="00E667D5">
            <w:r>
              <w:t xml:space="preserve">                        &lt;/div&gt;</w:t>
            </w:r>
          </w:p>
          <w:p w:rsidR="00E667D5" w:rsidRDefault="00E667D5" w:rsidP="00E667D5">
            <w:r>
              <w:t xml:space="preserve">                        </w:t>
            </w:r>
          </w:p>
          <w:p w:rsidR="00E667D5" w:rsidRDefault="00E667D5" w:rsidP="00E667D5">
            <w:r>
              <w:t xml:space="preserve">                            </w:t>
            </w:r>
          </w:p>
          <w:p w:rsidR="00E667D5" w:rsidRDefault="00E667D5" w:rsidP="00E667D5">
            <w:r>
              <w:t xml:space="preserve">                         </w:t>
            </w:r>
          </w:p>
          <w:p w:rsidR="00E667D5" w:rsidRDefault="00E667D5" w:rsidP="00E667D5">
            <w:r>
              <w:t xml:space="preserve">                        &lt;/div&gt;</w:t>
            </w:r>
          </w:p>
          <w:p w:rsidR="00E667D5" w:rsidRDefault="00E667D5" w:rsidP="00E667D5">
            <w:r>
              <w:t xml:space="preserve">                        </w:t>
            </w:r>
          </w:p>
          <w:p w:rsidR="00E667D5" w:rsidRDefault="00E667D5" w:rsidP="00E667D5">
            <w:r>
              <w:t xml:space="preserve">                        &lt;!-- Modal footer --&gt;</w:t>
            </w:r>
          </w:p>
          <w:p w:rsidR="00E667D5" w:rsidRDefault="00E667D5" w:rsidP="00E667D5">
            <w:r>
              <w:t xml:space="preserve">                        </w:t>
            </w:r>
          </w:p>
          <w:p w:rsidR="00E667D5" w:rsidRDefault="00E667D5" w:rsidP="00E667D5">
            <w:r>
              <w:t xml:space="preserve">                        &lt;div class="modal-footer"&gt;</w:t>
            </w:r>
          </w:p>
          <w:p w:rsidR="00E667D5" w:rsidRDefault="00E667D5" w:rsidP="00E667D5">
            <w:r>
              <w:t xml:space="preserve">                            &lt;button type="button" class="btn btn-danger" data-dismiss="modal"&gt;Close&lt;/button&gt;</w:t>
            </w:r>
          </w:p>
          <w:p w:rsidR="00E667D5" w:rsidRDefault="00E667D5" w:rsidP="00E667D5">
            <w:r>
              <w:t xml:space="preserve">                        &lt;/div&gt;</w:t>
            </w:r>
          </w:p>
          <w:p w:rsidR="00E667D5" w:rsidRDefault="00E667D5" w:rsidP="00E667D5"/>
          <w:p w:rsidR="00E667D5" w:rsidRDefault="00E667D5" w:rsidP="00E667D5">
            <w:r>
              <w:t xml:space="preserve">                      &lt;/div&gt;</w:t>
            </w:r>
          </w:p>
          <w:p w:rsidR="00E667D5" w:rsidRDefault="00E667D5" w:rsidP="00E667D5">
            <w:r>
              <w:t xml:space="preserve">                    &lt;/div&gt;</w:t>
            </w:r>
          </w:p>
          <w:p w:rsidR="00E667D5" w:rsidRDefault="00E667D5" w:rsidP="00E667D5">
            <w:r>
              <w:t xml:space="preserve">                  &lt;/div&gt;</w:t>
            </w:r>
          </w:p>
          <w:p w:rsidR="00E667D5" w:rsidRDefault="00E667D5" w:rsidP="00E667D5">
            <w:r>
              <w:t xml:space="preserve">                  </w:t>
            </w:r>
          </w:p>
          <w:p w:rsidR="00E667D5" w:rsidRDefault="00E667D5" w:rsidP="00E667D5">
            <w:r>
              <w:t xml:space="preserve">                 </w:t>
            </w:r>
          </w:p>
          <w:p w:rsidR="00E667D5" w:rsidRDefault="00E667D5" w:rsidP="00E667D5">
            <w:r>
              <w:t xml:space="preserve">      &lt;/div&gt;</w:t>
            </w:r>
          </w:p>
          <w:p w:rsidR="00E667D5" w:rsidRDefault="00E667D5" w:rsidP="00E667D5">
            <w:r>
              <w:t xml:space="preserve">            &lt;/div&gt;</w:t>
            </w:r>
          </w:p>
          <w:p w:rsidR="00E667D5" w:rsidRDefault="00E667D5" w:rsidP="00E667D5"/>
          <w:p w:rsidR="00E667D5" w:rsidRDefault="00E667D5" w:rsidP="00E667D5">
            <w:r>
              <w:t xml:space="preserve"> &lt;script type="text/javascript"&gt;</w:t>
            </w:r>
          </w:p>
          <w:p w:rsidR="00E667D5" w:rsidRDefault="00E667D5" w:rsidP="00E667D5"/>
          <w:p w:rsidR="00E667D5" w:rsidRDefault="00E667D5" w:rsidP="00E667D5">
            <w:r>
              <w:t xml:space="preserve">    $("#myBtn").click(function(){</w:t>
            </w:r>
          </w:p>
          <w:p w:rsidR="00E667D5" w:rsidRDefault="00E667D5" w:rsidP="00E667D5">
            <w:r>
              <w:t xml:space="preserve">        $("#myModal").modal();</w:t>
            </w:r>
          </w:p>
          <w:p w:rsidR="00E667D5" w:rsidRDefault="00E667D5" w:rsidP="00E667D5">
            <w:r>
              <w:t xml:space="preserve">        $(".modal-backdrop").addClass("modal fade show");</w:t>
            </w:r>
          </w:p>
          <w:p w:rsidR="00E667D5" w:rsidRDefault="00E667D5" w:rsidP="00E667D5">
            <w:r>
              <w:t xml:space="preserve">    });</w:t>
            </w:r>
          </w:p>
          <w:p w:rsidR="00E667D5" w:rsidRDefault="00E667D5" w:rsidP="00E667D5">
            <w:r>
              <w:t xml:space="preserve">&lt;/script&gt;    </w:t>
            </w:r>
          </w:p>
          <w:p w:rsidR="00E667D5" w:rsidRDefault="00E667D5" w:rsidP="00E667D5"/>
          <w:p w:rsidR="00E667D5" w:rsidRDefault="00E667D5" w:rsidP="00E667D5"/>
          <w:p w:rsidR="00E667D5" w:rsidRDefault="00E667D5" w:rsidP="00E667D5"/>
          <w:p w:rsidR="00E667D5" w:rsidRDefault="00E667D5" w:rsidP="00E667D5"/>
          <w:p w:rsidR="00E667D5" w:rsidRDefault="00E667D5" w:rsidP="00E667D5">
            <w:r>
              <w:t>&lt;!--From Validation</w:t>
            </w:r>
          </w:p>
          <w:p w:rsidR="00E667D5" w:rsidRDefault="00E667D5" w:rsidP="00E667D5">
            <w:r>
              <w:t>&lt;script src="js/from-validation-js/jquery.min.js"&gt;&lt;/script&gt;--&gt;</w:t>
            </w:r>
          </w:p>
          <w:p w:rsidR="00E667D5" w:rsidRDefault="00E667D5" w:rsidP="00E667D5">
            <w:r>
              <w:t xml:space="preserve">&lt;script src="js/from-validation-js/jquery.validate.min.js"&gt;&lt;/script&gt; </w:t>
            </w:r>
          </w:p>
          <w:p w:rsidR="00E667D5" w:rsidRDefault="00E667D5" w:rsidP="00E667D5">
            <w:r>
              <w:t xml:space="preserve">&lt;script src="js/from-validation-js/filevalidation.js"&gt;&lt;/script&gt; </w:t>
            </w:r>
          </w:p>
          <w:p w:rsidR="00E667D5" w:rsidRDefault="00E667D5" w:rsidP="00E667D5">
            <w:r>
              <w:t xml:space="preserve">&lt;script src="js/from-validation-js/sweetalert.min.js"&gt;&lt;/script&gt;  </w:t>
            </w:r>
          </w:p>
          <w:p w:rsidR="00E667D5" w:rsidRDefault="00E667D5" w:rsidP="00E667D5">
            <w:r>
              <w:t>&lt;script&gt;</w:t>
            </w:r>
          </w:p>
          <w:p w:rsidR="00E667D5" w:rsidRDefault="00E667D5" w:rsidP="00E667D5">
            <w:r>
              <w:t xml:space="preserve">//Form Validation </w:t>
            </w:r>
          </w:p>
          <w:p w:rsidR="00E667D5" w:rsidRDefault="00E667D5" w:rsidP="00E667D5">
            <w:r>
              <w:t>$("#ci_form").validate({</w:t>
            </w:r>
          </w:p>
          <w:p w:rsidR="00E667D5" w:rsidRDefault="00E667D5" w:rsidP="00E667D5">
            <w:r>
              <w:t xml:space="preserve">rules: {  </w:t>
            </w:r>
          </w:p>
          <w:p w:rsidR="00E667D5" w:rsidRDefault="00E667D5" w:rsidP="00E667D5">
            <w:r>
              <w:tab/>
              <w:t>username: {</w:t>
            </w:r>
          </w:p>
          <w:p w:rsidR="00E667D5" w:rsidRDefault="00E667D5" w:rsidP="00E667D5">
            <w:r>
              <w:tab/>
            </w:r>
            <w:r>
              <w:tab/>
            </w:r>
            <w:r>
              <w:tab/>
              <w:t xml:space="preserve">required: true,   </w:t>
            </w:r>
          </w:p>
          <w:p w:rsidR="00E667D5" w:rsidRDefault="00E667D5" w:rsidP="00E667D5">
            <w:r>
              <w:tab/>
            </w:r>
            <w:r>
              <w:tab/>
              <w:t xml:space="preserve">},   </w:t>
            </w:r>
          </w:p>
          <w:p w:rsidR="00E667D5" w:rsidRDefault="00E667D5" w:rsidP="00E667D5">
            <w:r>
              <w:tab/>
              <w:t>email: {</w:t>
            </w:r>
          </w:p>
          <w:p w:rsidR="00E667D5" w:rsidRDefault="00E667D5" w:rsidP="00E667D5">
            <w:r>
              <w:tab/>
            </w:r>
            <w:r>
              <w:tab/>
            </w:r>
            <w:r>
              <w:tab/>
              <w:t xml:space="preserve">required: true, </w:t>
            </w:r>
          </w:p>
          <w:p w:rsidR="00E667D5" w:rsidRDefault="00E667D5" w:rsidP="00E667D5">
            <w:r>
              <w:tab/>
            </w:r>
            <w:r>
              <w:tab/>
            </w:r>
            <w:r>
              <w:tab/>
              <w:t>email:true</w:t>
            </w:r>
          </w:p>
          <w:p w:rsidR="00E667D5" w:rsidRDefault="00E667D5" w:rsidP="00E667D5">
            <w:r>
              <w:tab/>
            </w:r>
            <w:r>
              <w:tab/>
              <w:t>},</w:t>
            </w:r>
          </w:p>
          <w:p w:rsidR="00E667D5" w:rsidRDefault="00E667D5" w:rsidP="00E667D5">
            <w:r>
              <w:tab/>
              <w:t>password: {</w:t>
            </w:r>
          </w:p>
          <w:p w:rsidR="00E667D5" w:rsidRDefault="00E667D5" w:rsidP="00E667D5">
            <w:r>
              <w:tab/>
            </w:r>
            <w:r>
              <w:tab/>
            </w:r>
            <w:r>
              <w:tab/>
              <w:t xml:space="preserve">required: true,  </w:t>
            </w:r>
          </w:p>
          <w:p w:rsidR="00E667D5" w:rsidRDefault="00E667D5" w:rsidP="00E667D5">
            <w:r>
              <w:tab/>
            </w:r>
            <w:r>
              <w:tab/>
              <w:t>},</w:t>
            </w:r>
          </w:p>
          <w:p w:rsidR="00E667D5" w:rsidRDefault="00E667D5" w:rsidP="00E667D5">
            <w:r>
              <w:tab/>
              <w:t>confpassword: {</w:t>
            </w:r>
          </w:p>
          <w:p w:rsidR="00E667D5" w:rsidRDefault="00E667D5" w:rsidP="00E667D5">
            <w:r>
              <w:tab/>
            </w:r>
            <w:r>
              <w:tab/>
            </w:r>
            <w:r>
              <w:tab/>
              <w:t xml:space="preserve">required: true,  </w:t>
            </w:r>
          </w:p>
          <w:p w:rsidR="00E667D5" w:rsidRDefault="00E667D5" w:rsidP="00E667D5">
            <w:r>
              <w:t xml:space="preserve">            equalTo: "#password"</w:t>
            </w:r>
          </w:p>
          <w:p w:rsidR="00E667D5" w:rsidRDefault="00E667D5" w:rsidP="00E667D5">
            <w:r>
              <w:tab/>
            </w:r>
            <w:r>
              <w:tab/>
              <w:t>},</w:t>
            </w:r>
          </w:p>
          <w:p w:rsidR="00E667D5" w:rsidRDefault="00E667D5" w:rsidP="00E667D5">
            <w:r>
              <w:t>},</w:t>
            </w:r>
          </w:p>
          <w:p w:rsidR="00E667D5" w:rsidRDefault="00E667D5" w:rsidP="00E667D5">
            <w:r>
              <w:t>//For custom messages</w:t>
            </w:r>
          </w:p>
          <w:p w:rsidR="00E667D5" w:rsidRDefault="00E667D5" w:rsidP="00E667D5">
            <w:r>
              <w:t xml:space="preserve">messages: { </w:t>
            </w:r>
          </w:p>
          <w:p w:rsidR="00E667D5" w:rsidRDefault="00E667D5" w:rsidP="00E667D5">
            <w:r>
              <w:tab/>
              <w:t>username:{</w:t>
            </w:r>
          </w:p>
          <w:p w:rsidR="00E667D5" w:rsidRDefault="00E667D5" w:rsidP="00E667D5">
            <w:r>
              <w:tab/>
            </w:r>
            <w:r>
              <w:tab/>
            </w:r>
            <w:r>
              <w:tab/>
              <w:t xml:space="preserve">required: "Please enter username",  </w:t>
            </w:r>
          </w:p>
          <w:p w:rsidR="00E667D5" w:rsidRDefault="00E667D5" w:rsidP="00E667D5">
            <w:r>
              <w:tab/>
            </w:r>
            <w:r>
              <w:tab/>
              <w:t xml:space="preserve">},  </w:t>
            </w:r>
          </w:p>
          <w:p w:rsidR="00E667D5" w:rsidRDefault="00E667D5" w:rsidP="00E667D5">
            <w:r>
              <w:tab/>
              <w:t>email:{</w:t>
            </w:r>
          </w:p>
          <w:p w:rsidR="00E667D5" w:rsidRDefault="00E667D5" w:rsidP="00E667D5">
            <w:r>
              <w:tab/>
            </w:r>
            <w:r>
              <w:tab/>
            </w:r>
            <w:r>
              <w:tab/>
              <w:t xml:space="preserve">required: "Please enter email id", </w:t>
            </w:r>
          </w:p>
          <w:p w:rsidR="00E667D5" w:rsidRDefault="00E667D5" w:rsidP="00E667D5">
            <w:r>
              <w:tab/>
            </w:r>
            <w:r>
              <w:tab/>
            </w:r>
            <w:r>
              <w:tab/>
              <w:t>email1: "Please enter a valid email address"</w:t>
            </w:r>
          </w:p>
          <w:p w:rsidR="00E667D5" w:rsidRDefault="00E667D5" w:rsidP="00E667D5">
            <w:r>
              <w:tab/>
            </w:r>
            <w:r>
              <w:tab/>
              <w:t xml:space="preserve">},  </w:t>
            </w:r>
          </w:p>
          <w:p w:rsidR="00E667D5" w:rsidRDefault="00E667D5" w:rsidP="00E667D5">
            <w:r>
              <w:tab/>
              <w:t>password:{</w:t>
            </w:r>
          </w:p>
          <w:p w:rsidR="00E667D5" w:rsidRDefault="00E667D5" w:rsidP="00E667D5">
            <w:r>
              <w:tab/>
            </w:r>
            <w:r>
              <w:tab/>
            </w:r>
            <w:r>
              <w:tab/>
              <w:t xml:space="preserve">required: "Please enter password", </w:t>
            </w:r>
          </w:p>
          <w:p w:rsidR="00E667D5" w:rsidRDefault="00E667D5" w:rsidP="00E667D5">
            <w:r>
              <w:tab/>
            </w:r>
            <w:r>
              <w:tab/>
              <w:t xml:space="preserve">},  </w:t>
            </w:r>
          </w:p>
          <w:p w:rsidR="00E667D5" w:rsidRDefault="00E667D5" w:rsidP="00E667D5">
            <w:r>
              <w:tab/>
              <w:t>confpassword:{</w:t>
            </w:r>
          </w:p>
          <w:p w:rsidR="00E667D5" w:rsidRDefault="00E667D5" w:rsidP="00E667D5">
            <w:r>
              <w:tab/>
            </w:r>
            <w:r>
              <w:tab/>
            </w:r>
            <w:r>
              <w:tab/>
              <w:t xml:space="preserve">required: "Please enter confirm password",  </w:t>
            </w:r>
          </w:p>
          <w:p w:rsidR="00E667D5" w:rsidRDefault="00E667D5" w:rsidP="00E667D5">
            <w:r>
              <w:tab/>
            </w:r>
            <w:r>
              <w:tab/>
              <w:t xml:space="preserve">},  </w:t>
            </w:r>
          </w:p>
          <w:p w:rsidR="00E667D5" w:rsidRDefault="00E667D5" w:rsidP="00E667D5"/>
          <w:p w:rsidR="00E667D5" w:rsidRDefault="00E667D5" w:rsidP="00E667D5">
            <w:r>
              <w:t>},</w:t>
            </w:r>
          </w:p>
          <w:p w:rsidR="00E667D5" w:rsidRDefault="00E667D5" w:rsidP="00E667D5">
            <w:r>
              <w:t>errorElement : 'div',</w:t>
            </w:r>
          </w:p>
          <w:p w:rsidR="00E667D5" w:rsidRDefault="00E667D5" w:rsidP="00E667D5">
            <w:r>
              <w:t>errorPlacement: function(error, element) {</w:t>
            </w:r>
          </w:p>
          <w:p w:rsidR="00E667D5" w:rsidRDefault="00E667D5" w:rsidP="00E667D5">
            <w:r>
              <w:tab/>
              <w:t>var placement = $(element).data('error');</w:t>
            </w:r>
          </w:p>
          <w:p w:rsidR="00E667D5" w:rsidRDefault="00E667D5" w:rsidP="00E667D5">
            <w:r>
              <w:tab/>
              <w:t>if (placement) {</w:t>
            </w:r>
          </w:p>
          <w:p w:rsidR="00E667D5" w:rsidRDefault="00E667D5" w:rsidP="00E667D5">
            <w:r>
              <w:tab/>
              <w:t>$(placement).append(error)</w:t>
            </w:r>
          </w:p>
          <w:p w:rsidR="00E667D5" w:rsidRDefault="00E667D5" w:rsidP="00E667D5">
            <w:r>
              <w:tab/>
              <w:t>} else {</w:t>
            </w:r>
          </w:p>
          <w:p w:rsidR="00E667D5" w:rsidRDefault="00E667D5" w:rsidP="00E667D5">
            <w:r>
              <w:lastRenderedPageBreak/>
              <w:tab/>
              <w:t>error.insertAfter(element);</w:t>
            </w:r>
          </w:p>
          <w:p w:rsidR="00E667D5" w:rsidRDefault="00E667D5" w:rsidP="00E667D5">
            <w:r>
              <w:tab/>
              <w:t>}</w:t>
            </w:r>
          </w:p>
          <w:p w:rsidR="00E667D5" w:rsidRDefault="00E667D5" w:rsidP="00E667D5">
            <w:r>
              <w:t>},</w:t>
            </w:r>
          </w:p>
          <w:p w:rsidR="00E667D5" w:rsidRDefault="00E667D5" w:rsidP="00E667D5">
            <w:r>
              <w:tab/>
              <w:t>submitHandler: function(form) {</w:t>
            </w:r>
          </w:p>
          <w:p w:rsidR="00E667D5" w:rsidRDefault="00E667D5" w:rsidP="00E667D5"/>
          <w:p w:rsidR="00E667D5" w:rsidRDefault="00E667D5" w:rsidP="00E667D5">
            <w:r>
              <w:tab/>
            </w:r>
            <w:r>
              <w:tab/>
              <w:t xml:space="preserve">var formData = new FormData(document.getElementsByName('ci_form')[0]); </w:t>
            </w:r>
          </w:p>
          <w:p w:rsidR="00E667D5" w:rsidRDefault="00E667D5" w:rsidP="00E667D5">
            <w:r>
              <w:tab/>
            </w:r>
            <w:r>
              <w:tab/>
              <w:t>// console.log(formData);return false;</w:t>
            </w:r>
            <w:r>
              <w:tab/>
              <w:t xml:space="preserve"> </w:t>
            </w:r>
          </w:p>
          <w:p w:rsidR="00E667D5" w:rsidRDefault="00E667D5" w:rsidP="00E667D5">
            <w:r>
              <w:tab/>
            </w:r>
            <w:r>
              <w:tab/>
            </w:r>
          </w:p>
          <w:p w:rsidR="00E667D5" w:rsidRDefault="00E667D5" w:rsidP="00E667D5">
            <w:r>
              <w:tab/>
            </w:r>
            <w:r>
              <w:tab/>
              <w:t>$.ajax({</w:t>
            </w:r>
          </w:p>
          <w:p w:rsidR="00E667D5" w:rsidRDefault="00E667D5" w:rsidP="00E667D5">
            <w:r>
              <w:tab/>
            </w:r>
            <w:r>
              <w:tab/>
            </w:r>
            <w:r>
              <w:tab/>
            </w:r>
            <w:r>
              <w:tab/>
              <w:t>url: "/search_submit_process.php",</w:t>
            </w:r>
          </w:p>
          <w:p w:rsidR="00E667D5" w:rsidRDefault="00E667D5" w:rsidP="00E667D5">
            <w:r>
              <w:tab/>
            </w:r>
            <w:r>
              <w:tab/>
            </w:r>
            <w:r>
              <w:tab/>
            </w:r>
            <w:r>
              <w:tab/>
              <w:t>type: 'POST',</w:t>
            </w:r>
          </w:p>
          <w:p w:rsidR="00E667D5" w:rsidRDefault="00E667D5" w:rsidP="00E667D5">
            <w:r>
              <w:tab/>
            </w:r>
            <w:r>
              <w:tab/>
            </w:r>
            <w:r>
              <w:tab/>
            </w:r>
            <w:r>
              <w:tab/>
              <w:t>data: formData,</w:t>
            </w:r>
          </w:p>
          <w:p w:rsidR="00E667D5" w:rsidRDefault="00E667D5" w:rsidP="00E667D5">
            <w:r>
              <w:tab/>
            </w:r>
            <w:r>
              <w:tab/>
            </w:r>
            <w:r>
              <w:tab/>
            </w:r>
            <w:r>
              <w:tab/>
              <w:t>// async: false,</w:t>
            </w:r>
          </w:p>
          <w:p w:rsidR="00E667D5" w:rsidRDefault="00E667D5" w:rsidP="00E667D5">
            <w:r>
              <w:tab/>
            </w:r>
            <w:r>
              <w:tab/>
            </w:r>
            <w:r>
              <w:tab/>
            </w:r>
            <w:r>
              <w:tab/>
              <w:t>cache: false,</w:t>
            </w:r>
          </w:p>
          <w:p w:rsidR="00E667D5" w:rsidRDefault="00E667D5" w:rsidP="00E667D5">
            <w:r>
              <w:tab/>
            </w:r>
            <w:r>
              <w:tab/>
            </w:r>
            <w:r>
              <w:tab/>
            </w:r>
            <w:r>
              <w:tab/>
              <w:t>contentType: false,</w:t>
            </w:r>
          </w:p>
          <w:p w:rsidR="00E667D5" w:rsidRDefault="00E667D5" w:rsidP="00E667D5">
            <w:r>
              <w:tab/>
            </w:r>
            <w:r>
              <w:tab/>
            </w:r>
            <w:r>
              <w:tab/>
            </w:r>
            <w:r>
              <w:tab/>
              <w:t>processData: false,</w:t>
            </w:r>
          </w:p>
          <w:p w:rsidR="00E667D5" w:rsidRDefault="00E667D5" w:rsidP="00E667D5">
            <w:r>
              <w:tab/>
            </w:r>
            <w:r>
              <w:tab/>
            </w:r>
            <w:r>
              <w:tab/>
            </w:r>
            <w:r>
              <w:tab/>
              <w:t>beforeSend: function(){</w:t>
            </w:r>
          </w:p>
          <w:p w:rsidR="00E667D5" w:rsidRDefault="00E667D5" w:rsidP="00E667D5">
            <w:r>
              <w:tab/>
            </w:r>
            <w:r>
              <w:tab/>
            </w:r>
            <w:r>
              <w:tab/>
            </w:r>
            <w:r>
              <w:tab/>
            </w:r>
            <w:r>
              <w:tab/>
              <w:t>$('#cover-spin').show();</w:t>
            </w:r>
          </w:p>
          <w:p w:rsidR="00E667D5" w:rsidRDefault="00E667D5" w:rsidP="00E667D5">
            <w:r>
              <w:tab/>
            </w:r>
            <w:r>
              <w:tab/>
            </w:r>
            <w:r>
              <w:tab/>
            </w:r>
            <w:r>
              <w:tab/>
            </w:r>
            <w:r>
              <w:tab/>
              <w:t>$("#btnSubmit").attr("disabled", true);</w:t>
            </w:r>
          </w:p>
          <w:p w:rsidR="00E667D5" w:rsidRDefault="00E667D5" w:rsidP="00E667D5">
            <w:r>
              <w:tab/>
            </w:r>
            <w:r>
              <w:tab/>
            </w:r>
            <w:r>
              <w:tab/>
            </w:r>
            <w:r>
              <w:tab/>
              <w:t>},</w:t>
            </w:r>
          </w:p>
          <w:p w:rsidR="00E667D5" w:rsidRDefault="00E667D5" w:rsidP="00E667D5">
            <w:r>
              <w:tab/>
            </w:r>
            <w:r>
              <w:tab/>
            </w:r>
            <w:r>
              <w:tab/>
            </w:r>
            <w:r>
              <w:tab/>
              <w:t xml:space="preserve">success: function (returndata) {   </w:t>
            </w:r>
          </w:p>
          <w:p w:rsidR="00E667D5" w:rsidRDefault="00E667D5" w:rsidP="00E667D5">
            <w:r>
              <w:tab/>
            </w:r>
            <w:r>
              <w:tab/>
            </w:r>
            <w:r>
              <w:tab/>
            </w:r>
            <w:r>
              <w:tab/>
            </w:r>
            <w:r>
              <w:tab/>
              <w:t>console.log(returndata);return false;</w:t>
            </w:r>
            <w:r>
              <w:tab/>
              <w:t xml:space="preserve"> </w:t>
            </w:r>
          </w:p>
          <w:p w:rsidR="00E667D5" w:rsidRDefault="00E667D5" w:rsidP="00E667D5">
            <w:r>
              <w:tab/>
            </w:r>
            <w:r>
              <w:tab/>
            </w:r>
            <w:r>
              <w:tab/>
            </w:r>
            <w:r>
              <w:tab/>
            </w:r>
            <w:r>
              <w:tab/>
              <w:t>if(returndata==1){</w:t>
            </w:r>
          </w:p>
          <w:p w:rsidR="00E667D5" w:rsidRDefault="00E667D5" w:rsidP="00E667D5">
            <w:r>
              <w:tab/>
            </w:r>
            <w:r>
              <w:tab/>
            </w:r>
            <w:r>
              <w:tab/>
            </w:r>
            <w:r>
              <w:tab/>
            </w:r>
            <w:r>
              <w:tab/>
            </w:r>
            <w:r>
              <w:tab/>
              <w:t>swal("Successfully Saved to your Wish List", {</w:t>
            </w:r>
          </w:p>
          <w:p w:rsidR="00E667D5" w:rsidRDefault="00E667D5" w:rsidP="00E667D5">
            <w:r>
              <w:tab/>
            </w:r>
            <w:r>
              <w:tab/>
            </w:r>
            <w:r>
              <w:tab/>
            </w:r>
            <w:r>
              <w:tab/>
            </w:r>
            <w:r>
              <w:tab/>
            </w:r>
            <w:r>
              <w:tab/>
            </w:r>
            <w:r>
              <w:tab/>
            </w:r>
            <w:r>
              <w:tab/>
              <w:t xml:space="preserve">  icon: "success",</w:t>
            </w:r>
          </w:p>
          <w:p w:rsidR="00E667D5" w:rsidRDefault="00E667D5" w:rsidP="00E667D5">
            <w:r>
              <w:tab/>
            </w:r>
            <w:r>
              <w:tab/>
            </w:r>
            <w:r>
              <w:tab/>
            </w:r>
            <w:r>
              <w:tab/>
            </w:r>
            <w:r>
              <w:tab/>
            </w:r>
            <w:r>
              <w:tab/>
            </w:r>
            <w:r>
              <w:tab/>
              <w:t xml:space="preserve">});  </w:t>
            </w:r>
          </w:p>
          <w:p w:rsidR="00E667D5" w:rsidRDefault="00E667D5" w:rsidP="00E667D5">
            <w:r>
              <w:tab/>
            </w:r>
            <w:r>
              <w:tab/>
            </w:r>
            <w:r>
              <w:tab/>
            </w:r>
            <w:r>
              <w:tab/>
            </w:r>
            <w:r>
              <w:tab/>
            </w:r>
            <w:r>
              <w:tab/>
              <w:t xml:space="preserve">setTimeout(function(){  location.reload(); }, 1000);   </w:t>
            </w:r>
          </w:p>
          <w:p w:rsidR="00E667D5" w:rsidRDefault="00E667D5" w:rsidP="00E667D5">
            <w:r>
              <w:tab/>
            </w:r>
            <w:r>
              <w:tab/>
            </w:r>
            <w:r>
              <w:tab/>
            </w:r>
            <w:r>
              <w:tab/>
            </w:r>
            <w:r>
              <w:tab/>
              <w:t>}else{</w:t>
            </w:r>
          </w:p>
          <w:p w:rsidR="00E667D5" w:rsidRDefault="00E667D5" w:rsidP="00E667D5">
            <w:r>
              <w:tab/>
            </w:r>
            <w:r>
              <w:tab/>
            </w:r>
            <w:r>
              <w:tab/>
            </w:r>
            <w:r>
              <w:tab/>
            </w:r>
            <w:r>
              <w:tab/>
            </w:r>
            <w:r>
              <w:tab/>
              <w:t>swal("Alert", returndata, "error");</w:t>
            </w:r>
          </w:p>
          <w:p w:rsidR="00E667D5" w:rsidRDefault="00E667D5" w:rsidP="00E667D5">
            <w:r>
              <w:tab/>
            </w:r>
            <w:r>
              <w:tab/>
            </w:r>
            <w:r>
              <w:tab/>
            </w:r>
            <w:r>
              <w:tab/>
            </w:r>
            <w:r>
              <w:tab/>
            </w:r>
            <w:r>
              <w:tab/>
              <w:t>return false;</w:t>
            </w:r>
          </w:p>
          <w:p w:rsidR="00E667D5" w:rsidRDefault="00E667D5" w:rsidP="00E667D5">
            <w:r>
              <w:tab/>
            </w:r>
            <w:r>
              <w:tab/>
            </w:r>
            <w:r>
              <w:tab/>
            </w:r>
            <w:r>
              <w:tab/>
            </w:r>
            <w:r>
              <w:tab/>
              <w:t xml:space="preserve">} </w:t>
            </w:r>
          </w:p>
          <w:p w:rsidR="00E667D5" w:rsidRDefault="00E667D5" w:rsidP="00E667D5">
            <w:r>
              <w:tab/>
            </w:r>
            <w:r>
              <w:tab/>
            </w:r>
            <w:r>
              <w:tab/>
            </w:r>
            <w:r>
              <w:tab/>
              <w:t>},</w:t>
            </w:r>
          </w:p>
          <w:p w:rsidR="00E667D5" w:rsidRDefault="00E667D5" w:rsidP="00E667D5">
            <w:r>
              <w:tab/>
            </w:r>
            <w:r>
              <w:tab/>
            </w:r>
            <w:r>
              <w:tab/>
            </w:r>
            <w:r>
              <w:tab/>
              <w:t>complete: function(){</w:t>
            </w:r>
          </w:p>
          <w:p w:rsidR="00E667D5" w:rsidRDefault="00E667D5" w:rsidP="00E667D5">
            <w:r>
              <w:tab/>
            </w:r>
            <w:r>
              <w:tab/>
            </w:r>
            <w:r>
              <w:tab/>
            </w:r>
            <w:r>
              <w:tab/>
            </w:r>
            <w:r>
              <w:tab/>
              <w:t>$('#cover-spin').hide();</w:t>
            </w:r>
          </w:p>
          <w:p w:rsidR="00E667D5" w:rsidRDefault="00E667D5" w:rsidP="00E667D5">
            <w:r>
              <w:tab/>
            </w:r>
            <w:r>
              <w:tab/>
            </w:r>
            <w:r>
              <w:tab/>
            </w:r>
            <w:r>
              <w:tab/>
            </w:r>
            <w:r>
              <w:tab/>
              <w:t>$("#btnSubmit").attr("disabled", false);</w:t>
            </w:r>
          </w:p>
          <w:p w:rsidR="00E667D5" w:rsidRDefault="00E667D5" w:rsidP="00E667D5">
            <w:r>
              <w:tab/>
            </w:r>
            <w:r>
              <w:tab/>
            </w:r>
            <w:r>
              <w:tab/>
            </w:r>
            <w:r>
              <w:tab/>
              <w:t>}</w:t>
            </w:r>
          </w:p>
          <w:p w:rsidR="00E667D5" w:rsidRDefault="00E667D5" w:rsidP="00E667D5">
            <w:r>
              <w:tab/>
            </w:r>
            <w:r>
              <w:tab/>
              <w:t>});</w:t>
            </w:r>
          </w:p>
          <w:p w:rsidR="00E667D5" w:rsidRDefault="00E667D5" w:rsidP="00E667D5">
            <w:r>
              <w:tab/>
            </w:r>
            <w:r>
              <w:tab/>
            </w:r>
          </w:p>
          <w:p w:rsidR="00E667D5" w:rsidRDefault="00E667D5" w:rsidP="00E667D5">
            <w:r>
              <w:tab/>
            </w:r>
            <w:r>
              <w:tab/>
            </w:r>
          </w:p>
          <w:p w:rsidR="00E667D5" w:rsidRDefault="00E667D5" w:rsidP="00E667D5"/>
          <w:p w:rsidR="00E667D5" w:rsidRDefault="00E667D5" w:rsidP="00E667D5">
            <w:r>
              <w:tab/>
              <w:t>}</w:t>
            </w:r>
          </w:p>
          <w:p w:rsidR="00E667D5" w:rsidRDefault="00E667D5" w:rsidP="00E667D5">
            <w:r>
              <w:t xml:space="preserve">});     </w:t>
            </w:r>
          </w:p>
          <w:p w:rsidR="00E667D5" w:rsidRDefault="00E667D5" w:rsidP="00E667D5"/>
          <w:p w:rsidR="00E667D5" w:rsidRDefault="00E667D5" w:rsidP="00E667D5"/>
          <w:p w:rsidR="0048012D" w:rsidRDefault="00E667D5" w:rsidP="00E667D5">
            <w:r>
              <w:t>&lt;/script&gt;</w:t>
            </w:r>
          </w:p>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E667D5" w:rsidP="0048012D">
            <w:r w:rsidRPr="00A35FED">
              <w:rPr>
                <w:highlight w:val="yellow"/>
              </w:rPr>
              <w:lastRenderedPageBreak/>
              <w:t>Ccrc.php</w:t>
            </w:r>
          </w:p>
        </w:tc>
      </w:tr>
      <w:tr w:rsidR="0048012D" w:rsidTr="0048012D">
        <w:tc>
          <w:tcPr>
            <w:tcW w:w="9576" w:type="dxa"/>
          </w:tcPr>
          <w:p w:rsidR="0048012D" w:rsidRDefault="00A35FED" w:rsidP="0048012D">
            <w:r>
              <w:object w:dxaOrig="3165" w:dyaOrig="4320">
                <v:shape id="_x0000_i1047" type="#_x0000_t75" style="width:462.4pt;height:3in" o:ole="">
                  <v:imagedata r:id="rId50" o:title=""/>
                </v:shape>
                <o:OLEObject Type="Embed" ProgID="PBrush" ShapeID="_x0000_i1047" DrawAspect="Content" ObjectID="_1729694204" r:id="rId51"/>
              </w:object>
            </w:r>
          </w:p>
        </w:tc>
      </w:tr>
      <w:tr w:rsidR="0048012D" w:rsidTr="0048012D">
        <w:tc>
          <w:tcPr>
            <w:tcW w:w="9576" w:type="dxa"/>
          </w:tcPr>
          <w:p w:rsidR="00A35FED" w:rsidRDefault="00A35FED" w:rsidP="00A35FED">
            <w:r>
              <w:t>&lt;?php require_once('config.php') ; ?&gt;</w:t>
            </w:r>
          </w:p>
          <w:p w:rsidR="00A35FED" w:rsidRDefault="00A35FED" w:rsidP="00A35FED">
            <w:r>
              <w:t>&lt;?php include_once ('attribute.php'); ?&gt;</w:t>
            </w:r>
          </w:p>
          <w:p w:rsidR="00A35FED" w:rsidRDefault="00A35FED" w:rsidP="00A35FED"/>
          <w:p w:rsidR="00A35FED" w:rsidRDefault="00A35FED" w:rsidP="00A35FED">
            <w:r>
              <w:t>&lt;head&gt;</w:t>
            </w:r>
          </w:p>
          <w:p w:rsidR="00A35FED" w:rsidRDefault="00A35FED" w:rsidP="00A35FED">
            <w:r>
              <w:t>&lt;!--meta details--&gt;</w:t>
            </w:r>
          </w:p>
          <w:p w:rsidR="00A35FED" w:rsidRDefault="00A35FED" w:rsidP="00A35FED">
            <w:r>
              <w:t xml:space="preserve">    &lt;meta charset="utf-8"/&gt;</w:t>
            </w:r>
          </w:p>
          <w:p w:rsidR="00A35FED" w:rsidRDefault="00A35FED" w:rsidP="00A35FED">
            <w:r>
              <w:t xml:space="preserve">    &lt;meta http-equiv="Content-Type" content="text/html; charset=UTF-8"/&gt;</w:t>
            </w:r>
          </w:p>
          <w:p w:rsidR="00A35FED" w:rsidRDefault="00A35FED" w:rsidP="00A35FED">
            <w:r>
              <w:t xml:space="preserve">    &lt;meta http-equiv="X-UA-Compatible" content="IE=edge"/&gt;</w:t>
            </w:r>
          </w:p>
          <w:p w:rsidR="00A35FED" w:rsidRDefault="00A35FED" w:rsidP="00A35FED">
            <w:r>
              <w:t xml:space="preserve">    &lt;meta name="viewport" content="width=device-width, initial-scale=1.0, user-scalable=0, minimal-ui"/&gt;</w:t>
            </w:r>
          </w:p>
          <w:p w:rsidR="00A35FED" w:rsidRDefault="00A35FED" w:rsidP="00A35FED">
            <w:r>
              <w:t xml:space="preserve">     &lt;!--  Logo on Browser window--&gt;</w:t>
            </w:r>
          </w:p>
          <w:p w:rsidR="00A35FED" w:rsidRDefault="00A35FED" w:rsidP="00A35FED">
            <w:r>
              <w:t xml:space="preserve">    &lt;link href="spf/img/tablogo.png" rel="shortcut icon" type="image/x-icon"&gt;</w:t>
            </w:r>
          </w:p>
          <w:p w:rsidR="00A35FED" w:rsidRDefault="00A35FED" w:rsidP="00A35FED">
            <w:r>
              <w:t xml:space="preserve">    &lt;!--google prefetch--&gt;</w:t>
            </w:r>
          </w:p>
          <w:p w:rsidR="00A35FED" w:rsidRDefault="00A35FED" w:rsidP="00A35FED">
            <w:r>
              <w:t xml:space="preserve">    &lt;link rel="dns-prefetch" href="http://fonts.gstatic.com/"/&gt;</w:t>
            </w:r>
          </w:p>
          <w:p w:rsidR="00A35FED" w:rsidRDefault="00A35FED" w:rsidP="00A35FED">
            <w:r>
              <w:t xml:space="preserve">    &lt;link rel="dns-prefetch" href="http://www.googletagmanager.com/"/&gt;</w:t>
            </w:r>
          </w:p>
          <w:p w:rsidR="00A35FED" w:rsidRDefault="00A35FED" w:rsidP="00A35FED">
            <w:r>
              <w:t xml:space="preserve">    &lt;link rel="dns-prefetch" href="http://www.google-analytics.com/"/&gt;</w:t>
            </w:r>
          </w:p>
          <w:p w:rsidR="00A35FED" w:rsidRDefault="00A35FED" w:rsidP="00A35FED">
            <w:r>
              <w:t xml:space="preserve">    &lt;link rel="dns-prefetch" href="http://pagead2.googlesyndication.com/"/&gt;</w:t>
            </w:r>
          </w:p>
          <w:p w:rsidR="00A35FED" w:rsidRDefault="00A35FED" w:rsidP="00A35FED">
            <w:r>
              <w:t xml:space="preserve">    &lt;link rel="preconnect" href="http://fonts.gstatic.com/"/&gt;</w:t>
            </w:r>
          </w:p>
          <w:p w:rsidR="00A35FED" w:rsidRDefault="00A35FED" w:rsidP="00A35FED">
            <w:r>
              <w:t xml:space="preserve">    &lt;link rel="preconnect" href="http://www.googletagmanager.com/"/&gt;</w:t>
            </w:r>
          </w:p>
          <w:p w:rsidR="00A35FED" w:rsidRDefault="00A35FED" w:rsidP="00A35FED">
            <w:r>
              <w:t xml:space="preserve">    &lt;link rel="preconnect" href="http://www.google-analytics.com/"/&gt;</w:t>
            </w:r>
          </w:p>
          <w:p w:rsidR="00A35FED" w:rsidRDefault="00A35FED" w:rsidP="00A35FED">
            <w:r>
              <w:t xml:space="preserve">    &lt;link rel="preconnect" href="http://pagead2.googlesyndication.com/"/&gt;</w:t>
            </w:r>
          </w:p>
          <w:p w:rsidR="00A35FED" w:rsidRDefault="00A35FED" w:rsidP="00A35FED">
            <w:r>
              <w:t xml:space="preserve">    &lt;meta name="apple-mobile-web-app-title" content="Senior Services | Senior Place Finder | VABF | ISF | ELF | EIFLF | ESPMF"/&gt;</w:t>
            </w:r>
          </w:p>
          <w:p w:rsidR="00A35FED" w:rsidRDefault="00A35FED" w:rsidP="00A35FED">
            <w:r>
              <w:t xml:space="preserve">    &lt;meta name="apple-mobile-web-app-capable" content="yes"/&gt;</w:t>
            </w:r>
          </w:p>
          <w:p w:rsidR="00A35FED" w:rsidRDefault="00A35FED" w:rsidP="00A35FED">
            <w:r>
              <w:t xml:space="preserve">    &lt;meta name="apple-touch-fullscreen" content="yes"/&gt;</w:t>
            </w:r>
          </w:p>
          <w:p w:rsidR="00A35FED" w:rsidRDefault="00A35FED" w:rsidP="00A35FED">
            <w:r>
              <w:t xml:space="preserve">    &lt;meta name="apple-mobile-web-app-status-bar-style" content="default"/&gt;</w:t>
            </w:r>
          </w:p>
          <w:p w:rsidR="00A35FED" w:rsidRDefault="00A35FED" w:rsidP="00A35FED">
            <w:r>
              <w:t xml:space="preserve">    &lt;meta name="google" content="notranslate"/&gt;</w:t>
            </w:r>
          </w:p>
          <w:p w:rsidR="00A35FED" w:rsidRDefault="00A35FED" w:rsidP="00A35FED">
            <w:r>
              <w:t xml:space="preserve">    &lt;meta property="fb:app_id" content="442299370000163"/&gt;</w:t>
            </w:r>
          </w:p>
          <w:p w:rsidR="00A35FED" w:rsidRDefault="00A35FED" w:rsidP="00A35FED">
            <w:r>
              <w:t xml:space="preserve">    &lt;!--screen  resolution--&gt;</w:t>
            </w:r>
          </w:p>
          <w:p w:rsidR="00A35FED" w:rsidRDefault="00A35FED" w:rsidP="00A35FED">
            <w:r>
              <w:t xml:space="preserve">    &lt;link rel="shortcut icon" href="spf/img/favicon.ico" type="image/x-icon"&gt;</w:t>
            </w:r>
          </w:p>
          <w:p w:rsidR="00A35FED" w:rsidRDefault="00A35FED" w:rsidP="00A35FED">
            <w:r>
              <w:t xml:space="preserve">    &lt;link rel="apple-touch-icon" href="spf/img/apple-touch-icon-60x60.html"&gt;</w:t>
            </w:r>
          </w:p>
          <w:p w:rsidR="00A35FED" w:rsidRDefault="00A35FED" w:rsidP="00A35FED">
            <w:r>
              <w:lastRenderedPageBreak/>
              <w:t xml:space="preserve">    &lt;link rel="apple-touch-icon" sizes="76x76" href="spf/img/apple-touch-icon-76x76.html"&gt;</w:t>
            </w:r>
          </w:p>
          <w:p w:rsidR="00A35FED" w:rsidRDefault="00A35FED" w:rsidP="00A35FED">
            <w:r>
              <w:t xml:space="preserve">    &lt;link rel="apple-touch-icon" sizes="120x120" href="spf/img/apple-touch-icon-120x120.html"&gt;</w:t>
            </w:r>
          </w:p>
          <w:p w:rsidR="00A35FED" w:rsidRDefault="00A35FED" w:rsidP="00A35FED">
            <w:r>
              <w:t xml:space="preserve">    &lt;link rel="apple-touch-icon" sizes="152x152" href="spf/img/apple-touch-icon-152x152.html"&gt;</w:t>
            </w:r>
          </w:p>
          <w:p w:rsidR="00A35FED" w:rsidRDefault="00A35FED" w:rsidP="00A35FED">
            <w:r>
              <w:t xml:space="preserve">    &lt;!--site details--&gt;</w:t>
            </w:r>
          </w:p>
          <w:p w:rsidR="00A35FED" w:rsidRDefault="00A35FED" w:rsidP="00A35FED">
            <w:r>
              <w:t xml:space="preserve">    &lt;title&gt;Senior Services | Senior Place Finder | VABF | ISF | ELF | EIFLF | ESPMF&lt;/title&gt;</w:t>
            </w:r>
          </w:p>
          <w:p w:rsidR="00A35FED" w:rsidRDefault="00A35FED" w:rsidP="00A35FED">
            <w:r>
              <w:t xml:space="preserve">    &lt;meta name="keywords" content="Senior Place Finder, VABF, ISF, ELF, EIFLF, ESPMF"/&gt;</w:t>
            </w:r>
          </w:p>
          <w:p w:rsidR="00A35FED" w:rsidRDefault="00A35FED" w:rsidP="00A35FED">
            <w:r>
              <w:t xml:space="preserve">    &lt;meta name="description" content="Find specialist for any service related to the seniors."&gt;</w:t>
            </w:r>
          </w:p>
          <w:p w:rsidR="00A35FED" w:rsidRDefault="00A35FED" w:rsidP="00A35FED">
            <w:r>
              <w:t xml:space="preserve">    &lt;meta property="og:type" content="website"/&gt;</w:t>
            </w:r>
          </w:p>
          <w:p w:rsidR="00A35FED" w:rsidRDefault="00A35FED" w:rsidP="00A35FED">
            <w:r>
              <w:t xml:space="preserve">    &lt;meta property="og:title" content="Senior Services | Senior Place Finder | VABF | ISF | ELF | EIFLF | ESPMF"/&gt;</w:t>
            </w:r>
          </w:p>
          <w:p w:rsidR="00A35FED" w:rsidRDefault="00A35FED" w:rsidP="00A35FED">
            <w:r>
              <w:t xml:space="preserve">    &lt;meta property="og:description" content="Find specialist for any service related to the seniors."/&gt;</w:t>
            </w:r>
          </w:p>
          <w:p w:rsidR="00A35FED" w:rsidRDefault="00A35FED" w:rsidP="00A35FED">
            <w:r>
              <w:t xml:space="preserve">    &lt;meta property="og:url" content="https://theseniorteam.net/"/&gt;</w:t>
            </w:r>
          </w:p>
          <w:p w:rsidR="00A35FED" w:rsidRDefault="00A35FED" w:rsidP="00A35FED">
            <w:r>
              <w:t xml:space="preserve">    &lt;meta property="og:site_name" content="Senior Team"/&gt;</w:t>
            </w:r>
          </w:p>
          <w:p w:rsidR="00A35FED" w:rsidRDefault="00A35FED" w:rsidP="00A35FED">
            <w:r>
              <w:t xml:space="preserve">    &lt;meta property="og:image" content="c"/&gt;</w:t>
            </w:r>
          </w:p>
          <w:p w:rsidR="00A35FED" w:rsidRDefault="00A35FED" w:rsidP="00A35FED">
            <w:r>
              <w:t xml:space="preserve">    &lt;meta name="twitter:card" content="summary_large_image"/&gt;</w:t>
            </w:r>
          </w:p>
          <w:p w:rsidR="00A35FED" w:rsidRDefault="00A35FED" w:rsidP="00A35FED">
            <w:r>
              <w:t xml:space="preserve">    &lt;meta name="twitter:title" content="Senior Services | Senior Place Finder | VABF | ISF | ELF | EIFLF | ESPMF"/&gt;</w:t>
            </w:r>
          </w:p>
          <w:p w:rsidR="00A35FED" w:rsidRDefault="00A35FED" w:rsidP="00A35FED">
            <w:r>
              <w:t xml:space="preserve">    &lt;meta name="twitter:description" content="Find specialist for any service related to the seniors."/&gt;</w:t>
            </w:r>
          </w:p>
          <w:p w:rsidR="00A35FED" w:rsidRDefault="00A35FED" w:rsidP="00A35FED">
            <w:r>
              <w:t xml:space="preserve">    &lt;meta name="twitter:site" content="@seniorteam"/&gt;</w:t>
            </w:r>
          </w:p>
          <w:p w:rsidR="00A35FED" w:rsidRDefault="00A35FED" w:rsidP="00A35FED">
            <w:r>
              <w:t xml:space="preserve">    &lt;meta name="twitter:image" content="img/icon/ssp.png"/&gt;</w:t>
            </w:r>
          </w:p>
          <w:p w:rsidR="00A35FED" w:rsidRDefault="00A35FED" w:rsidP="00A35FED">
            <w:r>
              <w:t xml:space="preserve">   </w:t>
            </w:r>
          </w:p>
          <w:p w:rsidR="00A35FED" w:rsidRDefault="00A35FED" w:rsidP="00A35FED">
            <w:r>
              <w:t xml:space="preserve">    &lt;meta name="csrf-token" content="dgqJnlX1u9TY9MEkfnEcAOPCkhA13RV7pHlBGUUg"/&gt;</w:t>
            </w:r>
          </w:p>
          <w:p w:rsidR="00A35FED" w:rsidRDefault="00A35FED" w:rsidP="00A35FED">
            <w:r>
              <w:t xml:space="preserve">    &lt;!--app.css --&gt;</w:t>
            </w:r>
          </w:p>
          <w:p w:rsidR="00A35FED" w:rsidRDefault="00A35FED" w:rsidP="00A35FED">
            <w:r>
              <w:t xml:space="preserve">    &lt;link media="all" type="text/css" rel="stylesheet" href="spf/css/app.css"&gt;</w:t>
            </w:r>
          </w:p>
          <w:p w:rsidR="00A35FED" w:rsidRDefault="00A35FED" w:rsidP="00A35FED">
            <w:r>
              <w:t xml:space="preserve">    &lt;!--icons.css --&gt;</w:t>
            </w:r>
          </w:p>
          <w:p w:rsidR="00A35FED" w:rsidRDefault="00A35FED" w:rsidP="00A35FED">
            <w:r>
              <w:t xml:space="preserve">    &lt;link media="all" type="text/css" rel="stylesheet" href="css/icons.css"&gt;</w:t>
            </w:r>
          </w:p>
          <w:p w:rsidR="00A35FED" w:rsidRDefault="00A35FED" w:rsidP="00A35FED">
            <w:r>
              <w:t xml:space="preserve">    &lt;!--notify.css --&gt;</w:t>
            </w:r>
          </w:p>
          <w:p w:rsidR="00A35FED" w:rsidRDefault="00A35FED" w:rsidP="00A35FED">
            <w:r>
              <w:t xml:space="preserve">    &lt;link media="all" type="text/css" rel="stylesheet" href="css/notify.css"&gt;</w:t>
            </w:r>
          </w:p>
          <w:p w:rsidR="00A35FED" w:rsidRDefault="00A35FED" w:rsidP="00A35FED">
            <w:r>
              <w:t xml:space="preserve">    &lt;!--floater.css --&gt;</w:t>
            </w:r>
          </w:p>
          <w:p w:rsidR="00A35FED" w:rsidRDefault="00A35FED" w:rsidP="00A35FED">
            <w:r>
              <w:t xml:space="preserve">    &lt;link media="all" type="text/css" rel="stylesheet" href="css/floater.css"&gt;</w:t>
            </w:r>
          </w:p>
          <w:p w:rsidR="00A35FED" w:rsidRDefault="00A35FED" w:rsidP="00A35FED">
            <w:r>
              <w:t xml:space="preserve">    &lt;!--selectize.css --&gt;</w:t>
            </w:r>
          </w:p>
          <w:p w:rsidR="00A35FED" w:rsidRDefault="00A35FED" w:rsidP="00A35FED">
            <w:r>
              <w:t xml:space="preserve">    &lt;link media="all" type="text/css" rel="stylesheet" href="css/selectize.css"&gt;</w:t>
            </w:r>
          </w:p>
          <w:p w:rsidR="00A35FED" w:rsidRDefault="00A35FED" w:rsidP="00A35FED">
            <w:r>
              <w:t xml:space="preserve">    &lt;!--theme.css --&gt;</w:t>
            </w:r>
          </w:p>
          <w:p w:rsidR="00A35FED" w:rsidRDefault="00A35FED" w:rsidP="00A35FED">
            <w:r>
              <w:t xml:space="preserve">    &lt;link media="all" type="text/css" rel="stylesheet" href="spf/css/theme.css"&gt;</w:t>
            </w:r>
          </w:p>
          <w:p w:rsidR="00A35FED" w:rsidRDefault="00A35FED" w:rsidP="00A35FED"/>
          <w:p w:rsidR="00A35FED" w:rsidRDefault="00A35FED" w:rsidP="00A35FED">
            <w:r>
              <w:t xml:space="preserve">    &lt;link rel="stylesheet" href="https://use.fontawesome.com/releases/v5.6.3/css/all.css"&gt;</w:t>
            </w:r>
          </w:p>
          <w:p w:rsidR="00A35FED" w:rsidRDefault="00A35FED" w:rsidP="00A35FED">
            <w:r>
              <w:t xml:space="preserve">    &lt;!--app.js --&gt;</w:t>
            </w:r>
          </w:p>
          <w:p w:rsidR="00A35FED" w:rsidRDefault="00A35FED" w:rsidP="00A35FED">
            <w:r>
              <w:t xml:space="preserve">    &lt;script src="js/app.js"&gt;&lt;/script&gt;</w:t>
            </w:r>
          </w:p>
          <w:p w:rsidR="00A35FED" w:rsidRDefault="00A35FED" w:rsidP="00A35FED">
            <w:r>
              <w:t xml:space="preserve">    &lt;!--jquery.js --&gt;</w:t>
            </w:r>
          </w:p>
          <w:p w:rsidR="00A35FED" w:rsidRDefault="00A35FED" w:rsidP="00A35FED">
            <w:r>
              <w:t xml:space="preserve">    &lt;script src="js/jquery.js"&gt;&lt;/script&gt;</w:t>
            </w:r>
          </w:p>
          <w:p w:rsidR="00A35FED" w:rsidRDefault="00A35FED" w:rsidP="00A35FED">
            <w:r>
              <w:t xml:space="preserve">    &lt;!--popper.js --&gt;</w:t>
            </w:r>
          </w:p>
          <w:p w:rsidR="00A35FED" w:rsidRDefault="00A35FED" w:rsidP="00A35FED">
            <w:r>
              <w:t xml:space="preserve">    &lt;script src="js/popper.js"&gt;&lt;/script&gt;</w:t>
            </w:r>
          </w:p>
          <w:p w:rsidR="00A35FED" w:rsidRDefault="00A35FED" w:rsidP="00A35FED">
            <w:r>
              <w:t xml:space="preserve">    &lt;!--bootstrap.js --&gt;</w:t>
            </w:r>
          </w:p>
          <w:p w:rsidR="00A35FED" w:rsidRDefault="00A35FED" w:rsidP="00A35FED">
            <w:r>
              <w:t xml:space="preserve">    &lt;script src="js/bootstrap.js"&gt;&lt;/script&gt;</w:t>
            </w:r>
          </w:p>
          <w:p w:rsidR="00A35FED" w:rsidRDefault="00A35FED" w:rsidP="00A35FED"/>
          <w:p w:rsidR="00A35FED" w:rsidRDefault="00A35FED" w:rsidP="00A35FED">
            <w:r>
              <w:t xml:space="preserve">    &lt;!-- Global site tag (gtag.js) - Google Analytics --&gt;</w:t>
            </w:r>
          </w:p>
          <w:p w:rsidR="00A35FED" w:rsidRDefault="00A35FED" w:rsidP="00A35FED">
            <w:r>
              <w:t xml:space="preserve">    &lt;script async src="https://www.googletagmanager.com/gtag/js?id="&gt;&lt;/script&gt;</w:t>
            </w:r>
          </w:p>
          <w:p w:rsidR="00A35FED" w:rsidRDefault="00A35FED" w:rsidP="00A35FED">
            <w:r>
              <w:t xml:space="preserve">    &lt;script&gt;</w:t>
            </w:r>
          </w:p>
          <w:p w:rsidR="00A35FED" w:rsidRDefault="00A35FED" w:rsidP="00A35FED">
            <w:r>
              <w:lastRenderedPageBreak/>
              <w:t xml:space="preserve">        window.dataLayer = window.dataLayer || [];</w:t>
            </w:r>
          </w:p>
          <w:p w:rsidR="00A35FED" w:rsidRDefault="00A35FED" w:rsidP="00A35FED">
            <w:r>
              <w:t xml:space="preserve">        function gtag() {</w:t>
            </w:r>
          </w:p>
          <w:p w:rsidR="00A35FED" w:rsidRDefault="00A35FED" w:rsidP="00A35FED">
            <w:r>
              <w:t xml:space="preserve">            dataLayer.push(arguments);</w:t>
            </w:r>
          </w:p>
          <w:p w:rsidR="00A35FED" w:rsidRDefault="00A35FED" w:rsidP="00A35FED">
            <w:r>
              <w:t xml:space="preserve">        }</w:t>
            </w:r>
          </w:p>
          <w:p w:rsidR="00A35FED" w:rsidRDefault="00A35FED" w:rsidP="00A35FED">
            <w:r>
              <w:t xml:space="preserve">        gtag('js', new Date());</w:t>
            </w:r>
          </w:p>
          <w:p w:rsidR="00A35FED" w:rsidRDefault="00A35FED" w:rsidP="00A35FED">
            <w:r>
              <w:t xml:space="preserve">        gtag('config', '');</w:t>
            </w:r>
          </w:p>
          <w:p w:rsidR="00A35FED" w:rsidRDefault="00A35FED" w:rsidP="00A35FED">
            <w:r>
              <w:t xml:space="preserve">    &lt;/script&gt;</w:t>
            </w:r>
          </w:p>
          <w:p w:rsidR="00A35FED" w:rsidRDefault="00A35FED" w:rsidP="00A35FED">
            <w:r>
              <w:t xml:space="preserve">    &lt;!--fingerprint2.js --&gt;</w:t>
            </w:r>
          </w:p>
          <w:p w:rsidR="00A35FED" w:rsidRDefault="00A35FED" w:rsidP="00A35FED">
            <w:r>
              <w:t>&lt;script src="js/fingerprint2.js"&gt;&lt;/script&gt;</w:t>
            </w:r>
          </w:p>
          <w:p w:rsidR="00A35FED" w:rsidRDefault="00A35FED" w:rsidP="00A35FED">
            <w:r>
              <w:t>&lt;!--ua-parser.js --&gt;</w:t>
            </w:r>
          </w:p>
          <w:p w:rsidR="00A35FED" w:rsidRDefault="00A35FED" w:rsidP="00A35FED">
            <w:r>
              <w:t>&lt;script src="js/ua-parser.js"&gt;&lt;/script&gt;</w:t>
            </w:r>
          </w:p>
          <w:p w:rsidR="00A35FED" w:rsidRDefault="00A35FED" w:rsidP="00A35FED">
            <w:r>
              <w:t>&lt;script&gt;</w:t>
            </w:r>
          </w:p>
          <w:p w:rsidR="00A35FED" w:rsidRDefault="00A35FED" w:rsidP="00A35FED">
            <w:r>
              <w:t xml:space="preserve">    let fpCookie = getCookie("FP_UUID");</w:t>
            </w:r>
          </w:p>
          <w:p w:rsidR="00A35FED" w:rsidRDefault="00A35FED" w:rsidP="00A35FED">
            <w:r>
              <w:t xml:space="preserve">    let getFingerPrint = function () {</w:t>
            </w:r>
          </w:p>
          <w:p w:rsidR="00A35FED" w:rsidRDefault="00A35FED" w:rsidP="00A35FED">
            <w:r>
              <w:t xml:space="preserve">        let d1 = new Date();</w:t>
            </w:r>
          </w:p>
          <w:p w:rsidR="00A35FED" w:rsidRDefault="00A35FED" w:rsidP="00A35FED">
            <w:r>
              <w:t xml:space="preserve">        let options = {/*</w:t>
            </w:r>
          </w:p>
          <w:p w:rsidR="00A35FED" w:rsidRDefault="00A35FED" w:rsidP="00A35FED">
            <w:r>
              <w:t xml:space="preserve">            excludes: {</w:t>
            </w:r>
          </w:p>
          <w:p w:rsidR="00A35FED" w:rsidRDefault="00A35FED" w:rsidP="00A35FED">
            <w:r>
              <w:t xml:space="preserve">                enumerateDevices: true,</w:t>
            </w:r>
          </w:p>
          <w:p w:rsidR="00A35FED" w:rsidRDefault="00A35FED" w:rsidP="00A35FED">
            <w:r>
              <w:t xml:space="preserve">                pixelRatio: true,</w:t>
            </w:r>
          </w:p>
          <w:p w:rsidR="00A35FED" w:rsidRDefault="00A35FED" w:rsidP="00A35FED">
            <w:r>
              <w:t xml:space="preserve">                doNotTrack: true,</w:t>
            </w:r>
          </w:p>
          <w:p w:rsidR="00A35FED" w:rsidRDefault="00A35FED" w:rsidP="00A35FED">
            <w:r>
              <w:t xml:space="preserve">                fontsFlash: true/!*,</w:t>
            </w:r>
          </w:p>
          <w:p w:rsidR="00A35FED" w:rsidRDefault="00A35FED" w:rsidP="00A35FED">
            <w:r>
              <w:t xml:space="preserve">                plugins: true*!/</w:t>
            </w:r>
          </w:p>
          <w:p w:rsidR="00A35FED" w:rsidRDefault="00A35FED" w:rsidP="00A35FED">
            <w:r>
              <w:t xml:space="preserve">            },</w:t>
            </w:r>
          </w:p>
          <w:p w:rsidR="00A35FED" w:rsidRDefault="00A35FED" w:rsidP="00A35FED">
            <w:r>
              <w:t xml:space="preserve">            extraComponents: [</w:t>
            </w:r>
          </w:p>
          <w:p w:rsidR="00A35FED" w:rsidRDefault="00A35FED" w:rsidP="00A35FED">
            <w:r>
              <w:t xml:space="preserve">                {</w:t>
            </w:r>
          </w:p>
          <w:p w:rsidR="00A35FED" w:rsidRDefault="00A35FED" w:rsidP="00A35FED">
            <w:r>
              <w:t xml:space="preserve">                    key: 'domain',</w:t>
            </w:r>
          </w:p>
          <w:p w:rsidR="00A35FED" w:rsidRDefault="00A35FED" w:rsidP="00A35FED">
            <w:r>
              <w:t xml:space="preserve">                    getData: function (done, options) {</w:t>
            </w:r>
          </w:p>
          <w:p w:rsidR="00A35FED" w:rsidRDefault="00A35FED" w:rsidP="00A35FED">
            <w:r>
              <w:t xml:space="preserve">                        done(window.location.hostname);</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key: 'domain',</w:t>
            </w:r>
          </w:p>
          <w:p w:rsidR="00A35FED" w:rsidRDefault="00A35FED" w:rsidP="00A35FED">
            <w:r>
              <w:t xml:space="preserve">                    getData: function (done, options) {</w:t>
            </w:r>
          </w:p>
          <w:p w:rsidR="00A35FED" w:rsidRDefault="00A35FED" w:rsidP="00A35FED">
            <w:r>
              <w:t xml:space="preserve">                        done(window.location.hostname);</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preprocessor: function (key, value) {</w:t>
            </w:r>
          </w:p>
          <w:p w:rsidR="00A35FED" w:rsidRDefault="00A35FED" w:rsidP="00A35FED">
            <w:r>
              <w:t xml:space="preserve">                if (key === "userAgent") {</w:t>
            </w:r>
          </w:p>
          <w:p w:rsidR="00A35FED" w:rsidRDefault="00A35FED" w:rsidP="00A35FED">
            <w:r>
              <w:t xml:space="preserve">                    let parser = new UAParser(value);</w:t>
            </w:r>
          </w:p>
          <w:p w:rsidR="00A35FED" w:rsidRDefault="00A35FED" w:rsidP="00A35FED">
            <w:r>
              <w:t xml:space="preserve">                    let userAgentMinusVersion = parser.getOS().name + ' ' + parser.getBrowser().name;</w:t>
            </w:r>
          </w:p>
          <w:p w:rsidR="00A35FED" w:rsidRDefault="00A35FED" w:rsidP="00A35FED">
            <w:r>
              <w:t xml:space="preserve">                    return userAgentMinusVersion;</w:t>
            </w:r>
          </w:p>
          <w:p w:rsidR="00A35FED" w:rsidRDefault="00A35FED" w:rsidP="00A35FED">
            <w:r>
              <w:t xml:space="preserve">                }</w:t>
            </w:r>
          </w:p>
          <w:p w:rsidR="00A35FED" w:rsidRDefault="00A35FED" w:rsidP="00A35FED">
            <w:r>
              <w:t xml:space="preserve">                return value;</w:t>
            </w:r>
          </w:p>
          <w:p w:rsidR="00A35FED" w:rsidRDefault="00A35FED" w:rsidP="00A35FED">
            <w:r>
              <w:t xml:space="preserve">            }</w:t>
            </w:r>
          </w:p>
          <w:p w:rsidR="00A35FED" w:rsidRDefault="00A35FED" w:rsidP="00A35FED">
            <w:r>
              <w:t xml:space="preserve">        };</w:t>
            </w:r>
          </w:p>
          <w:p w:rsidR="00A35FED" w:rsidRDefault="00A35FED" w:rsidP="00A35FED">
            <w:r>
              <w:t xml:space="preserve">        Fingerprint2.get(options, function (components) {</w:t>
            </w:r>
          </w:p>
          <w:p w:rsidR="00A35FED" w:rsidRDefault="00A35FED" w:rsidP="00A35FED">
            <w:r>
              <w:t xml:space="preserve">            let fp = Fingerprint2.x64hash128(components.map(function (pair) {</w:t>
            </w:r>
          </w:p>
          <w:p w:rsidR="00A35FED" w:rsidRDefault="00A35FED" w:rsidP="00A35FED">
            <w:r>
              <w:lastRenderedPageBreak/>
              <w:t xml:space="preserve">                return pair.value</w:t>
            </w:r>
          </w:p>
          <w:p w:rsidR="00A35FED" w:rsidRDefault="00A35FED" w:rsidP="00A35FED">
            <w:r>
              <w:t xml:space="preserve">            }).join(), 31);</w:t>
            </w:r>
          </w:p>
          <w:p w:rsidR="00A35FED" w:rsidRDefault="00A35FED" w:rsidP="00A35FED">
            <w:r>
              <w:t xml:space="preserve">            setCookie("FP_UUID", fp, 30);</w:t>
            </w:r>
          </w:p>
          <w:p w:rsidR="00A35FED" w:rsidRDefault="00A35FED" w:rsidP="00A35FED">
            <w:r>
              <w:t xml:space="preserve">            fpCookie = getCookie("FP_UUID");</w:t>
            </w:r>
          </w:p>
          <w:p w:rsidR="00A35FED" w:rsidRDefault="00A35FED" w:rsidP="00A35FED">
            <w:r>
              <w:t xml:space="preserve">            console.log("FP_UUID: ", fpCookie);</w:t>
            </w:r>
          </w:p>
          <w:p w:rsidR="00A35FED" w:rsidRDefault="00A35FED" w:rsidP="00A35FED">
            <w:r>
              <w:t xml:space="preserve">            let d2 = new Date();</w:t>
            </w:r>
          </w:p>
          <w:p w:rsidR="00A35FED" w:rsidRDefault="00A35FED" w:rsidP="00A35FED">
            <w:r>
              <w:t xml:space="preserve">            let tt = d2 - d1;</w:t>
            </w:r>
          </w:p>
          <w:p w:rsidR="00A35FED" w:rsidRDefault="00A35FED" w:rsidP="00A35FED">
            <w:r>
              <w:t xml:space="preserve">            let details = "";</w:t>
            </w:r>
          </w:p>
          <w:p w:rsidR="00A35FED" w:rsidRDefault="00A35FED" w:rsidP="00A35FED">
            <w:r>
              <w:t xml:space="preserve">            console.log("Time Taken : ", tt);</w:t>
            </w:r>
          </w:p>
          <w:p w:rsidR="00A35FED" w:rsidRDefault="00A35FED" w:rsidP="00A35FED">
            <w:r>
              <w:t xml:space="preserve">            console.log("Finger Print : ", fp);</w:t>
            </w:r>
          </w:p>
          <w:p w:rsidR="00A35FED" w:rsidRDefault="00A35FED" w:rsidP="00A35FED">
            <w:r>
              <w:t xml:space="preserve">            for (let index in components) {</w:t>
            </w:r>
          </w:p>
          <w:p w:rsidR="00A35FED" w:rsidRDefault="00A35FED" w:rsidP="00A35FED">
            <w:r>
              <w:t xml:space="preserve">                let obj = components[index];</w:t>
            </w:r>
          </w:p>
          <w:p w:rsidR="00A35FED" w:rsidRDefault="00A35FED" w:rsidP="00A35FED">
            <w:r>
              <w:t xml:space="preserve">                let line = obj.key + " = " + String(obj.value).substr(0, 100);</w:t>
            </w:r>
          </w:p>
          <w:p w:rsidR="00A35FED" w:rsidRDefault="00A35FED" w:rsidP="00A35FED">
            <w:r>
              <w:t xml:space="preserve">                details += line + "\n";</w:t>
            </w:r>
          </w:p>
          <w:p w:rsidR="00A35FED" w:rsidRDefault="00A35FED" w:rsidP="00A35FED">
            <w:r>
              <w:t xml:space="preserve">            }</w:t>
            </w:r>
          </w:p>
          <w:p w:rsidR="00A35FED" w:rsidRDefault="00A35FED" w:rsidP="00A35FED">
            <w:r>
              <w:t xml:space="preserve">            console.log(details);</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if (fpCookie === null) {</w:t>
            </w:r>
          </w:p>
          <w:p w:rsidR="00A35FED" w:rsidRDefault="00A35FED" w:rsidP="00A35FED">
            <w:r>
              <w:t xml:space="preserve">        let cancelId;</w:t>
            </w:r>
          </w:p>
          <w:p w:rsidR="00A35FED" w:rsidRDefault="00A35FED" w:rsidP="00A35FED">
            <w:r>
              <w:t xml:space="preserve">        let cancelFunction;</w:t>
            </w:r>
          </w:p>
          <w:p w:rsidR="00A35FED" w:rsidRDefault="00A35FED" w:rsidP="00A35FED">
            <w:r>
              <w:t xml:space="preserve">        if (window.requestIdleCallback) {</w:t>
            </w:r>
          </w:p>
          <w:p w:rsidR="00A35FED" w:rsidRDefault="00A35FED" w:rsidP="00A35FED">
            <w:r>
              <w:t xml:space="preserve">            cancelId = requestIdleCallback(getFingerPrint);</w:t>
            </w:r>
          </w:p>
          <w:p w:rsidR="00A35FED" w:rsidRDefault="00A35FED" w:rsidP="00A35FED">
            <w:r>
              <w:t xml:space="preserve">            cancelFunction = cancelIdleCallback;</w:t>
            </w:r>
          </w:p>
          <w:p w:rsidR="00A35FED" w:rsidRDefault="00A35FED" w:rsidP="00A35FED">
            <w:r>
              <w:t xml:space="preserve">        } else {</w:t>
            </w:r>
          </w:p>
          <w:p w:rsidR="00A35FED" w:rsidRDefault="00A35FED" w:rsidP="00A35FED">
            <w:r>
              <w:t xml:space="preserve">            cancelId = setTimeout(getFingerPrint, 500);</w:t>
            </w:r>
          </w:p>
          <w:p w:rsidR="00A35FED" w:rsidRDefault="00A35FED" w:rsidP="00A35FED">
            <w:r>
              <w:t xml:space="preserve">            cancelFunction = clearTimeout;</w:t>
            </w:r>
          </w:p>
          <w:p w:rsidR="00A35FED" w:rsidRDefault="00A35FED" w:rsidP="00A35FED">
            <w:r>
              <w:t xml:space="preserve">        }</w:t>
            </w:r>
          </w:p>
          <w:p w:rsidR="00A35FED" w:rsidRDefault="00A35FED" w:rsidP="00A35FED">
            <w:r>
              <w:t xml:space="preserve">    }</w:t>
            </w:r>
          </w:p>
          <w:p w:rsidR="00A35FED" w:rsidRDefault="00A35FED" w:rsidP="00A35FED">
            <w:r>
              <w:t>&lt;/script&gt;</w:t>
            </w:r>
          </w:p>
          <w:p w:rsidR="00A35FED" w:rsidRDefault="00A35FED" w:rsidP="00A35FED">
            <w:r>
              <w:t xml:space="preserve">            &lt;script type="application/ld+json"&gt;</w:t>
            </w:r>
          </w:p>
          <w:p w:rsidR="00A35FED" w:rsidRDefault="00A35FED" w:rsidP="00A35FED">
            <w:r>
              <w:t xml:space="preserve">    {"@context":"http:\/\/schema.org","@type":"WebPage","name":"Senior Services","url":"https:\/\/theseniorteam.net","logo":"https:\/\/assets.elite.dev\/img\/portal\/rect\/ssp.svg","sameAs":["https:\/\/theseniorteam.net"]}</w:t>
            </w:r>
          </w:p>
          <w:p w:rsidR="00A35FED" w:rsidRDefault="00A35FED" w:rsidP="00A35FED">
            <w:r>
              <w:t xml:space="preserve">&lt;/script&gt;   </w:t>
            </w:r>
          </w:p>
          <w:p w:rsidR="00A35FED" w:rsidRDefault="00A35FED" w:rsidP="00A35FED"/>
          <w:p w:rsidR="00A35FED" w:rsidRDefault="00A35FED" w:rsidP="00A35FED">
            <w:r>
              <w:t>&lt;!-- Meta Pixel Code --&gt;</w:t>
            </w:r>
          </w:p>
          <w:p w:rsidR="00A35FED" w:rsidRDefault="00A35FED" w:rsidP="00A35FED">
            <w:r>
              <w:t>&lt;script&gt;</w:t>
            </w:r>
          </w:p>
          <w:p w:rsidR="00A35FED" w:rsidRDefault="00A35FED" w:rsidP="00A35FED">
            <w:r>
              <w:t>!function(f,b,e,v,n,t,s)</w:t>
            </w:r>
          </w:p>
          <w:p w:rsidR="00A35FED" w:rsidRDefault="00A35FED" w:rsidP="00A35FED">
            <w:r>
              <w:t>{if(f.fbq)return;n=f.fbq=function(){n.callMethod?</w:t>
            </w:r>
          </w:p>
          <w:p w:rsidR="00A35FED" w:rsidRDefault="00A35FED" w:rsidP="00A35FED">
            <w:r>
              <w:t>n.callMethod.apply(n,arguments):n.queue.push(arguments)};</w:t>
            </w:r>
          </w:p>
          <w:p w:rsidR="00A35FED" w:rsidRDefault="00A35FED" w:rsidP="00A35FED">
            <w:r>
              <w:t>if(!f._fbq)f._fbq=n;n.push=n;n.loaded=!0;n.version='2.0';</w:t>
            </w:r>
          </w:p>
          <w:p w:rsidR="00A35FED" w:rsidRDefault="00A35FED" w:rsidP="00A35FED">
            <w:r>
              <w:t>n.queue=[];t=b.createElement(e);t.async=!0;</w:t>
            </w:r>
          </w:p>
          <w:p w:rsidR="00A35FED" w:rsidRDefault="00A35FED" w:rsidP="00A35FED">
            <w:r>
              <w:t>t.src=v;s=b.getElementsByTagName(e)[0];</w:t>
            </w:r>
          </w:p>
          <w:p w:rsidR="00A35FED" w:rsidRDefault="00A35FED" w:rsidP="00A35FED">
            <w:r>
              <w:t>s.parentNode.insertBefore(t,s)}(window, document,'script',</w:t>
            </w:r>
          </w:p>
          <w:p w:rsidR="00A35FED" w:rsidRDefault="00A35FED" w:rsidP="00A35FED">
            <w:r>
              <w:t>'https://connect.facebook.net/en_US/fbevents.js');</w:t>
            </w:r>
          </w:p>
          <w:p w:rsidR="00A35FED" w:rsidRDefault="00A35FED" w:rsidP="00A35FED">
            <w:r>
              <w:t>fbq('init', '1380363135826732');</w:t>
            </w:r>
          </w:p>
          <w:p w:rsidR="00A35FED" w:rsidRDefault="00A35FED" w:rsidP="00A35FED">
            <w:r>
              <w:lastRenderedPageBreak/>
              <w:t>fbq('track', 'PageView');</w:t>
            </w:r>
          </w:p>
          <w:p w:rsidR="00A35FED" w:rsidRDefault="00A35FED" w:rsidP="00A35FED">
            <w:r>
              <w:t>&lt;/script&gt;</w:t>
            </w:r>
          </w:p>
          <w:p w:rsidR="00A35FED" w:rsidRDefault="00A35FED" w:rsidP="00A35FED">
            <w:r>
              <w:t>&lt;noscript&gt;&lt;img height="1" width="1" style="display:none"</w:t>
            </w:r>
          </w:p>
          <w:p w:rsidR="00A35FED" w:rsidRDefault="00A35FED" w:rsidP="00A35FED">
            <w:r>
              <w:t>src="https://www.facebook.com/tr?id=1380363135826732&amp;ev=PageView&amp;noscript=1"</w:t>
            </w:r>
          </w:p>
          <w:p w:rsidR="00A35FED" w:rsidRDefault="00A35FED" w:rsidP="00A35FED">
            <w:r>
              <w:t>/&gt;&lt;/noscript&gt;</w:t>
            </w:r>
          </w:p>
          <w:p w:rsidR="00A35FED" w:rsidRDefault="00A35FED" w:rsidP="00A35FED">
            <w:r>
              <w:t>&lt;!-- End Meta Pixel Code --&gt;</w:t>
            </w:r>
          </w:p>
          <w:p w:rsidR="00A35FED" w:rsidRDefault="00A35FED" w:rsidP="00A35FED"/>
          <w:p w:rsidR="00A35FED" w:rsidRDefault="00A35FED" w:rsidP="00A35FED">
            <w:r>
              <w:t>&lt;/head&gt;</w:t>
            </w:r>
          </w:p>
          <w:p w:rsidR="00A35FED" w:rsidRDefault="00A35FED" w:rsidP="00A35FED">
            <w:r>
              <w:t>&lt;!--head ends--&gt;</w:t>
            </w:r>
          </w:p>
          <w:p w:rsidR="00A35FED" w:rsidRDefault="00A35FED" w:rsidP="00A35FED">
            <w:r>
              <w:t>&lt;div class="loading"&gt;</w:t>
            </w:r>
          </w:p>
          <w:p w:rsidR="00A35FED" w:rsidRDefault="00A35FED" w:rsidP="00A35FED">
            <w:r>
              <w:t xml:space="preserve">    &lt;div class="loader"&gt;&lt;/div&gt;</w:t>
            </w:r>
          </w:p>
          <w:p w:rsidR="00A35FED" w:rsidRDefault="00A35FED" w:rsidP="00A35FED">
            <w:r>
              <w:t>&lt;/div&gt;</w:t>
            </w:r>
          </w:p>
          <w:p w:rsidR="00A35FED" w:rsidRDefault="00A35FED" w:rsidP="00A35FED">
            <w:r>
              <w:t>&lt;div id="divVueContainer"&gt;</w:t>
            </w:r>
          </w:p>
          <w:p w:rsidR="00A35FED" w:rsidRDefault="00A35FED" w:rsidP="00A35FED">
            <w:r>
              <w:t xml:space="preserve">    &lt;div id="page"&gt;</w:t>
            </w:r>
          </w:p>
          <w:p w:rsidR="00A35FED" w:rsidRDefault="00A35FED" w:rsidP="00A35FED"/>
          <w:p w:rsidR="00A35FED" w:rsidRDefault="00A35FED" w:rsidP="00A35FED">
            <w:r>
              <w:t xml:space="preserve">        &lt;!--------------------header starts------------------&gt;</w:t>
            </w:r>
          </w:p>
          <w:p w:rsidR="00A35FED" w:rsidRDefault="00A35FED" w:rsidP="00A35FED">
            <w:r>
              <w:t xml:space="preserve">        &lt;!--top bar start--&gt;</w:t>
            </w:r>
          </w:p>
          <w:p w:rsidR="00A35FED" w:rsidRDefault="00A35FED" w:rsidP="00A35FED">
            <w:r>
              <w:t xml:space="preserve">        &lt;header class=" header  menu_fixed"&gt;</w:t>
            </w:r>
          </w:p>
          <w:p w:rsidR="00A35FED" w:rsidRDefault="00A35FED" w:rsidP="00A35FED">
            <w:r>
              <w:t xml:space="preserve">            &lt;div id="logo"&gt;</w:t>
            </w:r>
          </w:p>
          <w:p w:rsidR="00A35FED" w:rsidRDefault="00A35FED" w:rsidP="00A35FED">
            <w:r>
              <w:t xml:space="preserve">                &lt;a href="home.php"</w:t>
            </w:r>
          </w:p>
          <w:p w:rsidR="00A35FED" w:rsidRDefault="00A35FED" w:rsidP="00A35FED">
            <w:r>
              <w:t xml:space="preserve">                   title="Senior Place Finder - A bridge between seniors and senior living gateway."&gt;</w:t>
            </w:r>
          </w:p>
          <w:p w:rsidR="00A35FED" w:rsidRDefault="00A35FED" w:rsidP="00A35FED">
            <w:r>
              <w:t xml:space="preserve">                        &lt;img alt="" class="logo_normal" src="spf/img/logo.png" width="" height="75"/&gt;</w:t>
            </w:r>
          </w:p>
          <w:p w:rsidR="00A35FED" w:rsidRDefault="00A35FED" w:rsidP="00A35FED">
            <w:r>
              <w:t xml:space="preserve">                        &lt;img alt="" class="logo_sticky" src="spf/img/logo_sticky.png" width="" height="75"/&gt;</w:t>
            </w:r>
          </w:p>
          <w:p w:rsidR="00A35FED" w:rsidRDefault="00A35FED" w:rsidP="00A35FED">
            <w:r>
              <w:t xml:space="preserve">                &lt;/a&gt;</w:t>
            </w:r>
          </w:p>
          <w:p w:rsidR="00A35FED" w:rsidRDefault="00A35FED" w:rsidP="00A35FED">
            <w:r>
              <w:t xml:space="preserve">            &lt;/div&gt;</w:t>
            </w:r>
          </w:p>
          <w:p w:rsidR="00A35FED" w:rsidRDefault="00A35FED" w:rsidP="00A35FED">
            <w:r>
              <w:t xml:space="preserve">            &lt;ul id="top_menu"&gt;</w:t>
            </w:r>
          </w:p>
          <w:p w:rsidR="00A35FED" w:rsidRDefault="00A35FED" w:rsidP="00A35FED">
            <w:r>
              <w:t xml:space="preserve">                    &lt;?php if ( LOGGED_STATUS == 0 ) { ?&gt; </w:t>
            </w:r>
          </w:p>
          <w:p w:rsidR="00A35FED" w:rsidRDefault="00A35FED" w:rsidP="00A35FED">
            <w:r>
              <w:t xml:space="preserve">            </w:t>
            </w:r>
          </w:p>
          <w:p w:rsidR="00A35FED" w:rsidRDefault="00A35FED" w:rsidP="00A35FED">
            <w:r>
              <w:t xml:space="preserve">                &lt;li&gt;&lt;br/&gt;</w:t>
            </w:r>
          </w:p>
          <w:p w:rsidR="00A35FED" w:rsidRDefault="00A35FED" w:rsidP="00A35FED">
            <w:r>
              <w:t xml:space="preserve">                    &lt;a class="btn_add" href="&lt;?php echo SITE_URL_SPF ; ?&gt;/login.php" title="Sign In"&gt; Sign In &lt;/a&gt; </w:t>
            </w:r>
          </w:p>
          <w:p w:rsidR="00A35FED" w:rsidRDefault="00A35FED" w:rsidP="00A35FED">
            <w:r>
              <w:t xml:space="preserve">                &lt;/li&gt;</w:t>
            </w:r>
          </w:p>
          <w:p w:rsidR="00A35FED" w:rsidRDefault="00A35FED" w:rsidP="00A35FED"/>
          <w:p w:rsidR="00A35FED" w:rsidRDefault="00A35FED" w:rsidP="00A35FED">
            <w:r>
              <w:t xml:space="preserve">                &lt;li&gt;&lt;br/&gt;</w:t>
            </w:r>
          </w:p>
          <w:p w:rsidR="00A35FED" w:rsidRDefault="00A35FED" w:rsidP="00A35FED">
            <w:r>
              <w:t xml:space="preserve">                    &lt;a class="btn_add" href="&lt;?php echo SITE_URL_SPF; ?&gt;/register.php" title="Register"&gt; Register&lt;/a&gt;</w:t>
            </w:r>
          </w:p>
          <w:p w:rsidR="00A35FED" w:rsidRDefault="00A35FED" w:rsidP="00A35FED">
            <w:r>
              <w:t xml:space="preserve">                &lt;/li&gt;</w:t>
            </w:r>
          </w:p>
          <w:p w:rsidR="00A35FED" w:rsidRDefault="00A35FED" w:rsidP="00A35FED">
            <w:r>
              <w:t xml:space="preserve">                &lt;?php } else { ?&gt;</w:t>
            </w:r>
          </w:p>
          <w:p w:rsidR="00A35FED" w:rsidRDefault="00A35FED" w:rsidP="00A35FED">
            <w:r>
              <w:t xml:space="preserve">                &lt;li&gt;&lt;br/&gt;</w:t>
            </w:r>
          </w:p>
          <w:p w:rsidR="00A35FED" w:rsidRDefault="00A35FED" w:rsidP="00A35FED">
            <w:r>
              <w:t xml:space="preserve">                    &lt;a class="btn_add" href="&lt;?php echo SITE_URL_SPF ; ?&gt;/dashboard/?domain=spf" title="dashboard"&gt; &lt;?php echo $userName ; ?&gt;&lt;/a&gt;</w:t>
            </w:r>
          </w:p>
          <w:p w:rsidR="00A35FED" w:rsidRDefault="00A35FED" w:rsidP="00A35FED">
            <w:r>
              <w:t xml:space="preserve">                &lt;/li&gt;</w:t>
            </w:r>
          </w:p>
          <w:p w:rsidR="00A35FED" w:rsidRDefault="00A35FED" w:rsidP="00A35FED">
            <w:r>
              <w:t xml:space="preserve">                &lt;li&gt;&lt;br/&gt;</w:t>
            </w:r>
          </w:p>
          <w:p w:rsidR="00A35FED" w:rsidRDefault="00A35FED" w:rsidP="00A35FED">
            <w:r>
              <w:t xml:space="preserve">                    &lt;a class="btn_add" href="&lt;?php echo SITE_URL_PROFILE ; ?&gt;/profile/?sort=login" title="dashboard"&gt;Dashboard &lt;/a&gt;</w:t>
            </w:r>
          </w:p>
          <w:p w:rsidR="00A35FED" w:rsidRDefault="00A35FED" w:rsidP="00A35FED">
            <w:r>
              <w:t xml:space="preserve">                &lt;/li&gt;</w:t>
            </w:r>
          </w:p>
          <w:p w:rsidR="00A35FED" w:rsidRDefault="00A35FED" w:rsidP="00A35FED">
            <w:r>
              <w:tab/>
            </w:r>
            <w:r>
              <w:tab/>
            </w:r>
            <w:r>
              <w:tab/>
            </w:r>
            <w:r>
              <w:tab/>
              <w:t>&lt;li&gt;&lt;br/&gt;</w:t>
            </w:r>
          </w:p>
          <w:p w:rsidR="00A35FED" w:rsidRDefault="00A35FED" w:rsidP="00A35FED">
            <w:r>
              <w:t xml:space="preserve">                    &lt;a class="btn_add" href="&lt;?php echo SITE_URL_SPF ; ?&gt;/logout.php" title="Logout"&gt; </w:t>
            </w:r>
            <w:r>
              <w:lastRenderedPageBreak/>
              <w:t>Logout&lt;/a&gt;</w:t>
            </w:r>
          </w:p>
          <w:p w:rsidR="00A35FED" w:rsidRDefault="00A35FED" w:rsidP="00A35FED">
            <w:r>
              <w:t xml:space="preserve">                &lt;/li&gt;</w:t>
            </w:r>
          </w:p>
          <w:p w:rsidR="00A35FED" w:rsidRDefault="00A35FED" w:rsidP="00A35FED">
            <w:r>
              <w:t xml:space="preserve">                &lt;?php } ?&gt;</w:t>
            </w:r>
          </w:p>
          <w:p w:rsidR="00A35FED" w:rsidRDefault="00A35FED" w:rsidP="00A35FED">
            <w:r>
              <w:t xml:space="preserve">            &lt;/ul&gt;</w:t>
            </w:r>
          </w:p>
          <w:p w:rsidR="00A35FED" w:rsidRDefault="00A35FED" w:rsidP="00A35FED">
            <w:r>
              <w:t xml:space="preserve">            &lt;!--top bar ends--&gt;</w:t>
            </w:r>
          </w:p>
          <w:p w:rsidR="00A35FED" w:rsidRDefault="00A35FED" w:rsidP="00A35FED">
            <w:r>
              <w:t xml:space="preserve">            &lt;a class="btn_mobile" href="#menu"&gt;</w:t>
            </w:r>
          </w:p>
          <w:p w:rsidR="00A35FED" w:rsidRDefault="00A35FED" w:rsidP="00A35FED">
            <w:r>
              <w:t xml:space="preserve">                &lt;div class="hamburger hamburger--spin" id="hamburger"&gt;</w:t>
            </w:r>
          </w:p>
          <w:p w:rsidR="00A35FED" w:rsidRDefault="00A35FED" w:rsidP="00A35FED">
            <w:r>
              <w:t xml:space="preserve">                    &lt;div class="hamburger-box"&gt;</w:t>
            </w:r>
          </w:p>
          <w:p w:rsidR="00A35FED" w:rsidRDefault="00A35FED" w:rsidP="00A35FED">
            <w:r>
              <w:t xml:space="preserve">                        &lt;div class="hamburger-inner"&gt;&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a&gt;</w:t>
            </w:r>
          </w:p>
          <w:p w:rsidR="00A35FED" w:rsidRDefault="00A35FED" w:rsidP="00A35FED">
            <w:r>
              <w:t xml:space="preserve">            &lt;!--top nav bar start--&gt;</w:t>
            </w:r>
          </w:p>
          <w:p w:rsidR="00A35FED" w:rsidRDefault="00A35FED" w:rsidP="00A35FED">
            <w:r>
              <w:t xml:space="preserve">            &lt;nav class="main-menu" id="menu"&gt;</w:t>
            </w:r>
          </w:p>
          <w:p w:rsidR="00A35FED" w:rsidRDefault="00A35FED" w:rsidP="00A35FED">
            <w:r>
              <w:t xml:space="preserve">                &lt;ul&gt;</w:t>
            </w:r>
          </w:p>
          <w:p w:rsidR="00A35FED" w:rsidRDefault="00A35FED" w:rsidP="00A35FED">
            <w:r>
              <w:t xml:space="preserve">                    &lt;li&gt;</w:t>
            </w:r>
          </w:p>
          <w:p w:rsidR="00A35FED" w:rsidRDefault="00A35FED" w:rsidP="00A35FED">
            <w:r>
              <w:t xml:space="preserve">                        &lt;span&gt;</w:t>
            </w:r>
          </w:p>
          <w:p w:rsidR="00A35FED" w:rsidRDefault="00A35FED" w:rsidP="00A35FED">
            <w:r>
              <w:t xml:space="preserve">                            &lt;a href="home.php"</w:t>
            </w:r>
          </w:p>
          <w:p w:rsidR="00A35FED" w:rsidRDefault="00A35FED" w:rsidP="00A35FED">
            <w:r>
              <w:t xml:space="preserve">                               class="active" style="font-size: 1.1rem; color: #007BCE;"&gt;</w:t>
            </w:r>
          </w:p>
          <w:p w:rsidR="00A35FED" w:rsidRDefault="00A35FED" w:rsidP="00A35FED">
            <w:r>
              <w:t xml:space="preserve">                                Home</w:t>
            </w:r>
          </w:p>
          <w:p w:rsidR="00A35FED" w:rsidRDefault="00A35FED" w:rsidP="00A35FED">
            <w:r>
              <w:t xml:space="preserve">                            &lt;/a&gt;</w:t>
            </w:r>
          </w:p>
          <w:p w:rsidR="00A35FED" w:rsidRDefault="00A35FED" w:rsidP="00A35FED">
            <w:r>
              <w:t xml:space="preserve">                        &lt;/span&gt;</w:t>
            </w:r>
          </w:p>
          <w:p w:rsidR="00A35FED" w:rsidRDefault="00A35FED" w:rsidP="00A35FED">
            <w:r>
              <w:t xml:space="preserve">                    &lt;/li&gt;</w:t>
            </w:r>
          </w:p>
          <w:p w:rsidR="00A35FED" w:rsidRDefault="00A35FED" w:rsidP="00A35FED">
            <w:r>
              <w:t xml:space="preserve">                    &lt;li&gt;</w:t>
            </w:r>
          </w:p>
          <w:p w:rsidR="00A35FED" w:rsidRDefault="00A35FED" w:rsidP="00A35FED">
            <w:r>
              <w:t xml:space="preserve">                        &lt;span&gt;</w:t>
            </w:r>
          </w:p>
          <w:p w:rsidR="00A35FED" w:rsidRDefault="00A35FED" w:rsidP="00A35FED">
            <w:r>
              <w:t xml:space="preserve">                            &lt;a href="aboutus.php"</w:t>
            </w:r>
          </w:p>
          <w:p w:rsidR="00A35FED" w:rsidRDefault="00A35FED" w:rsidP="00A35FED">
            <w:r>
              <w:t xml:space="preserve">                               class="" style="font-size: 1.1rem; color: #007BCE;"&gt;</w:t>
            </w:r>
          </w:p>
          <w:p w:rsidR="00A35FED" w:rsidRDefault="00A35FED" w:rsidP="00A35FED">
            <w:r>
              <w:t xml:space="preserve">                                About us</w:t>
            </w:r>
          </w:p>
          <w:p w:rsidR="00A35FED" w:rsidRDefault="00A35FED" w:rsidP="00A35FED">
            <w:r>
              <w:t xml:space="preserve">                            &lt;/a&gt;</w:t>
            </w:r>
          </w:p>
          <w:p w:rsidR="00A35FED" w:rsidRDefault="00A35FED" w:rsidP="00A35FED">
            <w:r>
              <w:t xml:space="preserve">                        &lt;/span&gt;</w:t>
            </w:r>
          </w:p>
          <w:p w:rsidR="00A35FED" w:rsidRDefault="00A35FED" w:rsidP="00A35FED">
            <w:r>
              <w:t xml:space="preserve">                    &lt;/li&gt;</w:t>
            </w:r>
          </w:p>
          <w:p w:rsidR="00A35FED" w:rsidRDefault="00A35FED" w:rsidP="00A35FED">
            <w:r>
              <w:t xml:space="preserve">                    </w:t>
            </w:r>
          </w:p>
          <w:p w:rsidR="00A35FED" w:rsidRDefault="00A35FED" w:rsidP="00A35FED">
            <w:r>
              <w:t xml:space="preserve">                    &lt;li&gt;</w:t>
            </w:r>
          </w:p>
          <w:p w:rsidR="00A35FED" w:rsidRDefault="00A35FED" w:rsidP="00A35FED">
            <w:r>
              <w:t xml:space="preserve">                        &lt;span&gt;</w:t>
            </w:r>
          </w:p>
          <w:p w:rsidR="00A35FED" w:rsidRDefault="00A35FED" w:rsidP="00A35FED">
            <w:r>
              <w:t xml:space="preserve">                            &lt;a href="howitworks.php"</w:t>
            </w:r>
          </w:p>
          <w:p w:rsidR="00A35FED" w:rsidRDefault="00A35FED" w:rsidP="00A35FED">
            <w:r>
              <w:t xml:space="preserve">                               class="" style="font-size: 1.1rem; color: #007BCE;"&gt;</w:t>
            </w:r>
          </w:p>
          <w:p w:rsidR="00A35FED" w:rsidRDefault="00A35FED" w:rsidP="00A35FED">
            <w:r>
              <w:t xml:space="preserve">                                How it works</w:t>
            </w:r>
          </w:p>
          <w:p w:rsidR="00A35FED" w:rsidRDefault="00A35FED" w:rsidP="00A35FED">
            <w:r>
              <w:t xml:space="preserve">                            &lt;/a&gt;</w:t>
            </w:r>
          </w:p>
          <w:p w:rsidR="00A35FED" w:rsidRDefault="00A35FED" w:rsidP="00A35FED">
            <w:r>
              <w:t xml:space="preserve">                        &lt;/span&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class="" style="font-size: 1.1rem; color: #007BCE;"&gt;Find More&lt;/a&gt;</w:t>
            </w:r>
          </w:p>
          <w:p w:rsidR="00A35FED" w:rsidRDefault="00A35FED" w:rsidP="00A35FED">
            <w:r>
              <w:t xml:space="preserve">                    &lt;ul&gt;</w:t>
            </w:r>
          </w:p>
          <w:p w:rsidR="00A35FED" w:rsidRDefault="00A35FED" w:rsidP="00A35FED">
            <w:r>
              <w:t xml:space="preserve">                        &lt;li&gt;</w:t>
            </w:r>
          </w:p>
          <w:p w:rsidR="00A35FED" w:rsidRDefault="00A35FED" w:rsidP="00A35FED">
            <w:r>
              <w:t xml:space="preserve">                        &lt;a href=""&gt;Your Senior Team&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gt;SRES Finder&lt;/a&gt;</w:t>
            </w:r>
          </w:p>
          <w:p w:rsidR="00A35FED" w:rsidRDefault="00A35FED" w:rsidP="00A35FED">
            <w:r>
              <w:lastRenderedPageBreak/>
              <w:t xml:space="preserve">                        &lt;/li&gt;</w:t>
            </w:r>
          </w:p>
          <w:p w:rsidR="00A35FED" w:rsidRDefault="00A35FED" w:rsidP="00A35FED">
            <w:r>
              <w:t xml:space="preserve">                        &lt;li&gt;</w:t>
            </w:r>
          </w:p>
          <w:p w:rsidR="00A35FED" w:rsidRDefault="00A35FED" w:rsidP="00A35FED">
            <w:r>
              <w:t xml:space="preserve">                        &lt;a href=""&gt;VA Benefits Finder&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gt;Senior Investment &amp; Finance&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gt;Insure Seniors Finder&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gt;ESPM Finder&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gt;Senior Elder Finder&lt;/a&gt;</w:t>
            </w:r>
          </w:p>
          <w:p w:rsidR="00A35FED" w:rsidRDefault="00A35FED" w:rsidP="00A35FED">
            <w:r>
              <w:t xml:space="preserve">                        &lt;/li&gt;                </w:t>
            </w:r>
          </w:p>
          <w:p w:rsidR="00A35FED" w:rsidRDefault="00A35FED" w:rsidP="00A35FED">
            <w:r>
              <w:t xml:space="preserve">                    &lt;/ul&gt;</w:t>
            </w:r>
          </w:p>
          <w:p w:rsidR="00A35FED" w:rsidRDefault="00A35FED" w:rsidP="00A35FED">
            <w:r>
              <w:t xml:space="preserve">                </w:t>
            </w:r>
          </w:p>
          <w:p w:rsidR="00A35FED" w:rsidRDefault="00A35FED" w:rsidP="00A35FED">
            <w:r>
              <w:t xml:space="preserve">                    &lt;li&gt;</w:t>
            </w:r>
          </w:p>
          <w:p w:rsidR="00A35FED" w:rsidRDefault="00A35FED" w:rsidP="00A35FED">
            <w:r>
              <w:t xml:space="preserve">                        &lt;span&gt;</w:t>
            </w:r>
          </w:p>
          <w:p w:rsidR="00A35FED" w:rsidRDefault="00A35FED" w:rsidP="00A35FED">
            <w:r>
              <w:t xml:space="preserve">                            &lt;a href="contactus.php"</w:t>
            </w:r>
          </w:p>
          <w:p w:rsidR="00A35FED" w:rsidRDefault="00A35FED" w:rsidP="00A35FED">
            <w:r>
              <w:t xml:space="preserve">                               class="" style="font-size: 1.1rem; color: #007BCE;"&gt;</w:t>
            </w:r>
          </w:p>
          <w:p w:rsidR="00A35FED" w:rsidRDefault="00A35FED" w:rsidP="00A35FED">
            <w:r>
              <w:t xml:space="preserve">                                Contact us</w:t>
            </w:r>
          </w:p>
          <w:p w:rsidR="00A35FED" w:rsidRDefault="00A35FED" w:rsidP="00A35FED">
            <w:r>
              <w:t xml:space="preserve">                            &lt;/a&gt;</w:t>
            </w:r>
          </w:p>
          <w:p w:rsidR="00A35FED" w:rsidRDefault="00A35FED" w:rsidP="00A35FED">
            <w:r>
              <w:t xml:space="preserve">                        &lt;/span&gt;</w:t>
            </w:r>
          </w:p>
          <w:p w:rsidR="00A35FED" w:rsidRDefault="00A35FED" w:rsidP="00A35FED">
            <w:r>
              <w:t xml:space="preserve">                    &lt;/li&gt;</w:t>
            </w:r>
          </w:p>
          <w:p w:rsidR="00A35FED" w:rsidRDefault="00A35FED" w:rsidP="00A35FED">
            <w:r>
              <w:t xml:space="preserve">                &lt;/ul&gt;</w:t>
            </w:r>
          </w:p>
          <w:p w:rsidR="00A35FED" w:rsidRDefault="00A35FED" w:rsidP="00A35FED">
            <w:r>
              <w:t xml:space="preserve">            &lt;/nav&gt;</w:t>
            </w:r>
          </w:p>
          <w:p w:rsidR="00A35FED" w:rsidRDefault="00A35FED" w:rsidP="00A35FED">
            <w:r>
              <w:t xml:space="preserve">            &lt;!--top nav bar ends--&gt;</w:t>
            </w:r>
          </w:p>
          <w:p w:rsidR="00A35FED" w:rsidRDefault="00A35FED" w:rsidP="00A35FED">
            <w:r>
              <w:t xml:space="preserve">            &lt;/header&gt;</w:t>
            </w:r>
          </w:p>
          <w:p w:rsidR="00A35FED" w:rsidRDefault="00A35FED" w:rsidP="00A35FED">
            <w:r>
              <w:t xml:space="preserve">            &lt;!--------------------header ends------------------&gt;</w:t>
            </w:r>
          </w:p>
          <w:p w:rsidR="00A35FED" w:rsidRDefault="00A35FED" w:rsidP="00A35FED">
            <w:r>
              <w:t xml:space="preserve">        &lt;main&gt;</w:t>
            </w:r>
          </w:p>
          <w:p w:rsidR="00A35FED" w:rsidRDefault="00A35FED" w:rsidP="00A35FED">
            <w:r>
              <w:t xml:space="preserve">        </w:t>
            </w:r>
          </w:p>
          <w:p w:rsidR="00A35FED" w:rsidRDefault="00A35FED" w:rsidP="00A35FED">
            <w:r>
              <w:t xml:space="preserve">                &lt;div id="results"&gt;</w:t>
            </w:r>
          </w:p>
          <w:p w:rsidR="00A35FED" w:rsidRDefault="00A35FED" w:rsidP="00A35FED">
            <w:r>
              <w:t xml:space="preserve">        &lt;div class="container"&gt;</w:t>
            </w:r>
          </w:p>
          <w:p w:rsidR="00A35FED" w:rsidRDefault="00A35FED" w:rsidP="00A35FED">
            <w:r>
              <w:t xml:space="preserve">            &lt;br/&gt;</w:t>
            </w:r>
          </w:p>
          <w:p w:rsidR="00A35FED" w:rsidRDefault="00A35FED" w:rsidP="00A35FED">
            <w:r>
              <w:t xml:space="preserve">            &lt;div class="row"&gt;</w:t>
            </w:r>
          </w:p>
          <w:p w:rsidR="00A35FED" w:rsidRDefault="00A35FED" w:rsidP="00A35FED">
            <w:r>
              <w:t xml:space="preserve">                &lt;div class="col-lg-3 col-md-4 col-10"&gt;</w:t>
            </w:r>
          </w:p>
          <w:p w:rsidR="00A35FED" w:rsidRDefault="00A35FED" w:rsidP="00A35FED">
            <w:r>
              <w:t xml:space="preserve">                    &lt;h4&gt;</w:t>
            </w:r>
          </w:p>
          <w:p w:rsidR="00A35FED" w:rsidRDefault="00A35FED" w:rsidP="00A35FED">
            <w:r>
              <w:t xml:space="preserve">                        &lt;span id="res_count"&gt;&lt;/span&gt; </w:t>
            </w:r>
          </w:p>
          <w:p w:rsidR="00A35FED" w:rsidRDefault="00A35FED" w:rsidP="00A35FED">
            <w:r>
              <w:t xml:space="preserve">                        Residences found</w:t>
            </w:r>
          </w:p>
          <w:p w:rsidR="00A35FED" w:rsidRDefault="00A35FED" w:rsidP="00A35FED">
            <w:r>
              <w:t xml:space="preserve">                    &lt;/h4&gt;</w:t>
            </w:r>
          </w:p>
          <w:p w:rsidR="00A35FED" w:rsidRDefault="00A35FED" w:rsidP="00A35FED">
            <w:r>
              <w:t xml:space="preserve">                &lt;/div&gt;</w:t>
            </w:r>
          </w:p>
          <w:p w:rsidR="00A35FED" w:rsidRDefault="00A35FED" w:rsidP="00A35FED">
            <w:r>
              <w:t xml:space="preserve">                &lt;div class="col-lg-4"&gt;</w:t>
            </w:r>
          </w:p>
          <w:p w:rsidR="00A35FED" w:rsidRDefault="00A35FED" w:rsidP="00A35FED">
            <w:r>
              <w:t xml:space="preserve">                    &lt;div style="color:blue;" text-align="center;"&gt;</w:t>
            </w:r>
          </w:p>
          <w:p w:rsidR="00A35FED" w:rsidRDefault="00A35FED" w:rsidP="00A35FED">
            <w:r>
              <w:t xml:space="preserve">                        &lt;h4&gt;</w:t>
            </w:r>
          </w:p>
          <w:p w:rsidR="00A35FED" w:rsidRDefault="00A35FED" w:rsidP="00A35FED">
            <w:r>
              <w:t xml:space="preserve">                        &lt;a id="myBtn" text-align="center;" data-toggle="popover" data-trigger="hover" data-placement="bottom"</w:t>
            </w:r>
          </w:p>
          <w:p w:rsidR="00A35FED" w:rsidRDefault="00A35FED" w:rsidP="00A35FED">
            <w:r>
              <w:lastRenderedPageBreak/>
              <w:t xml:space="preserve">                        data-content="Please take a moment to enter your information and further convey your needs and desires for senior living."&gt;</w:t>
            </w:r>
          </w:p>
          <w:p w:rsidR="00A35FED" w:rsidRDefault="00A35FED" w:rsidP="00A35FED">
            <w:r>
              <w:t xml:space="preserve">                            Enhance search by desires and needs</w:t>
            </w:r>
          </w:p>
          <w:p w:rsidR="00A35FED" w:rsidRDefault="00A35FED" w:rsidP="00A35FED">
            <w:r>
              <w:t xml:space="preserve">                            </w:t>
            </w:r>
          </w:p>
          <w:p w:rsidR="00A35FED" w:rsidRDefault="00A35FED" w:rsidP="00A35FED">
            <w:r>
              <w:t xml:space="preserve">                        &lt;/a&gt;</w:t>
            </w:r>
          </w:p>
          <w:p w:rsidR="00A35FED" w:rsidRDefault="00A35FED" w:rsidP="00A35FED">
            <w:r>
              <w:t xml:space="preserve">                        &lt;/h4&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col-lg-5 col-md-8 col-2"&gt;</w:t>
            </w:r>
          </w:p>
          <w:p w:rsidR="00A35FED" w:rsidRDefault="00A35FED" w:rsidP="00A35FED">
            <w:r>
              <w:t xml:space="preserve">                    &lt;!--&lt;form id="frmSearchResidence"&gt;</w:t>
            </w:r>
          </w:p>
          <w:p w:rsidR="00A35FED" w:rsidRDefault="00A35FED" w:rsidP="00A35FED">
            <w:r>
              <w:t xml:space="preserve">                        &lt;a class="side_panel btn_search_mobile" href="#"&gt;&lt;/a&gt;</w:t>
            </w:r>
          </w:p>
          <w:p w:rsidR="00A35FED" w:rsidRDefault="00A35FED" w:rsidP="00A35FED">
            <w:r>
              <w:t xml:space="preserve">                        &lt;div class="row no-gutters m-0 custom-search-input-2 inner"&gt;</w:t>
            </w:r>
          </w:p>
          <w:p w:rsidR="00A35FED" w:rsidRDefault="00A35FED" w:rsidP="00A35FED">
            <w:r>
              <w:t xml:space="preserve">                            &lt;div class="col-lg-11"&gt;</w:t>
            </w:r>
          </w:p>
          <w:p w:rsidR="00A35FED" w:rsidRDefault="00A35FED" w:rsidP="00A35FED">
            <w:r>
              <w:t xml:space="preserve">                                &lt;div class="form-group"&gt;</w:t>
            </w:r>
          </w:p>
          <w:p w:rsidR="00A35FED" w:rsidRDefault="00A35FED" w:rsidP="00A35FED">
            <w:r>
              <w:t xml:space="preserve">                                    &lt;input type="hidden" class="form-control border-0" id="txtSearchText"</w:t>
            </w:r>
          </w:p>
          <w:p w:rsidR="00A35FED" w:rsidRDefault="00A35FED" w:rsidP="00A35FED">
            <w:r>
              <w:t xml:space="preserve">                                           placeholder="Search by residence or company name..." type="text"</w:t>
            </w:r>
          </w:p>
          <w:p w:rsidR="00A35FED" w:rsidRDefault="00A35FED" w:rsidP="00A35FED">
            <w:r>
              <w:t xml:space="preserve">                                           value=""/&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col-lg-1"&gt;</w:t>
            </w:r>
          </w:p>
          <w:p w:rsidR="00A35FED" w:rsidRDefault="00A35FED" w:rsidP="00A35FED">
            <w:r>
              <w:t xml:space="preserve">                                &lt;!--&lt;button type="submit" class="btn btn-lg btn-block submit"&gt;SUBMIT&lt;/button&gt; --&gt;</w:t>
            </w:r>
          </w:p>
          <w:p w:rsidR="00A35FED" w:rsidRDefault="00A35FED" w:rsidP="00A35FED">
            <w:r>
              <w:t xml:space="preserve">                            &lt;!--&lt;/div&gt;</w:t>
            </w:r>
          </w:p>
          <w:p w:rsidR="00A35FED" w:rsidRDefault="00A35FED" w:rsidP="00A35FED">
            <w:r>
              <w:t xml:space="preserve">                        &lt;/div&gt;</w:t>
            </w:r>
          </w:p>
          <w:p w:rsidR="00A35FED" w:rsidRDefault="00A35FED" w:rsidP="00A35FED">
            <w:r>
              <w:t xml:space="preserve">                    &lt;/form&gt; --&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lt;div class="filters_listing version_2 sticky_horizontal"&gt;</w:t>
            </w:r>
          </w:p>
          <w:p w:rsidR="00A35FED" w:rsidRDefault="00A35FED" w:rsidP="00A35FED">
            <w:r>
              <w:t xml:space="preserve">        &lt;div class="container"&gt;</w:t>
            </w:r>
          </w:p>
          <w:p w:rsidR="00A35FED" w:rsidRDefault="00A35FED" w:rsidP="00A35FED">
            <w:r>
              <w:t xml:space="preserve">            &lt;ul class="clearfix"&gt;</w:t>
            </w:r>
          </w:p>
          <w:p w:rsidR="00A35FED" w:rsidRDefault="00A35FED" w:rsidP="00A35FED">
            <w:r>
              <w:t xml:space="preserve">                &lt;li&gt;</w:t>
            </w:r>
          </w:p>
          <w:p w:rsidR="00A35FED" w:rsidRDefault="00A35FED" w:rsidP="00A35FED">
            <w:r>
              <w:t xml:space="preserve">                    &lt;div class="switch-field"&gt;</w:t>
            </w:r>
          </w:p>
          <w:p w:rsidR="00A35FED" w:rsidRDefault="00A35FED" w:rsidP="00A35FED">
            <w:r>
              <w:t xml:space="preserve">                        &lt;input checked id="all" name="listing_filter" type="radio" value="all"&gt;</w:t>
            </w:r>
          </w:p>
          <w:p w:rsidR="00A35FED" w:rsidRDefault="00A35FED" w:rsidP="00A35FED">
            <w:r>
              <w:t xml:space="preserve">                        &lt;label for="all"&gt;All&lt;/label&gt;</w:t>
            </w:r>
          </w:p>
          <w:p w:rsidR="00A35FED" w:rsidRDefault="00A35FED" w:rsidP="00A35FED">
            <w:r>
              <w:t xml:space="preserve">                        &lt;input id="popular" name="listing_filter" type="radio" value="popular"&gt;</w:t>
            </w:r>
          </w:p>
          <w:p w:rsidR="00A35FED" w:rsidRDefault="00A35FED" w:rsidP="00A35FED">
            <w:r>
              <w:t xml:space="preserve">                        &lt;label for="popular"&gt;Popular&lt;/label&gt;</w:t>
            </w:r>
          </w:p>
          <w:p w:rsidR="00A35FED" w:rsidRDefault="00A35FED" w:rsidP="00A35FED">
            <w:r>
              <w:t xml:space="preserve">                        &lt;input id="latest" name="listing_filter" type="radio" value="latest"&gt;</w:t>
            </w:r>
          </w:p>
          <w:p w:rsidR="00A35FED" w:rsidRDefault="00A35FED" w:rsidP="00A35FED">
            <w:r>
              <w:t xml:space="preserve">                        &lt;label for="latest"&gt;Latest&lt;/label&gt; </w:t>
            </w:r>
          </w:p>
          <w:p w:rsidR="00A35FED" w:rsidRDefault="00A35FED" w:rsidP="00A35FED">
            <w:r>
              <w:t xml:space="preserve">                    &lt;/div&gt;</w:t>
            </w:r>
          </w:p>
          <w:p w:rsidR="00A35FED" w:rsidRDefault="00A35FED" w:rsidP="00A35FED">
            <w:r>
              <w:t xml:space="preserve">                &lt;/li&gt;</w:t>
            </w:r>
          </w:p>
          <w:p w:rsidR="00A35FED" w:rsidRDefault="00A35FED" w:rsidP="00A35FED"/>
          <w:p w:rsidR="00A35FED" w:rsidRDefault="00A35FED" w:rsidP="00A35FED"/>
          <w:p w:rsidR="00A35FED" w:rsidRDefault="00A35FED" w:rsidP="00A35FED">
            <w:r>
              <w:t xml:space="preserve">            &lt;/ul&gt;</w:t>
            </w:r>
          </w:p>
          <w:p w:rsidR="00A35FED" w:rsidRDefault="00A35FED" w:rsidP="00A35FED">
            <w:r>
              <w:t xml:space="preserve">        &lt;/div&gt;</w:t>
            </w:r>
          </w:p>
          <w:p w:rsidR="00A35FED" w:rsidRDefault="00A35FED" w:rsidP="00A35FED">
            <w:r>
              <w:t xml:space="preserve">    &lt;/div&gt; --&gt;</w:t>
            </w:r>
          </w:p>
          <w:p w:rsidR="00A35FED" w:rsidRDefault="00A35FED" w:rsidP="00A35FED">
            <w:r>
              <w:t>&lt;!---------------Filter Starts------------------&gt;</w:t>
            </w:r>
          </w:p>
          <w:p w:rsidR="00A35FED" w:rsidRDefault="00A35FED" w:rsidP="00A35FED">
            <w:r>
              <w:t xml:space="preserve">    &lt;div class="container pt-2"&gt;</w:t>
            </w:r>
          </w:p>
          <w:p w:rsidR="00A35FED" w:rsidRDefault="00A35FED" w:rsidP="00A35FED">
            <w:r>
              <w:lastRenderedPageBreak/>
              <w:t xml:space="preserve">        &lt;div class="row"&gt;</w:t>
            </w:r>
          </w:p>
          <w:p w:rsidR="00A35FED" w:rsidRDefault="00A35FED" w:rsidP="00A35FED">
            <w:r>
              <w:t xml:space="preserve">            &lt;aside class="col-lg-3" id="sidebar"&gt;</w:t>
            </w:r>
          </w:p>
          <w:p w:rsidR="00A35FED" w:rsidRDefault="00A35FED" w:rsidP="00A35FED">
            <w:r>
              <w:t xml:space="preserve">                &lt;div id="divPrimaryFilter" class="filter-section" style= "height: 200px; overflow-y: scroll;"&gt;</w:t>
            </w:r>
          </w:p>
          <w:p w:rsidR="00A35FED" w:rsidRDefault="00A35FED" w:rsidP="00A35FED">
            <w:r>
              <w:t xml:space="preserve">    &lt;a aria-controls="collapseFilter" aria-expanded="true" data-toggle="collapse"</w:t>
            </w:r>
          </w:p>
          <w:p w:rsidR="00A35FED" w:rsidRDefault="00A35FED" w:rsidP="00A35FED">
            <w:r>
              <w:t xml:space="preserve">       href="#collapseFilter" class="collapse-toggler"&gt;</w:t>
            </w:r>
          </w:p>
          <w:p w:rsidR="00A35FED" w:rsidRDefault="00A35FED" w:rsidP="00A35FED">
            <w:r>
              <w:t xml:space="preserve">        &lt;b&gt;Expand/Modify Your Search&lt;/b&gt;</w:t>
            </w:r>
          </w:p>
          <w:p w:rsidR="00A35FED" w:rsidRDefault="00A35FED" w:rsidP="00A35FED">
            <w:r>
              <w:t xml:space="preserve">    &lt;/a&gt;</w:t>
            </w:r>
          </w:p>
          <w:p w:rsidR="00A35FED" w:rsidRDefault="00A35FED" w:rsidP="00A35FED">
            <w:r>
              <w:t xml:space="preserve">    &lt;!---------------location Filter Starts------------------&gt;</w:t>
            </w:r>
          </w:p>
          <w:p w:rsidR="00A35FED" w:rsidRDefault="00A35FED" w:rsidP="00A35FED">
            <w:r>
              <w:t xml:space="preserve">    &lt;div class="collapse show" id="collapseFilter"&gt;</w:t>
            </w:r>
          </w:p>
          <w:p w:rsidR="00A35FED" w:rsidRDefault="00A35FED" w:rsidP="00A35FED">
            <w:r>
              <w:t xml:space="preserve">        &lt;div class="filter_type"&gt;</w:t>
            </w:r>
          </w:p>
          <w:p w:rsidR="00A35FED" w:rsidRDefault="00A35FED" w:rsidP="00A35FED">
            <w:r>
              <w:t xml:space="preserve">            &lt;h6&gt;</w:t>
            </w:r>
          </w:p>
          <w:p w:rsidR="00A35FED" w:rsidRDefault="00A35FED" w:rsidP="00A35FED">
            <w:r>
              <w:t xml:space="preserve">                &lt;a aria-controls="collapseLocation" aria-expanded="true" data-toggle="collapse" href="#collapseLocation"</w:t>
            </w:r>
          </w:p>
          <w:p w:rsidR="00A35FED" w:rsidRDefault="00A35FED" w:rsidP="00A35FED">
            <w:r>
              <w:t xml:space="preserve">                   class="collapse-toggler"&gt;</w:t>
            </w:r>
          </w:p>
          <w:p w:rsidR="00A35FED" w:rsidRDefault="00A35FED" w:rsidP="00A35FED">
            <w:r>
              <w:t xml:space="preserve">                    Location</w:t>
            </w:r>
          </w:p>
          <w:p w:rsidR="00A35FED" w:rsidRDefault="00A35FED" w:rsidP="00A35FED">
            <w:r>
              <w:t xml:space="preserve">                &lt;/a&gt;</w:t>
            </w:r>
          </w:p>
          <w:p w:rsidR="00A35FED" w:rsidRDefault="00A35FED" w:rsidP="00A35FED">
            <w:r>
              <w:t xml:space="preserve">            &lt;/h6&gt;</w:t>
            </w:r>
          </w:p>
          <w:p w:rsidR="00A35FED" w:rsidRDefault="00A35FED" w:rsidP="00A35FED">
            <w:r>
              <w:t xml:space="preserve">            &lt;div class="collapse show" id="collapseLocation"&gt;</w:t>
            </w:r>
          </w:p>
          <w:p w:rsidR="00A35FED" w:rsidRDefault="00A35FED" w:rsidP="00A35FED">
            <w:r>
              <w:t xml:space="preserve">                &lt;div class="form-group"&gt;</w:t>
            </w:r>
          </w:p>
          <w:p w:rsidR="00A35FED" w:rsidRDefault="00A35FED" w:rsidP="00A35FED">
            <w:r>
              <w:t xml:space="preserve">                    &lt;input class="form-control" placeholder="City or Zip code..."</w:t>
            </w:r>
          </w:p>
          <w:p w:rsidR="00A35FED" w:rsidRDefault="00A35FED" w:rsidP="00A35FED">
            <w:r>
              <w:t xml:space="preserve">                           type="text" id="txtLocation"/&gt;</w:t>
            </w:r>
          </w:p>
          <w:p w:rsidR="00A35FED" w:rsidRDefault="00A35FED" w:rsidP="00A35FED">
            <w:r>
              <w:t xml:space="preserve">                &lt;/div&gt;</w:t>
            </w:r>
          </w:p>
          <w:p w:rsidR="00A35FED" w:rsidRDefault="00A35FED" w:rsidP="00A35FED">
            <w:r>
              <w:t xml:space="preserve">                &lt;div class="text-left" id="divLocations"&gt;</w:t>
            </w:r>
          </w:p>
          <w:p w:rsidR="00A35FED" w:rsidRDefault="00A35FED" w:rsidP="00A35FED">
            <w:r>
              <w:t xml:space="preserve">                &lt;/div&gt;</w:t>
            </w:r>
          </w:p>
          <w:p w:rsidR="00A35FED" w:rsidRDefault="00A35FED" w:rsidP="00A35FED">
            <w:r>
              <w:t xml:space="preserve">                &lt;div id="divRadius" style="display: none;"&gt;</w:t>
            </w:r>
          </w:p>
          <w:p w:rsidR="00A35FED" w:rsidRDefault="00A35FED" w:rsidP="00A35FED">
            <w:r>
              <w:t xml:space="preserve">                    &lt;!--&lt;h6&gt;</w:t>
            </w:r>
          </w:p>
          <w:p w:rsidR="00A35FED" w:rsidRDefault="00A35FED" w:rsidP="00A35FED">
            <w:r>
              <w:t xml:space="preserve">                        Search By</w:t>
            </w:r>
          </w:p>
          <w:p w:rsidR="00A35FED" w:rsidRDefault="00A35FED" w:rsidP="00A35FED">
            <w:r>
              <w:t xml:space="preserve">                    &lt;/h6&gt; --&gt;</w:t>
            </w:r>
          </w:p>
          <w:p w:rsidR="00A35FED" w:rsidRDefault="00A35FED" w:rsidP="00A35FED">
            <w:r>
              <w:t xml:space="preserve">                    &lt;div class="distance"&gt;</w:t>
            </w:r>
          </w:p>
          <w:p w:rsidR="00A35FED" w:rsidRDefault="00A35FED" w:rsidP="00A35FED">
            <w:r>
              <w:t xml:space="preserve">                        &lt;!--Radius</w:t>
            </w:r>
          </w:p>
          <w:p w:rsidR="00A35FED" w:rsidRDefault="00A35FED" w:rsidP="00A35FED">
            <w:r>
              <w:t xml:space="preserve">                        &lt;span&gt;&lt;/span&gt;</w:t>
            </w:r>
          </w:p>
          <w:p w:rsidR="00A35FED" w:rsidRDefault="00A35FED" w:rsidP="00A35FED">
            <w:r>
              <w:t xml:space="preserve">                        miles--&gt;</w:t>
            </w:r>
          </w:p>
          <w:p w:rsidR="00A35FED" w:rsidRDefault="00A35FED" w:rsidP="00A35FED">
            <w:r>
              <w:t xml:space="preserve">                    &lt;/div&gt;</w:t>
            </w:r>
          </w:p>
          <w:p w:rsidR="00A35FED" w:rsidRDefault="00A35FED" w:rsidP="00A35FED">
            <w:r>
              <w:t xml:space="preserve">                    &lt;input type="hidden" data-orientation="horizontal" max="100" min="5" step="5" type="range"</w:t>
            </w:r>
          </w:p>
          <w:p w:rsidR="00A35FED" w:rsidRDefault="00A35FED" w:rsidP="00A35FED">
            <w:r>
              <w:t xml:space="preserve">                           value="5" id="txtRadius"/&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Location Filter ends------------------&gt;</w:t>
            </w:r>
          </w:p>
          <w:p w:rsidR="00A35FED" w:rsidRDefault="00A35FED" w:rsidP="00A35FED"/>
          <w:p w:rsidR="00A35FED" w:rsidRDefault="00A35FED" w:rsidP="00A35FED">
            <w:r>
              <w:t xml:space="preserve">        &lt;!---------------Budget Filter Starts------------------&gt;</w:t>
            </w:r>
          </w:p>
          <w:p w:rsidR="00A35FED" w:rsidRDefault="00A35FED" w:rsidP="00A35FED">
            <w:r>
              <w:t xml:space="preserve">                &lt;div class="filter_type"&gt;</w:t>
            </w:r>
          </w:p>
          <w:p w:rsidR="00A35FED" w:rsidRDefault="00A35FED" w:rsidP="00A35FED">
            <w:r>
              <w:t xml:space="preserve">            &lt;h6&gt;</w:t>
            </w:r>
          </w:p>
          <w:p w:rsidR="00A35FED" w:rsidRDefault="00A35FED" w:rsidP="00A35FED">
            <w:r>
              <w:t xml:space="preserve">                &lt;a aria-controls="collapseBudget" aria-expanded="false" data-toggle="collapse" href="#collapseBudget"</w:t>
            </w:r>
          </w:p>
          <w:p w:rsidR="00A35FED" w:rsidRDefault="00A35FED" w:rsidP="00A35FED">
            <w:r>
              <w:t xml:space="preserve">                   class="collapse-toggler collapsed"&gt;</w:t>
            </w:r>
          </w:p>
          <w:p w:rsidR="00A35FED" w:rsidRDefault="00A35FED" w:rsidP="00A35FED">
            <w:r>
              <w:t xml:space="preserve">                    Budget</w:t>
            </w:r>
          </w:p>
          <w:p w:rsidR="00A35FED" w:rsidRDefault="00A35FED" w:rsidP="00A35FED">
            <w:r>
              <w:lastRenderedPageBreak/>
              <w:t xml:space="preserve">                &lt;/a&gt;</w:t>
            </w:r>
          </w:p>
          <w:p w:rsidR="00A35FED" w:rsidRDefault="00A35FED" w:rsidP="00A35FED">
            <w:r>
              <w:t xml:space="preserve">            &lt;/h6&gt;</w:t>
            </w:r>
          </w:p>
          <w:p w:rsidR="00A35FED" w:rsidRDefault="00A35FED" w:rsidP="00A35FED">
            <w:r>
              <w:t xml:space="preserve">            &lt;div class="form-group collapse" id="collapseBudget"&gt;</w:t>
            </w:r>
          </w:p>
          <w:p w:rsidR="00A35FED" w:rsidRDefault="00A35FED" w:rsidP="00A35FED">
            <w:r>
              <w:t xml:space="preserve">                &lt;div id="divBudgetSlider" data-min="0" data-max="15000" data-format="price" data-step="100"</w:t>
            </w:r>
          </w:p>
          <w:p w:rsidR="00A35FED" w:rsidRDefault="00A35FED" w:rsidP="00A35FED">
            <w:r>
              <w:t xml:space="preserve">                     data-target="BudgetRange"</w:t>
            </w:r>
          </w:p>
          <w:p w:rsidR="00A35FED" w:rsidRDefault="00A35FED" w:rsidP="00A35FED">
            <w:r>
              <w:t xml:space="preserve">                     class="slider-xs slider-range mt-4"&gt;&lt;/div&gt;</w:t>
            </w:r>
          </w:p>
          <w:p w:rsidR="00A35FED" w:rsidRDefault="00A35FED" w:rsidP="00A35FED">
            <w:r>
              <w:t xml:space="preserve">                &lt;div class="controls mt-4"&gt;</w:t>
            </w:r>
          </w:p>
          <w:p w:rsidR="00A35FED" w:rsidRDefault="00A35FED" w:rsidP="00A35FED">
            <w:r>
              <w:t xml:space="preserve">                    &lt;div class="input-group input-group-sm"&gt;</w:t>
            </w:r>
          </w:p>
          <w:p w:rsidR="00A35FED" w:rsidRDefault="00A35FED" w:rsidP="00A35FED">
            <w:r>
              <w:t xml:space="preserve">                        &lt;input type="number" class="form-control" id="txtMinBudgetRange"</w:t>
            </w:r>
          </w:p>
          <w:p w:rsidR="00A35FED" w:rsidRDefault="00A35FED" w:rsidP="00A35FED">
            <w:r>
              <w:t xml:space="preserve">                               placeholder="Min Budget" min="0" max="15000" value="0" step="100"/&gt;</w:t>
            </w:r>
          </w:p>
          <w:p w:rsidR="00A35FED" w:rsidRDefault="00A35FED" w:rsidP="00A35FED">
            <w:r>
              <w:t xml:space="preserve">                        &lt;div class="input-group-append"&gt;</w:t>
            </w:r>
          </w:p>
          <w:p w:rsidR="00A35FED" w:rsidRDefault="00A35FED" w:rsidP="00A35FED">
            <w:r>
              <w:t xml:space="preserve">                            &lt;span class="input-group-text"&gt;-&lt;/span&gt;</w:t>
            </w:r>
          </w:p>
          <w:p w:rsidR="00A35FED" w:rsidRDefault="00A35FED" w:rsidP="00A35FED">
            <w:r>
              <w:t xml:space="preserve">                        &lt;/div&gt;</w:t>
            </w:r>
          </w:p>
          <w:p w:rsidR="00A35FED" w:rsidRDefault="00A35FED" w:rsidP="00A35FED">
            <w:r>
              <w:t xml:space="preserve">                        &lt;input type="number" class="form-control" id="txtMaxBudgetRange"</w:t>
            </w:r>
          </w:p>
          <w:p w:rsidR="00A35FED" w:rsidRDefault="00A35FED" w:rsidP="00A35FED">
            <w:r>
              <w:t xml:space="preserve">                               placeholder="Max Budget" min="0" max="15000" value="15000" step="100"/&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Budget Filter ends------------------&gt;</w:t>
            </w:r>
          </w:p>
          <w:p w:rsidR="00A35FED" w:rsidRDefault="00A35FED" w:rsidP="00A35FED">
            <w:r>
              <w:t xml:space="preserve">        &lt;div class="justify-content-center mt-4"&gt;</w:t>
            </w:r>
          </w:p>
          <w:p w:rsidR="00A35FED" w:rsidRDefault="00A35FED" w:rsidP="00A35FED">
            <w:r>
              <w:t xml:space="preserve">            &lt;input type="hidden" id="txtFilterData" value=""/&gt;</w:t>
            </w:r>
          </w:p>
          <w:p w:rsidR="00A35FED" w:rsidRDefault="00A35FED" w:rsidP="00A35FED">
            <w:r>
              <w:t xml:space="preserve">            &lt;a href="#" class="btn btn-sm btn-outline-danger btnClearFilter"&gt;Clear&lt;/a&gt;</w:t>
            </w:r>
          </w:p>
          <w:p w:rsidR="00A35FED" w:rsidRDefault="00A35FED" w:rsidP="00A35FED">
            <w:r>
              <w:t xml:space="preserve">            &lt;a href="#" id="btnApplyFilter" class="btn btn-sm btn-primary float-right"&gt;Apply&lt;/a&gt;</w:t>
            </w:r>
          </w:p>
          <w:p w:rsidR="00A35FED" w:rsidRDefault="00A35FED" w:rsidP="00A35FED">
            <w:r>
              <w:t xml:space="preserve">        &lt;/div&gt;</w:t>
            </w:r>
          </w:p>
          <w:p w:rsidR="00A35FED" w:rsidRDefault="00A35FED" w:rsidP="00A35FED">
            <w:r>
              <w:t xml:space="preserve">    &lt;/div&gt; </w:t>
            </w:r>
          </w:p>
          <w:p w:rsidR="00A35FED" w:rsidRDefault="00A35FED" w:rsidP="00A35FED">
            <w:r>
              <w:t>&lt;/div&gt;</w:t>
            </w:r>
          </w:p>
          <w:p w:rsidR="00A35FED" w:rsidRDefault="00A35FED" w:rsidP="00A35FED">
            <w:r>
              <w:t>&lt;!---------------Additional Filter Starts------------------&gt;</w:t>
            </w:r>
          </w:p>
          <w:p w:rsidR="00A35FED" w:rsidRDefault="00A35FED" w:rsidP="00A35FED">
            <w:r>
              <w:t>&lt;div id="divRefiner" class="filter-section" style= "height: 200px; overflow-y: scroll;"&gt;</w:t>
            </w:r>
          </w:p>
          <w:p w:rsidR="00A35FED" w:rsidRDefault="00A35FED" w:rsidP="00A35FED">
            <w:r>
              <w:t xml:space="preserve">    &lt;a aria-controls="collapseRefiner" aria-expanded="true" data-toggle="collapse"</w:t>
            </w:r>
          </w:p>
          <w:p w:rsidR="00A35FED" w:rsidRDefault="00A35FED" w:rsidP="00A35FED">
            <w:r>
              <w:t xml:space="preserve">       href="#collapseRefiner" class="collapse-toggler"&gt;</w:t>
            </w:r>
          </w:p>
          <w:p w:rsidR="00A35FED" w:rsidRDefault="00A35FED" w:rsidP="00A35FED">
            <w:r>
              <w:t xml:space="preserve">        &lt;b&gt;Additional Search&lt;/b&gt;</w:t>
            </w:r>
          </w:p>
          <w:p w:rsidR="00A35FED" w:rsidRDefault="00A35FED" w:rsidP="00A35FED">
            <w:r>
              <w:t xml:space="preserve">    &lt;/a&gt;</w:t>
            </w:r>
          </w:p>
          <w:p w:rsidR="00A35FED" w:rsidRDefault="00A35FED" w:rsidP="00A35FED">
            <w:r>
              <w:t xml:space="preserve">     &lt;!---------------Residence Types------------------&gt;</w:t>
            </w:r>
          </w:p>
          <w:p w:rsidR="00A35FED" w:rsidRDefault="00A35FED" w:rsidP="00A35FED">
            <w:r>
              <w:t xml:space="preserve">    &lt;div class="collapse show" id="collapseRefiner"&gt;</w:t>
            </w:r>
          </w:p>
          <w:p w:rsidR="00A35FED" w:rsidRDefault="00A35FED" w:rsidP="00A35FED">
            <w:r>
              <w:t xml:space="preserve">        &lt;!--&lt;div class="filter_type"&gt;</w:t>
            </w:r>
          </w:p>
          <w:p w:rsidR="00A35FED" w:rsidRDefault="00A35FED" w:rsidP="00A35FED">
            <w:r>
              <w:t xml:space="preserve">            &lt;h6&gt;</w:t>
            </w:r>
          </w:p>
          <w:p w:rsidR="00A35FED" w:rsidRDefault="00A35FED" w:rsidP="00A35FED">
            <w:r>
              <w:t xml:space="preserve">                &lt;a aria-controls="collapseResidence" aria-expanded="false" data-toggle="collapse"</w:t>
            </w:r>
          </w:p>
          <w:p w:rsidR="00A35FED" w:rsidRDefault="00A35FED" w:rsidP="00A35FED">
            <w:r>
              <w:t xml:space="preserve">                   href="#collapseResidence" class="collapse-toggler collapsed"&gt;</w:t>
            </w:r>
          </w:p>
          <w:p w:rsidR="00A35FED" w:rsidRDefault="00A35FED" w:rsidP="00A35FED">
            <w:r>
              <w:t xml:space="preserve">                    Residence Types</w:t>
            </w:r>
          </w:p>
          <w:p w:rsidR="00A35FED" w:rsidRDefault="00A35FED" w:rsidP="00A35FED">
            <w:r>
              <w:t xml:space="preserve">                &lt;/a&gt;</w:t>
            </w:r>
          </w:p>
          <w:p w:rsidR="00A35FED" w:rsidRDefault="00A35FED" w:rsidP="00A35FED">
            <w:r>
              <w:t xml:space="preserve">            &lt;/h6&gt;</w:t>
            </w:r>
          </w:p>
          <w:p w:rsidR="00A35FED" w:rsidRDefault="00A35FED" w:rsidP="00A35FED">
            <w:r>
              <w:t xml:space="preserve">            &lt;ul class="collapse" id="collapseResidence"&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Independent 55+</w:t>
            </w:r>
          </w:p>
          <w:p w:rsidR="00A35FED" w:rsidRDefault="00A35FED" w:rsidP="00A35FED"/>
          <w:p w:rsidR="00A35FED" w:rsidRDefault="00A35FED" w:rsidP="00A35FED">
            <w:r>
              <w:lastRenderedPageBreak/>
              <w:t xml:space="preserve">                            &lt;input type="checkbox" name="residences[]" value="independent_55"/&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Assisted Living</w:t>
            </w:r>
          </w:p>
          <w:p w:rsidR="00A35FED" w:rsidRDefault="00A35FED" w:rsidP="00A35FED"/>
          <w:p w:rsidR="00A35FED" w:rsidRDefault="00A35FED" w:rsidP="00A35FED">
            <w:r>
              <w:t xml:space="preserve">                            &lt;input type="checkbox" name="residences[]" value="assisted_living"/&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Memory Care</w:t>
            </w:r>
          </w:p>
          <w:p w:rsidR="00A35FED" w:rsidRDefault="00A35FED" w:rsidP="00A35FED"/>
          <w:p w:rsidR="00A35FED" w:rsidRDefault="00A35FED" w:rsidP="00A35FED">
            <w:r>
              <w:t xml:space="preserve">                            &lt;input type="checkbox" name="residences[]" value="memory_care"/&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Board &amp; Care</w:t>
            </w:r>
          </w:p>
          <w:p w:rsidR="00A35FED" w:rsidRDefault="00A35FED" w:rsidP="00A35FED"/>
          <w:p w:rsidR="00A35FED" w:rsidRDefault="00A35FED" w:rsidP="00A35FED">
            <w:r>
              <w:t xml:space="preserve">                            &lt;input type="checkbox" name="residences[]" value="board_care"/&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CCRC</w:t>
            </w:r>
          </w:p>
          <w:p w:rsidR="00A35FED" w:rsidRDefault="00A35FED" w:rsidP="00A35FED"/>
          <w:p w:rsidR="00A35FED" w:rsidRDefault="00A35FED" w:rsidP="00A35FED">
            <w:r>
              <w:t xml:space="preserve">                            &lt;input type="checkbox" name="residences[]" value="ccrc"/&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Respite</w:t>
            </w:r>
          </w:p>
          <w:p w:rsidR="00A35FED" w:rsidRDefault="00A35FED" w:rsidP="00A35FED"/>
          <w:p w:rsidR="00A35FED" w:rsidRDefault="00A35FED" w:rsidP="00A35FED">
            <w:r>
              <w:t xml:space="preserve">                            &lt;input type="checkbox" name="residences[]" value="respite"/&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ul&gt;</w:t>
            </w:r>
          </w:p>
          <w:p w:rsidR="00A35FED" w:rsidRDefault="00A35FED" w:rsidP="00A35FED">
            <w:r>
              <w:t xml:space="preserve">        &lt;/div&gt; --&gt;</w:t>
            </w:r>
          </w:p>
          <w:p w:rsidR="00A35FED" w:rsidRDefault="00A35FED" w:rsidP="00A35FED">
            <w:r>
              <w:t xml:space="preserve">        &lt;!---------------Residence types ends------------------&gt;</w:t>
            </w:r>
          </w:p>
          <w:p w:rsidR="00A35FED" w:rsidRDefault="00A35FED" w:rsidP="00A35FED">
            <w:r>
              <w:t xml:space="preserve">            &lt;div class="collapse show" id="collapseRefiner"&gt;</w:t>
            </w:r>
          </w:p>
          <w:p w:rsidR="00A35FED" w:rsidRDefault="00A35FED" w:rsidP="00A35FED">
            <w:r>
              <w:lastRenderedPageBreak/>
              <w:t xml:space="preserve">                                &lt;div class="filter_type"&gt;</w:t>
            </w:r>
          </w:p>
          <w:p w:rsidR="00A35FED" w:rsidRDefault="00A35FED" w:rsidP="00A35FED">
            <w:r>
              <w:t xml:space="preserve">                                    &lt;h6&gt;</w:t>
            </w:r>
          </w:p>
          <w:p w:rsidR="00A35FED" w:rsidRDefault="00A35FED" w:rsidP="00A35FED">
            <w:r>
              <w:t xml:space="preserve">                                        &lt;a aria-controls="collapseAccommodation" aria-expanded="false"</w:t>
            </w:r>
          </w:p>
          <w:p w:rsidR="00A35FED" w:rsidRDefault="00A35FED" w:rsidP="00A35FED">
            <w:r>
              <w:t xml:space="preserve">                                            data-toggle="collapse" href="#collapseAccommodation"</w:t>
            </w:r>
          </w:p>
          <w:p w:rsidR="00A35FED" w:rsidRDefault="00A35FED" w:rsidP="00A35FED">
            <w:r>
              <w:t xml:space="preserve">                                            class="collapse-toggler collapsed"&gt;</w:t>
            </w:r>
          </w:p>
          <w:p w:rsidR="00A35FED" w:rsidRDefault="00A35FED" w:rsidP="00A35FED">
            <w:r>
              <w:t xml:space="preserve">                                            Accommodations</w:t>
            </w:r>
          </w:p>
          <w:p w:rsidR="00A35FED" w:rsidRDefault="00A35FED" w:rsidP="00A35FED">
            <w:r>
              <w:t xml:space="preserve">                                        &lt;/a&gt;</w:t>
            </w:r>
          </w:p>
          <w:p w:rsidR="00A35FED" w:rsidRDefault="00A35FED" w:rsidP="00A35FED">
            <w:r>
              <w:t xml:space="preserve">                                    &lt;/h6&gt;</w:t>
            </w:r>
          </w:p>
          <w:p w:rsidR="00A35FED" w:rsidRDefault="00A35FED" w:rsidP="00A35FED">
            <w:r>
              <w:t xml:space="preserve">                                    &lt;ul class="collapse" id="collapseAccommodation"&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Shared Room</w:t>
            </w:r>
          </w:p>
          <w:p w:rsidR="00A35FED" w:rsidRDefault="00A35FED" w:rsidP="00A35FED"/>
          <w:p w:rsidR="00A35FED" w:rsidRDefault="00A35FED" w:rsidP="00A35FED">
            <w:r>
              <w:t xml:space="preserve">                                                &lt;input type="checkbox" name="accommodations[]" value="shared_room"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Private Room</w:t>
            </w:r>
          </w:p>
          <w:p w:rsidR="00A35FED" w:rsidRDefault="00A35FED" w:rsidP="00A35FED"/>
          <w:p w:rsidR="00A35FED" w:rsidRDefault="00A35FED" w:rsidP="00A35FED">
            <w:r>
              <w:t xml:space="preserve">                                                &lt;input type="checkbox" name="accommodations[]" value="private_room"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Studio Shared Bathroom</w:t>
            </w:r>
          </w:p>
          <w:p w:rsidR="00A35FED" w:rsidRDefault="00A35FED" w:rsidP="00A35FED"/>
          <w:p w:rsidR="00A35FED" w:rsidRDefault="00A35FED" w:rsidP="00A35FED">
            <w:r>
              <w:t xml:space="preserve">                                                &lt;input type="checkbox" name="accommodations[]"</w:t>
            </w:r>
          </w:p>
          <w:p w:rsidR="00A35FED" w:rsidRDefault="00A35FED" w:rsidP="00A35FED">
            <w:r>
              <w:t xml:space="preserve">                                                    value="studio_shared_bathroom"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Studio Private Bathroom</w:t>
            </w:r>
          </w:p>
          <w:p w:rsidR="00A35FED" w:rsidRDefault="00A35FED" w:rsidP="00A35FED"/>
          <w:p w:rsidR="00A35FED" w:rsidRDefault="00A35FED" w:rsidP="00A35FED">
            <w:r>
              <w:t xml:space="preserve">                                                &lt;input type="checkbox" name="accommodations[]"</w:t>
            </w:r>
          </w:p>
          <w:p w:rsidR="00A35FED" w:rsidRDefault="00A35FED" w:rsidP="00A35FED">
            <w:r>
              <w:t xml:space="preserve">                                                    value="studio_Private_bathroom"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One Bedroom One Bathroom</w:t>
            </w:r>
          </w:p>
          <w:p w:rsidR="00A35FED" w:rsidRDefault="00A35FED" w:rsidP="00A35FED"/>
          <w:p w:rsidR="00A35FED" w:rsidRDefault="00A35FED" w:rsidP="00A35FED">
            <w:r>
              <w:t xml:space="preserve">                                                &lt;input type="checkbox" name="accommodations[]"</w:t>
            </w:r>
          </w:p>
          <w:p w:rsidR="00A35FED" w:rsidRDefault="00A35FED" w:rsidP="00A35FED">
            <w:r>
              <w:lastRenderedPageBreak/>
              <w:t xml:space="preserve">                                                    value="one_bedroom_one_bathroom"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One Bedroom Two Bathrooms</w:t>
            </w:r>
          </w:p>
          <w:p w:rsidR="00A35FED" w:rsidRDefault="00A35FED" w:rsidP="00A35FED"/>
          <w:p w:rsidR="00A35FED" w:rsidRDefault="00A35FED" w:rsidP="00A35FED">
            <w:r>
              <w:t xml:space="preserve">                                                &lt;input type="checkbox" name="accommodations[]"</w:t>
            </w:r>
          </w:p>
          <w:p w:rsidR="00A35FED" w:rsidRDefault="00A35FED" w:rsidP="00A35FED">
            <w:r>
              <w:t xml:space="preserve">                                                    value="one_bedroom_two_bathroom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Two Bedrooms One Bathroom</w:t>
            </w:r>
          </w:p>
          <w:p w:rsidR="00A35FED" w:rsidRDefault="00A35FED" w:rsidP="00A35FED"/>
          <w:p w:rsidR="00A35FED" w:rsidRDefault="00A35FED" w:rsidP="00A35FED">
            <w:r>
              <w:t xml:space="preserve">                                                &lt;input type="checkbox" name="accommodations[]"</w:t>
            </w:r>
          </w:p>
          <w:p w:rsidR="00A35FED" w:rsidRDefault="00A35FED" w:rsidP="00A35FED">
            <w:r>
              <w:t xml:space="preserve">                                                    value="two_bedrooms_one_bathroom"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Two Bedrooms Two Bathrooms</w:t>
            </w:r>
          </w:p>
          <w:p w:rsidR="00A35FED" w:rsidRDefault="00A35FED" w:rsidP="00A35FED"/>
          <w:p w:rsidR="00A35FED" w:rsidRDefault="00A35FED" w:rsidP="00A35FED">
            <w:r>
              <w:t xml:space="preserve">                                                &lt;input type="checkbox" name="accommodations[]"</w:t>
            </w:r>
          </w:p>
          <w:p w:rsidR="00A35FED" w:rsidRDefault="00A35FED" w:rsidP="00A35FED">
            <w:r>
              <w:t xml:space="preserve">                                                    value="two_bedrooms_two_bathroom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Cottages</w:t>
            </w:r>
          </w:p>
          <w:p w:rsidR="00A35FED" w:rsidRDefault="00A35FED" w:rsidP="00A35FED"/>
          <w:p w:rsidR="00A35FED" w:rsidRDefault="00A35FED" w:rsidP="00A35FED">
            <w:r>
              <w:t xml:space="preserve">                                                &lt;input type="checkbox" name="accommodations[]" value="cottage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Bungalows</w:t>
            </w:r>
          </w:p>
          <w:p w:rsidR="00A35FED" w:rsidRDefault="00A35FED" w:rsidP="00A35FED"/>
          <w:p w:rsidR="00A35FED" w:rsidRDefault="00A35FED" w:rsidP="00A35FED">
            <w:r>
              <w:t xml:space="preserve">                                                &lt;input type="checkbox" name="accommodations[]" value="bungalow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lastRenderedPageBreak/>
              <w:t xml:space="preserve">                                            &lt;label class="container_check"&gt;</w:t>
            </w:r>
          </w:p>
          <w:p w:rsidR="00A35FED" w:rsidRDefault="00A35FED" w:rsidP="00A35FED">
            <w:r>
              <w:t xml:space="preserve">                                                Town Homes</w:t>
            </w:r>
          </w:p>
          <w:p w:rsidR="00A35FED" w:rsidRDefault="00A35FED" w:rsidP="00A35FED"/>
          <w:p w:rsidR="00A35FED" w:rsidRDefault="00A35FED" w:rsidP="00A35FED">
            <w:r>
              <w:t xml:space="preserve">                                                &lt;input type="checkbox" name="accommodations[]" value="town_home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Condominium</w:t>
            </w:r>
          </w:p>
          <w:p w:rsidR="00A35FED" w:rsidRDefault="00A35FED" w:rsidP="00A35FED"/>
          <w:p w:rsidR="00A35FED" w:rsidRDefault="00A35FED" w:rsidP="00A35FED">
            <w:r>
              <w:t xml:space="preserve">                                                &lt;input type="checkbox" name="accommodations[]" value="condominium"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ul&gt;</w:t>
            </w:r>
          </w:p>
          <w:p w:rsidR="00A35FED" w:rsidRDefault="00A35FED" w:rsidP="00A35FED">
            <w:r>
              <w:t xml:space="preserve">                                &lt;/div&gt;</w:t>
            </w:r>
          </w:p>
          <w:p w:rsidR="00A35FED" w:rsidRDefault="00A35FED" w:rsidP="00A35FED">
            <w:r>
              <w:t xml:space="preserve">                                &lt;!---------------accomodation ends------------------&gt;</w:t>
            </w:r>
          </w:p>
          <w:p w:rsidR="00A35FED" w:rsidRDefault="00A35FED" w:rsidP="00A35FED"/>
          <w:p w:rsidR="00A35FED" w:rsidRDefault="00A35FED" w:rsidP="00A35FED">
            <w:r>
              <w:t>&lt;!---------------services Starts------------------&gt;</w:t>
            </w:r>
          </w:p>
          <w:p w:rsidR="00A35FED" w:rsidRDefault="00A35FED" w:rsidP="00A35FED">
            <w:r>
              <w:t xml:space="preserve">                                &lt;div class="filter_type"&gt;</w:t>
            </w:r>
          </w:p>
          <w:p w:rsidR="00A35FED" w:rsidRDefault="00A35FED" w:rsidP="00A35FED">
            <w:r>
              <w:t xml:space="preserve">                                    &lt;h6&gt;</w:t>
            </w:r>
          </w:p>
          <w:p w:rsidR="00A35FED" w:rsidRDefault="00A35FED" w:rsidP="00A35FED">
            <w:r>
              <w:t xml:space="preserve">                                        &lt;a aria-controls="collapseRental" aria-expanded="false" data-toggle="collapse"</w:t>
            </w:r>
          </w:p>
          <w:p w:rsidR="00A35FED" w:rsidRDefault="00A35FED" w:rsidP="00A35FED">
            <w:r>
              <w:t xml:space="preserve">                                            href="#collapseRental" class="collapse-toggler collapsed"&gt;</w:t>
            </w:r>
          </w:p>
          <w:p w:rsidR="00A35FED" w:rsidRDefault="00A35FED" w:rsidP="00A35FED">
            <w:r>
              <w:t xml:space="preserve">                                            Services</w:t>
            </w:r>
          </w:p>
          <w:p w:rsidR="00A35FED" w:rsidRDefault="00A35FED" w:rsidP="00A35FED">
            <w:r>
              <w:t xml:space="preserve">                                        &lt;/a&gt;</w:t>
            </w:r>
          </w:p>
          <w:p w:rsidR="00A35FED" w:rsidRDefault="00A35FED" w:rsidP="00A35FED">
            <w:r>
              <w:t xml:space="preserve">                                    &lt;/h6&gt;</w:t>
            </w:r>
          </w:p>
          <w:p w:rsidR="00A35FED" w:rsidRDefault="00A35FED" w:rsidP="00A35FED">
            <w:r>
              <w:t xml:space="preserve">                                    &lt;ul class="collapse" id="collapseRental"&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House Keeping</w:t>
            </w:r>
          </w:p>
          <w:p w:rsidR="00A35FED" w:rsidRDefault="00A35FED" w:rsidP="00A35FED"/>
          <w:p w:rsidR="00A35FED" w:rsidRDefault="00A35FED" w:rsidP="00A35FED">
            <w:r>
              <w:t xml:space="preserve">                                                &lt;input type="checkbox" name="rental_services[]" value="housekeeping"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Transportation</w:t>
            </w:r>
          </w:p>
          <w:p w:rsidR="00A35FED" w:rsidRDefault="00A35FED" w:rsidP="00A35FED"/>
          <w:p w:rsidR="00A35FED" w:rsidRDefault="00A35FED" w:rsidP="00A35FED">
            <w:r>
              <w:t xml:space="preserve">                                                &lt;input type="checkbox" name="rental_services[]"</w:t>
            </w:r>
          </w:p>
          <w:p w:rsidR="00A35FED" w:rsidRDefault="00A35FED" w:rsidP="00A35FED">
            <w:r>
              <w:t xml:space="preserve">                                                    value="transportation"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Laundry</w:t>
            </w:r>
          </w:p>
          <w:p w:rsidR="00A35FED" w:rsidRDefault="00A35FED" w:rsidP="00A35FED"/>
          <w:p w:rsidR="00A35FED" w:rsidRDefault="00A35FED" w:rsidP="00A35FED">
            <w:r>
              <w:t xml:space="preserve">                                                &lt;input type="checkbox" name="rental_services[]" value="laundry"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Room Service</w:t>
            </w:r>
          </w:p>
          <w:p w:rsidR="00A35FED" w:rsidRDefault="00A35FED" w:rsidP="00A35FED"/>
          <w:p w:rsidR="00A35FED" w:rsidRDefault="00A35FED" w:rsidP="00A35FED">
            <w:r>
              <w:t xml:space="preserve">                                                &lt;input type="checkbox" name="rental_services[]" value="room_service"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ul&gt;</w:t>
            </w:r>
          </w:p>
          <w:p w:rsidR="00A35FED" w:rsidRDefault="00A35FED" w:rsidP="00A35FED">
            <w:r>
              <w:t xml:space="preserve">                                &lt;/div&gt;</w:t>
            </w:r>
          </w:p>
          <w:p w:rsidR="00A35FED" w:rsidRDefault="00A35FED" w:rsidP="00A35FED">
            <w:r>
              <w:t xml:space="preserve">                                &lt;!---------------services ends------------------&gt;</w:t>
            </w:r>
          </w:p>
          <w:p w:rsidR="00A35FED" w:rsidRDefault="00A35FED" w:rsidP="00A35FED"/>
          <w:p w:rsidR="00A35FED" w:rsidRDefault="00A35FED" w:rsidP="00A35FED">
            <w:r>
              <w:t xml:space="preserve">        &lt;!---------------meals Starts------------------&gt;</w:t>
            </w:r>
          </w:p>
          <w:p w:rsidR="00A35FED" w:rsidRDefault="00A35FED" w:rsidP="00A35FED">
            <w:r>
              <w:t xml:space="preserve">                                &lt;div class="filter_type"&gt;</w:t>
            </w:r>
          </w:p>
          <w:p w:rsidR="00A35FED" w:rsidRDefault="00A35FED" w:rsidP="00A35FED">
            <w:r>
              <w:t xml:space="preserve">                                    &lt;h6&gt;</w:t>
            </w:r>
          </w:p>
          <w:p w:rsidR="00A35FED" w:rsidRDefault="00A35FED" w:rsidP="00A35FED">
            <w:r>
              <w:t xml:space="preserve">                                        &lt;a aria-controls="collapseMeals" aria-expanded="false" data-toggle="collapse"</w:t>
            </w:r>
          </w:p>
          <w:p w:rsidR="00A35FED" w:rsidRDefault="00A35FED" w:rsidP="00A35FED">
            <w:r>
              <w:t xml:space="preserve">                                            href="#collapseMeals" class="collapse-toggler collapsed"&gt;</w:t>
            </w:r>
          </w:p>
          <w:p w:rsidR="00A35FED" w:rsidRDefault="00A35FED" w:rsidP="00A35FED">
            <w:r>
              <w:t xml:space="preserve">                                            Meals</w:t>
            </w:r>
          </w:p>
          <w:p w:rsidR="00A35FED" w:rsidRDefault="00A35FED" w:rsidP="00A35FED">
            <w:r>
              <w:t xml:space="preserve">                                        &lt;/a&gt;</w:t>
            </w:r>
          </w:p>
          <w:p w:rsidR="00A35FED" w:rsidRDefault="00A35FED" w:rsidP="00A35FED">
            <w:r>
              <w:t xml:space="preserve">                                    &lt;/h6&gt;</w:t>
            </w:r>
          </w:p>
          <w:p w:rsidR="00A35FED" w:rsidRDefault="00A35FED" w:rsidP="00A35FED">
            <w:r>
              <w:t xml:space="preserve">                                    &lt;ul class="collapse" id="collapseMeals"&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1 Meal</w:t>
            </w:r>
          </w:p>
          <w:p w:rsidR="00A35FED" w:rsidRDefault="00A35FED" w:rsidP="00A35FED">
            <w:r>
              <w:t xml:space="preserve">                                                &lt;div style="font-size: 11px;" class="text-muted"&gt;</w:t>
            </w:r>
          </w:p>
          <w:p w:rsidR="00A35FED" w:rsidRDefault="00A35FED" w:rsidP="00A35FED">
            <w:r>
              <w:t xml:space="preserve">                                                    Lunch or Dinner</w:t>
            </w:r>
          </w:p>
          <w:p w:rsidR="00A35FED" w:rsidRDefault="00A35FED" w:rsidP="00A35FED">
            <w:r>
              <w:t xml:space="preserve">                                                &lt;/div&gt;</w:t>
            </w:r>
          </w:p>
          <w:p w:rsidR="00A35FED" w:rsidRDefault="00A35FED" w:rsidP="00A35FED"/>
          <w:p w:rsidR="00A35FED" w:rsidRDefault="00A35FED" w:rsidP="00A35FED">
            <w:r>
              <w:t xml:space="preserve">                                                &lt;input type="checkbox" name="meals[]" value="one_meal_lunch_r_dinner"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2 Meal</w:t>
            </w:r>
          </w:p>
          <w:p w:rsidR="00A35FED" w:rsidRDefault="00A35FED" w:rsidP="00A35FED">
            <w:r>
              <w:t xml:space="preserve">                                                &lt;div style="font-size: 11px;" class="text-muted"&gt;</w:t>
            </w:r>
          </w:p>
          <w:p w:rsidR="00A35FED" w:rsidRDefault="00A35FED" w:rsidP="00A35FED">
            <w:r>
              <w:t xml:space="preserve">                                                    Breakfast, Lunch or Dinner</w:t>
            </w:r>
          </w:p>
          <w:p w:rsidR="00A35FED" w:rsidRDefault="00A35FED" w:rsidP="00A35FED">
            <w:r>
              <w:t xml:space="preserve">                                                &lt;/div&gt;</w:t>
            </w:r>
          </w:p>
          <w:p w:rsidR="00A35FED" w:rsidRDefault="00A35FED" w:rsidP="00A35FED"/>
          <w:p w:rsidR="00A35FED" w:rsidRDefault="00A35FED" w:rsidP="00A35FED">
            <w:r>
              <w:t xml:space="preserve">                                                &lt;input type="checkbox" name="meals[]"</w:t>
            </w:r>
          </w:p>
          <w:p w:rsidR="00A35FED" w:rsidRDefault="00A35FED" w:rsidP="00A35FED">
            <w:r>
              <w:t xml:space="preserve">                                                    value="two_meal_breakfast_lunch_r_dinner" /&gt;</w:t>
            </w:r>
          </w:p>
          <w:p w:rsidR="00A35FED" w:rsidRDefault="00A35FED" w:rsidP="00A35FED">
            <w:r>
              <w:t xml:space="preserve">                                                &lt;span class="checkmark"&gt;&lt;/span&gt;</w:t>
            </w:r>
          </w:p>
          <w:p w:rsidR="00A35FED" w:rsidRDefault="00A35FED" w:rsidP="00A35FED">
            <w:r>
              <w:lastRenderedPageBreak/>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3 Meal</w:t>
            </w:r>
          </w:p>
          <w:p w:rsidR="00A35FED" w:rsidRDefault="00A35FED" w:rsidP="00A35FED">
            <w:r>
              <w:t xml:space="preserve">                                                &lt;div style="font-size: 11px;" class="text-muted"&gt;</w:t>
            </w:r>
          </w:p>
          <w:p w:rsidR="00A35FED" w:rsidRDefault="00A35FED" w:rsidP="00A35FED">
            <w:r>
              <w:t xml:space="preserve">                                                    Breakfast, Lunch &amp;amp; Dinner</w:t>
            </w:r>
          </w:p>
          <w:p w:rsidR="00A35FED" w:rsidRDefault="00A35FED" w:rsidP="00A35FED">
            <w:r>
              <w:t xml:space="preserve">                                                &lt;/div&gt;</w:t>
            </w:r>
          </w:p>
          <w:p w:rsidR="00A35FED" w:rsidRDefault="00A35FED" w:rsidP="00A35FED"/>
          <w:p w:rsidR="00A35FED" w:rsidRDefault="00A35FED" w:rsidP="00A35FED">
            <w:r>
              <w:t xml:space="preserve">                                                &lt;input type="checkbox" name="meals[]"</w:t>
            </w:r>
          </w:p>
          <w:p w:rsidR="00A35FED" w:rsidRDefault="00A35FED" w:rsidP="00A35FED">
            <w:r>
              <w:t xml:space="preserve">                                                    value="three_meal_breakfast_Lunch_a_dinner"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ul&gt;</w:t>
            </w:r>
          </w:p>
          <w:p w:rsidR="00A35FED" w:rsidRDefault="00A35FED" w:rsidP="00A35FED">
            <w:r>
              <w:t xml:space="preserve">                                &lt;/div&gt;</w:t>
            </w:r>
          </w:p>
          <w:p w:rsidR="00A35FED" w:rsidRDefault="00A35FED" w:rsidP="00A35FED"/>
          <w:p w:rsidR="00A35FED" w:rsidRDefault="00A35FED" w:rsidP="00A35FED">
            <w:r>
              <w:t xml:space="preserve">                                &lt;!---------------Meal ends------------------&gt;</w:t>
            </w:r>
          </w:p>
          <w:p w:rsidR="00A35FED" w:rsidRDefault="00A35FED" w:rsidP="00A35FED"/>
          <w:p w:rsidR="00A35FED" w:rsidRDefault="00A35FED" w:rsidP="00A35FED">
            <w:r>
              <w:t xml:space="preserve">                                &lt;!---------------Diet Starts------------------&gt;</w:t>
            </w:r>
          </w:p>
          <w:p w:rsidR="00A35FED" w:rsidRDefault="00A35FED" w:rsidP="00A35FED">
            <w:r>
              <w:t xml:space="preserve">                                &lt;div class="filter_type"&gt;</w:t>
            </w:r>
          </w:p>
          <w:p w:rsidR="00A35FED" w:rsidRDefault="00A35FED" w:rsidP="00A35FED">
            <w:r>
              <w:t xml:space="preserve">                                    &lt;h6&gt;</w:t>
            </w:r>
          </w:p>
          <w:p w:rsidR="00A35FED" w:rsidRDefault="00A35FED" w:rsidP="00A35FED">
            <w:r>
              <w:t xml:space="preserve">                                        &lt;a aria-controls="collapseDiet" aria-expanded="false" data-toggle="collapse"</w:t>
            </w:r>
          </w:p>
          <w:p w:rsidR="00A35FED" w:rsidRDefault="00A35FED" w:rsidP="00A35FED">
            <w:r>
              <w:t xml:space="preserve">                                            href="#collapseDiet" class="collapse-toggler collapsed"&gt;</w:t>
            </w:r>
          </w:p>
          <w:p w:rsidR="00A35FED" w:rsidRDefault="00A35FED" w:rsidP="00A35FED">
            <w:r>
              <w:t xml:space="preserve">                                            Diet</w:t>
            </w:r>
          </w:p>
          <w:p w:rsidR="00A35FED" w:rsidRDefault="00A35FED" w:rsidP="00A35FED">
            <w:r>
              <w:t xml:space="preserve">                                        &lt;/a&gt;</w:t>
            </w:r>
          </w:p>
          <w:p w:rsidR="00A35FED" w:rsidRDefault="00A35FED" w:rsidP="00A35FED">
            <w:r>
              <w:t xml:space="preserve">                                    &lt;/h6&gt;</w:t>
            </w:r>
          </w:p>
          <w:p w:rsidR="00A35FED" w:rsidRDefault="00A35FED" w:rsidP="00A35FED">
            <w:r>
              <w:t xml:space="preserve">                                    &lt;ul class="collapse" id="collapseDiet"&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Sugar Free / Diabetic</w:t>
            </w:r>
          </w:p>
          <w:p w:rsidR="00A35FED" w:rsidRDefault="00A35FED" w:rsidP="00A35FED"/>
          <w:p w:rsidR="00A35FED" w:rsidRDefault="00A35FED" w:rsidP="00A35FED">
            <w:r>
              <w:t xml:space="preserve">                                                &lt;input type="checkbox" name="diets[]" value="sugar_free_diabetic"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Vegetarian</w:t>
            </w:r>
          </w:p>
          <w:p w:rsidR="00A35FED" w:rsidRDefault="00A35FED" w:rsidP="00A35FED"/>
          <w:p w:rsidR="00A35FED" w:rsidRDefault="00A35FED" w:rsidP="00A35FED">
            <w:r>
              <w:t xml:space="preserve">                                                &lt;input type="checkbox" name="diets[]" value="vegetarian"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Dairy Free</w:t>
            </w:r>
          </w:p>
          <w:p w:rsidR="00A35FED" w:rsidRDefault="00A35FED" w:rsidP="00A35FED"/>
          <w:p w:rsidR="00A35FED" w:rsidRDefault="00A35FED" w:rsidP="00A35FED">
            <w:r>
              <w:lastRenderedPageBreak/>
              <w:t xml:space="preserve">                                                &lt;input type="checkbox" name="diets[]" value="dairy_free"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Gluten Free</w:t>
            </w:r>
          </w:p>
          <w:p w:rsidR="00A35FED" w:rsidRDefault="00A35FED" w:rsidP="00A35FED"/>
          <w:p w:rsidR="00A35FED" w:rsidRDefault="00A35FED" w:rsidP="00A35FED">
            <w:r>
              <w:t xml:space="preserve">                                                &lt;input type="checkbox" name="diets[]" value="gluten_free"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Kosher</w:t>
            </w:r>
          </w:p>
          <w:p w:rsidR="00A35FED" w:rsidRDefault="00A35FED" w:rsidP="00A35FED"/>
          <w:p w:rsidR="00A35FED" w:rsidRDefault="00A35FED" w:rsidP="00A35FED">
            <w:r>
              <w:t xml:space="preserve">                                                &lt;input type="checkbox" name="diets[]" value="kosher"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ul&gt;</w:t>
            </w:r>
          </w:p>
          <w:p w:rsidR="00A35FED" w:rsidRDefault="00A35FED" w:rsidP="00A35FED">
            <w:r>
              <w:t xml:space="preserve">                                &lt;/div&gt;</w:t>
            </w:r>
          </w:p>
          <w:p w:rsidR="00A35FED" w:rsidRDefault="00A35FED" w:rsidP="00A35FED">
            <w:r>
              <w:t xml:space="preserve">                                &lt;!---------------diet ends------------------&gt;</w:t>
            </w:r>
          </w:p>
          <w:p w:rsidR="00A35FED" w:rsidRDefault="00A35FED" w:rsidP="00A35FED"/>
          <w:p w:rsidR="00A35FED" w:rsidRDefault="00A35FED" w:rsidP="00A35FED">
            <w:r>
              <w:t xml:space="preserve">        &lt;!---------------care Starts------------------&gt;</w:t>
            </w:r>
          </w:p>
          <w:p w:rsidR="00A35FED" w:rsidRDefault="00A35FED" w:rsidP="00A35FED">
            <w:r>
              <w:t xml:space="preserve">                                &lt;div class="filter_type"&gt;</w:t>
            </w:r>
          </w:p>
          <w:p w:rsidR="00A35FED" w:rsidRDefault="00A35FED" w:rsidP="00A35FED">
            <w:r>
              <w:t xml:space="preserve">                                    &lt;h6&gt;</w:t>
            </w:r>
          </w:p>
          <w:p w:rsidR="00A35FED" w:rsidRDefault="00A35FED" w:rsidP="00A35FED">
            <w:r>
              <w:t xml:space="preserve">                                        &lt;a aria-controls="collapseCareTypes" aria-expanded="false"</w:t>
            </w:r>
          </w:p>
          <w:p w:rsidR="00A35FED" w:rsidRDefault="00A35FED" w:rsidP="00A35FED">
            <w:r>
              <w:t xml:space="preserve">                                            data-toggle="collapse" href="#collapseCareTypes"</w:t>
            </w:r>
          </w:p>
          <w:p w:rsidR="00A35FED" w:rsidRDefault="00A35FED" w:rsidP="00A35FED">
            <w:r>
              <w:t xml:space="preserve">                                            class="collapse-toggler collapsed"&gt;</w:t>
            </w:r>
          </w:p>
          <w:p w:rsidR="00A35FED" w:rsidRDefault="00A35FED" w:rsidP="00A35FED">
            <w:r>
              <w:t xml:space="preserve">                                            Care</w:t>
            </w:r>
          </w:p>
          <w:p w:rsidR="00A35FED" w:rsidRDefault="00A35FED" w:rsidP="00A35FED">
            <w:r>
              <w:t xml:space="preserve">                                        &lt;/a&gt;</w:t>
            </w:r>
          </w:p>
          <w:p w:rsidR="00A35FED" w:rsidRDefault="00A35FED" w:rsidP="00A35FED">
            <w:r>
              <w:t xml:space="preserve">                                    &lt;/h6&gt;</w:t>
            </w:r>
          </w:p>
          <w:p w:rsidR="00A35FED" w:rsidRDefault="00A35FED" w:rsidP="00A35FED">
            <w:r>
              <w:t xml:space="preserve">                                    &lt;ul class="collapse" id="collapseCareTypes"&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Bathing</w:t>
            </w:r>
          </w:p>
          <w:p w:rsidR="00A35FED" w:rsidRDefault="00A35FED" w:rsidP="00A35FED"/>
          <w:p w:rsidR="00A35FED" w:rsidRDefault="00A35FED" w:rsidP="00A35FED">
            <w:r>
              <w:t xml:space="preserve">                                                &lt;input type="checkbox" name="cares[]" value="bathing"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Dressing</w:t>
            </w:r>
          </w:p>
          <w:p w:rsidR="00A35FED" w:rsidRDefault="00A35FED" w:rsidP="00A35FED"/>
          <w:p w:rsidR="00A35FED" w:rsidRDefault="00A35FED" w:rsidP="00A35FED">
            <w:r>
              <w:t xml:space="preserve">                                                &lt;input type="checkbox" name="cares[]" value="dressing" /&gt;</w:t>
            </w:r>
          </w:p>
          <w:p w:rsidR="00A35FED" w:rsidRDefault="00A35FED" w:rsidP="00A35FED">
            <w:r>
              <w:t xml:space="preserve">                                                &lt;span class="checkmark"&gt;&lt;/span&gt;</w:t>
            </w:r>
          </w:p>
          <w:p w:rsidR="00A35FED" w:rsidRDefault="00A35FED" w:rsidP="00A35FED">
            <w:r>
              <w:lastRenderedPageBreak/>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Grooming</w:t>
            </w:r>
          </w:p>
          <w:p w:rsidR="00A35FED" w:rsidRDefault="00A35FED" w:rsidP="00A35FED"/>
          <w:p w:rsidR="00A35FED" w:rsidRDefault="00A35FED" w:rsidP="00A35FED">
            <w:r>
              <w:t xml:space="preserve">                                                &lt;input type="checkbox" name="cares[]" value="grooming"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Medication Management</w:t>
            </w:r>
          </w:p>
          <w:p w:rsidR="00A35FED" w:rsidRDefault="00A35FED" w:rsidP="00A35FED"/>
          <w:p w:rsidR="00A35FED" w:rsidRDefault="00A35FED" w:rsidP="00A35FED">
            <w:r>
              <w:t xml:space="preserve">                                                &lt;input type="checkbox" name="cares[]" value="Medication Management"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Toileting</w:t>
            </w:r>
          </w:p>
          <w:p w:rsidR="00A35FED" w:rsidRDefault="00A35FED" w:rsidP="00A35FED"/>
          <w:p w:rsidR="00A35FED" w:rsidRDefault="00A35FED" w:rsidP="00A35FED">
            <w:r>
              <w:t xml:space="preserve">                                                &lt;input type="checkbox" name="cares[]" value="Toileting"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Escorting</w:t>
            </w:r>
          </w:p>
          <w:p w:rsidR="00A35FED" w:rsidRDefault="00A35FED" w:rsidP="00A35FED"/>
          <w:p w:rsidR="00A35FED" w:rsidRDefault="00A35FED" w:rsidP="00A35FED">
            <w:r>
              <w:t xml:space="preserve">                                                &lt;input type="checkbox" name="cares[]" value="escorting"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Feeding</w:t>
            </w:r>
          </w:p>
          <w:p w:rsidR="00A35FED" w:rsidRDefault="00A35FED" w:rsidP="00A35FED"/>
          <w:p w:rsidR="00A35FED" w:rsidRDefault="00A35FED" w:rsidP="00A35FED">
            <w:r>
              <w:t xml:space="preserve">                                                &lt;input type="checkbox" name="cares[]" value="feeding"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Hoyer Lift</w:t>
            </w:r>
          </w:p>
          <w:p w:rsidR="00A35FED" w:rsidRDefault="00A35FED" w:rsidP="00A35FED"/>
          <w:p w:rsidR="00A35FED" w:rsidRDefault="00A35FED" w:rsidP="00A35FED">
            <w:r>
              <w:t xml:space="preserve">                                                &lt;input type="checkbox" name="cares[]" value="hoyer_lift" /&gt;</w:t>
            </w:r>
          </w:p>
          <w:p w:rsidR="00A35FED" w:rsidRDefault="00A35FED" w:rsidP="00A35FED">
            <w:r>
              <w:t xml:space="preserve">                                                &lt;span class="checkmark"&gt;&lt;/span&gt;</w:t>
            </w:r>
          </w:p>
          <w:p w:rsidR="00A35FED" w:rsidRDefault="00A35FED" w:rsidP="00A35FED">
            <w:r>
              <w:lastRenderedPageBreak/>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Insulin Injection Assistance</w:t>
            </w:r>
          </w:p>
          <w:p w:rsidR="00A35FED" w:rsidRDefault="00A35FED" w:rsidP="00A35FED"/>
          <w:p w:rsidR="00A35FED" w:rsidRDefault="00A35FED" w:rsidP="00A35FED">
            <w:r>
              <w:t xml:space="preserve">                                                &lt;input type="checkbox" name="cares[]"</w:t>
            </w:r>
          </w:p>
          <w:p w:rsidR="00A35FED" w:rsidRDefault="00A35FED" w:rsidP="00A35FED">
            <w:r>
              <w:t xml:space="preserve">                                                    value="insulin_injection_assistance"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Catheter Assistance</w:t>
            </w:r>
          </w:p>
          <w:p w:rsidR="00A35FED" w:rsidRDefault="00A35FED" w:rsidP="00A35FED"/>
          <w:p w:rsidR="00A35FED" w:rsidRDefault="00A35FED" w:rsidP="00A35FED">
            <w:r>
              <w:t xml:space="preserve">                                                &lt;input type="checkbox" name="cares[]" value="catheter_assistance"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Visiting Podiatrist</w:t>
            </w:r>
          </w:p>
          <w:p w:rsidR="00A35FED" w:rsidRDefault="00A35FED" w:rsidP="00A35FED"/>
          <w:p w:rsidR="00A35FED" w:rsidRDefault="00A35FED" w:rsidP="00A35FED">
            <w:r>
              <w:t xml:space="preserve">                                                &lt;input type="checkbox" name="cares[]" value="visiting_podiatrist"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Visiting Primary Physician</w:t>
            </w:r>
          </w:p>
          <w:p w:rsidR="00A35FED" w:rsidRDefault="00A35FED" w:rsidP="00A35FED"/>
          <w:p w:rsidR="00A35FED" w:rsidRDefault="00A35FED" w:rsidP="00A35FED">
            <w:r>
              <w:t xml:space="preserve">                                                &lt;input type="checkbox" name="cares[]"</w:t>
            </w:r>
          </w:p>
          <w:p w:rsidR="00A35FED" w:rsidRDefault="00A35FED" w:rsidP="00A35FED">
            <w:r>
              <w:t xml:space="preserve">                                                    value="visiting_primary_physician"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Visiting Nurse Practitioner</w:t>
            </w:r>
          </w:p>
          <w:p w:rsidR="00A35FED" w:rsidRDefault="00A35FED" w:rsidP="00A35FED"/>
          <w:p w:rsidR="00A35FED" w:rsidRDefault="00A35FED" w:rsidP="00A35FED">
            <w:r>
              <w:t xml:space="preserve">                                                &lt;input type="checkbox" name="cares[]"</w:t>
            </w:r>
          </w:p>
          <w:p w:rsidR="00A35FED" w:rsidRDefault="00A35FED" w:rsidP="00A35FED">
            <w:r>
              <w:t xml:space="preserve">                                                    value="visiting_nurse_practioner"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Visiting Physical Therapist</w:t>
            </w:r>
          </w:p>
          <w:p w:rsidR="00A35FED" w:rsidRDefault="00A35FED" w:rsidP="00A35FED"/>
          <w:p w:rsidR="00A35FED" w:rsidRDefault="00A35FED" w:rsidP="00A35FED">
            <w:r>
              <w:t xml:space="preserve">                                                &lt;input type="checkbox" name="cares[]"</w:t>
            </w:r>
          </w:p>
          <w:p w:rsidR="00A35FED" w:rsidRDefault="00A35FED" w:rsidP="00A35FED">
            <w:r>
              <w:t xml:space="preserve">                                                    value="visiting_physical_therapist"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ul&gt;</w:t>
            </w:r>
          </w:p>
          <w:p w:rsidR="00A35FED" w:rsidRDefault="00A35FED" w:rsidP="00A35FED">
            <w:r>
              <w:t xml:space="preserve">                                &lt;/div&gt;</w:t>
            </w:r>
          </w:p>
          <w:p w:rsidR="00A35FED" w:rsidRDefault="00A35FED" w:rsidP="00A35FED">
            <w:r>
              <w:t xml:space="preserve">                                &lt;!---------------Care ends------------------&gt;</w:t>
            </w:r>
          </w:p>
          <w:p w:rsidR="00A35FED" w:rsidRDefault="00A35FED" w:rsidP="00A35FED"/>
          <w:p w:rsidR="00A35FED" w:rsidRDefault="00A35FED" w:rsidP="00A35FED">
            <w:r>
              <w:t xml:space="preserve">                                &lt;!---------------amentites Starts------------------&gt;</w:t>
            </w:r>
          </w:p>
          <w:p w:rsidR="00A35FED" w:rsidRDefault="00A35FED" w:rsidP="00A35FED">
            <w:r>
              <w:t xml:space="preserve">                                &lt;div class="filter_type"&gt;</w:t>
            </w:r>
          </w:p>
          <w:p w:rsidR="00A35FED" w:rsidRDefault="00A35FED" w:rsidP="00A35FED">
            <w:r>
              <w:t xml:space="preserve">                                    &lt;h6&gt;</w:t>
            </w:r>
          </w:p>
          <w:p w:rsidR="00A35FED" w:rsidRDefault="00A35FED" w:rsidP="00A35FED">
            <w:r>
              <w:t xml:space="preserve">                                        &lt;a aria-controls="collapseAmenities" aria-expanded="false"</w:t>
            </w:r>
          </w:p>
          <w:p w:rsidR="00A35FED" w:rsidRDefault="00A35FED" w:rsidP="00A35FED">
            <w:r>
              <w:t xml:space="preserve">                                            data-toggle="collapse" href="#collapseAmenities"</w:t>
            </w:r>
          </w:p>
          <w:p w:rsidR="00A35FED" w:rsidRDefault="00A35FED" w:rsidP="00A35FED">
            <w:r>
              <w:t xml:space="preserve">                                            class="collapse-toggler collapsed"&gt;</w:t>
            </w:r>
          </w:p>
          <w:p w:rsidR="00A35FED" w:rsidRDefault="00A35FED" w:rsidP="00A35FED">
            <w:r>
              <w:t xml:space="preserve">                                            Amenities</w:t>
            </w:r>
          </w:p>
          <w:p w:rsidR="00A35FED" w:rsidRDefault="00A35FED" w:rsidP="00A35FED">
            <w:r>
              <w:t xml:space="preserve">                                        &lt;/a&gt;</w:t>
            </w:r>
          </w:p>
          <w:p w:rsidR="00A35FED" w:rsidRDefault="00A35FED" w:rsidP="00A35FED">
            <w:r>
              <w:t xml:space="preserve">                                    &lt;/h6&gt;</w:t>
            </w:r>
          </w:p>
          <w:p w:rsidR="00A35FED" w:rsidRDefault="00A35FED" w:rsidP="00A35FED">
            <w:r>
              <w:t xml:space="preserve">                                    &lt;ul class="collapse" id="collapseAmenities"&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Dining room for Guest</w:t>
            </w:r>
          </w:p>
          <w:p w:rsidR="00A35FED" w:rsidRDefault="00A35FED" w:rsidP="00A35FED"/>
          <w:p w:rsidR="00A35FED" w:rsidRDefault="00A35FED" w:rsidP="00A35FED">
            <w:r>
              <w:t xml:space="preserve">                                                &lt;input type="checkbox" name="amenities[]"</w:t>
            </w:r>
          </w:p>
          <w:p w:rsidR="00A35FED" w:rsidRDefault="00A35FED" w:rsidP="00A35FED">
            <w:r>
              <w:t xml:space="preserve">                                                    value="dining_room_for_guest"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Lounge - Common Areas</w:t>
            </w:r>
          </w:p>
          <w:p w:rsidR="00A35FED" w:rsidRDefault="00A35FED" w:rsidP="00A35FED"/>
          <w:p w:rsidR="00A35FED" w:rsidRDefault="00A35FED" w:rsidP="00A35FED">
            <w:r>
              <w:t xml:space="preserve">                                                &lt;input type="checkbox" name="amenities[]" value="lounge_common_area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Beauty Salon / Barber Shop</w:t>
            </w:r>
          </w:p>
          <w:p w:rsidR="00A35FED" w:rsidRDefault="00A35FED" w:rsidP="00A35FED"/>
          <w:p w:rsidR="00A35FED" w:rsidRDefault="00A35FED" w:rsidP="00A35FED">
            <w:r>
              <w:t xml:space="preserve">                                                &lt;input type="checkbox" name="amenities[]"</w:t>
            </w:r>
          </w:p>
          <w:p w:rsidR="00A35FED" w:rsidRDefault="00A35FED" w:rsidP="00A35FED">
            <w:r>
              <w:t xml:space="preserve">                                                    value="beauty_salon_barber_shop"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lastRenderedPageBreak/>
              <w:t xml:space="preserve">                                            &lt;label class="container_check"&gt;</w:t>
            </w:r>
          </w:p>
          <w:p w:rsidR="00A35FED" w:rsidRDefault="00A35FED" w:rsidP="00A35FED">
            <w:r>
              <w:t xml:space="preserve">                                                Theater Room</w:t>
            </w:r>
          </w:p>
          <w:p w:rsidR="00A35FED" w:rsidRDefault="00A35FED" w:rsidP="00A35FED"/>
          <w:p w:rsidR="00A35FED" w:rsidRDefault="00A35FED" w:rsidP="00A35FED">
            <w:r>
              <w:t xml:space="preserve">                                                &lt;input type="checkbox" name="amenities[]" value="theater_room"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Exercise Room</w:t>
            </w:r>
          </w:p>
          <w:p w:rsidR="00A35FED" w:rsidRDefault="00A35FED" w:rsidP="00A35FED"/>
          <w:p w:rsidR="00A35FED" w:rsidRDefault="00A35FED" w:rsidP="00A35FED">
            <w:r>
              <w:t xml:space="preserve">                                                &lt;input type="checkbox" name="amenities[]" value="exercise_room"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Physical Therapy</w:t>
            </w:r>
          </w:p>
          <w:p w:rsidR="00A35FED" w:rsidRDefault="00A35FED" w:rsidP="00A35FED"/>
          <w:p w:rsidR="00A35FED" w:rsidRDefault="00A35FED" w:rsidP="00A35FED">
            <w:r>
              <w:t xml:space="preserve">                                                &lt;input type="checkbox" name="amenities[]" value="physical_therapy"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Library</w:t>
            </w:r>
          </w:p>
          <w:p w:rsidR="00A35FED" w:rsidRDefault="00A35FED" w:rsidP="00A35FED"/>
          <w:p w:rsidR="00A35FED" w:rsidRDefault="00A35FED" w:rsidP="00A35FED">
            <w:r>
              <w:t xml:space="preserve">                                                &lt;input type="checkbox" name="amenities[]" value="library"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Pool</w:t>
            </w:r>
          </w:p>
          <w:p w:rsidR="00A35FED" w:rsidRDefault="00A35FED" w:rsidP="00A35FED"/>
          <w:p w:rsidR="00A35FED" w:rsidRDefault="00A35FED" w:rsidP="00A35FED">
            <w:r>
              <w:t xml:space="preserve">                                                &lt;input type="checkbox" name="amenities[]" value="pool"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Putting Green</w:t>
            </w:r>
          </w:p>
          <w:p w:rsidR="00A35FED" w:rsidRDefault="00A35FED" w:rsidP="00A35FED"/>
          <w:p w:rsidR="00A35FED" w:rsidRDefault="00A35FED" w:rsidP="00A35FED">
            <w:r>
              <w:t xml:space="preserve">                                                &lt;input type="checkbox" name="amenities[]" value="putting_green"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lastRenderedPageBreak/>
              <w:t xml:space="preserve">                                            &lt;label class="container_check"&gt;</w:t>
            </w:r>
          </w:p>
          <w:p w:rsidR="00A35FED" w:rsidRDefault="00A35FED" w:rsidP="00A35FED">
            <w:r>
              <w:t xml:space="preserve">                                                Golf Course</w:t>
            </w:r>
          </w:p>
          <w:p w:rsidR="00A35FED" w:rsidRDefault="00A35FED" w:rsidP="00A35FED"/>
          <w:p w:rsidR="00A35FED" w:rsidRDefault="00A35FED" w:rsidP="00A35FED">
            <w:r>
              <w:t xml:space="preserve">                                                &lt;input type="checkbox" name="amenities[]" value="100009"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Picnic Areas</w:t>
            </w:r>
          </w:p>
          <w:p w:rsidR="00A35FED" w:rsidRDefault="00A35FED" w:rsidP="00A35FED"/>
          <w:p w:rsidR="00A35FED" w:rsidRDefault="00A35FED" w:rsidP="00A35FED">
            <w:r>
              <w:t xml:space="preserve">                                                &lt;input type="checkbox" name="amenities[]" value="100010"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Barbecues</w:t>
            </w:r>
          </w:p>
          <w:p w:rsidR="00A35FED" w:rsidRDefault="00A35FED" w:rsidP="00A35FED"/>
          <w:p w:rsidR="00A35FED" w:rsidRDefault="00A35FED" w:rsidP="00A35FED">
            <w:r>
              <w:t xml:space="preserve">                                                &lt;input type="checkbox" name="amenities[]" value="barbecue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Bistro</w:t>
            </w:r>
          </w:p>
          <w:p w:rsidR="00A35FED" w:rsidRDefault="00A35FED" w:rsidP="00A35FED"/>
          <w:p w:rsidR="00A35FED" w:rsidRDefault="00A35FED" w:rsidP="00A35FED">
            <w:r>
              <w:t xml:space="preserve">                                                &lt;input type="checkbox" name="amenities[]" value="bistro"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Pizza Grotto</w:t>
            </w:r>
          </w:p>
          <w:p w:rsidR="00A35FED" w:rsidRDefault="00A35FED" w:rsidP="00A35FED"/>
          <w:p w:rsidR="00A35FED" w:rsidRDefault="00A35FED" w:rsidP="00A35FED">
            <w:r>
              <w:t xml:space="preserve">                                                &lt;input type="checkbox" name="amenities[]" value="pizza_grotto"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Bar</w:t>
            </w:r>
          </w:p>
          <w:p w:rsidR="00A35FED" w:rsidRDefault="00A35FED" w:rsidP="00A35FED"/>
          <w:p w:rsidR="00A35FED" w:rsidRDefault="00A35FED" w:rsidP="00A35FED">
            <w:r>
              <w:t xml:space="preserve">                                                &lt;input type="checkbox" name="amenities[]" value="bar"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lastRenderedPageBreak/>
              <w:t xml:space="preserve">                                            &lt;label class="container_check"&gt;</w:t>
            </w:r>
          </w:p>
          <w:p w:rsidR="00A35FED" w:rsidRDefault="00A35FED" w:rsidP="00A35FED">
            <w:r>
              <w:t xml:space="preserve">                                                Restaurants</w:t>
            </w:r>
          </w:p>
          <w:p w:rsidR="00A35FED" w:rsidRDefault="00A35FED" w:rsidP="00A35FED"/>
          <w:p w:rsidR="00A35FED" w:rsidRDefault="00A35FED" w:rsidP="00A35FED">
            <w:r>
              <w:t xml:space="preserve">                                                &lt;input type="checkbox" name="amenities[]" value="restaurant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Recreation Room</w:t>
            </w:r>
          </w:p>
          <w:p w:rsidR="00A35FED" w:rsidRDefault="00A35FED" w:rsidP="00A35FED"/>
          <w:p w:rsidR="00A35FED" w:rsidRDefault="00A35FED" w:rsidP="00A35FED">
            <w:r>
              <w:t xml:space="preserve">                                                &lt;input type="checkbox" name="amenities[]" value="recreation_room"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Jacuzzi</w:t>
            </w:r>
          </w:p>
          <w:p w:rsidR="00A35FED" w:rsidRDefault="00A35FED" w:rsidP="00A35FED"/>
          <w:p w:rsidR="00A35FED" w:rsidRDefault="00A35FED" w:rsidP="00A35FED">
            <w:r>
              <w:t xml:space="preserve">                                                &lt;input type="checkbox" name="amenities[]" value="jacuzzi"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Sauna</w:t>
            </w:r>
          </w:p>
          <w:p w:rsidR="00A35FED" w:rsidRDefault="00A35FED" w:rsidP="00A35FED"/>
          <w:p w:rsidR="00A35FED" w:rsidRDefault="00A35FED" w:rsidP="00A35FED">
            <w:r>
              <w:t xml:space="preserve">                                                &lt;input type="checkbox" name="amenities[]" value="sauna"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ul&gt;</w:t>
            </w:r>
          </w:p>
          <w:p w:rsidR="00A35FED" w:rsidRDefault="00A35FED" w:rsidP="00A35FED">
            <w:r>
              <w:t xml:space="preserve">                                &lt;/div&gt;</w:t>
            </w:r>
          </w:p>
          <w:p w:rsidR="00A35FED" w:rsidRDefault="00A35FED" w:rsidP="00A35FED">
            <w:r>
              <w:t xml:space="preserve">                                &lt;!---------------amenities ends------------------&gt;</w:t>
            </w:r>
          </w:p>
          <w:p w:rsidR="00A35FED" w:rsidRDefault="00A35FED" w:rsidP="00A35FED"/>
          <w:p w:rsidR="00A35FED" w:rsidRDefault="00A35FED" w:rsidP="00A35FED">
            <w:r>
              <w:t xml:space="preserve">                                &lt;!---------------Entertainments Starts------------------&gt;</w:t>
            </w:r>
          </w:p>
          <w:p w:rsidR="00A35FED" w:rsidRDefault="00A35FED" w:rsidP="00A35FED">
            <w:r>
              <w:t xml:space="preserve">                                &lt;div class="filter_type"&gt;</w:t>
            </w:r>
          </w:p>
          <w:p w:rsidR="00A35FED" w:rsidRDefault="00A35FED" w:rsidP="00A35FED">
            <w:r>
              <w:t xml:space="preserve">                                    &lt;h6&gt;</w:t>
            </w:r>
          </w:p>
          <w:p w:rsidR="00A35FED" w:rsidRDefault="00A35FED" w:rsidP="00A35FED">
            <w:r>
              <w:t xml:space="preserve">                                        &lt;a aria-controls="collapseEntertainments" aria-expanded="false"</w:t>
            </w:r>
          </w:p>
          <w:p w:rsidR="00A35FED" w:rsidRDefault="00A35FED" w:rsidP="00A35FED">
            <w:r>
              <w:t xml:space="preserve">                                            data-toggle="collapse" href="#collapseEntertainments"</w:t>
            </w:r>
          </w:p>
          <w:p w:rsidR="00A35FED" w:rsidRDefault="00A35FED" w:rsidP="00A35FED">
            <w:r>
              <w:t xml:space="preserve">                                            class="collapse-toggler collapsed"&gt;</w:t>
            </w:r>
          </w:p>
          <w:p w:rsidR="00A35FED" w:rsidRDefault="00A35FED" w:rsidP="00A35FED">
            <w:r>
              <w:t xml:space="preserve">                                            Entertainment</w:t>
            </w:r>
          </w:p>
          <w:p w:rsidR="00A35FED" w:rsidRDefault="00A35FED" w:rsidP="00A35FED">
            <w:r>
              <w:t xml:space="preserve">                                        &lt;/a&gt;</w:t>
            </w:r>
          </w:p>
          <w:p w:rsidR="00A35FED" w:rsidRDefault="00A35FED" w:rsidP="00A35FED">
            <w:r>
              <w:t xml:space="preserve">                                    &lt;/h6&gt;</w:t>
            </w:r>
          </w:p>
          <w:p w:rsidR="00A35FED" w:rsidRDefault="00A35FED" w:rsidP="00A35FED">
            <w:r>
              <w:t xml:space="preserve">                                    &lt;ul class="collapse" id="collapseEntertainments"&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Arts &amp;amp; Crafts</w:t>
            </w:r>
          </w:p>
          <w:p w:rsidR="00A35FED" w:rsidRDefault="00A35FED" w:rsidP="00A35FED"/>
          <w:p w:rsidR="00A35FED" w:rsidRDefault="00A35FED" w:rsidP="00A35FED">
            <w:r>
              <w:t xml:space="preserve">                                                &lt;input type="checkbox" name="entertainments[]" value="arts_craft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Field Trips</w:t>
            </w:r>
          </w:p>
          <w:p w:rsidR="00A35FED" w:rsidRDefault="00A35FED" w:rsidP="00A35FED"/>
          <w:p w:rsidR="00A35FED" w:rsidRDefault="00A35FED" w:rsidP="00A35FED">
            <w:r>
              <w:t xml:space="preserve">                                                &lt;input type="checkbox" name="entertainments[]" value="field_trip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Movie Nights</w:t>
            </w:r>
          </w:p>
          <w:p w:rsidR="00A35FED" w:rsidRDefault="00A35FED" w:rsidP="00A35FED"/>
          <w:p w:rsidR="00A35FED" w:rsidRDefault="00A35FED" w:rsidP="00A35FED">
            <w:r>
              <w:t xml:space="preserve">                                                &lt;input type="checkbox" name="entertainments[]" value="movie_night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Live Entertainment</w:t>
            </w:r>
          </w:p>
          <w:p w:rsidR="00A35FED" w:rsidRDefault="00A35FED" w:rsidP="00A35FED"/>
          <w:p w:rsidR="00A35FED" w:rsidRDefault="00A35FED" w:rsidP="00A35FED">
            <w:r>
              <w:t xml:space="preserve">                                                &lt;input type="checkbox" name="entertainments[]"</w:t>
            </w:r>
          </w:p>
          <w:p w:rsidR="00A35FED" w:rsidRDefault="00A35FED" w:rsidP="00A35FED">
            <w:r>
              <w:t xml:space="preserve">                                                    value="live_entertainment"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Bingo</w:t>
            </w:r>
          </w:p>
          <w:p w:rsidR="00A35FED" w:rsidRDefault="00A35FED" w:rsidP="00A35FED"/>
          <w:p w:rsidR="00A35FED" w:rsidRDefault="00A35FED" w:rsidP="00A35FED">
            <w:r>
              <w:t xml:space="preserve">                                                &lt;input type="checkbox" name="entertainments[]" value="bingo"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Social &amp;amp; Hobby Clubs</w:t>
            </w:r>
          </w:p>
          <w:p w:rsidR="00A35FED" w:rsidRDefault="00A35FED" w:rsidP="00A35FED"/>
          <w:p w:rsidR="00A35FED" w:rsidRDefault="00A35FED" w:rsidP="00A35FED">
            <w:r>
              <w:t xml:space="preserve">                                                &lt;input type="checkbox" name="entertainments[]" value="100005"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lastRenderedPageBreak/>
              <w:t xml:space="preserve">                                                Classes for Learning</w:t>
            </w:r>
          </w:p>
          <w:p w:rsidR="00A35FED" w:rsidRDefault="00A35FED" w:rsidP="00A35FED"/>
          <w:p w:rsidR="00A35FED" w:rsidRDefault="00A35FED" w:rsidP="00A35FED">
            <w:r>
              <w:t xml:space="preserve">                                                &lt;input type="checkbox" name="entertainments[]"</w:t>
            </w:r>
          </w:p>
          <w:p w:rsidR="00A35FED" w:rsidRDefault="00A35FED" w:rsidP="00A35FED">
            <w:r>
              <w:t xml:space="preserve">                                                    value="classes_for_learning"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Holiday Celebrations</w:t>
            </w:r>
          </w:p>
          <w:p w:rsidR="00A35FED" w:rsidRDefault="00A35FED" w:rsidP="00A35FED"/>
          <w:p w:rsidR="00A35FED" w:rsidRDefault="00A35FED" w:rsidP="00A35FED">
            <w:r>
              <w:t xml:space="preserve">                                                &lt;input type="checkbox" name="entertainments[]"</w:t>
            </w:r>
          </w:p>
          <w:p w:rsidR="00A35FED" w:rsidRDefault="00A35FED" w:rsidP="00A35FED">
            <w:r>
              <w:t xml:space="preserve">                                                    value="holiday_celebration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Resident Council / Caucus</w:t>
            </w:r>
          </w:p>
          <w:p w:rsidR="00A35FED" w:rsidRDefault="00A35FED" w:rsidP="00A35FED"/>
          <w:p w:rsidR="00A35FED" w:rsidRDefault="00A35FED" w:rsidP="00A35FED">
            <w:r>
              <w:t xml:space="preserve">                                                &lt;input type="checkbox" name="entertainments[]"</w:t>
            </w:r>
          </w:p>
          <w:p w:rsidR="00A35FED" w:rsidRDefault="00A35FED" w:rsidP="00A35FED">
            <w:r>
              <w:t xml:space="preserve">                                                    value="resident_council_caucu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Shuffleboard</w:t>
            </w:r>
          </w:p>
          <w:p w:rsidR="00A35FED" w:rsidRDefault="00A35FED" w:rsidP="00A35FED"/>
          <w:p w:rsidR="00A35FED" w:rsidRDefault="00A35FED" w:rsidP="00A35FED">
            <w:r>
              <w:t xml:space="preserve">                                                &lt;input type="checkbox" name="entertainments[]" value="shuffleboard"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Bocce Ball</w:t>
            </w:r>
          </w:p>
          <w:p w:rsidR="00A35FED" w:rsidRDefault="00A35FED" w:rsidP="00A35FED"/>
          <w:p w:rsidR="00A35FED" w:rsidRDefault="00A35FED" w:rsidP="00A35FED">
            <w:r>
              <w:t xml:space="preserve">                                                &lt;input type="checkbox" name="entertainments[]" value="bocce_ball"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Tennis Courts</w:t>
            </w:r>
          </w:p>
          <w:p w:rsidR="00A35FED" w:rsidRDefault="00A35FED" w:rsidP="00A35FED"/>
          <w:p w:rsidR="00A35FED" w:rsidRDefault="00A35FED" w:rsidP="00A35FED">
            <w:r>
              <w:t xml:space="preserve">                                                &lt;input type="checkbox" name="entertainments[]" value="tennis_court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lastRenderedPageBreak/>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Pickle Ball</w:t>
            </w:r>
          </w:p>
          <w:p w:rsidR="00A35FED" w:rsidRDefault="00A35FED" w:rsidP="00A35FED"/>
          <w:p w:rsidR="00A35FED" w:rsidRDefault="00A35FED" w:rsidP="00A35FED">
            <w:r>
              <w:t xml:space="preserve">                                                &lt;input type="checkbox" name="entertainments[]" value="pickle_ball"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Ping Pong</w:t>
            </w:r>
          </w:p>
          <w:p w:rsidR="00A35FED" w:rsidRDefault="00A35FED" w:rsidP="00A35FED"/>
          <w:p w:rsidR="00A35FED" w:rsidRDefault="00A35FED" w:rsidP="00A35FED">
            <w:r>
              <w:t xml:space="preserve">                                                &lt;input type="checkbox" name="entertainments[]" value="ping_pong"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ul&gt;</w:t>
            </w:r>
          </w:p>
          <w:p w:rsidR="00A35FED" w:rsidRDefault="00A35FED" w:rsidP="00A35FED">
            <w:r>
              <w:t xml:space="preserve">                                &lt;/div&gt;</w:t>
            </w:r>
          </w:p>
          <w:p w:rsidR="00A35FED" w:rsidRDefault="00A35FED" w:rsidP="00A35FED">
            <w:r>
              <w:t xml:space="preserve">                                &lt;!---------------Entertainment ends------------------&gt;</w:t>
            </w:r>
          </w:p>
          <w:p w:rsidR="00A35FED" w:rsidRDefault="00A35FED" w:rsidP="00A35FED"/>
          <w:p w:rsidR="00A35FED" w:rsidRDefault="00A35FED" w:rsidP="00A35FED">
            <w:r>
              <w:t xml:space="preserve">                                &lt;!---------------religion Starts------------------&gt;</w:t>
            </w:r>
          </w:p>
          <w:p w:rsidR="00A35FED" w:rsidRDefault="00A35FED" w:rsidP="00A35FED">
            <w:r>
              <w:t xml:space="preserve">                                &lt;div class="filter_type"&gt;</w:t>
            </w:r>
          </w:p>
          <w:p w:rsidR="00A35FED" w:rsidRDefault="00A35FED" w:rsidP="00A35FED">
            <w:r>
              <w:t xml:space="preserve">                                    &lt;h6&gt;</w:t>
            </w:r>
          </w:p>
          <w:p w:rsidR="00A35FED" w:rsidRDefault="00A35FED" w:rsidP="00A35FED">
            <w:r>
              <w:t xml:space="preserve">                                        &lt;a aria-controls="collapseReligions" aria-expanded="false"</w:t>
            </w:r>
          </w:p>
          <w:p w:rsidR="00A35FED" w:rsidRDefault="00A35FED" w:rsidP="00A35FED">
            <w:r>
              <w:t xml:space="preserve">                                            data-toggle="collapse" href="#collapseReligions"</w:t>
            </w:r>
          </w:p>
          <w:p w:rsidR="00A35FED" w:rsidRDefault="00A35FED" w:rsidP="00A35FED">
            <w:r>
              <w:t xml:space="preserve">                                            class="collapse-toggler collapsed"&gt;</w:t>
            </w:r>
          </w:p>
          <w:p w:rsidR="00A35FED" w:rsidRDefault="00A35FED" w:rsidP="00A35FED">
            <w:r>
              <w:t xml:space="preserve">                                            Religious Services</w:t>
            </w:r>
          </w:p>
          <w:p w:rsidR="00A35FED" w:rsidRDefault="00A35FED" w:rsidP="00A35FED">
            <w:r>
              <w:t xml:space="preserve">                                        &lt;/a&gt;</w:t>
            </w:r>
          </w:p>
          <w:p w:rsidR="00A35FED" w:rsidRDefault="00A35FED" w:rsidP="00A35FED">
            <w:r>
              <w:t xml:space="preserve">                                    &lt;/h6&gt;</w:t>
            </w:r>
          </w:p>
          <w:p w:rsidR="00A35FED" w:rsidRDefault="00A35FED" w:rsidP="00A35FED">
            <w:r>
              <w:t xml:space="preserve">                                    &lt;ul class="collapse" id="collapseReligions"&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Christian</w:t>
            </w:r>
          </w:p>
          <w:p w:rsidR="00A35FED" w:rsidRDefault="00A35FED" w:rsidP="00A35FED"/>
          <w:p w:rsidR="00A35FED" w:rsidRDefault="00A35FED" w:rsidP="00A35FED">
            <w:r>
              <w:t xml:space="preserve">                                                &lt;input type="checkbox" name="religions[]" value="christian"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Catholic</w:t>
            </w:r>
          </w:p>
          <w:p w:rsidR="00A35FED" w:rsidRDefault="00A35FED" w:rsidP="00A35FED"/>
          <w:p w:rsidR="00A35FED" w:rsidRDefault="00A35FED" w:rsidP="00A35FED">
            <w:r>
              <w:t xml:space="preserve">                                                &lt;input type="checkbox" name="religions[]" value="catholic"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lastRenderedPageBreak/>
              <w:t xml:space="preserve">                                            &lt;label class="container_check"&gt;</w:t>
            </w:r>
          </w:p>
          <w:p w:rsidR="00A35FED" w:rsidRDefault="00A35FED" w:rsidP="00A35FED">
            <w:r>
              <w:t xml:space="preserve">                                                Jewish</w:t>
            </w:r>
          </w:p>
          <w:p w:rsidR="00A35FED" w:rsidRDefault="00A35FED" w:rsidP="00A35FED"/>
          <w:p w:rsidR="00A35FED" w:rsidRDefault="00A35FED" w:rsidP="00A35FED">
            <w:r>
              <w:t xml:space="preserve">                                                &lt;input type="checkbox" name="religions[]" value="jewish"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Muslim</w:t>
            </w:r>
          </w:p>
          <w:p w:rsidR="00A35FED" w:rsidRDefault="00A35FED" w:rsidP="00A35FED"/>
          <w:p w:rsidR="00A35FED" w:rsidRDefault="00A35FED" w:rsidP="00A35FED">
            <w:r>
              <w:t xml:space="preserve">                                                &lt;input type="checkbox" name="religions[]" value="muslim"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Buddhist</w:t>
            </w:r>
          </w:p>
          <w:p w:rsidR="00A35FED" w:rsidRDefault="00A35FED" w:rsidP="00A35FED"/>
          <w:p w:rsidR="00A35FED" w:rsidRDefault="00A35FED" w:rsidP="00A35FED">
            <w:r>
              <w:t xml:space="preserve">                                                &lt;input type="checkbox" name="religions[]" value="buddhist"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Hindu</w:t>
            </w:r>
          </w:p>
          <w:p w:rsidR="00A35FED" w:rsidRDefault="00A35FED" w:rsidP="00A35FED"/>
          <w:p w:rsidR="00A35FED" w:rsidRDefault="00A35FED" w:rsidP="00A35FED">
            <w:r>
              <w:t xml:space="preserve">                                                &lt;input type="checkbox" name="religions[]" value="hindu"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ul&gt;</w:t>
            </w:r>
          </w:p>
          <w:p w:rsidR="00A35FED" w:rsidRDefault="00A35FED" w:rsidP="00A35FED">
            <w:r>
              <w:t xml:space="preserve">                                &lt;/div&gt;</w:t>
            </w:r>
          </w:p>
          <w:p w:rsidR="00A35FED" w:rsidRDefault="00A35FED" w:rsidP="00A35FED">
            <w:r>
              <w:t xml:space="preserve">                                &lt;!---------------religion ends------------------&gt;</w:t>
            </w:r>
          </w:p>
          <w:p w:rsidR="00A35FED" w:rsidRDefault="00A35FED" w:rsidP="00A35FED">
            <w:r>
              <w:t xml:space="preserve">                                </w:t>
            </w:r>
          </w:p>
          <w:p w:rsidR="00A35FED" w:rsidRDefault="00A35FED" w:rsidP="00A35FED">
            <w:r>
              <w:t xml:space="preserve">                                &lt;!---------------feature Starts------------------&gt;</w:t>
            </w:r>
          </w:p>
          <w:p w:rsidR="00A35FED" w:rsidRDefault="00A35FED" w:rsidP="00A35FED">
            <w:r>
              <w:t xml:space="preserve">                                &lt;div class="filter_type"&gt;</w:t>
            </w:r>
          </w:p>
          <w:p w:rsidR="00A35FED" w:rsidRDefault="00A35FED" w:rsidP="00A35FED">
            <w:r>
              <w:t xml:space="preserve">                                    &lt;h6&gt;</w:t>
            </w:r>
          </w:p>
          <w:p w:rsidR="00A35FED" w:rsidRDefault="00A35FED" w:rsidP="00A35FED">
            <w:r>
              <w:t xml:space="preserve">                                        &lt;a aria-controls="collapseFeatures" aria-expanded="false"</w:t>
            </w:r>
          </w:p>
          <w:p w:rsidR="00A35FED" w:rsidRDefault="00A35FED" w:rsidP="00A35FED">
            <w:r>
              <w:t xml:space="preserve">                                            data-toggle="collapse" href="#collapseFeatures"</w:t>
            </w:r>
          </w:p>
          <w:p w:rsidR="00A35FED" w:rsidRDefault="00A35FED" w:rsidP="00A35FED">
            <w:r>
              <w:t xml:space="preserve">                                            class="collapse-toggler collapsed"&gt;</w:t>
            </w:r>
          </w:p>
          <w:p w:rsidR="00A35FED" w:rsidRDefault="00A35FED" w:rsidP="00A35FED">
            <w:r>
              <w:t xml:space="preserve">                                            Features</w:t>
            </w:r>
          </w:p>
          <w:p w:rsidR="00A35FED" w:rsidRDefault="00A35FED" w:rsidP="00A35FED">
            <w:r>
              <w:t xml:space="preserve">                                        &lt;/a&gt;</w:t>
            </w:r>
          </w:p>
          <w:p w:rsidR="00A35FED" w:rsidRDefault="00A35FED" w:rsidP="00A35FED">
            <w:r>
              <w:t xml:space="preserve">                                    &lt;/h6&gt;</w:t>
            </w:r>
          </w:p>
          <w:p w:rsidR="00A35FED" w:rsidRDefault="00A35FED" w:rsidP="00A35FED">
            <w:r>
              <w:t xml:space="preserve">                                    &lt;ul class="collapse" id="collapseFeatures"&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Electric Wheelchair</w:t>
            </w:r>
          </w:p>
          <w:p w:rsidR="00A35FED" w:rsidRDefault="00A35FED" w:rsidP="00A35FED"/>
          <w:p w:rsidR="00A35FED" w:rsidRDefault="00A35FED" w:rsidP="00A35FED">
            <w:r>
              <w:t xml:space="preserve">                                                &lt;input type="checkbox" name="features[]" value="electric_wheelchair"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1 Bird</w:t>
            </w:r>
          </w:p>
          <w:p w:rsidR="00A35FED" w:rsidRDefault="00A35FED" w:rsidP="00A35FED"/>
          <w:p w:rsidR="00A35FED" w:rsidRDefault="00A35FED" w:rsidP="00A35FED">
            <w:r>
              <w:t xml:space="preserve">                                                &lt;input type="checkbox" name="features[]" value="one_bird"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1 Cat</w:t>
            </w:r>
          </w:p>
          <w:p w:rsidR="00A35FED" w:rsidRDefault="00A35FED" w:rsidP="00A35FED"/>
          <w:p w:rsidR="00A35FED" w:rsidRDefault="00A35FED" w:rsidP="00A35FED">
            <w:r>
              <w:t xml:space="preserve">                                                &lt;input type="checkbox" name="features[]" value="one_cat"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1 Dog</w:t>
            </w:r>
          </w:p>
          <w:p w:rsidR="00A35FED" w:rsidRDefault="00A35FED" w:rsidP="00A35FED"/>
          <w:p w:rsidR="00A35FED" w:rsidRDefault="00A35FED" w:rsidP="00A35FED">
            <w:r>
              <w:t xml:space="preserve">                                                &lt;input type="checkbox" name="features[]" value="one_dog_20lb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Smoking</w:t>
            </w:r>
          </w:p>
          <w:p w:rsidR="00A35FED" w:rsidRDefault="00A35FED" w:rsidP="00A35FED"/>
          <w:p w:rsidR="00A35FED" w:rsidRDefault="00A35FED" w:rsidP="00A35FED">
            <w:r>
              <w:t xml:space="preserve">                                                &lt;input type="checkbox" name="features[]" value="smoking"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w:t>
            </w:r>
          </w:p>
          <w:p w:rsidR="00A35FED" w:rsidRDefault="00A35FED" w:rsidP="00A35FED">
            <w:r>
              <w:t xml:space="preserve">                                    &lt;/ul&gt;</w:t>
            </w:r>
          </w:p>
          <w:p w:rsidR="00A35FED" w:rsidRDefault="00A35FED" w:rsidP="00A35FED">
            <w:r>
              <w:t xml:space="preserve">                                &lt;/div&gt;</w:t>
            </w:r>
          </w:p>
          <w:p w:rsidR="00A35FED" w:rsidRDefault="00A35FED" w:rsidP="00A35FED">
            <w:r>
              <w:t xml:space="preserve">                                &lt;!--------------feature ends------------------&gt;</w:t>
            </w:r>
          </w:p>
          <w:p w:rsidR="00A35FED" w:rsidRDefault="00A35FED" w:rsidP="00A35FED">
            <w:r>
              <w:t xml:space="preserve">        &lt;input type="hidden" id="txtFeatures" value="[{&amp;quot;residences_id&amp;quot;:100184,&amp;quot;accomodations&amp;quot;:[100002,100006,100007,100008,100009],&amp;quot;rental_services&amp;quot;:[100000,100002],&amp;quot;meals&amp;quot;:[100004],&amp;quot;dietss&amp;quot;:[100000,100001,100004],&amp;quot;cares&amp;quot;:[100006,100012,100013],&amp;quot;entertainments&amp;quot;:[100001,100003,100004,100005,100008,100011,100013],&amp;quot;amenities&amp;quot;:[100001,100005,100007,100008,100009,100010,100011,100013,100014,100017],&amp;quot;religion&amp;quot;:[100000,100002]},{&amp;quot;residences_id&amp;quot;:100153,&amp;quot;accomodations&amp;quot;:[100002,100005,100006,100007</w:t>
            </w:r>
            <w:r>
              <w:lastRenderedPageBreak/>
              <w:t>,100008],&amp;quot;rental_services&amp;quot;:[100002,100003],&amp;quot;meals&amp;quot;:[100001],&amp;quot;diets&amp;quot;:[100001,100002,100004],&amp;quot;cares&amp;quot;:[100004,100007,100011],&amp;quot;entertainments&amp;quot;:[100000,100001,100003,100008,100010,100011,100013],&amp;quot;amenities&amp;quot;:[100000,100002,100003,100005,100006,100008,100011,100013,100014,100016],&amp;quot;religions&amp;quot;:[100000,100001]},{&amp;quot;residences_id&amp;quot;:100111,&amp;quot;accomodations&amp;quot;:[100001,100004,100006,100008,100011],&amp;quot;rental_services&amp;quot;:[100000,100002],&amp;quot;meals&amp;quot;:[100001],&amp;quot;diets&amp;quot;:[100002,100003,100004],&amp;quot;cares&amp;quot;:[100001,100003,100006],&amp;quot;entertainments&amp;quot;:[100000,100001,100003,100004,100005,100006,100008],&amp;quot;amenities&amp;quot;:[100000,100001,100005,100007,100010,100011,100013,100016,100017,100018],&amp;quot;religions&amp;quot;:[100000,100002]},{&amp;quot;residences_id&amp;quot;:100112,&amp;quot;accomodations&amp;quot;:[100000,100001,100004,100007,100008],&amp;quot;rental_services&amp;quot;:[100000,100002],&amp;quot;meals&amp;quot;:[100001],&amp;quot;diets&amp;quot;:[100002,100003,100004],&amp;quot;cares&amp;quot;:[100001,100007,100013],&amp;quot;entertainments&amp;quot;:[100000,100004,100007,100009,100010,100011,100013],&amp;quot;amenities&amp;quot;:[100000,100001,100002,100004,100008,100011,100012,100013,100014,100016],&amp;quot;religions&amp;quot;:[100002,100004]}]"/&gt;</w:t>
            </w:r>
          </w:p>
          <w:p w:rsidR="00A35FED" w:rsidRDefault="00A35FED" w:rsidP="00A35FED">
            <w:r>
              <w:t xml:space="preserve">    &lt;/div&gt;</w:t>
            </w:r>
          </w:p>
          <w:p w:rsidR="00A35FED" w:rsidRDefault="00A35FED" w:rsidP="00A35FED">
            <w:r>
              <w:t>&lt;/div&gt;</w:t>
            </w:r>
          </w:p>
          <w:p w:rsidR="00A35FED" w:rsidRDefault="00A35FED" w:rsidP="00A35FED">
            <w:r>
              <w:t>&lt;!---------------Filter ends------------------&gt;</w:t>
            </w:r>
          </w:p>
          <w:p w:rsidR="00A35FED" w:rsidRDefault="00A35FED" w:rsidP="00A35FED">
            <w:r>
              <w:t xml:space="preserve">                    </w:t>
            </w:r>
          </w:p>
          <w:p w:rsidR="00A35FED" w:rsidRDefault="00A35FED" w:rsidP="00A35FED">
            <w:r>
              <w:t>&lt;!---------------Filter Validation Starts------------------&gt;</w:t>
            </w:r>
          </w:p>
          <w:p w:rsidR="00A35FED" w:rsidRDefault="00A35FED" w:rsidP="00A35FED">
            <w:r>
              <w:t>&lt;script type="text/javascript"&gt;</w:t>
            </w:r>
          </w:p>
          <w:p w:rsidR="00A35FED" w:rsidRDefault="00A35FED" w:rsidP="00A35FED">
            <w:r>
              <w:t xml:space="preserve">                        var placeSearch, autoComplete;</w:t>
            </w:r>
          </w:p>
          <w:p w:rsidR="00A35FED" w:rsidRDefault="00A35FED" w:rsidP="00A35FED">
            <w:r>
              <w:t xml:space="preserve">                        var filter = {};</w:t>
            </w:r>
          </w:p>
          <w:p w:rsidR="00A35FED" w:rsidRDefault="00A35FED" w:rsidP="00A35FED">
            <w:r>
              <w:t xml:space="preserve">                        /*$(window).on("load", function () {</w:t>
            </w:r>
          </w:p>
          <w:p w:rsidR="00A35FED" w:rsidRDefault="00A35FED" w:rsidP="00A35FED">
            <w:r>
              <w:t xml:space="preserve">                            geoLocate();</w:t>
            </w:r>
          </w:p>
          <w:p w:rsidR="00A35FED" w:rsidRDefault="00A35FED" w:rsidP="00A35FED">
            <w:r>
              <w:t xml:space="preserve">                        });*/</w:t>
            </w:r>
          </w:p>
          <w:p w:rsidR="00A35FED" w:rsidRDefault="00A35FED" w:rsidP="00A35FED">
            <w:r>
              <w:t xml:space="preserve">                        $(document).ready(function() {</w:t>
            </w:r>
          </w:p>
          <w:p w:rsidR="00A35FED" w:rsidRDefault="00A35FED" w:rsidP="00A35FED">
            <w:r>
              <w:t xml:space="preserve">                            filter = fnParseFilter("");</w:t>
            </w:r>
          </w:p>
          <w:p w:rsidR="00A35FED" w:rsidRDefault="00A35FED" w:rsidP="00A35FED"/>
          <w:p w:rsidR="00A35FED" w:rsidRDefault="00A35FED" w:rsidP="00A35FED">
            <w:r>
              <w:t xml:space="preserve">                            $('input[type="range"]').rangeslider({</w:t>
            </w:r>
          </w:p>
          <w:p w:rsidR="00A35FED" w:rsidRDefault="00A35FED" w:rsidP="00A35FED">
            <w:r>
              <w:t xml:space="preserve">                                polyfill: false,</w:t>
            </w:r>
          </w:p>
          <w:p w:rsidR="00A35FED" w:rsidRDefault="00A35FED" w:rsidP="00A35FED">
            <w:r>
              <w:t xml:space="preserve">                                onInit: function() {</w:t>
            </w:r>
          </w:p>
          <w:p w:rsidR="00A35FED" w:rsidRDefault="00A35FED" w:rsidP="00A35FED">
            <w:r>
              <w:t xml:space="preserve">                                    this.output = $('.distance span').html(this.$element.val())</w:t>
            </w:r>
          </w:p>
          <w:p w:rsidR="00A35FED" w:rsidRDefault="00A35FED" w:rsidP="00A35FED">
            <w:r>
              <w:t xml:space="preserve">                                },</w:t>
            </w:r>
          </w:p>
          <w:p w:rsidR="00A35FED" w:rsidRDefault="00A35FED" w:rsidP="00A35FED">
            <w:r>
              <w:t xml:space="preserve">                                onSlide: function(i, e) {</w:t>
            </w:r>
          </w:p>
          <w:p w:rsidR="00A35FED" w:rsidRDefault="00A35FED" w:rsidP="00A35FED">
            <w:r>
              <w:t xml:space="preserve">                                    this.output.html(e)</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slider-range").each(function() {</w:t>
            </w:r>
          </w:p>
          <w:p w:rsidR="00A35FED" w:rsidRDefault="00A35FED" w:rsidP="00A35FED">
            <w:r>
              <w:t xml:space="preserve">                                var instance = this;</w:t>
            </w:r>
          </w:p>
          <w:p w:rsidR="00A35FED" w:rsidRDefault="00A35FED" w:rsidP="00A35FED">
            <w:r>
              <w:t xml:space="preserve">                                var data = $(this).data();</w:t>
            </w:r>
          </w:p>
          <w:p w:rsidR="00A35FED" w:rsidRDefault="00A35FED" w:rsidP="00A35FED">
            <w:r>
              <w:t xml:space="preserve">                                var formatter = {</w:t>
            </w:r>
          </w:p>
          <w:p w:rsidR="00A35FED" w:rsidRDefault="00A35FED" w:rsidP="00A35FED">
            <w:r>
              <w:t xml:space="preserve">                                    decimals: 0</w:t>
            </w:r>
          </w:p>
          <w:p w:rsidR="00A35FED" w:rsidRDefault="00A35FED" w:rsidP="00A35FED">
            <w:r>
              <w:t xml:space="preserve">                                };</w:t>
            </w:r>
          </w:p>
          <w:p w:rsidR="00A35FED" w:rsidRDefault="00A35FED" w:rsidP="00A35FED">
            <w:r>
              <w:t xml:space="preserve">                                var minTarget = $("#txtMin" + data.target);</w:t>
            </w:r>
          </w:p>
          <w:p w:rsidR="00A35FED" w:rsidRDefault="00A35FED" w:rsidP="00A35FED">
            <w:r>
              <w:t xml:space="preserve">                                var maxTarget = $("#txtMax" + data.target);</w:t>
            </w:r>
          </w:p>
          <w:p w:rsidR="00A35FED" w:rsidRDefault="00A35FED" w:rsidP="00A35FED">
            <w:r>
              <w:t xml:space="preserve">                                if (data.format === "price") {</w:t>
            </w:r>
          </w:p>
          <w:p w:rsidR="00A35FED" w:rsidRDefault="00A35FED" w:rsidP="00A35FED">
            <w:r>
              <w:t xml:space="preserve">                                    formatter["thousand"] = ',';</w:t>
            </w:r>
          </w:p>
          <w:p w:rsidR="00A35FED" w:rsidRDefault="00A35FED" w:rsidP="00A35FED">
            <w:r>
              <w:lastRenderedPageBreak/>
              <w:t xml:space="preserve">                                    formatter["prefix"] = '$ ';</w:t>
            </w:r>
          </w:p>
          <w:p w:rsidR="00A35FED" w:rsidRDefault="00A35FED" w:rsidP="00A35FED">
            <w:r>
              <w:t xml:space="preserve">                                }</w:t>
            </w:r>
          </w:p>
          <w:p w:rsidR="00A35FED" w:rsidRDefault="00A35FED" w:rsidP="00A35FED">
            <w:r>
              <w:t xml:space="preserve">                                data.start = minTarget.val() || data.min;</w:t>
            </w:r>
          </w:p>
          <w:p w:rsidR="00A35FED" w:rsidRDefault="00A35FED" w:rsidP="00A35FED">
            <w:r>
              <w:t xml:space="preserve">                                data.end = maxTarget.val() || data.max;</w:t>
            </w:r>
          </w:p>
          <w:p w:rsidR="00A35FED" w:rsidRDefault="00A35FED" w:rsidP="00A35FED">
            <w:r>
              <w:t xml:space="preserve">                                noUiSlider.create(this, {</w:t>
            </w:r>
          </w:p>
          <w:p w:rsidR="00A35FED" w:rsidRDefault="00A35FED" w:rsidP="00A35FED">
            <w:r>
              <w:t xml:space="preserve">                                    start: [data.start, data.end],</w:t>
            </w:r>
          </w:p>
          <w:p w:rsidR="00A35FED" w:rsidRDefault="00A35FED" w:rsidP="00A35FED">
            <w:r>
              <w:t xml:space="preserve">                                    connect: true,</w:t>
            </w:r>
          </w:p>
          <w:p w:rsidR="00A35FED" w:rsidRDefault="00A35FED" w:rsidP="00A35FED">
            <w:r>
              <w:t xml:space="preserve">                                    step: data.step,</w:t>
            </w:r>
          </w:p>
          <w:p w:rsidR="00A35FED" w:rsidRDefault="00A35FED" w:rsidP="00A35FED">
            <w:r>
              <w:t xml:space="preserve">                                    /*tooltips: [wNumb(formatter), wNumb(formatter)],*/</w:t>
            </w:r>
          </w:p>
          <w:p w:rsidR="00A35FED" w:rsidRDefault="00A35FED" w:rsidP="00A35FED">
            <w:r>
              <w:t xml:space="preserve">                                    range: {</w:t>
            </w:r>
          </w:p>
          <w:p w:rsidR="00A35FED" w:rsidRDefault="00A35FED" w:rsidP="00A35FED">
            <w:r>
              <w:t xml:space="preserve">                                        'min': data.min,</w:t>
            </w:r>
          </w:p>
          <w:p w:rsidR="00A35FED" w:rsidRDefault="00A35FED" w:rsidP="00A35FED">
            <w:r>
              <w:t xml:space="preserve">                                        'max': data.max</w:t>
            </w:r>
          </w:p>
          <w:p w:rsidR="00A35FED" w:rsidRDefault="00A35FED" w:rsidP="00A35FED">
            <w:r>
              <w:t xml:space="preserve">                                    }</w:t>
            </w:r>
          </w:p>
          <w:p w:rsidR="00A35FED" w:rsidRDefault="00A35FED" w:rsidP="00A35FED">
            <w:r>
              <w:t xml:space="preserve">                                }).on('update', function(values) {</w:t>
            </w:r>
          </w:p>
          <w:p w:rsidR="00A35FED" w:rsidRDefault="00A35FED" w:rsidP="00A35FED">
            <w:r>
              <w:t xml:space="preserve">                                    minTarget.val(parseInt(values[0]));</w:t>
            </w:r>
          </w:p>
          <w:p w:rsidR="00A35FED" w:rsidRDefault="00A35FED" w:rsidP="00A35FED">
            <w:r>
              <w:t xml:space="preserve">                                    maxTarget.val(parseInt(values[1]));</w:t>
            </w:r>
          </w:p>
          <w:p w:rsidR="00A35FED" w:rsidRDefault="00A35FED" w:rsidP="00A35FED">
            <w:r>
              <w:t xml:space="preserve">                                });</w:t>
            </w:r>
          </w:p>
          <w:p w:rsidR="00A35FED" w:rsidRDefault="00A35FED" w:rsidP="00A35FED"/>
          <w:p w:rsidR="00A35FED" w:rsidRDefault="00A35FED" w:rsidP="00A35FED">
            <w:r>
              <w:t xml:space="preserve">                                minTarget.on('change', function() {</w:t>
            </w:r>
          </w:p>
          <w:p w:rsidR="00A35FED" w:rsidRDefault="00A35FED" w:rsidP="00A35FED">
            <w:r>
              <w:t xml:space="preserve">                                    instance.noUiSlider.set([this.value, null]);</w:t>
            </w:r>
          </w:p>
          <w:p w:rsidR="00A35FED" w:rsidRDefault="00A35FED" w:rsidP="00A35FED">
            <w:r>
              <w:t xml:space="preserve">                                });</w:t>
            </w:r>
          </w:p>
          <w:p w:rsidR="00A35FED" w:rsidRDefault="00A35FED" w:rsidP="00A35FED"/>
          <w:p w:rsidR="00A35FED" w:rsidRDefault="00A35FED" w:rsidP="00A35FED">
            <w:r>
              <w:t xml:space="preserve">                                maxTarget.on('change', function() {</w:t>
            </w:r>
          </w:p>
          <w:p w:rsidR="00A35FED" w:rsidRDefault="00A35FED" w:rsidP="00A35FED">
            <w:r>
              <w:t xml:space="preserve">                                    instance.noUiSlider.set([null, this.value]);</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document.body).on("click", ".remove-item", function(e) {</w:t>
            </w:r>
          </w:p>
          <w:p w:rsidR="00A35FED" w:rsidRDefault="00A35FED" w:rsidP="00A35FED">
            <w:r>
              <w:t xml:space="preserve">                                e.preventDefault();</w:t>
            </w:r>
          </w:p>
          <w:p w:rsidR="00A35FED" w:rsidRDefault="00A35FED" w:rsidP="00A35FED">
            <w:r>
              <w:t xml:space="preserve">                                var item = $(this).parents("button");</w:t>
            </w:r>
          </w:p>
          <w:p w:rsidR="00A35FED" w:rsidRDefault="00A35FED" w:rsidP="00A35FED">
            <w:r>
              <w:t xml:space="preserve">                                if (item.attr("title") === "Your Location") {</w:t>
            </w:r>
          </w:p>
          <w:p w:rsidR="00A35FED" w:rsidRDefault="00A35FED" w:rsidP="00A35FED">
            <w:r>
              <w:t xml:space="preserve">                                    swal.fire({</w:t>
            </w:r>
          </w:p>
          <w:p w:rsidR="00A35FED" w:rsidRDefault="00A35FED" w:rsidP="00A35FED">
            <w:r>
              <w:t xml:space="preserve">                                        title: 'Are you sure?',</w:t>
            </w:r>
          </w:p>
          <w:p w:rsidR="00A35FED" w:rsidRDefault="00A35FED" w:rsidP="00A35FED">
            <w:r>
              <w:t xml:space="preserve">                                        text: "You are removing your location that was detected by the system. If you choose to remove, you will not be shown with your location automatically, until you clear this preference manually.",</w:t>
            </w:r>
          </w:p>
          <w:p w:rsidR="00A35FED" w:rsidRDefault="00A35FED" w:rsidP="00A35FED">
            <w:r>
              <w:t xml:space="preserve">                                        icon: 'warning',</w:t>
            </w:r>
          </w:p>
          <w:p w:rsidR="00A35FED" w:rsidRDefault="00A35FED" w:rsidP="00A35FED">
            <w:r>
              <w:t xml:space="preserve">                                        showCancelButton: true,</w:t>
            </w:r>
          </w:p>
          <w:p w:rsidR="00A35FED" w:rsidRDefault="00A35FED" w:rsidP="00A35FED">
            <w:r>
              <w:t xml:space="preserve">                                        confirmButtonColor: '#0CC27E',</w:t>
            </w:r>
          </w:p>
          <w:p w:rsidR="00A35FED" w:rsidRDefault="00A35FED" w:rsidP="00A35FED">
            <w:r>
              <w:t xml:space="preserve">                                        cancelButtonColor: '#FF586B',</w:t>
            </w:r>
          </w:p>
          <w:p w:rsidR="00A35FED" w:rsidRDefault="00A35FED" w:rsidP="00A35FED">
            <w:r>
              <w:t xml:space="preserve">                                        confirmButtonText: 'Yes, Remove',</w:t>
            </w:r>
          </w:p>
          <w:p w:rsidR="00A35FED" w:rsidRDefault="00A35FED" w:rsidP="00A35FED">
            <w:r>
              <w:t xml:space="preserve">                                        cancelButtonText: 'Let it be',</w:t>
            </w:r>
          </w:p>
          <w:p w:rsidR="00A35FED" w:rsidRDefault="00A35FED" w:rsidP="00A35FED">
            <w:r>
              <w:t xml:space="preserve">                                        showLoaderOnConfirm: true,</w:t>
            </w:r>
          </w:p>
          <w:p w:rsidR="00A35FED" w:rsidRDefault="00A35FED" w:rsidP="00A35FED">
            <w:r>
              <w:t xml:space="preserve">                                        reverseButtons: true</w:t>
            </w:r>
          </w:p>
          <w:p w:rsidR="00A35FED" w:rsidRDefault="00A35FED" w:rsidP="00A35FED">
            <w:r>
              <w:t xml:space="preserve">                                    }).then((result) =&gt; {</w:t>
            </w:r>
          </w:p>
          <w:p w:rsidR="00A35FED" w:rsidRDefault="00A35FED" w:rsidP="00A35FED">
            <w:r>
              <w:t xml:space="preserve">                                        if (result.value) {</w:t>
            </w:r>
          </w:p>
          <w:p w:rsidR="00A35FED" w:rsidRDefault="00A35FED" w:rsidP="00A35FED">
            <w:r>
              <w:t xml:space="preserve">                                            lscache.set("auto_location_off", 1, (7 * 24 * 60));</w:t>
            </w:r>
          </w:p>
          <w:p w:rsidR="00A35FED" w:rsidRDefault="00A35FED" w:rsidP="00A35FED">
            <w:r>
              <w:t xml:space="preserve">                                            item.remove();</w:t>
            </w:r>
          </w:p>
          <w:p w:rsidR="00A35FED" w:rsidRDefault="00A35FED" w:rsidP="00A35FED">
            <w:r>
              <w:lastRenderedPageBreak/>
              <w:t xml:space="preserve">                                            noty("success",</w:t>
            </w:r>
          </w:p>
          <w:p w:rsidR="00A35FED" w:rsidRDefault="00A35FED" w:rsidP="00A35FED">
            <w:r>
              <w:t xml:space="preserve">                                                "Your preference has been updated!!",</w:t>
            </w:r>
          </w:p>
          <w:p w:rsidR="00A35FED" w:rsidRDefault="00A35FED" w:rsidP="00A35FED">
            <w:r>
              <w:t xml:space="preserve">                                                "You will not be shown with your location for the next 7 days.",</w:t>
            </w:r>
          </w:p>
          <w:p w:rsidR="00A35FED" w:rsidRDefault="00A35FED" w:rsidP="00A35FED">
            <w:r>
              <w:t xml:space="preserve">                                                5000, "top-right");</w:t>
            </w:r>
          </w:p>
          <w:p w:rsidR="00A35FED" w:rsidRDefault="00A35FED" w:rsidP="00A35FED">
            <w:r>
              <w:t xml:space="preserve">                                            /*Swal.fire({</w:t>
            </w:r>
          </w:p>
          <w:p w:rsidR="00A35FED" w:rsidRDefault="00A35FED" w:rsidP="00A35FED">
            <w:r>
              <w:t xml:space="preserve">                                                title: "Your preference has been updated!!",</w:t>
            </w:r>
          </w:p>
          <w:p w:rsidR="00A35FED" w:rsidRDefault="00A35FED" w:rsidP="00A35FED">
            <w:r>
              <w:t xml:space="preserve">                                                text: "You will not be shown with your location for the next 7 days.",</w:t>
            </w:r>
          </w:p>
          <w:p w:rsidR="00A35FED" w:rsidRDefault="00A35FED" w:rsidP="00A35FED">
            <w:r>
              <w:t xml:space="preserve">                                                icon: "success",</w:t>
            </w:r>
          </w:p>
          <w:p w:rsidR="00A35FED" w:rsidRDefault="00A35FED" w:rsidP="00A35FED">
            <w:r>
              <w:t xml:space="preserve">                                                confirmButtonText: "Ok, Got it!!"</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 else {</w:t>
            </w:r>
          </w:p>
          <w:p w:rsidR="00A35FED" w:rsidRDefault="00A35FED" w:rsidP="00A35FED">
            <w:r>
              <w:t xml:space="preserve">                                    item.remove();</w:t>
            </w:r>
          </w:p>
          <w:p w:rsidR="00A35FED" w:rsidRDefault="00A35FED" w:rsidP="00A35FED">
            <w:r>
              <w:t xml:space="preserve">                                }</w:t>
            </w:r>
          </w:p>
          <w:p w:rsidR="00A35FED" w:rsidRDefault="00A35FED" w:rsidP="00A35FED">
            <w:r>
              <w:t xml:space="preserve">                                var eLocations = [...new Set($("#divLocations button").map(function() {</w:t>
            </w:r>
          </w:p>
          <w:p w:rsidR="00A35FED" w:rsidRDefault="00A35FED" w:rsidP="00A35FED">
            <w:r>
              <w:t xml:space="preserve">                                    return $(this).data("location");</w:t>
            </w:r>
          </w:p>
          <w:p w:rsidR="00A35FED" w:rsidRDefault="00A35FED" w:rsidP="00A35FED">
            <w:r>
              <w:t xml:space="preserve">                                }).get())];</w:t>
            </w:r>
          </w:p>
          <w:p w:rsidR="00A35FED" w:rsidRDefault="00A35FED" w:rsidP="00A35FED">
            <w:r>
              <w:t xml:space="preserve">                                if (eLocations.find(item =&gt; item.startsWith("zip_code"))) {</w:t>
            </w:r>
          </w:p>
          <w:p w:rsidR="00A35FED" w:rsidRDefault="00A35FED" w:rsidP="00A35FED">
            <w:r>
              <w:t xml:space="preserve">                                    $("#divRadius").show();</w:t>
            </w:r>
          </w:p>
          <w:p w:rsidR="00A35FED" w:rsidRDefault="00A35FED" w:rsidP="00A35FED">
            <w:r>
              <w:t xml:space="preserve">                                } else {</w:t>
            </w:r>
          </w:p>
          <w:p w:rsidR="00A35FED" w:rsidRDefault="00A35FED" w:rsidP="00A35FED">
            <w:r>
              <w:t xml:space="preserve">                                    $("#divRadius").hide();</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fnInitFilter();</w:t>
            </w:r>
          </w:p>
          <w:p w:rsidR="00A35FED" w:rsidRDefault="00A35FED" w:rsidP="00A35FED"/>
          <w:p w:rsidR="00A35FED" w:rsidRDefault="00A35FED" w:rsidP="00A35FED">
            <w:r>
              <w:t xml:space="preserve">                            $(document.body).on("click", "#btnApplyFilter", function(e) {</w:t>
            </w:r>
          </w:p>
          <w:p w:rsidR="00A35FED" w:rsidRDefault="00A35FED" w:rsidP="00A35FED">
            <w:r>
              <w:t xml:space="preserve">                                e.preventDefault();</w:t>
            </w:r>
          </w:p>
          <w:p w:rsidR="00A35FED" w:rsidRDefault="00A35FED" w:rsidP="00A35FED">
            <w:r>
              <w:t xml:space="preserve">                                $(this).attr("disabled", "disabled");</w:t>
            </w:r>
          </w:p>
          <w:p w:rsidR="00A35FED" w:rsidRDefault="00A35FED" w:rsidP="00A35FED">
            <w:r>
              <w:t xml:space="preserve">                                fnApplyFilter();</w:t>
            </w:r>
          </w:p>
          <w:p w:rsidR="00A35FED" w:rsidRDefault="00A35FED" w:rsidP="00A35FED">
            <w:r>
              <w:t xml:space="preserve">                            });</w:t>
            </w:r>
          </w:p>
          <w:p w:rsidR="00A35FED" w:rsidRDefault="00A35FED" w:rsidP="00A35FED"/>
          <w:p w:rsidR="00A35FED" w:rsidRDefault="00A35FED" w:rsidP="00A35FED">
            <w:r>
              <w:t xml:space="preserve">                            $(document.body).on("click", "#divRefiner input:checkbox", function() {</w:t>
            </w:r>
          </w:p>
          <w:p w:rsidR="00A35FED" w:rsidRDefault="00A35FED" w:rsidP="00A35FED">
            <w:r>
              <w:t xml:space="preserve">                                var refine = {};</w:t>
            </w:r>
          </w:p>
          <w:p w:rsidR="00A35FED" w:rsidRDefault="00A35FED" w:rsidP="00A35FED">
            <w:r>
              <w:t xml:space="preserve">                                getResidence();</w:t>
            </w:r>
          </w:p>
          <w:p w:rsidR="00A35FED" w:rsidRDefault="00A35FED" w:rsidP="00A35FED">
            <w:r>
              <w:t xml:space="preserve">                                let checkGroups = [</w:t>
            </w:r>
          </w:p>
          <w:p w:rsidR="00A35FED" w:rsidRDefault="00A35FED" w:rsidP="00A35FED">
            <w:r>
              <w:t xml:space="preserve">                                    'residences',</w:t>
            </w:r>
          </w:p>
          <w:p w:rsidR="00A35FED" w:rsidRDefault="00A35FED" w:rsidP="00A35FED">
            <w:r>
              <w:t xml:space="preserve">                                    'accommodations',</w:t>
            </w:r>
          </w:p>
          <w:p w:rsidR="00A35FED" w:rsidRDefault="00A35FED" w:rsidP="00A35FED">
            <w:r>
              <w:t xml:space="preserve">                                    'rental_services',</w:t>
            </w:r>
          </w:p>
          <w:p w:rsidR="00A35FED" w:rsidRDefault="00A35FED" w:rsidP="00A35FED">
            <w:r>
              <w:t xml:space="preserve">                                    'meals',</w:t>
            </w:r>
          </w:p>
          <w:p w:rsidR="00A35FED" w:rsidRDefault="00A35FED" w:rsidP="00A35FED">
            <w:r>
              <w:t xml:space="preserve">                                    'diets',</w:t>
            </w:r>
          </w:p>
          <w:p w:rsidR="00A35FED" w:rsidRDefault="00A35FED" w:rsidP="00A35FED">
            <w:r>
              <w:t xml:space="preserve">                                    'cares',</w:t>
            </w:r>
          </w:p>
          <w:p w:rsidR="00A35FED" w:rsidRDefault="00A35FED" w:rsidP="00A35FED">
            <w:r>
              <w:t xml:space="preserve">                                    'amenities',</w:t>
            </w:r>
          </w:p>
          <w:p w:rsidR="00A35FED" w:rsidRDefault="00A35FED" w:rsidP="00A35FED">
            <w:r>
              <w:t xml:space="preserve">                                    'entertainments',</w:t>
            </w:r>
          </w:p>
          <w:p w:rsidR="00A35FED" w:rsidRDefault="00A35FED" w:rsidP="00A35FED">
            <w:r>
              <w:t xml:space="preserve">                                    'religions',</w:t>
            </w:r>
          </w:p>
          <w:p w:rsidR="00A35FED" w:rsidRDefault="00A35FED" w:rsidP="00A35FED">
            <w:r>
              <w:t xml:space="preserve">                                    'features'</w:t>
            </w:r>
          </w:p>
          <w:p w:rsidR="00A35FED" w:rsidRDefault="00A35FED" w:rsidP="00A35FED">
            <w:r>
              <w:t xml:space="preserve">                                    </w:t>
            </w:r>
          </w:p>
          <w:p w:rsidR="00A35FED" w:rsidRDefault="00A35FED" w:rsidP="00A35FED">
            <w:r>
              <w:lastRenderedPageBreak/>
              <w:t xml:space="preserve">                                ];</w:t>
            </w:r>
          </w:p>
          <w:p w:rsidR="00A35FED" w:rsidRDefault="00A35FED" w:rsidP="00A35FED">
            <w:r>
              <w:t xml:space="preserve">                                checkGroups.forEach(function(item, index) {</w:t>
            </w:r>
          </w:p>
          <w:p w:rsidR="00A35FED" w:rsidRDefault="00A35FED" w:rsidP="00A35FED">
            <w:r>
              <w:t xml:space="preserve">                                    refine[item] = $("input[name='" + item + "[]']:checked")</w:t>
            </w:r>
          </w:p>
          <w:p w:rsidR="00A35FED" w:rsidRDefault="00A35FED" w:rsidP="00A35FED">
            <w:r>
              <w:t xml:space="preserve">                                        .map(function() {</w:t>
            </w:r>
          </w:p>
          <w:p w:rsidR="00A35FED" w:rsidRDefault="00A35FED" w:rsidP="00A35FED">
            <w:r>
              <w:t xml:space="preserve">                                            return parseInt(this.value);</w:t>
            </w:r>
          </w:p>
          <w:p w:rsidR="00A35FED" w:rsidRDefault="00A35FED" w:rsidP="00A35FED">
            <w:r>
              <w:t xml:space="preserve">                                        }).get();</w:t>
            </w:r>
          </w:p>
          <w:p w:rsidR="00A35FED" w:rsidRDefault="00A35FED" w:rsidP="00A35FED">
            <w:r>
              <w:t xml:space="preserve">                                });</w:t>
            </w:r>
          </w:p>
          <w:p w:rsidR="00A35FED" w:rsidRDefault="00A35FED" w:rsidP="00A35FED">
            <w:r>
              <w:t xml:space="preserve">                                var query = buildFilter(refine);</w:t>
            </w:r>
          </w:p>
          <w:p w:rsidR="00A35FED" w:rsidRDefault="00A35FED" w:rsidP="00A35FED">
            <w:r>
              <w:t xml:space="preserve">                                var searchQuery = fnGetSearchQuery();</w:t>
            </w:r>
          </w:p>
          <w:p w:rsidR="00A35FED" w:rsidRDefault="00A35FED" w:rsidP="00A35FED">
            <w:r>
              <w:t xml:space="preserve">                                var pref = {</w:t>
            </w:r>
          </w:p>
          <w:p w:rsidR="00A35FED" w:rsidRDefault="00A35FED" w:rsidP="00A35FED">
            <w:r>
              <w:t xml:space="preserve">                                    ...searchQuery,</w:t>
            </w:r>
          </w:p>
          <w:p w:rsidR="00A35FED" w:rsidRDefault="00A35FED" w:rsidP="00A35FED">
            <w:r>
              <w:t xml:space="preserve">                                    ...query</w:t>
            </w:r>
          </w:p>
          <w:p w:rsidR="00A35FED" w:rsidRDefault="00A35FED" w:rsidP="00A35FED">
            <w:r>
              <w:t xml:space="preserve">                                };</w:t>
            </w:r>
          </w:p>
          <w:p w:rsidR="00A35FED" w:rsidRDefault="00A35FED" w:rsidP="00A35FED">
            <w:r>
              <w:t xml:space="preserve">                                var features = $("#txtFeatures").val();</w:t>
            </w:r>
          </w:p>
          <w:p w:rsidR="00A35FED" w:rsidRDefault="00A35FED" w:rsidP="00A35FED">
            <w:r>
              <w:t xml:space="preserve">                                var refined = filterData($.parseJSON(features), query);</w:t>
            </w:r>
          </w:p>
          <w:p w:rsidR="00A35FED" w:rsidRDefault="00A35FED" w:rsidP="00A35FED">
            <w:r>
              <w:t xml:space="preserve">                                var ids = _.map(refined, "residence_id");</w:t>
            </w:r>
          </w:p>
          <w:p w:rsidR="00A35FED" w:rsidRDefault="00A35FED" w:rsidP="00A35FED">
            <w:r>
              <w:t xml:space="preserve">                                window.setCookie("RIDS", ids, 1);</w:t>
            </w:r>
          </w:p>
          <w:p w:rsidR="00A35FED" w:rsidRDefault="00A35FED" w:rsidP="00A35FED">
            <w:r>
              <w:t xml:space="preserve">                                window.setCookie("PREF", btoa(fnStringifyObject(pref)), 30);</w:t>
            </w:r>
          </w:p>
          <w:p w:rsidR="00A35FED" w:rsidRDefault="00A35FED" w:rsidP="00A35FED">
            <w:r>
              <w:t xml:space="preserve">                                var elements = $(ids.map(i =&gt; '#' + i).join(","));</w:t>
            </w:r>
          </w:p>
          <w:p w:rsidR="00A35FED" w:rsidRDefault="00A35FED" w:rsidP="00A35FED">
            <w:r>
              <w:t xml:space="preserve">                                $(".residence").not(elements).hide();</w:t>
            </w:r>
          </w:p>
          <w:p w:rsidR="00A35FED" w:rsidRDefault="00A35FED" w:rsidP="00A35FED">
            <w:r>
              <w:t xml:space="preserve">                                elements.show();</w:t>
            </w:r>
          </w:p>
          <w:p w:rsidR="00A35FED" w:rsidRDefault="00A35FED" w:rsidP="00A35FED">
            <w:r>
              <w:t xml:space="preserve">                                if (elements.length &gt; 0) {</w:t>
            </w:r>
          </w:p>
          <w:p w:rsidR="00A35FED" w:rsidRDefault="00A35FED" w:rsidP="00A35FED">
            <w:r>
              <w:t xml:space="preserve">                                    $(".no-records").hide();</w:t>
            </w:r>
          </w:p>
          <w:p w:rsidR="00A35FED" w:rsidRDefault="00A35FED" w:rsidP="00A35FED">
            <w:r>
              <w:t xml:space="preserve">                                } else {</w:t>
            </w:r>
          </w:p>
          <w:p w:rsidR="00A35FED" w:rsidRDefault="00A35FED" w:rsidP="00A35FED">
            <w:r>
              <w:t xml:space="preserve">                                    $(".no-records").show();</w:t>
            </w:r>
          </w:p>
          <w:p w:rsidR="00A35FED" w:rsidRDefault="00A35FED" w:rsidP="00A35FED">
            <w:r>
              <w:t xml:space="preserve">                                }</w:t>
            </w:r>
          </w:p>
          <w:p w:rsidR="00A35FED" w:rsidRDefault="00A35FED" w:rsidP="00A35FED">
            <w:r>
              <w:t xml:space="preserve">                                new WOW().init();</w:t>
            </w:r>
          </w:p>
          <w:p w:rsidR="00A35FED" w:rsidRDefault="00A35FED" w:rsidP="00A35FED">
            <w:r>
              <w:t xml:space="preserve">                                $("#spnRefined").text(elements.length + " of ");</w:t>
            </w:r>
          </w:p>
          <w:p w:rsidR="00A35FED" w:rsidRDefault="00A35FED" w:rsidP="00A35FED">
            <w:r>
              <w:t xml:space="preserve">                            });</w:t>
            </w:r>
          </w:p>
          <w:p w:rsidR="00A35FED" w:rsidRDefault="00A35FED" w:rsidP="00A35FED"/>
          <w:p w:rsidR="00A35FED" w:rsidRDefault="00A35FED" w:rsidP="00A35FED">
            <w:r>
              <w:t xml:space="preserve">                            window.buildFilter = (filter) =&gt; {</w:t>
            </w:r>
          </w:p>
          <w:p w:rsidR="00A35FED" w:rsidRDefault="00A35FED" w:rsidP="00A35FED">
            <w:r>
              <w:t xml:space="preserve">                                let query = {};</w:t>
            </w:r>
          </w:p>
          <w:p w:rsidR="00A35FED" w:rsidRDefault="00A35FED" w:rsidP="00A35FED">
            <w:r>
              <w:t xml:space="preserve">                                for (let keys in filter) {</w:t>
            </w:r>
          </w:p>
          <w:p w:rsidR="00A35FED" w:rsidRDefault="00A35FED" w:rsidP="00A35FED">
            <w:r>
              <w:t xml:space="preserve">                                    if (filter[keys].constructor === Array &amp;&amp; filter[keys].length &gt; 0) {</w:t>
            </w:r>
          </w:p>
          <w:p w:rsidR="00A35FED" w:rsidRDefault="00A35FED" w:rsidP="00A35FED">
            <w:r>
              <w:t xml:space="preserve">                                        query[keys] = filter[keys];</w:t>
            </w:r>
          </w:p>
          <w:p w:rsidR="00A35FED" w:rsidRDefault="00A35FED" w:rsidP="00A35FED">
            <w:r>
              <w:t xml:space="preserve">                                    }</w:t>
            </w:r>
          </w:p>
          <w:p w:rsidR="00A35FED" w:rsidRDefault="00A35FED" w:rsidP="00A35FED">
            <w:r>
              <w:t xml:space="preserve">                                }</w:t>
            </w:r>
          </w:p>
          <w:p w:rsidR="00A35FED" w:rsidRDefault="00A35FED" w:rsidP="00A35FED">
            <w:r>
              <w:t xml:space="preserve">                                return query;</w:t>
            </w:r>
          </w:p>
          <w:p w:rsidR="00A35FED" w:rsidRDefault="00A35FED" w:rsidP="00A35FED">
            <w:r>
              <w:t xml:space="preserve">                            };</w:t>
            </w:r>
          </w:p>
          <w:p w:rsidR="00A35FED" w:rsidRDefault="00A35FED" w:rsidP="00A35FED"/>
          <w:p w:rsidR="00A35FED" w:rsidRDefault="00A35FED" w:rsidP="00A35FED">
            <w:r>
              <w:t xml:space="preserve">                            window.filterData = (data, query, any = true) =&gt; {</w:t>
            </w:r>
          </w:p>
          <w:p w:rsidR="00A35FED" w:rsidRDefault="00A35FED" w:rsidP="00A35FED">
            <w:r>
              <w:t xml:space="preserve">                                const filteredData = data.filter((item) =&gt; {</w:t>
            </w:r>
          </w:p>
          <w:p w:rsidR="00A35FED" w:rsidRDefault="00A35FED" w:rsidP="00A35FED">
            <w:r>
              <w:t xml:space="preserve">                                    if (any) {</w:t>
            </w:r>
          </w:p>
          <w:p w:rsidR="00A35FED" w:rsidRDefault="00A35FED" w:rsidP="00A35FED">
            <w:r>
              <w:t xml:space="preserve">                                        var result = false;</w:t>
            </w:r>
          </w:p>
          <w:p w:rsidR="00A35FED" w:rsidRDefault="00A35FED" w:rsidP="00A35FED">
            <w:r>
              <w:t xml:space="preserve">                                        for (let key in query) {</w:t>
            </w:r>
          </w:p>
          <w:p w:rsidR="00A35FED" w:rsidRDefault="00A35FED" w:rsidP="00A35FED">
            <w:r>
              <w:t xml:space="preserve">                                            if (item[key] === undefined || !item[key].some(r =&gt;</w:t>
            </w:r>
          </w:p>
          <w:p w:rsidR="00A35FED" w:rsidRDefault="00A35FED" w:rsidP="00A35FED">
            <w:r>
              <w:t xml:space="preserve">                                                    query[key].indexOf(r) &gt;= 0)) {</w:t>
            </w:r>
          </w:p>
          <w:p w:rsidR="00A35FED" w:rsidRDefault="00A35FED" w:rsidP="00A35FED">
            <w:r>
              <w:t xml:space="preserve">                                                result = result || false;</w:t>
            </w:r>
          </w:p>
          <w:p w:rsidR="00A35FED" w:rsidRDefault="00A35FED" w:rsidP="00A35FED">
            <w:r>
              <w:lastRenderedPageBreak/>
              <w:t xml:space="preserve">                                            } else {</w:t>
            </w:r>
          </w:p>
          <w:p w:rsidR="00A35FED" w:rsidRDefault="00A35FED" w:rsidP="00A35FED">
            <w:r>
              <w:t xml:space="preserve">                                                result = result || true;</w:t>
            </w:r>
          </w:p>
          <w:p w:rsidR="00A35FED" w:rsidRDefault="00A35FED" w:rsidP="00A35FED">
            <w:r>
              <w:t xml:space="preserve">                                            }</w:t>
            </w:r>
          </w:p>
          <w:p w:rsidR="00A35FED" w:rsidRDefault="00A35FED" w:rsidP="00A35FED">
            <w:r>
              <w:t xml:space="preserve">                                        }</w:t>
            </w:r>
          </w:p>
          <w:p w:rsidR="00A35FED" w:rsidRDefault="00A35FED" w:rsidP="00A35FED">
            <w:r>
              <w:t xml:space="preserve">                                        return result;</w:t>
            </w:r>
          </w:p>
          <w:p w:rsidR="00A35FED" w:rsidRDefault="00A35FED" w:rsidP="00A35FED">
            <w:r>
              <w:t xml:space="preserve">                                    } else {</w:t>
            </w:r>
          </w:p>
          <w:p w:rsidR="00A35FED" w:rsidRDefault="00A35FED" w:rsidP="00A35FED">
            <w:r>
              <w:t xml:space="preserve">                                        for (let key in query) {</w:t>
            </w:r>
          </w:p>
          <w:p w:rsidR="00A35FED" w:rsidRDefault="00A35FED" w:rsidP="00A35FED">
            <w:r>
              <w:t xml:space="preserve">                                            if (item[key] === undefined || !item[key].some(r =&gt;</w:t>
            </w:r>
          </w:p>
          <w:p w:rsidR="00A35FED" w:rsidRDefault="00A35FED" w:rsidP="00A35FED">
            <w:r>
              <w:t xml:space="preserve">                                                    query[key].indexOf(r) &gt;= 0)) {</w:t>
            </w:r>
          </w:p>
          <w:p w:rsidR="00A35FED" w:rsidRDefault="00A35FED" w:rsidP="00A35FED">
            <w:r>
              <w:t xml:space="preserve">                                                return false;</w:t>
            </w:r>
          </w:p>
          <w:p w:rsidR="00A35FED" w:rsidRDefault="00A35FED" w:rsidP="00A35FED">
            <w:r>
              <w:t xml:space="preserve">                                            }</w:t>
            </w:r>
          </w:p>
          <w:p w:rsidR="00A35FED" w:rsidRDefault="00A35FED" w:rsidP="00A35FED">
            <w:r>
              <w:t xml:space="preserve">                                        }</w:t>
            </w:r>
          </w:p>
          <w:p w:rsidR="00A35FED" w:rsidRDefault="00A35FED" w:rsidP="00A35FED">
            <w:r>
              <w:t xml:space="preserve">                                        return true;</w:t>
            </w:r>
          </w:p>
          <w:p w:rsidR="00A35FED" w:rsidRDefault="00A35FED" w:rsidP="00A35FED">
            <w:r>
              <w:t xml:space="preserve">                                    }</w:t>
            </w:r>
          </w:p>
          <w:p w:rsidR="00A35FED" w:rsidRDefault="00A35FED" w:rsidP="00A35FED">
            <w:r>
              <w:t xml:space="preserve">                                });</w:t>
            </w:r>
          </w:p>
          <w:p w:rsidR="00A35FED" w:rsidRDefault="00A35FED" w:rsidP="00A35FED">
            <w:r>
              <w:t xml:space="preserve">                                return filteredData;</w:t>
            </w:r>
          </w:p>
          <w:p w:rsidR="00A35FED" w:rsidRDefault="00A35FED" w:rsidP="00A35FED">
            <w:r>
              <w:t xml:space="preserve">                            };</w:t>
            </w:r>
          </w:p>
          <w:p w:rsidR="00A35FED" w:rsidRDefault="00A35FED" w:rsidP="00A35FED"/>
          <w:p w:rsidR="00A35FED" w:rsidRDefault="00A35FED" w:rsidP="00A35FED">
            <w:r>
              <w:t xml:space="preserve">                            $("#frmSearchResidence").on("submit", function(e) {</w:t>
            </w:r>
          </w:p>
          <w:p w:rsidR="00A35FED" w:rsidRDefault="00A35FED" w:rsidP="00A35FED">
            <w:r>
              <w:t xml:space="preserve">                                e.preventDefault();</w:t>
            </w:r>
          </w:p>
          <w:p w:rsidR="00A35FED" w:rsidRDefault="00A35FED" w:rsidP="00A35FED">
            <w:r>
              <w:t xml:space="preserve">                                fnApplyFilter();</w:t>
            </w:r>
          </w:p>
          <w:p w:rsidR="00A35FED" w:rsidRDefault="00A35FED" w:rsidP="00A35FED">
            <w:r>
              <w:t xml:space="preserve">                            });</w:t>
            </w:r>
          </w:p>
          <w:p w:rsidR="00A35FED" w:rsidRDefault="00A35FED" w:rsidP="00A35FED"/>
          <w:p w:rsidR="00A35FED" w:rsidRDefault="00A35FED" w:rsidP="00A35FED">
            <w:r>
              <w:t xml:space="preserve">                            $(document.body).on("click", ".btnClearFilter", function(e) {</w:t>
            </w:r>
          </w:p>
          <w:p w:rsidR="00A35FED" w:rsidRDefault="00A35FED" w:rsidP="00A35FED">
            <w:r>
              <w:t xml:space="preserve">                                e.preventDefault();</w:t>
            </w:r>
          </w:p>
          <w:p w:rsidR="00A35FED" w:rsidRDefault="00A35FED" w:rsidP="00A35FED">
            <w:r>
              <w:t xml:space="preserve">                                $(this).attr("disabled", "disabled");</w:t>
            </w:r>
          </w:p>
          <w:p w:rsidR="00A35FED" w:rsidRDefault="00A35FED" w:rsidP="00A35FED">
            <w:r>
              <w:t xml:space="preserve">                                $("#txtSearchText").val("");</w:t>
            </w:r>
          </w:p>
          <w:p w:rsidR="00A35FED" w:rsidRDefault="00A35FED" w:rsidP="00A35FED">
            <w:r>
              <w:t xml:space="preserve">                                $("#txtFilterData").val("");</w:t>
            </w:r>
          </w:p>
          <w:p w:rsidR="00A35FED" w:rsidRDefault="00A35FED" w:rsidP="00A35FED">
            <w:r>
              <w:t xml:space="preserve">                                fnRedirect(window.location.pathname);</w:t>
            </w:r>
          </w:p>
          <w:p w:rsidR="00A35FED" w:rsidRDefault="00A35FED" w:rsidP="00A35FED">
            <w:r>
              <w:t xml:space="preserve">                                /*let sText = $("#txtSearchText").val().trim();</w:t>
            </w:r>
          </w:p>
          <w:p w:rsidR="00A35FED" w:rsidRDefault="00A35FED" w:rsidP="00A35FED">
            <w:r>
              <w:t xml:space="preserve">                                let params = {</w:t>
            </w:r>
          </w:p>
          <w:p w:rsidR="00A35FED" w:rsidRDefault="00A35FED" w:rsidP="00A35FED">
            <w:r>
              <w:t xml:space="preserve">                                    "q": sText</w:t>
            </w:r>
          </w:p>
          <w:p w:rsidR="00A35FED" w:rsidRDefault="00A35FED" w:rsidP="00A35FED">
            <w:r>
              <w:t xml:space="preserve">                                };</w:t>
            </w:r>
          </w:p>
          <w:p w:rsidR="00A35FED" w:rsidRDefault="00A35FED" w:rsidP="00A35FED">
            <w:r>
              <w:t xml:space="preserve">                                $("#txtFilterData").val(JSON.stringify(fnRefineObject(params)));</w:t>
            </w:r>
          </w:p>
          <w:p w:rsidR="00A35FED" w:rsidRDefault="00A35FED" w:rsidP="00A35FED">
            <w:r>
              <w:t xml:space="preserve">                                fnRedirect(window.location.pathname, fnObjectToQuery(params));*/</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function fnGetSearchQuery() {</w:t>
            </w:r>
          </w:p>
          <w:p w:rsidR="00A35FED" w:rsidRDefault="00A35FED" w:rsidP="00A35FED">
            <w:r>
              <w:t xml:space="preserve">                            var query = {};</w:t>
            </w:r>
          </w:p>
          <w:p w:rsidR="00A35FED" w:rsidRDefault="00A35FED" w:rsidP="00A35FED">
            <w:r>
              <w:t xml:space="preserve">                            query["residences"] = $("input[name='residences[]']:checked").map(function() {</w:t>
            </w:r>
          </w:p>
          <w:p w:rsidR="00A35FED" w:rsidRDefault="00A35FED" w:rsidP="00A35FED">
            <w:r>
              <w:t xml:space="preserve">                                return this.value;</w:t>
            </w:r>
          </w:p>
          <w:p w:rsidR="00A35FED" w:rsidRDefault="00A35FED" w:rsidP="00A35FED">
            <w:r>
              <w:t xml:space="preserve">                            }).get();</w:t>
            </w:r>
          </w:p>
          <w:p w:rsidR="00A35FED" w:rsidRDefault="00A35FED" w:rsidP="00A35FED">
            <w:r>
              <w:t xml:space="preserve">                            query["min"] = $("#txtMinBudgetRange").val();</w:t>
            </w:r>
          </w:p>
          <w:p w:rsidR="00A35FED" w:rsidRDefault="00A35FED" w:rsidP="00A35FED">
            <w:r>
              <w:t xml:space="preserve">                            query["max"] = $("#txtMaxBudgetRange").val();</w:t>
            </w:r>
          </w:p>
          <w:p w:rsidR="00A35FED" w:rsidRDefault="00A35FED" w:rsidP="00A35FED">
            <w:r>
              <w:t xml:space="preserve">                            query["location"] = [...new Set($("#divLocations button").map(function() {</w:t>
            </w:r>
          </w:p>
          <w:p w:rsidR="00A35FED" w:rsidRDefault="00A35FED" w:rsidP="00A35FED">
            <w:r>
              <w:t xml:space="preserve">                                return $(this).data("location");</w:t>
            </w:r>
          </w:p>
          <w:p w:rsidR="00A35FED" w:rsidRDefault="00A35FED" w:rsidP="00A35FED">
            <w:r>
              <w:t xml:space="preserve">                            }).get())];</w:t>
            </w:r>
          </w:p>
          <w:p w:rsidR="00A35FED" w:rsidRDefault="00A35FED" w:rsidP="00A35FED">
            <w:r>
              <w:lastRenderedPageBreak/>
              <w:t xml:space="preserve">                            if (query["location"].length) {</w:t>
            </w:r>
          </w:p>
          <w:p w:rsidR="00A35FED" w:rsidRDefault="00A35FED" w:rsidP="00A35FED">
            <w:r>
              <w:t xml:space="preserve">                                query["radius"] = $("#txtRadius").val();</w:t>
            </w:r>
          </w:p>
          <w:p w:rsidR="00A35FED" w:rsidRDefault="00A35FED" w:rsidP="00A35FED">
            <w:r>
              <w:t xml:space="preserve">                            }</w:t>
            </w:r>
          </w:p>
          <w:p w:rsidR="00A35FED" w:rsidRDefault="00A35FED" w:rsidP="00A35FED">
            <w:r>
              <w:t xml:space="preserve">                            let checkGroups = [</w:t>
            </w:r>
          </w:p>
          <w:p w:rsidR="00A35FED" w:rsidRDefault="00A35FED" w:rsidP="00A35FED">
            <w:r>
              <w:t xml:space="preserve">                                'residences',</w:t>
            </w:r>
          </w:p>
          <w:p w:rsidR="00A35FED" w:rsidRDefault="00A35FED" w:rsidP="00A35FED">
            <w:r>
              <w:t xml:space="preserve">                                'accommodations',</w:t>
            </w:r>
          </w:p>
          <w:p w:rsidR="00A35FED" w:rsidRDefault="00A35FED" w:rsidP="00A35FED">
            <w:r>
              <w:t xml:space="preserve">                                'rental_services',</w:t>
            </w:r>
          </w:p>
          <w:p w:rsidR="00A35FED" w:rsidRDefault="00A35FED" w:rsidP="00A35FED">
            <w:r>
              <w:t xml:space="preserve">                                'meals',</w:t>
            </w:r>
          </w:p>
          <w:p w:rsidR="00A35FED" w:rsidRDefault="00A35FED" w:rsidP="00A35FED">
            <w:r>
              <w:t xml:space="preserve">                                'diets',</w:t>
            </w:r>
          </w:p>
          <w:p w:rsidR="00A35FED" w:rsidRDefault="00A35FED" w:rsidP="00A35FED">
            <w:r>
              <w:t xml:space="preserve">                                'cares',</w:t>
            </w:r>
          </w:p>
          <w:p w:rsidR="00A35FED" w:rsidRDefault="00A35FED" w:rsidP="00A35FED">
            <w:r>
              <w:t xml:space="preserve">                                'amenities',</w:t>
            </w:r>
          </w:p>
          <w:p w:rsidR="00A35FED" w:rsidRDefault="00A35FED" w:rsidP="00A35FED">
            <w:r>
              <w:t xml:space="preserve">                                'entertainments',</w:t>
            </w:r>
          </w:p>
          <w:p w:rsidR="00A35FED" w:rsidRDefault="00A35FED" w:rsidP="00A35FED">
            <w:r>
              <w:t xml:space="preserve">                                'religions',</w:t>
            </w:r>
          </w:p>
          <w:p w:rsidR="00A35FED" w:rsidRDefault="00A35FED" w:rsidP="00A35FED">
            <w:r>
              <w:t xml:space="preserve">                                'features'</w:t>
            </w:r>
          </w:p>
          <w:p w:rsidR="00A35FED" w:rsidRDefault="00A35FED" w:rsidP="00A35FED">
            <w:r>
              <w:t xml:space="preserve">                            ];</w:t>
            </w:r>
          </w:p>
          <w:p w:rsidR="00A35FED" w:rsidRDefault="00A35FED" w:rsidP="00A35FED">
            <w:r>
              <w:t xml:space="preserve">                            checkGroups.forEach(function(item, index) {</w:t>
            </w:r>
          </w:p>
          <w:p w:rsidR="00A35FED" w:rsidRDefault="00A35FED" w:rsidP="00A35FED">
            <w:r>
              <w:t xml:space="preserve">                                query[item] = $("input[name='" + item + "[]']:checked").map(function() {</w:t>
            </w:r>
          </w:p>
          <w:p w:rsidR="00A35FED" w:rsidRDefault="00A35FED" w:rsidP="00A35FED">
            <w:r>
              <w:t xml:space="preserve">                                    return this.value;</w:t>
            </w:r>
          </w:p>
          <w:p w:rsidR="00A35FED" w:rsidRDefault="00A35FED" w:rsidP="00A35FED">
            <w:r>
              <w:t xml:space="preserve">                                }).get();</w:t>
            </w:r>
          </w:p>
          <w:p w:rsidR="00A35FED" w:rsidRDefault="00A35FED" w:rsidP="00A35FED">
            <w:r>
              <w:t xml:space="preserve">                            });</w:t>
            </w:r>
          </w:p>
          <w:p w:rsidR="00A35FED" w:rsidRDefault="00A35FED" w:rsidP="00A35FED"/>
          <w:p w:rsidR="00A35FED" w:rsidRDefault="00A35FED" w:rsidP="00A35FED">
            <w:r>
              <w:t xml:space="preserve">                            return query;</w:t>
            </w:r>
          </w:p>
          <w:p w:rsidR="00A35FED" w:rsidRDefault="00A35FED" w:rsidP="00A35FED">
            <w:r>
              <w:t xml:space="preserve">                        }</w:t>
            </w:r>
          </w:p>
          <w:p w:rsidR="00A35FED" w:rsidRDefault="00A35FED" w:rsidP="00A35FED"/>
          <w:p w:rsidR="00A35FED" w:rsidRDefault="00A35FED" w:rsidP="00A35FED">
            <w:r>
              <w:t xml:space="preserve">                        function fnApplyFilter() {</w:t>
            </w:r>
          </w:p>
          <w:p w:rsidR="00A35FED" w:rsidRDefault="00A35FED" w:rsidP="00A35FED">
            <w:r>
              <w:t xml:space="preserve">                            let filterQuery = fnGetSearchQuery();</w:t>
            </w:r>
          </w:p>
          <w:p w:rsidR="00A35FED" w:rsidRDefault="00A35FED" w:rsidP="00A35FED">
            <w:r>
              <w:t xml:space="preserve">                            let sText = $("#txtSearchText").val().trim();</w:t>
            </w:r>
          </w:p>
          <w:p w:rsidR="00A35FED" w:rsidRDefault="00A35FED" w:rsidP="00A35FED">
            <w:r>
              <w:t xml:space="preserve">                            let params = {</w:t>
            </w:r>
          </w:p>
          <w:p w:rsidR="00A35FED" w:rsidRDefault="00A35FED" w:rsidP="00A35FED">
            <w:r>
              <w:t xml:space="preserve">                                "q": sText,</w:t>
            </w:r>
          </w:p>
          <w:p w:rsidR="00A35FED" w:rsidRDefault="00A35FED" w:rsidP="00A35FED">
            <w:r>
              <w:t xml:space="preserve">                                "filter": btoa(fnStringifyObject(filterQuery))</w:t>
            </w:r>
          </w:p>
          <w:p w:rsidR="00A35FED" w:rsidRDefault="00A35FED" w:rsidP="00A35FED">
            <w:r>
              <w:t xml:space="preserve">                            };</w:t>
            </w:r>
          </w:p>
          <w:p w:rsidR="00A35FED" w:rsidRDefault="00A35FED" w:rsidP="00A35FED">
            <w:r>
              <w:t xml:space="preserve">                            $("#txtFilterData").val(JSON.stringify(fnRefineObject(params)));</w:t>
            </w:r>
          </w:p>
          <w:p w:rsidR="00A35FED" w:rsidRDefault="00A35FED" w:rsidP="00A35FED">
            <w:r>
              <w:t xml:space="preserve">                            fnSetSPFCookie();</w:t>
            </w:r>
          </w:p>
          <w:p w:rsidR="00A35FED" w:rsidRDefault="00A35FED" w:rsidP="00A35FED">
            <w:r>
              <w:t xml:space="preserve">                            // fnRedirect(window.location.pathname, fnObjectToQuery(params));</w:t>
            </w:r>
          </w:p>
          <w:p w:rsidR="00A35FED" w:rsidRDefault="00A35FED" w:rsidP="00A35FED">
            <w:r>
              <w:t xml:space="preserve">                            getResidence();</w:t>
            </w:r>
          </w:p>
          <w:p w:rsidR="00A35FED" w:rsidRDefault="00A35FED" w:rsidP="00A35FED">
            <w:r>
              <w:t xml:space="preserve">                        }</w:t>
            </w:r>
          </w:p>
          <w:p w:rsidR="00A35FED" w:rsidRDefault="00A35FED" w:rsidP="00A35FED"/>
          <w:p w:rsidR="00A35FED" w:rsidRDefault="00A35FED" w:rsidP="00A35FED">
            <w:r>
              <w:t xml:space="preserve">                        function fnRedirect(url, query) {</w:t>
            </w:r>
          </w:p>
          <w:p w:rsidR="00A35FED" w:rsidRDefault="00A35FED" w:rsidP="00A35FED">
            <w:r>
              <w:t xml:space="preserve">                            window.location.href = url + (query ? "?" + query : "");</w:t>
            </w:r>
          </w:p>
          <w:p w:rsidR="00A35FED" w:rsidRDefault="00A35FED" w:rsidP="00A35FED">
            <w:r>
              <w:t xml:space="preserve">                        }</w:t>
            </w:r>
          </w:p>
          <w:p w:rsidR="00A35FED" w:rsidRDefault="00A35FED" w:rsidP="00A35FED"/>
          <w:p w:rsidR="00A35FED" w:rsidRDefault="00A35FED" w:rsidP="00A35FED">
            <w:r>
              <w:t xml:space="preserve">                        function fnInitFilter() {</w:t>
            </w:r>
          </w:p>
          <w:p w:rsidR="00A35FED" w:rsidRDefault="00A35FED" w:rsidP="00A35FED">
            <w:r>
              <w:t xml:space="preserve">                            $("#txtMinBudgetRange").val(filter.min || 100).change();</w:t>
            </w:r>
          </w:p>
          <w:p w:rsidR="00A35FED" w:rsidRDefault="00A35FED" w:rsidP="00A35FED">
            <w:r>
              <w:t xml:space="preserve">                            $("#txtMaxBudgetRange").val(filter.max || 15000).change();</w:t>
            </w:r>
          </w:p>
          <w:p w:rsidR="00A35FED" w:rsidRDefault="00A35FED" w:rsidP="00A35FED">
            <w:r>
              <w:t xml:space="preserve">                            $("#txtRadius").val(filter.radius || 5).change();</w:t>
            </w:r>
          </w:p>
          <w:p w:rsidR="00A35FED" w:rsidRDefault="00A35FED" w:rsidP="00A35FED">
            <w:r>
              <w:t xml:space="preserve">                            fnSetCheckbox(filter['residences'], 'residences');</w:t>
            </w:r>
          </w:p>
          <w:p w:rsidR="00A35FED" w:rsidRDefault="00A35FED" w:rsidP="00A35FED">
            <w:r>
              <w:t xml:space="preserve">                            fnSetLocations(filter.location);</w:t>
            </w:r>
          </w:p>
          <w:p w:rsidR="00A35FED" w:rsidRDefault="00A35FED" w:rsidP="00A35FED">
            <w:r>
              <w:t xml:space="preserve">                            let params = {</w:t>
            </w:r>
          </w:p>
          <w:p w:rsidR="00A35FED" w:rsidRDefault="00A35FED" w:rsidP="00A35FED">
            <w:r>
              <w:lastRenderedPageBreak/>
              <w:t xml:space="preserve">                                "q": $("#txtSearchText").val(),</w:t>
            </w:r>
          </w:p>
          <w:p w:rsidR="00A35FED" w:rsidRDefault="00A35FED" w:rsidP="00A35FED">
            <w:r>
              <w:t xml:space="preserve">                                "filter": btoa(fnStringifyObject(filter))</w:t>
            </w:r>
          </w:p>
          <w:p w:rsidR="00A35FED" w:rsidRDefault="00A35FED" w:rsidP="00A35FED">
            <w:r>
              <w:t xml:space="preserve">                            };</w:t>
            </w:r>
          </w:p>
          <w:p w:rsidR="00A35FED" w:rsidRDefault="00A35FED" w:rsidP="00A35FED">
            <w:r>
              <w:t xml:space="preserve">                            $("#txtFilterData").val(JSON.stringify(fnRefineObject(params)));</w:t>
            </w:r>
          </w:p>
          <w:p w:rsidR="00A35FED" w:rsidRDefault="00A35FED" w:rsidP="00A35FED">
            <w:r>
              <w:t xml:space="preserve">                            fnSetSPFCookie();</w:t>
            </w:r>
          </w:p>
          <w:p w:rsidR="00A35FED" w:rsidRDefault="00A35FED" w:rsidP="00A35FED">
            <w:r>
              <w:t xml:space="preserve">                        }</w:t>
            </w:r>
          </w:p>
          <w:p w:rsidR="00A35FED" w:rsidRDefault="00A35FED" w:rsidP="00A35FED"/>
          <w:p w:rsidR="00A35FED" w:rsidRDefault="00A35FED" w:rsidP="00A35FED">
            <w:r>
              <w:t xml:space="preserve">                        function fnSetSPFCookie() {</w:t>
            </w:r>
          </w:p>
          <w:p w:rsidR="00A35FED" w:rsidRDefault="00A35FED" w:rsidP="00A35FED">
            <w:r>
              <w:t xml:space="preserve">                            var pref = fnGetSearchQuery();</w:t>
            </w:r>
          </w:p>
          <w:p w:rsidR="00A35FED" w:rsidRDefault="00A35FED" w:rsidP="00A35FED">
            <w:r>
              <w:t xml:space="preserve">                            window.setCookie("PREF", btoa(fnStringifyObject(pref)), 30);</w:t>
            </w:r>
          </w:p>
          <w:p w:rsidR="00A35FED" w:rsidRDefault="00A35FED" w:rsidP="00A35FED">
            <w:r>
              <w:t xml:space="preserve">                        }</w:t>
            </w:r>
          </w:p>
          <w:p w:rsidR="00A35FED" w:rsidRDefault="00A35FED" w:rsidP="00A35FED"/>
          <w:p w:rsidR="00A35FED" w:rsidRDefault="00A35FED" w:rsidP="00A35FED">
            <w:r>
              <w:t xml:space="preserve">                        function fnSetLocations(data) {</w:t>
            </w:r>
          </w:p>
          <w:p w:rsidR="00A35FED" w:rsidRDefault="00A35FED" w:rsidP="00A35FED">
            <w:r>
              <w:t xml:space="preserve">                            if (data instanceof Array) {</w:t>
            </w:r>
          </w:p>
          <w:p w:rsidR="00A35FED" w:rsidRDefault="00A35FED" w:rsidP="00A35FED">
            <w:r>
              <w:t xml:space="preserve">                                data.forEach(function(item) {</w:t>
            </w:r>
          </w:p>
          <w:p w:rsidR="00A35FED" w:rsidRDefault="00A35FED" w:rsidP="00A35FED">
            <w:r>
              <w:t xml:space="preserve">                                    fnAddLocationItem(item);</w:t>
            </w:r>
          </w:p>
          <w:p w:rsidR="00A35FED" w:rsidRDefault="00A35FED" w:rsidP="00A35FED">
            <w:r>
              <w:t xml:space="preserve">                                });</w:t>
            </w:r>
          </w:p>
          <w:p w:rsidR="00A35FED" w:rsidRDefault="00A35FED" w:rsidP="00A35FED">
            <w:r>
              <w:t xml:space="preserve">                            } else if (data !== "") {</w:t>
            </w:r>
          </w:p>
          <w:p w:rsidR="00A35FED" w:rsidRDefault="00A35FED" w:rsidP="00A35FED">
            <w:r>
              <w:t xml:space="preserve">                                fnAddLocationItem(data);</w:t>
            </w:r>
          </w:p>
          <w:p w:rsidR="00A35FED" w:rsidRDefault="00A35FED" w:rsidP="00A35FED">
            <w:r>
              <w:t xml:space="preserve">                            }</w:t>
            </w:r>
          </w:p>
          <w:p w:rsidR="00A35FED" w:rsidRDefault="00A35FED" w:rsidP="00A35FED">
            <w:r>
              <w:t xml:space="preserve">                            $("#txtLocation").val("");</w:t>
            </w:r>
          </w:p>
          <w:p w:rsidR="00A35FED" w:rsidRDefault="00A35FED" w:rsidP="00A35FED">
            <w:r>
              <w:t xml:space="preserve">                        }</w:t>
            </w:r>
          </w:p>
          <w:p w:rsidR="00A35FED" w:rsidRDefault="00A35FED" w:rsidP="00A35FED"/>
          <w:p w:rsidR="00A35FED" w:rsidRDefault="00A35FED" w:rsidP="00A35FED">
            <w:r>
              <w:t xml:space="preserve">                        function fnAddLocationItem(data, theme = 'primary', title = "Added Location") {</w:t>
            </w:r>
          </w:p>
          <w:p w:rsidR="00A35FED" w:rsidRDefault="00A35FED" w:rsidP="00A35FED">
            <w:r>
              <w:t xml:space="preserve">                            let locData = data.split('~');</w:t>
            </w:r>
          </w:p>
          <w:p w:rsidR="00A35FED" w:rsidRDefault="00A35FED" w:rsidP="00A35FED">
            <w:r>
              <w:t xml:space="preserve">                            var existing = $("#divLocations button:contains(" + locData[1] + ")");</w:t>
            </w:r>
          </w:p>
          <w:p w:rsidR="00A35FED" w:rsidRDefault="00A35FED" w:rsidP="00A35FED">
            <w:r>
              <w:t xml:space="preserve">                            if (existing.length &gt; 0) {</w:t>
            </w:r>
          </w:p>
          <w:p w:rsidR="00A35FED" w:rsidRDefault="00A35FED" w:rsidP="00A35FED">
            <w:r>
              <w:t xml:space="preserve">                                $(existing).attr("title", title);</w:t>
            </w:r>
          </w:p>
          <w:p w:rsidR="00A35FED" w:rsidRDefault="00A35FED" w:rsidP="00A35FED">
            <w:r>
              <w:t xml:space="preserve">                                $(existing).removeClass("btn-outline-primary");</w:t>
            </w:r>
          </w:p>
          <w:p w:rsidR="00A35FED" w:rsidRDefault="00A35FED" w:rsidP="00A35FED">
            <w:r>
              <w:t xml:space="preserve">                                $(existing).addClass("btn-outline-" + theme);</w:t>
            </w:r>
          </w:p>
          <w:p w:rsidR="00A35FED" w:rsidRDefault="00A35FED" w:rsidP="00A35FED">
            <w:r>
              <w:t xml:space="preserve">                            } else {</w:t>
            </w:r>
          </w:p>
          <w:p w:rsidR="00A35FED" w:rsidRDefault="00A35FED" w:rsidP="00A35FED">
            <w:r>
              <w:t xml:space="preserve">                                var template = $('&lt;button type="button" class="btn btn-outline-' + theme +</w:t>
            </w:r>
          </w:p>
          <w:p w:rsidR="00A35FED" w:rsidRDefault="00A35FED" w:rsidP="00A35FED">
            <w:r>
              <w:t xml:space="preserve">                                    ' btn-sm mr-1 mb-1 wow fadeInDown"&gt;&lt;span class="badge remove-item ml-1"&gt;&amp;times;&lt;/span&gt;&lt;/button&gt;'</w:t>
            </w:r>
          </w:p>
          <w:p w:rsidR="00A35FED" w:rsidRDefault="00A35FED" w:rsidP="00A35FED">
            <w:r>
              <w:t xml:space="preserve">                                );</w:t>
            </w:r>
          </w:p>
          <w:p w:rsidR="00A35FED" w:rsidRDefault="00A35FED" w:rsidP="00A35FED">
            <w:r>
              <w:t xml:space="preserve">                                template.prepend(_.upperFirst(_.camelCase(locData[0])) + ": " + locData[1]);</w:t>
            </w:r>
          </w:p>
          <w:p w:rsidR="00A35FED" w:rsidRDefault="00A35FED" w:rsidP="00A35FED">
            <w:r>
              <w:t xml:space="preserve">                                $(template).data("location", data);</w:t>
            </w:r>
          </w:p>
          <w:p w:rsidR="00A35FED" w:rsidRDefault="00A35FED" w:rsidP="00A35FED">
            <w:r>
              <w:t xml:space="preserve">                                $(template).attr("title", title);</w:t>
            </w:r>
          </w:p>
          <w:p w:rsidR="00A35FED" w:rsidRDefault="00A35FED" w:rsidP="00A35FED">
            <w:r>
              <w:t xml:space="preserve">                                $("#divLocations").append(template);</w:t>
            </w:r>
          </w:p>
          <w:p w:rsidR="00A35FED" w:rsidRDefault="00A35FED" w:rsidP="00A35FED">
            <w:r>
              <w:t xml:space="preserve">                            }</w:t>
            </w:r>
          </w:p>
          <w:p w:rsidR="00A35FED" w:rsidRDefault="00A35FED" w:rsidP="00A35FED">
            <w:r>
              <w:t xml:space="preserve">                            if (locData[0] === "zip_code") {</w:t>
            </w:r>
          </w:p>
          <w:p w:rsidR="00A35FED" w:rsidRDefault="00A35FED" w:rsidP="00A35FED">
            <w:r>
              <w:t xml:space="preserve">                                $("#divRadius").show();</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function fnSetCheckbox(data, name) {</w:t>
            </w:r>
          </w:p>
          <w:p w:rsidR="00A35FED" w:rsidRDefault="00A35FED" w:rsidP="00A35FED">
            <w:r>
              <w:t xml:space="preserve">                            if (data instanceof Array) {</w:t>
            </w:r>
          </w:p>
          <w:p w:rsidR="00A35FED" w:rsidRDefault="00A35FED" w:rsidP="00A35FED">
            <w:r>
              <w:t xml:space="preserve">                                data.forEach(function(item, index) {</w:t>
            </w:r>
          </w:p>
          <w:p w:rsidR="00A35FED" w:rsidRDefault="00A35FED" w:rsidP="00A35FED">
            <w:r>
              <w:lastRenderedPageBreak/>
              <w:t xml:space="preserve">                                    $("input[name='" + name + "[]'][value='" + item + "']").prop("checked",</w:t>
            </w:r>
          </w:p>
          <w:p w:rsidR="00A35FED" w:rsidRDefault="00A35FED" w:rsidP="00A35FED">
            <w:r>
              <w:t xml:space="preserve">                                        true);</w:t>
            </w:r>
          </w:p>
          <w:p w:rsidR="00A35FED" w:rsidRDefault="00A35FED" w:rsidP="00A35FED">
            <w:r>
              <w:t xml:space="preserve">                                });</w:t>
            </w:r>
          </w:p>
          <w:p w:rsidR="00A35FED" w:rsidRDefault="00A35FED" w:rsidP="00A35FED">
            <w:r>
              <w:t xml:space="preserve">                            } else if (data !== "") {</w:t>
            </w:r>
          </w:p>
          <w:p w:rsidR="00A35FED" w:rsidRDefault="00A35FED" w:rsidP="00A35FED">
            <w:r>
              <w:t xml:space="preserve">                                $("input[name='" + name + "[]'][value='" + data + "']").prop("checked", true);</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function fnObjectToQuery(obj) {</w:t>
            </w:r>
          </w:p>
          <w:p w:rsidR="00A35FED" w:rsidRDefault="00A35FED" w:rsidP="00A35FED">
            <w:r>
              <w:t xml:space="preserve">                            obj = fnRefineObject(obj);</w:t>
            </w:r>
          </w:p>
          <w:p w:rsidR="00A35FED" w:rsidRDefault="00A35FED" w:rsidP="00A35FED">
            <w:r>
              <w:t xml:space="preserve">                            return Object.keys(obj).map(function(prop) {</w:t>
            </w:r>
          </w:p>
          <w:p w:rsidR="00A35FED" w:rsidRDefault="00A35FED" w:rsidP="00A35FED">
            <w:r>
              <w:t xml:space="preserve">                                return prop + "=" + obj[prop];</w:t>
            </w:r>
          </w:p>
          <w:p w:rsidR="00A35FED" w:rsidRDefault="00A35FED" w:rsidP="00A35FED">
            <w:r>
              <w:t xml:space="preserve">                            }).join("&amp;");</w:t>
            </w:r>
          </w:p>
          <w:p w:rsidR="00A35FED" w:rsidRDefault="00A35FED" w:rsidP="00A35FED">
            <w:r>
              <w:t xml:space="preserve">                        }</w:t>
            </w:r>
          </w:p>
          <w:p w:rsidR="00A35FED" w:rsidRDefault="00A35FED" w:rsidP="00A35FED"/>
          <w:p w:rsidR="00A35FED" w:rsidRDefault="00A35FED" w:rsidP="00A35FED">
            <w:r>
              <w:t xml:space="preserve">                        function fnParseFilter(sFilter) {</w:t>
            </w:r>
          </w:p>
          <w:p w:rsidR="00A35FED" w:rsidRDefault="00A35FED" w:rsidP="00A35FED">
            <w:r>
              <w:t xml:space="preserve">                            sFilter = atob(sFilter.replace(/\s+/g, '+'));</w:t>
            </w:r>
          </w:p>
          <w:p w:rsidR="00A35FED" w:rsidRDefault="00A35FED" w:rsidP="00A35FED">
            <w:r>
              <w:t xml:space="preserve">                            let newArray = {</w:t>
            </w:r>
          </w:p>
          <w:p w:rsidR="00A35FED" w:rsidRDefault="00A35FED" w:rsidP="00A35FED">
            <w:r>
              <w:t xml:space="preserve">                                'radius': '',</w:t>
            </w:r>
          </w:p>
          <w:p w:rsidR="00A35FED" w:rsidRDefault="00A35FED" w:rsidP="00A35FED">
            <w:r>
              <w:t xml:space="preserve">                                'location': '',</w:t>
            </w:r>
          </w:p>
          <w:p w:rsidR="00A35FED" w:rsidRDefault="00A35FED" w:rsidP="00A35FED">
            <w:r>
              <w:t xml:space="preserve">                                //'residences': '',</w:t>
            </w:r>
          </w:p>
          <w:p w:rsidR="00A35FED" w:rsidRDefault="00A35FED" w:rsidP="00A35FED">
            <w:r>
              <w:t xml:space="preserve">                                'price_range': ''</w:t>
            </w:r>
          </w:p>
          <w:p w:rsidR="00A35FED" w:rsidRDefault="00A35FED" w:rsidP="00A35FED">
            <w:r>
              <w:t xml:space="preserve">                            };</w:t>
            </w:r>
          </w:p>
          <w:p w:rsidR="00A35FED" w:rsidRDefault="00A35FED" w:rsidP="00A35FED">
            <w:r>
              <w:t xml:space="preserve">                            if (sFilter) {</w:t>
            </w:r>
          </w:p>
          <w:p w:rsidR="00A35FED" w:rsidRDefault="00A35FED" w:rsidP="00A35FED">
            <w:r>
              <w:t xml:space="preserve">                                let aryFilter = sFilter.split("|");</w:t>
            </w:r>
          </w:p>
          <w:p w:rsidR="00A35FED" w:rsidRDefault="00A35FED" w:rsidP="00A35FED">
            <w:r>
              <w:t xml:space="preserve">                                aryFilter.forEach(function(item, index) {</w:t>
            </w:r>
          </w:p>
          <w:p w:rsidR="00A35FED" w:rsidRDefault="00A35FED" w:rsidP="00A35FED">
            <w:r>
              <w:t xml:space="preserve">                                    let keyPair = item.split(":");</w:t>
            </w:r>
          </w:p>
          <w:p w:rsidR="00A35FED" w:rsidRDefault="00A35FED" w:rsidP="00A35FED">
            <w:r>
              <w:t xml:space="preserve">                                    newArray[keyPair[0]] = (keyPair[1].indexOf(",") === -1 ? keyPair[1] :</w:t>
            </w:r>
          </w:p>
          <w:p w:rsidR="00A35FED" w:rsidRDefault="00A35FED" w:rsidP="00A35FED">
            <w:r>
              <w:t xml:space="preserve">                                        keyPair[1].split(","));</w:t>
            </w:r>
          </w:p>
          <w:p w:rsidR="00A35FED" w:rsidRDefault="00A35FED" w:rsidP="00A35FED">
            <w:r>
              <w:t xml:space="preserve">                                });</w:t>
            </w:r>
          </w:p>
          <w:p w:rsidR="00A35FED" w:rsidRDefault="00A35FED" w:rsidP="00A35FED">
            <w:r>
              <w:t xml:space="preserve">                            }</w:t>
            </w:r>
          </w:p>
          <w:p w:rsidR="00A35FED" w:rsidRDefault="00A35FED" w:rsidP="00A35FED">
            <w:r>
              <w:t xml:space="preserve">                            return newArray;</w:t>
            </w:r>
          </w:p>
          <w:p w:rsidR="00A35FED" w:rsidRDefault="00A35FED" w:rsidP="00A35FED">
            <w:r>
              <w:t xml:space="preserve">                        }</w:t>
            </w:r>
          </w:p>
          <w:p w:rsidR="00A35FED" w:rsidRDefault="00A35FED" w:rsidP="00A35FED"/>
          <w:p w:rsidR="00A35FED" w:rsidRDefault="00A35FED" w:rsidP="00A35FED">
            <w:r>
              <w:t xml:space="preserve">                        function fnStringifyObject(obj) {</w:t>
            </w:r>
          </w:p>
          <w:p w:rsidR="00A35FED" w:rsidRDefault="00A35FED" w:rsidP="00A35FED">
            <w:r>
              <w:t xml:space="preserve">                            obj = fnRefineObject(obj);</w:t>
            </w:r>
          </w:p>
          <w:p w:rsidR="00A35FED" w:rsidRDefault="00A35FED" w:rsidP="00A35FED">
            <w:r>
              <w:t xml:space="preserve">                            let newArray = [];</w:t>
            </w:r>
          </w:p>
          <w:p w:rsidR="00A35FED" w:rsidRDefault="00A35FED" w:rsidP="00A35FED">
            <w:r>
              <w:t xml:space="preserve">                            Object.keys(obj).forEach((prop) =&gt; {</w:t>
            </w:r>
          </w:p>
          <w:p w:rsidR="00A35FED" w:rsidRDefault="00A35FED" w:rsidP="00A35FED">
            <w:r>
              <w:t xml:space="preserve">                                newArray.push(prop + ":" + ((obj[prop].constructor === Array) ? obj[prop].join(</w:t>
            </w:r>
          </w:p>
          <w:p w:rsidR="00A35FED" w:rsidRDefault="00A35FED" w:rsidP="00A35FED">
            <w:r>
              <w:t xml:space="preserve">                                    ",") : obj[prop]));</w:t>
            </w:r>
          </w:p>
          <w:p w:rsidR="00A35FED" w:rsidRDefault="00A35FED" w:rsidP="00A35FED">
            <w:r>
              <w:t xml:space="preserve">                            });</w:t>
            </w:r>
          </w:p>
          <w:p w:rsidR="00A35FED" w:rsidRDefault="00A35FED" w:rsidP="00A35FED">
            <w:r>
              <w:t xml:space="preserve">                            return newArray.join("|");</w:t>
            </w:r>
          </w:p>
          <w:p w:rsidR="00A35FED" w:rsidRDefault="00A35FED" w:rsidP="00A35FED">
            <w:r>
              <w:t xml:space="preserve">                        }</w:t>
            </w:r>
          </w:p>
          <w:p w:rsidR="00A35FED" w:rsidRDefault="00A35FED" w:rsidP="00A35FED"/>
          <w:p w:rsidR="00A35FED" w:rsidRDefault="00A35FED" w:rsidP="00A35FED">
            <w:r>
              <w:t xml:space="preserve">                        function fnRefineObject(obj) {</w:t>
            </w:r>
          </w:p>
          <w:p w:rsidR="00A35FED" w:rsidRDefault="00A35FED" w:rsidP="00A35FED">
            <w:r>
              <w:t xml:space="preserve">                            let newObj = {};</w:t>
            </w:r>
          </w:p>
          <w:p w:rsidR="00A35FED" w:rsidRDefault="00A35FED" w:rsidP="00A35FED">
            <w:r>
              <w:t xml:space="preserve">                            Object.keys(obj).forEach((prop) =&gt; {</w:t>
            </w:r>
          </w:p>
          <w:p w:rsidR="00A35FED" w:rsidRDefault="00A35FED" w:rsidP="00A35FED">
            <w:r>
              <w:t xml:space="preserve">                                if (obj[prop] &amp;&amp; !(Object.keys(obj[prop]).length === 0 &amp;&amp; obj[prop]</w:t>
            </w:r>
          </w:p>
          <w:p w:rsidR="00A35FED" w:rsidRDefault="00A35FED" w:rsidP="00A35FED">
            <w:r>
              <w:lastRenderedPageBreak/>
              <w:t xml:space="preserve">                                        .constructor === Object) &amp;&amp;</w:t>
            </w:r>
          </w:p>
          <w:p w:rsidR="00A35FED" w:rsidRDefault="00A35FED" w:rsidP="00A35FED">
            <w:r>
              <w:t xml:space="preserve">                                    !(obj[prop].constructor === Array &amp;&amp; obj[prop].length === 0)) {</w:t>
            </w:r>
          </w:p>
          <w:p w:rsidR="00A35FED" w:rsidRDefault="00A35FED" w:rsidP="00A35FED">
            <w:r>
              <w:t xml:space="preserve">                                    newObj[prop] = obj[prop];</w:t>
            </w:r>
          </w:p>
          <w:p w:rsidR="00A35FED" w:rsidRDefault="00A35FED" w:rsidP="00A35FED">
            <w:r>
              <w:t xml:space="preserve">                                }</w:t>
            </w:r>
          </w:p>
          <w:p w:rsidR="00A35FED" w:rsidRDefault="00A35FED" w:rsidP="00A35FED">
            <w:r>
              <w:t xml:space="preserve">                            });</w:t>
            </w:r>
          </w:p>
          <w:p w:rsidR="00A35FED" w:rsidRDefault="00A35FED" w:rsidP="00A35FED">
            <w:r>
              <w:t xml:space="preserve">                            return newObj;</w:t>
            </w:r>
          </w:p>
          <w:p w:rsidR="00A35FED" w:rsidRDefault="00A35FED" w:rsidP="00A35FED">
            <w:r>
              <w:t xml:space="preserve">                        }</w:t>
            </w:r>
          </w:p>
          <w:p w:rsidR="00A35FED" w:rsidRDefault="00A35FED" w:rsidP="00A35FED"/>
          <w:p w:rsidR="00A35FED" w:rsidRDefault="00A35FED" w:rsidP="00A35FED">
            <w:r>
              <w:t xml:space="preserve">                        function initAutocomplete() {</w:t>
            </w:r>
          </w:p>
          <w:p w:rsidR="00A35FED" w:rsidRDefault="00A35FED" w:rsidP="00A35FED">
            <w:r>
              <w:t xml:space="preserve">                            geoLocate();</w:t>
            </w:r>
          </w:p>
          <w:p w:rsidR="00A35FED" w:rsidRDefault="00A35FED" w:rsidP="00A35FED">
            <w:r>
              <w:t xml:space="preserve">                            autocomplete = new google.maps.places.Autocomplete(</w:t>
            </w:r>
          </w:p>
          <w:p w:rsidR="00A35FED" w:rsidRDefault="00A35FED" w:rsidP="00A35FED">
            <w:r>
              <w:t xml:space="preserve">                                document.getElementById('txtLocation'), {</w:t>
            </w:r>
          </w:p>
          <w:p w:rsidR="00A35FED" w:rsidRDefault="00A35FED" w:rsidP="00A35FED">
            <w:r>
              <w:t xml:space="preserve">                                    types: ['geocode'],</w:t>
            </w:r>
          </w:p>
          <w:p w:rsidR="00A35FED" w:rsidRDefault="00A35FED" w:rsidP="00A35FED">
            <w:r>
              <w:t xml:space="preserve">                                    componentRestrictions: {</w:t>
            </w:r>
          </w:p>
          <w:p w:rsidR="00A35FED" w:rsidRDefault="00A35FED" w:rsidP="00A35FED">
            <w:r>
              <w:t xml:space="preserve">                                        country: "us"</w:t>
            </w:r>
          </w:p>
          <w:p w:rsidR="00A35FED" w:rsidRDefault="00A35FED" w:rsidP="00A35FED">
            <w:r>
              <w:t xml:space="preserve">                                    }</w:t>
            </w:r>
          </w:p>
          <w:p w:rsidR="00A35FED" w:rsidRDefault="00A35FED" w:rsidP="00A35FED">
            <w:r>
              <w:t xml:space="preserve">                                });</w:t>
            </w:r>
          </w:p>
          <w:p w:rsidR="00A35FED" w:rsidRDefault="00A35FED" w:rsidP="00A35FED">
            <w:r>
              <w:t xml:space="preserve">                            autocomplete.setFields(['address_component']);</w:t>
            </w:r>
          </w:p>
          <w:p w:rsidR="00A35FED" w:rsidRDefault="00A35FED" w:rsidP="00A35FED">
            <w:r>
              <w:t xml:space="preserve">                            autocomplete.addListener('place_changed', fnPlaceChanged);</w:t>
            </w:r>
          </w:p>
          <w:p w:rsidR="00A35FED" w:rsidRDefault="00A35FED" w:rsidP="00A35FED">
            <w:r>
              <w:t xml:space="preserve">                            google.maps.event.addDomListener(document.getElementById('txtLocation'), 'keydown',</w:t>
            </w:r>
          </w:p>
          <w:p w:rsidR="00A35FED" w:rsidRDefault="00A35FED" w:rsidP="00A35FED">
            <w:r>
              <w:t xml:space="preserve">                                function(e) {</w:t>
            </w:r>
          </w:p>
          <w:p w:rsidR="00A35FED" w:rsidRDefault="00A35FED" w:rsidP="00A35FED">
            <w:r>
              <w:t xml:space="preserve">                                    if (e.keyCode === 13) {</w:t>
            </w:r>
          </w:p>
          <w:p w:rsidR="00A35FED" w:rsidRDefault="00A35FED" w:rsidP="00A35FED">
            <w:r>
              <w:t xml:space="preserve">                                        e.preventDefault();</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function fnPlaceChanged() {</w:t>
            </w:r>
          </w:p>
          <w:p w:rsidR="00A35FED" w:rsidRDefault="00A35FED" w:rsidP="00A35FED">
            <w:r>
              <w:t xml:space="preserve">                            var place = autocomplete.getPlace();</w:t>
            </w:r>
          </w:p>
          <w:p w:rsidR="00A35FED" w:rsidRDefault="00A35FED" w:rsidP="00A35FED">
            <w:r>
              <w:t xml:space="preserve">                            var locationData = fnGetLocationData(place);</w:t>
            </w:r>
          </w:p>
          <w:p w:rsidR="00A35FED" w:rsidRDefault="00A35FED" w:rsidP="00A35FED">
            <w:r>
              <w:t xml:space="preserve">                            if (locationData !== "") {</w:t>
            </w:r>
          </w:p>
          <w:p w:rsidR="00A35FED" w:rsidRDefault="00A35FED" w:rsidP="00A35FED">
            <w:r>
              <w:t xml:space="preserve">                                fnAddLocationItem(locationData);</w:t>
            </w:r>
          </w:p>
          <w:p w:rsidR="00A35FED" w:rsidRDefault="00A35FED" w:rsidP="00A35FED">
            <w:r>
              <w:t xml:space="preserve">                            } else {</w:t>
            </w:r>
          </w:p>
          <w:p w:rsidR="00A35FED" w:rsidRDefault="00A35FED" w:rsidP="00A35FED">
            <w:r>
              <w:t xml:space="preserve">                                swal.fire({</w:t>
            </w:r>
          </w:p>
          <w:p w:rsidR="00A35FED" w:rsidRDefault="00A35FED" w:rsidP="00A35FED">
            <w:r>
              <w:t xml:space="preserve">                                    title: "Invalid input!!",</w:t>
            </w:r>
          </w:p>
          <w:p w:rsidR="00A35FED" w:rsidRDefault="00A35FED" w:rsidP="00A35FED">
            <w:r>
              <w:t xml:space="preserve">                                    text: "Please enter a city or zip code.",</w:t>
            </w:r>
          </w:p>
          <w:p w:rsidR="00A35FED" w:rsidRDefault="00A35FED" w:rsidP="00A35FED">
            <w:r>
              <w:t xml:space="preserve">                                    icon: "warning",</w:t>
            </w:r>
          </w:p>
          <w:p w:rsidR="00A35FED" w:rsidRDefault="00A35FED" w:rsidP="00A35FED">
            <w:r>
              <w:t xml:space="preserve">                                    confirmButtonColor: "#DD6B55",</w:t>
            </w:r>
          </w:p>
          <w:p w:rsidR="00A35FED" w:rsidRDefault="00A35FED" w:rsidP="00A35FED">
            <w:r>
              <w:t xml:space="preserve">                                    confirmButtonText: "Ok, Got it!!",</w:t>
            </w:r>
          </w:p>
          <w:p w:rsidR="00A35FED" w:rsidRDefault="00A35FED" w:rsidP="00A35FED">
            <w:r>
              <w:t xml:space="preserve">                                    allowOutsideClick: false</w:t>
            </w:r>
          </w:p>
          <w:p w:rsidR="00A35FED" w:rsidRDefault="00A35FED" w:rsidP="00A35FED">
            <w:r>
              <w:t xml:space="preserve">                                });</w:t>
            </w:r>
          </w:p>
          <w:p w:rsidR="00A35FED" w:rsidRDefault="00A35FED" w:rsidP="00A35FED">
            <w:r>
              <w:t xml:space="preserve">                            }</w:t>
            </w:r>
          </w:p>
          <w:p w:rsidR="00A35FED" w:rsidRDefault="00A35FED" w:rsidP="00A35FED">
            <w:r>
              <w:t xml:space="preserve">                            $("#txtLocation").val("");</w:t>
            </w:r>
          </w:p>
          <w:p w:rsidR="00A35FED" w:rsidRDefault="00A35FED" w:rsidP="00A35FED">
            <w:r>
              <w:t xml:space="preserve">                        }</w:t>
            </w:r>
          </w:p>
          <w:p w:rsidR="00A35FED" w:rsidRDefault="00A35FED" w:rsidP="00A35FED"/>
          <w:p w:rsidR="00A35FED" w:rsidRDefault="00A35FED" w:rsidP="00A35FED">
            <w:r>
              <w:t xml:space="preserve">                        function fnGetLocationData(place) {</w:t>
            </w:r>
          </w:p>
          <w:p w:rsidR="00A35FED" w:rsidRDefault="00A35FED" w:rsidP="00A35FED">
            <w:r>
              <w:t xml:space="preserve">                            var location = {},</w:t>
            </w:r>
          </w:p>
          <w:p w:rsidR="00A35FED" w:rsidRDefault="00A35FED" w:rsidP="00A35FED">
            <w:r>
              <w:lastRenderedPageBreak/>
              <w:t xml:space="preserve">                                locationData = "";</w:t>
            </w:r>
          </w:p>
          <w:p w:rsidR="00A35FED" w:rsidRDefault="00A35FED" w:rsidP="00A35FED">
            <w:r>
              <w:t xml:space="preserve">                            for (var i = 0; i &lt; place.address_components.length; i++) {</w:t>
            </w:r>
          </w:p>
          <w:p w:rsidR="00A35FED" w:rsidRDefault="00A35FED" w:rsidP="00A35FED">
            <w:r>
              <w:t xml:space="preserve">                                var addressType = place.address_components[i].types[0];</w:t>
            </w:r>
          </w:p>
          <w:p w:rsidR="00A35FED" w:rsidRDefault="00A35FED" w:rsidP="00A35FED">
            <w:r>
              <w:t xml:space="preserve">                                if (addressType === "postal_code") {</w:t>
            </w:r>
          </w:p>
          <w:p w:rsidR="00A35FED" w:rsidRDefault="00A35FED" w:rsidP="00A35FED">
            <w:r>
              <w:t xml:space="preserve">                                    location["zip_code"] = place.address_components[i]["short_name"];</w:t>
            </w:r>
          </w:p>
          <w:p w:rsidR="00A35FED" w:rsidRDefault="00A35FED" w:rsidP="00A35FED">
            <w:r>
              <w:t xml:space="preserve">                                }</w:t>
            </w:r>
          </w:p>
          <w:p w:rsidR="00A35FED" w:rsidRDefault="00A35FED" w:rsidP="00A35FED">
            <w:r>
              <w:t xml:space="preserve">                                if (addressType === "locality") {</w:t>
            </w:r>
          </w:p>
          <w:p w:rsidR="00A35FED" w:rsidRDefault="00A35FED" w:rsidP="00A35FED">
            <w:r>
              <w:t xml:space="preserve">                                    location["city_alt"] = place.address_components[i]["long_name"];</w:t>
            </w:r>
          </w:p>
          <w:p w:rsidR="00A35FED" w:rsidRDefault="00A35FED" w:rsidP="00A35FED">
            <w:r>
              <w:t xml:space="preserve">                                }</w:t>
            </w:r>
          </w:p>
          <w:p w:rsidR="00A35FED" w:rsidRDefault="00A35FED" w:rsidP="00A35FED">
            <w:r>
              <w:t xml:space="preserve">                                if (addressType === "neighborhood") {</w:t>
            </w:r>
          </w:p>
          <w:p w:rsidR="00A35FED" w:rsidRDefault="00A35FED" w:rsidP="00A35FED">
            <w:r>
              <w:t xml:space="preserve">                                    location["city"] = place.address_components[i]["long_name"];</w:t>
            </w:r>
          </w:p>
          <w:p w:rsidR="00A35FED" w:rsidRDefault="00A35FED" w:rsidP="00A35FED">
            <w:r>
              <w:t xml:space="preserve">                                }</w:t>
            </w:r>
          </w:p>
          <w:p w:rsidR="00A35FED" w:rsidRDefault="00A35FED" w:rsidP="00A35FED">
            <w:r>
              <w:t xml:space="preserve">                                if (addressType === "administrative_area_level_1") {</w:t>
            </w:r>
          </w:p>
          <w:p w:rsidR="00A35FED" w:rsidRDefault="00A35FED" w:rsidP="00A35FED">
            <w:r>
              <w:t xml:space="preserve">                                    location["state"] = place.address_components[i]["short_name"];</w:t>
            </w:r>
          </w:p>
          <w:p w:rsidR="00A35FED" w:rsidRDefault="00A35FED" w:rsidP="00A35FED">
            <w:r>
              <w:t xml:space="preserve">                                }</w:t>
            </w:r>
          </w:p>
          <w:p w:rsidR="00A35FED" w:rsidRDefault="00A35FED" w:rsidP="00A35FED">
            <w:r>
              <w:t xml:space="preserve">                            }</w:t>
            </w:r>
          </w:p>
          <w:p w:rsidR="00A35FED" w:rsidRDefault="00A35FED" w:rsidP="00A35FED">
            <w:r>
              <w:t xml:space="preserve">                            if (location.hasOwnProperty("zip_code")) {</w:t>
            </w:r>
          </w:p>
          <w:p w:rsidR="00A35FED" w:rsidRDefault="00A35FED" w:rsidP="00A35FED">
            <w:r>
              <w:t xml:space="preserve">                                locationData = "zip_code~" + location["zip_code"];</w:t>
            </w:r>
          </w:p>
          <w:p w:rsidR="00A35FED" w:rsidRDefault="00A35FED" w:rsidP="00A35FED">
            <w:r>
              <w:t xml:space="preserve">                            } else if (location.hasOwnProperty("city")) {</w:t>
            </w:r>
          </w:p>
          <w:p w:rsidR="00A35FED" w:rsidRDefault="00A35FED" w:rsidP="00A35FED">
            <w:r>
              <w:t xml:space="preserve">                                locationData = "city~" + location["city"];</w:t>
            </w:r>
          </w:p>
          <w:p w:rsidR="00A35FED" w:rsidRDefault="00A35FED" w:rsidP="00A35FED">
            <w:r>
              <w:t xml:space="preserve">                            } else if (location.hasOwnProperty("city_alt")) {</w:t>
            </w:r>
          </w:p>
          <w:p w:rsidR="00A35FED" w:rsidRDefault="00A35FED" w:rsidP="00A35FED">
            <w:r>
              <w:t xml:space="preserve">                                locationData = "city~" + location["city_alt"];</w:t>
            </w:r>
          </w:p>
          <w:p w:rsidR="00A35FED" w:rsidRDefault="00A35FED" w:rsidP="00A35FED">
            <w:r>
              <w:t xml:space="preserve">                            }</w:t>
            </w:r>
          </w:p>
          <w:p w:rsidR="00A35FED" w:rsidRDefault="00A35FED" w:rsidP="00A35FED">
            <w:r>
              <w:t xml:space="preserve">                            /* else if (location.hasOwnProperty("state")) {</w:t>
            </w:r>
          </w:p>
          <w:p w:rsidR="00A35FED" w:rsidRDefault="00A35FED" w:rsidP="00A35FED">
            <w:r>
              <w:t xml:space="preserve">                                            locationData = "state~" + location["state"];</w:t>
            </w:r>
          </w:p>
          <w:p w:rsidR="00A35FED" w:rsidRDefault="00A35FED" w:rsidP="00A35FED">
            <w:r>
              <w:t xml:space="preserve">                                        }*/</w:t>
            </w:r>
          </w:p>
          <w:p w:rsidR="00A35FED" w:rsidRDefault="00A35FED" w:rsidP="00A35FED">
            <w:r>
              <w:t xml:space="preserve">                            return locationData;</w:t>
            </w:r>
          </w:p>
          <w:p w:rsidR="00A35FED" w:rsidRDefault="00A35FED" w:rsidP="00A35FED">
            <w:r>
              <w:t xml:space="preserve">                        }</w:t>
            </w:r>
          </w:p>
          <w:p w:rsidR="00A35FED" w:rsidRDefault="00A35FED" w:rsidP="00A35FED"/>
          <w:p w:rsidR="00A35FED" w:rsidRDefault="00A35FED" w:rsidP="00A35FED">
            <w:r>
              <w:t xml:space="preserve">                        function geoLocate() {</w:t>
            </w:r>
          </w:p>
          <w:p w:rsidR="00A35FED" w:rsidRDefault="00A35FED" w:rsidP="00A35FED">
            <w:r>
              <w:t xml:space="preserve">                            if (navigator.geolocation) {</w:t>
            </w:r>
          </w:p>
          <w:p w:rsidR="00A35FED" w:rsidRDefault="00A35FED" w:rsidP="00A35FED">
            <w:r>
              <w:t xml:space="preserve">                                navigator.geolocation.getCurrentPosition(function(position) {</w:t>
            </w:r>
          </w:p>
          <w:p w:rsidR="00A35FED" w:rsidRDefault="00A35FED" w:rsidP="00A35FED">
            <w:r>
              <w:t xml:space="preserve">                                    var geolocation = {</w:t>
            </w:r>
          </w:p>
          <w:p w:rsidR="00A35FED" w:rsidRDefault="00A35FED" w:rsidP="00A35FED">
            <w:r>
              <w:t xml:space="preserve">                                        lat: position.coords.latitude,</w:t>
            </w:r>
          </w:p>
          <w:p w:rsidR="00A35FED" w:rsidRDefault="00A35FED" w:rsidP="00A35FED">
            <w:r>
              <w:t xml:space="preserve">                                        lng: position.coords.longitude</w:t>
            </w:r>
          </w:p>
          <w:p w:rsidR="00A35FED" w:rsidRDefault="00A35FED" w:rsidP="00A35FED">
            <w:r>
              <w:t xml:space="preserve">                                    };</w:t>
            </w:r>
          </w:p>
          <w:p w:rsidR="00A35FED" w:rsidRDefault="00A35FED" w:rsidP="00A35FED">
            <w:r>
              <w:t xml:space="preserve">                                    var circle = new google.maps.Circle({</w:t>
            </w:r>
          </w:p>
          <w:p w:rsidR="00A35FED" w:rsidRDefault="00A35FED" w:rsidP="00A35FED">
            <w:r>
              <w:t xml:space="preserve">                                        center: geolocation,</w:t>
            </w:r>
          </w:p>
          <w:p w:rsidR="00A35FED" w:rsidRDefault="00A35FED" w:rsidP="00A35FED">
            <w:r>
              <w:t xml:space="preserve">                                        radius: position.coords.accuracy</w:t>
            </w:r>
          </w:p>
          <w:p w:rsidR="00A35FED" w:rsidRDefault="00A35FED" w:rsidP="00A35FED">
            <w:r>
              <w:t xml:space="preserve">                                    });</w:t>
            </w:r>
          </w:p>
          <w:p w:rsidR="00A35FED" w:rsidRDefault="00A35FED" w:rsidP="00A35FED">
            <w:r>
              <w:t xml:space="preserve">                                    autocomplete.setBounds(circle.getBounds());</w:t>
            </w:r>
          </w:p>
          <w:p w:rsidR="00A35FED" w:rsidRDefault="00A35FED" w:rsidP="00A35FED">
            <w:r>
              <w:t xml:space="preserve">                                    if (!lscache.get("auto_location_off")) {</w:t>
            </w:r>
          </w:p>
          <w:p w:rsidR="00A35FED" w:rsidRDefault="00A35FED" w:rsidP="00A35FED">
            <w:r>
              <w:t xml:space="preserve">                                        var point = new google.maps.LatLng(position.coords.latitude, position</w:t>
            </w:r>
          </w:p>
          <w:p w:rsidR="00A35FED" w:rsidRDefault="00A35FED" w:rsidP="00A35FED">
            <w:r>
              <w:t xml:space="preserve">                                            .coords.longitude);</w:t>
            </w:r>
          </w:p>
          <w:p w:rsidR="00A35FED" w:rsidRDefault="00A35FED" w:rsidP="00A35FED">
            <w:r>
              <w:t xml:space="preserve">                                        new google.maps.Geocoder().geocode({</w:t>
            </w:r>
          </w:p>
          <w:p w:rsidR="00A35FED" w:rsidRDefault="00A35FED" w:rsidP="00A35FED">
            <w:r>
              <w:t xml:space="preserve">                                            'latLng': point</w:t>
            </w:r>
          </w:p>
          <w:p w:rsidR="00A35FED" w:rsidRDefault="00A35FED" w:rsidP="00A35FED">
            <w:r>
              <w:t xml:space="preserve">                                        }, function(res, status) {</w:t>
            </w:r>
          </w:p>
          <w:p w:rsidR="00A35FED" w:rsidRDefault="00A35FED" w:rsidP="00A35FED">
            <w:r>
              <w:t xml:space="preserve">                                            if (status === google.maps.GeocoderStatus.OK &amp;&amp; typeof res[</w:t>
            </w:r>
          </w:p>
          <w:p w:rsidR="00A35FED" w:rsidRDefault="00A35FED" w:rsidP="00A35FED">
            <w:r>
              <w:lastRenderedPageBreak/>
              <w:t xml:space="preserve">                                                    0] !== 'undefined') {</w:t>
            </w:r>
          </w:p>
          <w:p w:rsidR="00A35FED" w:rsidRDefault="00A35FED" w:rsidP="00A35FED">
            <w:r>
              <w:t xml:space="preserve">                                                var locationData = fnGetLocationData(res[0]);</w:t>
            </w:r>
          </w:p>
          <w:p w:rsidR="00A35FED" w:rsidRDefault="00A35FED" w:rsidP="00A35FED">
            <w:r>
              <w:t xml:space="preserve">                                                if (locationData !== "") {</w:t>
            </w:r>
          </w:p>
          <w:p w:rsidR="00A35FED" w:rsidRDefault="00A35FED" w:rsidP="00A35FED">
            <w:r>
              <w:t xml:space="preserve">                                                    fnAddLocationItem(locationData, 'success',</w:t>
            </w:r>
          </w:p>
          <w:p w:rsidR="00A35FED" w:rsidRDefault="00A35FED" w:rsidP="00A35FED">
            <w:r>
              <w:t xml:space="preserve">                                                        'Your Location');</w:t>
            </w:r>
          </w:p>
          <w:p w:rsidR="00A35FED" w:rsidRDefault="00A35FED" w:rsidP="00A35FED">
            <w:r>
              <w:t xml:space="preserve">                                                } else {</w:t>
            </w:r>
          </w:p>
          <w:p w:rsidR="00A35FED" w:rsidRDefault="00A35FED" w:rsidP="00A35FED">
            <w:r>
              <w:t xml:space="preserve">                                                    fail('Unable to get zip code');</w:t>
            </w:r>
          </w:p>
          <w:p w:rsidR="00A35FED" w:rsidRDefault="00A35FED" w:rsidP="00A35FED">
            <w:r>
              <w:t xml:space="preserve">                                                }</w:t>
            </w:r>
          </w:p>
          <w:p w:rsidR="00A35FED" w:rsidRDefault="00A35FED" w:rsidP="00A35FED">
            <w:r>
              <w:t xml:space="preserve">                                            } else {</w:t>
            </w:r>
          </w:p>
          <w:p w:rsidR="00A35FED" w:rsidRDefault="00A35FED" w:rsidP="00A35FED">
            <w:r>
              <w:t xml:space="preserve">                                                fail('Unable to look-up geolocation');</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 else {</w:t>
            </w:r>
          </w:p>
          <w:p w:rsidR="00A35FED" w:rsidRDefault="00A35FED" w:rsidP="00A35FED">
            <w:r>
              <w:t xml:space="preserve">                                console.log("Geolocation not supported");</w:t>
            </w:r>
          </w:p>
          <w:p w:rsidR="00A35FED" w:rsidRDefault="00A35FED" w:rsidP="00A35FED">
            <w:r>
              <w:t xml:space="preserve">                            }</w:t>
            </w:r>
          </w:p>
          <w:p w:rsidR="00A35FED" w:rsidRDefault="00A35FED" w:rsidP="00A35FED">
            <w:r>
              <w:t xml:space="preserve">                        }</w:t>
            </w:r>
          </w:p>
          <w:p w:rsidR="00A35FED" w:rsidRDefault="00A35FED" w:rsidP="00A35FED">
            <w:r>
              <w:t xml:space="preserve">                        &lt;/script&gt;</w:t>
            </w:r>
          </w:p>
          <w:p w:rsidR="00A35FED" w:rsidRDefault="00A35FED" w:rsidP="00A35FED">
            <w:r>
              <w:t xml:space="preserve">                    &lt;/aside&gt;</w:t>
            </w:r>
          </w:p>
          <w:p w:rsidR="00A35FED" w:rsidRDefault="00A35FED" w:rsidP="00A35FED">
            <w:r>
              <w:t>&lt;!---------------Filter validation ends------------------&gt;</w:t>
            </w:r>
          </w:p>
          <w:p w:rsidR="00A35FED" w:rsidRDefault="00A35FED" w:rsidP="00A35FED">
            <w:r>
              <w:t xml:space="preserve">                        </w:t>
            </w:r>
          </w:p>
          <w:p w:rsidR="00A35FED" w:rsidRDefault="00A35FED" w:rsidP="00A35FED">
            <w:r>
              <w:t>&lt;!---------------residences recomendation starts------------------&gt;</w:t>
            </w:r>
          </w:p>
          <w:p w:rsidR="00A35FED" w:rsidRDefault="00A35FED" w:rsidP="00A35FED"/>
          <w:p w:rsidR="00A35FED" w:rsidRDefault="00A35FED" w:rsidP="00A35FED">
            <w:r>
              <w:t xml:space="preserve">            &lt;div class="col-lg-9"&gt;</w:t>
            </w:r>
          </w:p>
          <w:p w:rsidR="00A35FED" w:rsidRDefault="00A35FED" w:rsidP="00A35FED">
            <w:r>
              <w:t xml:space="preserve">                &lt;div class="row"&gt;</w:t>
            </w:r>
          </w:p>
          <w:p w:rsidR="00A35FED" w:rsidRDefault="00A35FED" w:rsidP="00A35FED">
            <w:r>
              <w:t xml:space="preserve">                    &lt;div class="col-md-12"&gt;</w:t>
            </w:r>
          </w:p>
          <w:p w:rsidR="00A35FED" w:rsidRDefault="00A35FED" w:rsidP="00A35FED">
            <w:r>
              <w:t xml:space="preserve">                        &lt;div class="main_title_2"&gt;</w:t>
            </w:r>
          </w:p>
          <w:p w:rsidR="00A35FED" w:rsidRDefault="00A35FED" w:rsidP="00A35FED">
            <w:r>
              <w:t xml:space="preserve">                            &lt;div class="d-flex justify-content-center align-items-center"&gt;</w:t>
            </w:r>
          </w:p>
          <w:p w:rsidR="00A35FED" w:rsidRDefault="00A35FED" w:rsidP="00A35FED">
            <w:r>
              <w:t xml:space="preserve">                               &lt;img src="spf/img/services/icon/ccrc.png"</w:t>
            </w:r>
          </w:p>
          <w:p w:rsidR="00A35FED" w:rsidRDefault="00A35FED" w:rsidP="00A35FED">
            <w:r>
              <w:t xml:space="preserve">                                            class="img-fluid d-inline-block" width="70" height="70" /&gt;</w:t>
            </w:r>
          </w:p>
          <w:p w:rsidR="00A35FED" w:rsidRDefault="00A35FED" w:rsidP="00A35FED">
            <w:r>
              <w:t xml:space="preserve">                                        &lt;div class="d-inline-block text-left"&gt;</w:t>
            </w:r>
          </w:p>
          <w:p w:rsidR="00A35FED" w:rsidRDefault="00A35FED" w:rsidP="00A35FED">
            <w:r>
              <w:t xml:space="preserve">                                            &lt;h4&gt;CCRC Community&lt;/h4&gt;</w:t>
            </w:r>
          </w:p>
          <w:p w:rsidR="00A35FED" w:rsidRDefault="00A35FED" w:rsidP="00A35FED">
            <w:r>
              <w:t xml:space="preserve">                                            &lt;p class="lead"&gt;List based on Resident Type&lt;/p&gt;</w:t>
            </w:r>
          </w:p>
          <w:p w:rsidR="00A35FED" w:rsidRDefault="00A35FED" w:rsidP="00A35FED">
            <w:r>
              <w:t xml:space="preserve">                                        &lt;/div&gt;</w:t>
            </w:r>
          </w:p>
          <w:p w:rsidR="00A35FED" w:rsidRDefault="00A35FED" w:rsidP="00A35FED">
            <w:r>
              <w:t xml:space="preserve">                            &lt;/div&gt;</w:t>
            </w:r>
          </w:p>
          <w:p w:rsidR="00A35FED" w:rsidRDefault="00A35FED" w:rsidP="00A35FED">
            <w:r>
              <w:t xml:space="preserve">                            &lt;span&gt;&lt;em&gt;&lt;/em&gt;&lt;/span&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col-md-12 no-records"</w:t>
            </w:r>
          </w:p>
          <w:p w:rsidR="00A35FED" w:rsidRDefault="00A35FED" w:rsidP="00A35FED">
            <w:r>
              <w:t xml:space="preserve">                         style="display: none;"&gt;</w:t>
            </w:r>
          </w:p>
          <w:p w:rsidR="00A35FED" w:rsidRDefault="00A35FED" w:rsidP="00A35FED">
            <w:r>
              <w:t xml:space="preserve">                        &lt;div class="pt-3 text-center text-danger"&gt;</w:t>
            </w:r>
          </w:p>
          <w:p w:rsidR="00A35FED" w:rsidRDefault="00A35FED" w:rsidP="00A35FED">
            <w:r>
              <w:t xml:space="preserve">                            &lt;i class="fa fa-smile-wink fa-3x"&gt;&lt;/i&gt;</w:t>
            </w:r>
          </w:p>
          <w:p w:rsidR="00A35FED" w:rsidRDefault="00A35FED" w:rsidP="00A35FED">
            <w:r>
              <w:t xml:space="preserve">                            &lt;h6 class="text-danger mt-3"&gt;Sorry! No matches were found in your search, you can edit your search by selecting more preferences.</w:t>
            </w:r>
          </w:p>
          <w:p w:rsidR="00A35FED" w:rsidRDefault="00A35FED" w:rsidP="00A35FED">
            <w:r>
              <w:t xml:space="preserve">                            &lt;/h6&gt;</w:t>
            </w:r>
          </w:p>
          <w:p w:rsidR="00A35FED" w:rsidRDefault="00A35FED" w:rsidP="00A35FED">
            <w:r>
              <w:t xml:space="preserve">                        &lt;/div&gt;</w:t>
            </w:r>
          </w:p>
          <w:p w:rsidR="00A35FED" w:rsidRDefault="00A35FED" w:rsidP="00A35FED">
            <w:r>
              <w:t xml:space="preserve">                    &lt;/div&gt;</w:t>
            </w:r>
          </w:p>
          <w:p w:rsidR="00A35FED" w:rsidRDefault="00A35FED" w:rsidP="00A35FED">
            <w:r>
              <w:lastRenderedPageBreak/>
              <w:t xml:space="preserve">                    </w:t>
            </w:r>
          </w:p>
          <w:p w:rsidR="00A35FED" w:rsidRDefault="00A35FED" w:rsidP="00A35FED">
            <w:r>
              <w:t xml:space="preserve">                    &lt;div class="row" id="residence_list"&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lt;/div&gt;</w:t>
            </w:r>
          </w:p>
          <w:p w:rsidR="00A35FED" w:rsidRDefault="00A35FED" w:rsidP="00A35FED">
            <w:r>
              <w:t xml:space="preserve">            </w:t>
            </w:r>
          </w:p>
          <w:p w:rsidR="00A35FED" w:rsidRDefault="00A35FED" w:rsidP="00A35FED">
            <w:r>
              <w:t xml:space="preserve">                    &lt;!--&lt;div class="col-md-6 residence wow bounceInUp 0" data-wow-duration="1.5s"</w:t>
            </w:r>
          </w:p>
          <w:p w:rsidR="00A35FED" w:rsidRDefault="00A35FED" w:rsidP="00A35FED">
            <w:r>
              <w:t xml:space="preserve">                             data-wow-delay="0.1s" id="100184"&gt;</w:t>
            </w:r>
          </w:p>
          <w:p w:rsidR="00A35FED" w:rsidRDefault="00A35FED" w:rsidP="00A35FED">
            <w:r>
              <w:t xml:space="preserve">                            &lt;div class="strip grid"&gt;</w:t>
            </w:r>
          </w:p>
          <w:p w:rsidR="00A35FED" w:rsidRDefault="00A35FED" w:rsidP="00A35FED">
            <w:r>
              <w:t xml:space="preserve">    &lt;figure&gt;</w:t>
            </w:r>
          </w:p>
          <w:p w:rsidR="00A35FED" w:rsidRDefault="00A35FED" w:rsidP="00A35FED">
            <w:r>
              <w:t xml:space="preserve">        &lt;a class="wish_bt btn-wishlist " href="javascript:" title="Add To My List"</w:t>
            </w:r>
          </w:p>
          <w:p w:rsidR="00A35FED" w:rsidRDefault="00A35FED" w:rsidP="00A35FED">
            <w:r>
              <w:t xml:space="preserve">           data-toggle="tooltip" data-id="100184"</w:t>
            </w:r>
          </w:p>
          <w:p w:rsidR="00A35FED" w:rsidRDefault="00A35FED" w:rsidP="00A35FED">
            <w:r>
              <w:t xml:space="preserve">           &gt;&lt;/a&gt;</w:t>
            </w:r>
          </w:p>
          <w:p w:rsidR="00A35FED" w:rsidRDefault="00A35FED" w:rsidP="00A35FED">
            <w:r>
              <w:t xml:space="preserve">        &lt;a href="residence/the-meridian-at-anaheim-hills.php"&gt;</w:t>
            </w:r>
          </w:p>
          <w:p w:rsidR="00A35FED" w:rsidRDefault="00A35FED" w:rsidP="00A35FED">
            <w:r>
              <w:t xml:space="preserve">            &lt;img alt="The Meridian at Anaheim Hills" title="The Meridian at Anaheim Hills" class="img-fluid"</w:t>
            </w:r>
          </w:p>
          <w:p w:rsidR="00A35FED" w:rsidRDefault="00A35FED" w:rsidP="00A35FED">
            <w:r>
              <w:t xml:space="preserve">                 height="266" width="400"</w:t>
            </w:r>
          </w:p>
          <w:p w:rsidR="00A35FED" w:rsidRDefault="00A35FED" w:rsidP="00A35FED">
            <w:r>
              <w:t xml:space="preserve">                 src="img/holder/default.svg"/&gt;</w:t>
            </w:r>
          </w:p>
          <w:p w:rsidR="00A35FED" w:rsidRDefault="00A35FED" w:rsidP="00A35FED">
            <w:r>
              <w:t xml:space="preserve">            &lt;div class="read_more"&gt;</w:t>
            </w:r>
          </w:p>
          <w:p w:rsidR="00A35FED" w:rsidRDefault="00A35FED" w:rsidP="00A35FED">
            <w:r>
              <w:t xml:space="preserve">                &lt;span&gt;View Residence&lt;/span&gt;</w:t>
            </w:r>
          </w:p>
          <w:p w:rsidR="00A35FED" w:rsidRDefault="00A35FED" w:rsidP="00A35FED">
            <w:r>
              <w:t xml:space="preserve">            &lt;/div&gt;</w:t>
            </w:r>
          </w:p>
          <w:p w:rsidR="00A35FED" w:rsidRDefault="00A35FED" w:rsidP="00A35FED">
            <w:r>
              <w:t xml:space="preserve">        &lt;/a&gt;</w:t>
            </w:r>
          </w:p>
          <w:p w:rsidR="00A35FED" w:rsidRDefault="00A35FED" w:rsidP="00A35FED">
            <w:r>
              <w:t xml:space="preserve">                    &lt;small&gt;</w:t>
            </w:r>
          </w:p>
          <w:p w:rsidR="00A35FED" w:rsidRDefault="00A35FED" w:rsidP="00A35FED">
            <w:r>
              <w:t xml:space="preserve">                Independent 55+</w:t>
            </w:r>
          </w:p>
          <w:p w:rsidR="00A35FED" w:rsidRDefault="00A35FED" w:rsidP="00A35FED">
            <w:r>
              <w:t xml:space="preserve">            &lt;/small&gt;</w:t>
            </w:r>
          </w:p>
          <w:p w:rsidR="00A35FED" w:rsidRDefault="00A35FED" w:rsidP="00A35FED">
            <w:r>
              <w:t xml:space="preserve">                    &lt;small&gt;</w:t>
            </w:r>
          </w:p>
          <w:p w:rsidR="00A35FED" w:rsidRDefault="00A35FED" w:rsidP="00A35FED">
            <w:r>
              <w:t xml:space="preserve">                Assisted Living</w:t>
            </w:r>
          </w:p>
          <w:p w:rsidR="00A35FED" w:rsidRDefault="00A35FED" w:rsidP="00A35FED">
            <w:r>
              <w:t xml:space="preserve">            &lt;/small&gt;</w:t>
            </w:r>
          </w:p>
          <w:p w:rsidR="00A35FED" w:rsidRDefault="00A35FED" w:rsidP="00A35FED">
            <w:r>
              <w:t xml:space="preserve">                    &lt;/figure&gt;</w:t>
            </w:r>
          </w:p>
          <w:p w:rsidR="00A35FED" w:rsidRDefault="00A35FED" w:rsidP="00A35FED">
            <w:r>
              <w:t xml:space="preserve">    &lt;div class="wrapper"&gt;</w:t>
            </w:r>
          </w:p>
          <w:p w:rsidR="00A35FED" w:rsidRDefault="00A35FED" w:rsidP="00A35FED">
            <w:r>
              <w:t xml:space="preserve">        &lt;h3&gt;</w:t>
            </w:r>
          </w:p>
          <w:p w:rsidR="00A35FED" w:rsidRDefault="00A35FED" w:rsidP="00A35FED">
            <w:r>
              <w:t xml:space="preserve">            &lt;a href="residence/the-meridian-at-anaheim-hills.php"&gt;</w:t>
            </w:r>
          </w:p>
          <w:p w:rsidR="00A35FED" w:rsidRDefault="00A35FED" w:rsidP="00A35FED">
            <w:r>
              <w:t xml:space="preserve">                The Meridian at Anaheim Hills</w:t>
            </w:r>
          </w:p>
          <w:p w:rsidR="00A35FED" w:rsidRDefault="00A35FED" w:rsidP="00A35FED">
            <w:r>
              <w:t xml:space="preserve">            &lt;/a&gt;</w:t>
            </w:r>
          </w:p>
          <w:p w:rsidR="00A35FED" w:rsidRDefault="00A35FED" w:rsidP="00A35FED">
            <w:r>
              <w:t xml:space="preserve">        &lt;/h3&gt;</w:t>
            </w:r>
          </w:p>
          <w:p w:rsidR="00A35FED" w:rsidRDefault="00A35FED" w:rsidP="00A35FED">
            <w:r>
              <w:t xml:space="preserve">        &lt;p&gt;Independent / Adult Active 55+ Community Residence</w:t>
            </w:r>
          </w:p>
          <w:p w:rsidR="00A35FED" w:rsidRDefault="00A35FED" w:rsidP="00A35FED">
            <w:r>
              <w:t xml:space="preserve">                    &lt;/p&gt;</w:t>
            </w:r>
          </w:p>
          <w:p w:rsidR="00A35FED" w:rsidRDefault="00A35FED" w:rsidP="00A35FED">
            <w:r>
              <w:t xml:space="preserve">    &lt;/div&gt;</w:t>
            </w:r>
          </w:p>
          <w:p w:rsidR="00A35FED" w:rsidRDefault="00A35FED" w:rsidP="00A35FED">
            <w:r>
              <w:t xml:space="preserve">    &lt;ul&gt;</w:t>
            </w:r>
          </w:p>
          <w:p w:rsidR="00A35FED" w:rsidRDefault="00A35FED" w:rsidP="00A35FED">
            <w:r>
              <w:t xml:space="preserve">        &lt;li&gt;</w:t>
            </w:r>
          </w:p>
          <w:p w:rsidR="00A35FED" w:rsidRDefault="00A35FED" w:rsidP="00A35FED">
            <w:r>
              <w:t xml:space="preserve">            &lt;div class="score"&gt;</w:t>
            </w:r>
          </w:p>
          <w:p w:rsidR="00A35FED" w:rsidRDefault="00A35FED" w:rsidP="00A35FED">
            <w:r>
              <w:t xml:space="preserve">                &lt;span&gt;Total&lt;em&gt;Views&lt;/em&gt;&lt;/span&gt;</w:t>
            </w:r>
          </w:p>
          <w:p w:rsidR="00A35FED" w:rsidRDefault="00A35FED" w:rsidP="00A35FED">
            <w:r>
              <w:t xml:space="preserve">                &lt;strong&gt;2842&lt;/strong&gt;</w:t>
            </w:r>
          </w:p>
          <w:p w:rsidR="00A35FED" w:rsidRDefault="00A35FED" w:rsidP="00A35FED">
            <w:r>
              <w:t xml:space="preserve">            &lt;/div&gt;</w:t>
            </w:r>
          </w:p>
          <w:p w:rsidR="00A35FED" w:rsidRDefault="00A35FED" w:rsidP="00A35FED">
            <w:r>
              <w:t xml:space="preserve">        &lt;/li&gt;</w:t>
            </w:r>
          </w:p>
          <w:p w:rsidR="00A35FED" w:rsidRDefault="00A35FED" w:rsidP="00A35FED">
            <w:r>
              <w:t xml:space="preserve">        &lt;li&gt;</w:t>
            </w:r>
          </w:p>
          <w:p w:rsidR="00A35FED" w:rsidRDefault="00A35FED" w:rsidP="00A35FED">
            <w:r>
              <w:t xml:space="preserve">            &lt;a class="btn btn-sm btn-success rounded-pill"</w:t>
            </w:r>
          </w:p>
          <w:p w:rsidR="00A35FED" w:rsidRDefault="00A35FED" w:rsidP="00A35FED">
            <w:r>
              <w:t xml:space="preserve">               href="residence/the-meridian-at-anaheim-hills.php"&gt;</w:t>
            </w:r>
          </w:p>
          <w:p w:rsidR="00A35FED" w:rsidRDefault="00A35FED" w:rsidP="00A35FED">
            <w:r>
              <w:lastRenderedPageBreak/>
              <w:t xml:space="preserve">                &lt;i class="fas fa-map-marker-alt mr-1"&gt;&lt;/i&gt;</w:t>
            </w:r>
          </w:p>
          <w:p w:rsidR="00A35FED" w:rsidRDefault="00A35FED" w:rsidP="00A35FED">
            <w:r>
              <w:t xml:space="preserve">                Get Contact Info</w:t>
            </w:r>
          </w:p>
          <w:p w:rsidR="00A35FED" w:rsidRDefault="00A35FED" w:rsidP="00A35FED">
            <w:r>
              <w:t xml:space="preserve">            &lt;/a&gt;</w:t>
            </w:r>
          </w:p>
          <w:p w:rsidR="00A35FED" w:rsidRDefault="00A35FED" w:rsidP="00A35FED">
            <w:r>
              <w:t xml:space="preserve">        &lt;/li&gt;</w:t>
            </w:r>
          </w:p>
          <w:p w:rsidR="00A35FED" w:rsidRDefault="00A35FED" w:rsidP="00A35FED">
            <w:r>
              <w:t xml:space="preserve">    &lt;/ul&gt;</w:t>
            </w:r>
          </w:p>
          <w:p w:rsidR="00A35FED" w:rsidRDefault="00A35FED" w:rsidP="00A35FED">
            <w:r>
              <w:t>&lt;/div&gt;</w:t>
            </w:r>
          </w:p>
          <w:p w:rsidR="00A35FED" w:rsidRDefault="00A35FED" w:rsidP="00A35FED">
            <w:r>
              <w:t xml:space="preserve">    &lt;/div&gt;</w:t>
            </w:r>
          </w:p>
          <w:p w:rsidR="00A35FED" w:rsidRDefault="00A35FED" w:rsidP="00A35FED">
            <w:r>
              <w:t>&lt;div class="col-md-6 residence wow bounceInUp 1" data-wow-duration="1.5s"</w:t>
            </w:r>
          </w:p>
          <w:p w:rsidR="00A35FED" w:rsidRDefault="00A35FED" w:rsidP="00A35FED">
            <w:r>
              <w:t xml:space="preserve">                             data-wow-delay="0.2s" id="100153"&gt;</w:t>
            </w:r>
          </w:p>
          <w:p w:rsidR="00A35FED" w:rsidRDefault="00A35FED" w:rsidP="00A35FED">
            <w:r>
              <w:t xml:space="preserve">                            &lt;div class="strip grid"&gt;</w:t>
            </w:r>
          </w:p>
          <w:p w:rsidR="00A35FED" w:rsidRDefault="00A35FED" w:rsidP="00A35FED">
            <w:r>
              <w:t xml:space="preserve">    &lt;figure&gt;</w:t>
            </w:r>
          </w:p>
          <w:p w:rsidR="00A35FED" w:rsidRDefault="00A35FED" w:rsidP="00A35FED">
            <w:r>
              <w:t xml:space="preserve">        &lt;a class="wish_bt btn-wishlist " href="javascript:" title="Add To My List"</w:t>
            </w:r>
          </w:p>
          <w:p w:rsidR="00A35FED" w:rsidRDefault="00A35FED" w:rsidP="00A35FED">
            <w:r>
              <w:t xml:space="preserve">           data-toggle="tooltip" data-id="100153"&gt;&lt;/a&gt;</w:t>
            </w:r>
          </w:p>
          <w:p w:rsidR="00A35FED" w:rsidRDefault="00A35FED" w:rsidP="00A35FED">
            <w:r>
              <w:t xml:space="preserve">        &lt;a href="residence/leisure-vale-retirement.php"&gt;</w:t>
            </w:r>
          </w:p>
          <w:p w:rsidR="00A35FED" w:rsidRDefault="00A35FED" w:rsidP="00A35FED">
            <w:r>
              <w:t xml:space="preserve">            &lt;img alt="Leisure Vale Retirement" title="Leisure Vale Retirement" class="img-fluid"</w:t>
            </w:r>
          </w:p>
          <w:p w:rsidR="00A35FED" w:rsidRDefault="00A35FED" w:rsidP="00A35FED">
            <w:r>
              <w:t xml:space="preserve">                 height="266" width="400"</w:t>
            </w:r>
          </w:p>
          <w:p w:rsidR="00A35FED" w:rsidRDefault="00A35FED" w:rsidP="00A35FED">
            <w:r>
              <w:t xml:space="preserve">                 src="img/holder/default.svg"/&gt;</w:t>
            </w:r>
          </w:p>
          <w:p w:rsidR="00A35FED" w:rsidRDefault="00A35FED" w:rsidP="00A35FED">
            <w:r>
              <w:t xml:space="preserve">            &lt;div class="read_more"&gt;</w:t>
            </w:r>
          </w:p>
          <w:p w:rsidR="00A35FED" w:rsidRDefault="00A35FED" w:rsidP="00A35FED">
            <w:r>
              <w:t xml:space="preserve">                &lt;span&gt;View Residence&lt;/span&gt;</w:t>
            </w:r>
          </w:p>
          <w:p w:rsidR="00A35FED" w:rsidRDefault="00A35FED" w:rsidP="00A35FED">
            <w:r>
              <w:t xml:space="preserve">            &lt;/div&gt;</w:t>
            </w:r>
          </w:p>
          <w:p w:rsidR="00A35FED" w:rsidRDefault="00A35FED" w:rsidP="00A35FED">
            <w:r>
              <w:t xml:space="preserve">        &lt;/a&gt;</w:t>
            </w:r>
          </w:p>
          <w:p w:rsidR="00A35FED" w:rsidRDefault="00A35FED" w:rsidP="00A35FED">
            <w:r>
              <w:t xml:space="preserve">                    &lt;small&gt;</w:t>
            </w:r>
          </w:p>
          <w:p w:rsidR="00A35FED" w:rsidRDefault="00A35FED" w:rsidP="00A35FED">
            <w:r>
              <w:t xml:space="preserve">                Independent 55+</w:t>
            </w:r>
          </w:p>
          <w:p w:rsidR="00A35FED" w:rsidRDefault="00A35FED" w:rsidP="00A35FED">
            <w:r>
              <w:t xml:space="preserve">            &lt;/small&gt;</w:t>
            </w:r>
          </w:p>
          <w:p w:rsidR="00A35FED" w:rsidRDefault="00A35FED" w:rsidP="00A35FED">
            <w:r>
              <w:t xml:space="preserve">                    &lt;small&gt;</w:t>
            </w:r>
          </w:p>
          <w:p w:rsidR="00A35FED" w:rsidRDefault="00A35FED" w:rsidP="00A35FED">
            <w:r>
              <w:t xml:space="preserve">                Assisted Living</w:t>
            </w:r>
          </w:p>
          <w:p w:rsidR="00A35FED" w:rsidRDefault="00A35FED" w:rsidP="00A35FED">
            <w:r>
              <w:t xml:space="preserve">            &lt;/small&gt;</w:t>
            </w:r>
          </w:p>
          <w:p w:rsidR="00A35FED" w:rsidRDefault="00A35FED" w:rsidP="00A35FED">
            <w:r>
              <w:t xml:space="preserve">                    &lt;/figure&gt;</w:t>
            </w:r>
          </w:p>
          <w:p w:rsidR="00A35FED" w:rsidRDefault="00A35FED" w:rsidP="00A35FED">
            <w:r>
              <w:t xml:space="preserve">    &lt;div class="wrapper"&gt;</w:t>
            </w:r>
          </w:p>
          <w:p w:rsidR="00A35FED" w:rsidRDefault="00A35FED" w:rsidP="00A35FED">
            <w:r>
              <w:t xml:space="preserve">        &lt;h3&gt;</w:t>
            </w:r>
          </w:p>
          <w:p w:rsidR="00A35FED" w:rsidRDefault="00A35FED" w:rsidP="00A35FED">
            <w:r>
              <w:t xml:space="preserve">            &lt;a href="residence/leisure-vale-retirement.php"&gt;</w:t>
            </w:r>
          </w:p>
          <w:p w:rsidR="00A35FED" w:rsidRDefault="00A35FED" w:rsidP="00A35FED">
            <w:r>
              <w:t xml:space="preserve">                Leisure Vale Retirement</w:t>
            </w:r>
          </w:p>
          <w:p w:rsidR="00A35FED" w:rsidRDefault="00A35FED" w:rsidP="00A35FED">
            <w:r>
              <w:t xml:space="preserve">            &lt;/a&gt;</w:t>
            </w:r>
          </w:p>
          <w:p w:rsidR="00A35FED" w:rsidRDefault="00A35FED" w:rsidP="00A35FED">
            <w:r>
              <w:t xml:space="preserve">        &lt;/h3&gt;</w:t>
            </w:r>
          </w:p>
          <w:p w:rsidR="00A35FED" w:rsidRDefault="00A35FED" w:rsidP="00A35FED">
            <w:r>
              <w:t xml:space="preserve">        &lt;p&gt;</w:t>
            </w:r>
          </w:p>
          <w:p w:rsidR="00A35FED" w:rsidRDefault="00A35FED" w:rsidP="00A35FED">
            <w:r>
              <w:t xml:space="preserve">                            Independent / Adult Active 55+ Community Residence</w:t>
            </w:r>
          </w:p>
          <w:p w:rsidR="00A35FED" w:rsidRDefault="00A35FED" w:rsidP="00A35FED">
            <w:r>
              <w:t xml:space="preserve">                    &lt;/p&gt;</w:t>
            </w:r>
          </w:p>
          <w:p w:rsidR="00A35FED" w:rsidRDefault="00A35FED" w:rsidP="00A35FED">
            <w:r>
              <w:t xml:space="preserve">    &lt;/div&gt;</w:t>
            </w:r>
          </w:p>
          <w:p w:rsidR="00A35FED" w:rsidRDefault="00A35FED" w:rsidP="00A35FED">
            <w:r>
              <w:t xml:space="preserve">    &lt;ul&gt;</w:t>
            </w:r>
          </w:p>
          <w:p w:rsidR="00A35FED" w:rsidRDefault="00A35FED" w:rsidP="00A35FED">
            <w:r>
              <w:t xml:space="preserve">        &lt;li&gt;</w:t>
            </w:r>
          </w:p>
          <w:p w:rsidR="00A35FED" w:rsidRDefault="00A35FED" w:rsidP="00A35FED">
            <w:r>
              <w:t xml:space="preserve">            &lt;div class="score"&gt;</w:t>
            </w:r>
          </w:p>
          <w:p w:rsidR="00A35FED" w:rsidRDefault="00A35FED" w:rsidP="00A35FED">
            <w:r>
              <w:t xml:space="preserve">                &lt;span&gt;Total&lt;em&gt;Views&lt;/em&gt;&lt;/span&gt;</w:t>
            </w:r>
          </w:p>
          <w:p w:rsidR="00A35FED" w:rsidRDefault="00A35FED" w:rsidP="00A35FED">
            <w:r>
              <w:t xml:space="preserve">                &lt;strong&gt;1135&lt;/strong&gt;</w:t>
            </w:r>
          </w:p>
          <w:p w:rsidR="00A35FED" w:rsidRDefault="00A35FED" w:rsidP="00A35FED">
            <w:r>
              <w:t xml:space="preserve">            &lt;/div&gt;</w:t>
            </w:r>
          </w:p>
          <w:p w:rsidR="00A35FED" w:rsidRDefault="00A35FED" w:rsidP="00A35FED">
            <w:r>
              <w:t xml:space="preserve">        &lt;/li&gt;</w:t>
            </w:r>
          </w:p>
          <w:p w:rsidR="00A35FED" w:rsidRDefault="00A35FED" w:rsidP="00A35FED">
            <w:r>
              <w:t xml:space="preserve">        &lt;li&gt;</w:t>
            </w:r>
          </w:p>
          <w:p w:rsidR="00A35FED" w:rsidRDefault="00A35FED" w:rsidP="00A35FED">
            <w:r>
              <w:t xml:space="preserve">            &lt;a class="btn btn-sm btn-success rounded-pill"</w:t>
            </w:r>
          </w:p>
          <w:p w:rsidR="00A35FED" w:rsidRDefault="00A35FED" w:rsidP="00A35FED">
            <w:r>
              <w:t xml:space="preserve">               href="residence/leisure-vale-retirement.php"&gt;</w:t>
            </w:r>
          </w:p>
          <w:p w:rsidR="00A35FED" w:rsidRDefault="00A35FED" w:rsidP="00A35FED">
            <w:r>
              <w:lastRenderedPageBreak/>
              <w:t xml:space="preserve">                &lt;i class="fas fa-map-marker-alt mr-1"&gt;&lt;/i&gt;</w:t>
            </w:r>
          </w:p>
          <w:p w:rsidR="00A35FED" w:rsidRDefault="00A35FED" w:rsidP="00A35FED">
            <w:r>
              <w:t xml:space="preserve">                Get Contact Info</w:t>
            </w:r>
          </w:p>
          <w:p w:rsidR="00A35FED" w:rsidRDefault="00A35FED" w:rsidP="00A35FED">
            <w:r>
              <w:t xml:space="preserve">            &lt;/a&gt;</w:t>
            </w:r>
          </w:p>
          <w:p w:rsidR="00A35FED" w:rsidRDefault="00A35FED" w:rsidP="00A35FED">
            <w:r>
              <w:t xml:space="preserve">        &lt;/li&gt;</w:t>
            </w:r>
          </w:p>
          <w:p w:rsidR="00A35FED" w:rsidRDefault="00A35FED" w:rsidP="00A35FED">
            <w:r>
              <w:t xml:space="preserve">    &lt;/ul&gt;</w:t>
            </w:r>
          </w:p>
          <w:p w:rsidR="00A35FED" w:rsidRDefault="00A35FED" w:rsidP="00A35FED">
            <w:r>
              <w:t>&lt;/div&gt;</w:t>
            </w:r>
          </w:p>
          <w:p w:rsidR="00A35FED" w:rsidRDefault="00A35FED" w:rsidP="00A35FED">
            <w:r>
              <w:t xml:space="preserve">                        &lt;/div&gt;</w:t>
            </w:r>
          </w:p>
          <w:p w:rsidR="00A35FED" w:rsidRDefault="00A35FED" w:rsidP="00A35FED">
            <w:r>
              <w:t xml:space="preserve">    &lt;div class="col-md-6 residence wow bounceInUp 2" data-wow-duration="1.5s" data-wow-delay="0.3s" id="100111"&gt;</w:t>
            </w:r>
          </w:p>
          <w:p w:rsidR="00A35FED" w:rsidRDefault="00A35FED" w:rsidP="00A35FED">
            <w:r>
              <w:t xml:space="preserve">                            &lt;div class="strip grid"&gt;</w:t>
            </w:r>
          </w:p>
          <w:p w:rsidR="00A35FED" w:rsidRDefault="00A35FED" w:rsidP="00A35FED">
            <w:r>
              <w:t xml:space="preserve">    &lt;figure&gt;</w:t>
            </w:r>
          </w:p>
          <w:p w:rsidR="00A35FED" w:rsidRDefault="00A35FED" w:rsidP="00A35FED">
            <w:r>
              <w:t xml:space="preserve">        &lt;a class="wish_bt btn-wishlist " href="javascript:" title="Add To My List"</w:t>
            </w:r>
          </w:p>
          <w:p w:rsidR="00A35FED" w:rsidRDefault="00A35FED" w:rsidP="00A35FED">
            <w:r>
              <w:t xml:space="preserve">           data-toggle="tooltip" data-id="100111"</w:t>
            </w:r>
          </w:p>
          <w:p w:rsidR="00A35FED" w:rsidRDefault="00A35FED" w:rsidP="00A35FED">
            <w:r>
              <w:t xml:space="preserve">           &gt;&lt;/a&gt;</w:t>
            </w:r>
          </w:p>
          <w:p w:rsidR="00A35FED" w:rsidRDefault="00A35FED" w:rsidP="00A35FED">
            <w:r>
              <w:t xml:space="preserve">        &lt;a href="residence/fairwinds-ivey-ranch.php"&gt;</w:t>
            </w:r>
          </w:p>
          <w:p w:rsidR="00A35FED" w:rsidRDefault="00A35FED" w:rsidP="00A35FED">
            <w:r>
              <w:t xml:space="preserve">            &lt;img alt="Fairwinds Ivey Ranch" title="Fairwinds Ivey Ranch" class="img-fluid"</w:t>
            </w:r>
          </w:p>
          <w:p w:rsidR="00A35FED" w:rsidRDefault="00A35FED" w:rsidP="00A35FED">
            <w:r>
              <w:t xml:space="preserve">                 height="266" width="400"</w:t>
            </w:r>
          </w:p>
          <w:p w:rsidR="00A35FED" w:rsidRDefault="00A35FED" w:rsidP="00A35FED">
            <w:r>
              <w:t xml:space="preserve">                 src="img/holder/default.svg"/&gt;</w:t>
            </w:r>
          </w:p>
          <w:p w:rsidR="00A35FED" w:rsidRDefault="00A35FED" w:rsidP="00A35FED">
            <w:r>
              <w:t xml:space="preserve">            &lt;div class="read_more"&gt;</w:t>
            </w:r>
          </w:p>
          <w:p w:rsidR="00A35FED" w:rsidRDefault="00A35FED" w:rsidP="00A35FED">
            <w:r>
              <w:t xml:space="preserve">                &lt;span&gt;View Residence&lt;/span&gt;</w:t>
            </w:r>
          </w:p>
          <w:p w:rsidR="00A35FED" w:rsidRDefault="00A35FED" w:rsidP="00A35FED">
            <w:r>
              <w:t xml:space="preserve">            &lt;/div&gt;</w:t>
            </w:r>
          </w:p>
          <w:p w:rsidR="00A35FED" w:rsidRDefault="00A35FED" w:rsidP="00A35FED">
            <w:r>
              <w:t xml:space="preserve">        &lt;/a&gt;</w:t>
            </w:r>
          </w:p>
          <w:p w:rsidR="00A35FED" w:rsidRDefault="00A35FED" w:rsidP="00A35FED">
            <w:r>
              <w:t xml:space="preserve">                    &lt;small&gt;</w:t>
            </w:r>
          </w:p>
          <w:p w:rsidR="00A35FED" w:rsidRDefault="00A35FED" w:rsidP="00A35FED">
            <w:r>
              <w:t xml:space="preserve">                Independent 55+</w:t>
            </w:r>
          </w:p>
          <w:p w:rsidR="00A35FED" w:rsidRDefault="00A35FED" w:rsidP="00A35FED">
            <w:r>
              <w:t xml:space="preserve">            &lt;/small&gt;</w:t>
            </w:r>
          </w:p>
          <w:p w:rsidR="00A35FED" w:rsidRDefault="00A35FED" w:rsidP="00A35FED">
            <w:r>
              <w:t xml:space="preserve">                    &lt;small&gt;</w:t>
            </w:r>
          </w:p>
          <w:p w:rsidR="00A35FED" w:rsidRDefault="00A35FED" w:rsidP="00A35FED">
            <w:r>
              <w:t xml:space="preserve">                Assisted Living</w:t>
            </w:r>
          </w:p>
          <w:p w:rsidR="00A35FED" w:rsidRDefault="00A35FED" w:rsidP="00A35FED">
            <w:r>
              <w:t xml:space="preserve">            &lt;/small&gt;</w:t>
            </w:r>
          </w:p>
          <w:p w:rsidR="00A35FED" w:rsidRDefault="00A35FED" w:rsidP="00A35FED">
            <w:r>
              <w:t xml:space="preserve">                    &lt;/figure&gt;</w:t>
            </w:r>
          </w:p>
          <w:p w:rsidR="00A35FED" w:rsidRDefault="00A35FED" w:rsidP="00A35FED">
            <w:r>
              <w:t xml:space="preserve">    &lt;div class="wrapper"&gt;</w:t>
            </w:r>
          </w:p>
          <w:p w:rsidR="00A35FED" w:rsidRDefault="00A35FED" w:rsidP="00A35FED">
            <w:r>
              <w:t xml:space="preserve">        &lt;h3&gt;</w:t>
            </w:r>
          </w:p>
          <w:p w:rsidR="00A35FED" w:rsidRDefault="00A35FED" w:rsidP="00A35FED">
            <w:r>
              <w:t xml:space="preserve">            &lt;a href="residence/fairwinds-ivey-ranch.php"&gt;</w:t>
            </w:r>
          </w:p>
          <w:p w:rsidR="00A35FED" w:rsidRDefault="00A35FED" w:rsidP="00A35FED">
            <w:r>
              <w:t xml:space="preserve">                Fairwinds Ivey Ranch</w:t>
            </w:r>
          </w:p>
          <w:p w:rsidR="00A35FED" w:rsidRDefault="00A35FED" w:rsidP="00A35FED">
            <w:r>
              <w:t xml:space="preserve">            &lt;/a&gt;</w:t>
            </w:r>
          </w:p>
          <w:p w:rsidR="00A35FED" w:rsidRDefault="00A35FED" w:rsidP="00A35FED">
            <w:r>
              <w:t xml:space="preserve">        &lt;/h3&gt;</w:t>
            </w:r>
          </w:p>
          <w:p w:rsidR="00A35FED" w:rsidRDefault="00A35FED" w:rsidP="00A35FED">
            <w:r>
              <w:t xml:space="preserve">        &lt;p&gt;</w:t>
            </w:r>
          </w:p>
          <w:p w:rsidR="00A35FED" w:rsidRDefault="00A35FED" w:rsidP="00A35FED">
            <w:r>
              <w:t xml:space="preserve">                            Independent / Adult Active 55+ Community Residence</w:t>
            </w:r>
          </w:p>
          <w:p w:rsidR="00A35FED" w:rsidRDefault="00A35FED" w:rsidP="00A35FED">
            <w:r>
              <w:t xml:space="preserve">                    &lt;/p&gt;</w:t>
            </w:r>
          </w:p>
          <w:p w:rsidR="00A35FED" w:rsidRDefault="00A35FED" w:rsidP="00A35FED">
            <w:r>
              <w:t xml:space="preserve">    &lt;/div&gt;</w:t>
            </w:r>
          </w:p>
          <w:p w:rsidR="00A35FED" w:rsidRDefault="00A35FED" w:rsidP="00A35FED">
            <w:r>
              <w:t xml:space="preserve">    &lt;ul&gt;</w:t>
            </w:r>
          </w:p>
          <w:p w:rsidR="00A35FED" w:rsidRDefault="00A35FED" w:rsidP="00A35FED">
            <w:r>
              <w:t xml:space="preserve">        &lt;li&gt;</w:t>
            </w:r>
          </w:p>
          <w:p w:rsidR="00A35FED" w:rsidRDefault="00A35FED" w:rsidP="00A35FED">
            <w:r>
              <w:t xml:space="preserve">            &lt;div class="score"&gt;</w:t>
            </w:r>
          </w:p>
          <w:p w:rsidR="00A35FED" w:rsidRDefault="00A35FED" w:rsidP="00A35FED">
            <w:r>
              <w:t xml:space="preserve">                &lt;span&gt;Total&lt;em&gt;Views&lt;/em&gt;&lt;/span&gt;</w:t>
            </w:r>
          </w:p>
          <w:p w:rsidR="00A35FED" w:rsidRDefault="00A35FED" w:rsidP="00A35FED">
            <w:r>
              <w:t xml:space="preserve">                &lt;strong&gt;2126&lt;/strong&gt;</w:t>
            </w:r>
          </w:p>
          <w:p w:rsidR="00A35FED" w:rsidRDefault="00A35FED" w:rsidP="00A35FED">
            <w:r>
              <w:t xml:space="preserve">            &lt;/div&gt;</w:t>
            </w:r>
          </w:p>
          <w:p w:rsidR="00A35FED" w:rsidRDefault="00A35FED" w:rsidP="00A35FED">
            <w:r>
              <w:t xml:space="preserve">        &lt;/li&gt;</w:t>
            </w:r>
          </w:p>
          <w:p w:rsidR="00A35FED" w:rsidRDefault="00A35FED" w:rsidP="00A35FED">
            <w:r>
              <w:t xml:space="preserve">        &lt;li&gt;</w:t>
            </w:r>
          </w:p>
          <w:p w:rsidR="00A35FED" w:rsidRDefault="00A35FED" w:rsidP="00A35FED">
            <w:r>
              <w:t xml:space="preserve">            &lt;a class="btn btn-sm btn-success rounded-pill"</w:t>
            </w:r>
          </w:p>
          <w:p w:rsidR="00A35FED" w:rsidRDefault="00A35FED" w:rsidP="00A35FED">
            <w:r>
              <w:lastRenderedPageBreak/>
              <w:t xml:space="preserve">               href="residence/fairwinds-ivey-ranch.php"&gt;</w:t>
            </w:r>
          </w:p>
          <w:p w:rsidR="00A35FED" w:rsidRDefault="00A35FED" w:rsidP="00A35FED">
            <w:r>
              <w:t xml:space="preserve">                &lt;i class="fas fa-map-marker-alt mr-1"&gt;&lt;/i&gt;</w:t>
            </w:r>
          </w:p>
          <w:p w:rsidR="00A35FED" w:rsidRDefault="00A35FED" w:rsidP="00A35FED">
            <w:r>
              <w:t xml:space="preserve">                Get Contact Info</w:t>
            </w:r>
          </w:p>
          <w:p w:rsidR="00A35FED" w:rsidRDefault="00A35FED" w:rsidP="00A35FED">
            <w:r>
              <w:t xml:space="preserve">            &lt;/a&gt;</w:t>
            </w:r>
          </w:p>
          <w:p w:rsidR="00A35FED" w:rsidRDefault="00A35FED" w:rsidP="00A35FED">
            <w:r>
              <w:t xml:space="preserve">        &lt;/li&gt;</w:t>
            </w:r>
          </w:p>
          <w:p w:rsidR="00A35FED" w:rsidRDefault="00A35FED" w:rsidP="00A35FED">
            <w:r>
              <w:t xml:space="preserve">    &lt;/ul&gt;</w:t>
            </w:r>
          </w:p>
          <w:p w:rsidR="00A35FED" w:rsidRDefault="00A35FED" w:rsidP="00A35FED">
            <w:r>
              <w:t>&lt;/div&gt;</w:t>
            </w:r>
          </w:p>
          <w:p w:rsidR="00A35FED" w:rsidRDefault="00A35FED" w:rsidP="00A35FED">
            <w:r>
              <w:t xml:space="preserve">                        &lt;/div&gt;</w:t>
            </w:r>
          </w:p>
          <w:p w:rsidR="00A35FED" w:rsidRDefault="00A35FED" w:rsidP="00A35FED">
            <w:r>
              <w:t xml:space="preserve">                                                                    &lt;div class="col-md-6 residence wow bounceInUp 3" data-wow-duration="1.5s"</w:t>
            </w:r>
          </w:p>
          <w:p w:rsidR="00A35FED" w:rsidRDefault="00A35FED" w:rsidP="00A35FED">
            <w:r>
              <w:t xml:space="preserve">                             data-wow-delay="0.4s" id="100112"&gt;</w:t>
            </w:r>
          </w:p>
          <w:p w:rsidR="00A35FED" w:rsidRDefault="00A35FED" w:rsidP="00A35FED">
            <w:r>
              <w:t xml:space="preserve">                            &lt;div class="strip grid"&gt;</w:t>
            </w:r>
          </w:p>
          <w:p w:rsidR="00A35FED" w:rsidRDefault="00A35FED" w:rsidP="00A35FED">
            <w:r>
              <w:t xml:space="preserve">    &lt;figure&gt;</w:t>
            </w:r>
          </w:p>
          <w:p w:rsidR="00A35FED" w:rsidRDefault="00A35FED" w:rsidP="00A35FED">
            <w:r>
              <w:t xml:space="preserve">        &lt;a class="wish_bt btn-wishlist " href="javascript:" title="Add To My List"</w:t>
            </w:r>
          </w:p>
          <w:p w:rsidR="00A35FED" w:rsidRDefault="00A35FED" w:rsidP="00A35FED">
            <w:r>
              <w:t xml:space="preserve">           data-toggle="tooltip" data-id="100112"</w:t>
            </w:r>
          </w:p>
          <w:p w:rsidR="00A35FED" w:rsidRDefault="00A35FED" w:rsidP="00A35FED">
            <w:r>
              <w:t xml:space="preserve">           &gt;&lt;/a&gt;</w:t>
            </w:r>
          </w:p>
          <w:p w:rsidR="00A35FED" w:rsidRDefault="00A35FED" w:rsidP="00A35FED">
            <w:r>
              <w:t xml:space="preserve">        &lt;a href="residence/fairwinds-west-hills.php"&gt;</w:t>
            </w:r>
          </w:p>
          <w:p w:rsidR="00A35FED" w:rsidRDefault="00A35FED" w:rsidP="00A35FED">
            <w:r>
              <w:t xml:space="preserve">            &lt;img alt="Fairwinds West Hills" title="Fairwinds West Hills" class="img-fluid"</w:t>
            </w:r>
          </w:p>
          <w:p w:rsidR="00A35FED" w:rsidRDefault="00A35FED" w:rsidP="00A35FED">
            <w:r>
              <w:t xml:space="preserve">                 height="266" width="400"</w:t>
            </w:r>
          </w:p>
          <w:p w:rsidR="00A35FED" w:rsidRDefault="00A35FED" w:rsidP="00A35FED">
            <w:r>
              <w:t xml:space="preserve">                 src="img/holder/default.svg"/&gt;</w:t>
            </w:r>
          </w:p>
          <w:p w:rsidR="00A35FED" w:rsidRDefault="00A35FED" w:rsidP="00A35FED">
            <w:r>
              <w:t xml:space="preserve">            &lt;div class="read_more"&gt;</w:t>
            </w:r>
          </w:p>
          <w:p w:rsidR="00A35FED" w:rsidRDefault="00A35FED" w:rsidP="00A35FED">
            <w:r>
              <w:t xml:space="preserve">                &lt;span&gt;View Residence&lt;/span&gt;</w:t>
            </w:r>
          </w:p>
          <w:p w:rsidR="00A35FED" w:rsidRDefault="00A35FED" w:rsidP="00A35FED">
            <w:r>
              <w:t xml:space="preserve">            &lt;/div&gt;</w:t>
            </w:r>
          </w:p>
          <w:p w:rsidR="00A35FED" w:rsidRDefault="00A35FED" w:rsidP="00A35FED">
            <w:r>
              <w:t xml:space="preserve">        &lt;/a&gt;</w:t>
            </w:r>
          </w:p>
          <w:p w:rsidR="00A35FED" w:rsidRDefault="00A35FED" w:rsidP="00A35FED">
            <w:r>
              <w:t xml:space="preserve">                    &lt;small&gt;</w:t>
            </w:r>
          </w:p>
          <w:p w:rsidR="00A35FED" w:rsidRDefault="00A35FED" w:rsidP="00A35FED">
            <w:r>
              <w:t xml:space="preserve">                Independent 55+</w:t>
            </w:r>
          </w:p>
          <w:p w:rsidR="00A35FED" w:rsidRDefault="00A35FED" w:rsidP="00A35FED">
            <w:r>
              <w:t xml:space="preserve">            &lt;/small&gt;</w:t>
            </w:r>
          </w:p>
          <w:p w:rsidR="00A35FED" w:rsidRDefault="00A35FED" w:rsidP="00A35FED">
            <w:r>
              <w:t xml:space="preserve">                    &lt;small&gt;</w:t>
            </w:r>
          </w:p>
          <w:p w:rsidR="00A35FED" w:rsidRDefault="00A35FED" w:rsidP="00A35FED">
            <w:r>
              <w:t xml:space="preserve">                Assisted Living</w:t>
            </w:r>
          </w:p>
          <w:p w:rsidR="00A35FED" w:rsidRDefault="00A35FED" w:rsidP="00A35FED">
            <w:r>
              <w:t xml:space="preserve">            &lt;/small&gt;</w:t>
            </w:r>
          </w:p>
          <w:p w:rsidR="00A35FED" w:rsidRDefault="00A35FED" w:rsidP="00A35FED">
            <w:r>
              <w:t xml:space="preserve">                    &lt;/figure&gt;</w:t>
            </w:r>
          </w:p>
          <w:p w:rsidR="00A35FED" w:rsidRDefault="00A35FED" w:rsidP="00A35FED">
            <w:r>
              <w:t xml:space="preserve">    &lt;div class="wrapper"&gt;</w:t>
            </w:r>
          </w:p>
          <w:p w:rsidR="00A35FED" w:rsidRDefault="00A35FED" w:rsidP="00A35FED">
            <w:r>
              <w:t xml:space="preserve">        &lt;h3&gt;</w:t>
            </w:r>
          </w:p>
          <w:p w:rsidR="00A35FED" w:rsidRDefault="00A35FED" w:rsidP="00A35FED">
            <w:r>
              <w:t xml:space="preserve">            &lt;a href="residence/fairwinds-west-hills.php"&gt;</w:t>
            </w:r>
          </w:p>
          <w:p w:rsidR="00A35FED" w:rsidRDefault="00A35FED" w:rsidP="00A35FED">
            <w:r>
              <w:t xml:space="preserve">                Fairwinds West Hills</w:t>
            </w:r>
          </w:p>
          <w:p w:rsidR="00A35FED" w:rsidRDefault="00A35FED" w:rsidP="00A35FED">
            <w:r>
              <w:t xml:space="preserve">            &lt;/a&gt;</w:t>
            </w:r>
          </w:p>
          <w:p w:rsidR="00A35FED" w:rsidRDefault="00A35FED" w:rsidP="00A35FED">
            <w:r>
              <w:t xml:space="preserve">        &lt;/h3&gt;</w:t>
            </w:r>
          </w:p>
          <w:p w:rsidR="00A35FED" w:rsidRDefault="00A35FED" w:rsidP="00A35FED">
            <w:r>
              <w:t xml:space="preserve">        &lt;p&gt;</w:t>
            </w:r>
          </w:p>
          <w:p w:rsidR="00A35FED" w:rsidRDefault="00A35FED" w:rsidP="00A35FED">
            <w:r>
              <w:t xml:space="preserve">                            Independent / Adult Active 55+ Community Residence</w:t>
            </w:r>
          </w:p>
          <w:p w:rsidR="00A35FED" w:rsidRDefault="00A35FED" w:rsidP="00A35FED">
            <w:r>
              <w:t xml:space="preserve">                    &lt;/p&gt;</w:t>
            </w:r>
          </w:p>
          <w:p w:rsidR="00A35FED" w:rsidRDefault="00A35FED" w:rsidP="00A35FED">
            <w:r>
              <w:t xml:space="preserve">    &lt;/div&gt;</w:t>
            </w:r>
          </w:p>
          <w:p w:rsidR="00A35FED" w:rsidRDefault="00A35FED" w:rsidP="00A35FED">
            <w:r>
              <w:t xml:space="preserve">    &lt;ul&gt;</w:t>
            </w:r>
          </w:p>
          <w:p w:rsidR="00A35FED" w:rsidRDefault="00A35FED" w:rsidP="00A35FED">
            <w:r>
              <w:t xml:space="preserve">        &lt;li&gt;</w:t>
            </w:r>
          </w:p>
          <w:p w:rsidR="00A35FED" w:rsidRDefault="00A35FED" w:rsidP="00A35FED">
            <w:r>
              <w:t xml:space="preserve">            &lt;div class="score"&gt;</w:t>
            </w:r>
          </w:p>
          <w:p w:rsidR="00A35FED" w:rsidRDefault="00A35FED" w:rsidP="00A35FED">
            <w:r>
              <w:t xml:space="preserve">                &lt;span&gt;Total&lt;em&gt;Views&lt;/em&gt;&lt;/span&gt;</w:t>
            </w:r>
          </w:p>
          <w:p w:rsidR="00A35FED" w:rsidRDefault="00A35FED" w:rsidP="00A35FED">
            <w:r>
              <w:t xml:space="preserve">                &lt;strong&gt;968&lt;/strong&gt;</w:t>
            </w:r>
          </w:p>
          <w:p w:rsidR="00A35FED" w:rsidRDefault="00A35FED" w:rsidP="00A35FED">
            <w:r>
              <w:t xml:space="preserve">            &lt;/div&gt;</w:t>
            </w:r>
          </w:p>
          <w:p w:rsidR="00A35FED" w:rsidRDefault="00A35FED" w:rsidP="00A35FED">
            <w:r>
              <w:t xml:space="preserve">        &lt;/li&gt;</w:t>
            </w:r>
          </w:p>
          <w:p w:rsidR="00A35FED" w:rsidRDefault="00A35FED" w:rsidP="00A35FED">
            <w:r>
              <w:lastRenderedPageBreak/>
              <w:t xml:space="preserve">        &lt;li&gt;</w:t>
            </w:r>
          </w:p>
          <w:p w:rsidR="00A35FED" w:rsidRDefault="00A35FED" w:rsidP="00A35FED">
            <w:r>
              <w:t xml:space="preserve">            &lt;a class="btn btn-sm btn-success rounded-pill"</w:t>
            </w:r>
          </w:p>
          <w:p w:rsidR="00A35FED" w:rsidRDefault="00A35FED" w:rsidP="00A35FED">
            <w:r>
              <w:t xml:space="preserve">               href="residence/fairwinds-west-hills.php"&gt;</w:t>
            </w:r>
          </w:p>
          <w:p w:rsidR="00A35FED" w:rsidRDefault="00A35FED" w:rsidP="00A35FED">
            <w:r>
              <w:t xml:space="preserve">                &lt;i class="fas fa-map-marker-alt mr-1"&gt;&lt;/i&gt;</w:t>
            </w:r>
          </w:p>
          <w:p w:rsidR="00A35FED" w:rsidRDefault="00A35FED" w:rsidP="00A35FED">
            <w:r>
              <w:t xml:space="preserve">                Get Contact Info</w:t>
            </w:r>
          </w:p>
          <w:p w:rsidR="00A35FED" w:rsidRDefault="00A35FED" w:rsidP="00A35FED">
            <w:r>
              <w:t xml:space="preserve">            &lt;/a&gt;</w:t>
            </w:r>
          </w:p>
          <w:p w:rsidR="00A35FED" w:rsidRDefault="00A35FED" w:rsidP="00A35FED">
            <w:r>
              <w:t xml:space="preserve">        &lt;/li&gt;</w:t>
            </w:r>
          </w:p>
          <w:p w:rsidR="00A35FED" w:rsidRDefault="00A35FED" w:rsidP="00A35FED">
            <w:r>
              <w:t xml:space="preserve">    &lt;/ul&gt;</w:t>
            </w:r>
          </w:p>
          <w:p w:rsidR="00A35FED" w:rsidRDefault="00A35FED" w:rsidP="00A35FED">
            <w:r>
              <w:t>&lt;/div&gt;</w:t>
            </w:r>
          </w:p>
          <w:p w:rsidR="00A35FED" w:rsidRDefault="00A35FED" w:rsidP="00A35FED">
            <w:r>
              <w:t xml:space="preserve">                        &lt;/div&gt;</w:t>
            </w:r>
          </w:p>
          <w:p w:rsidR="00A35FED" w:rsidRDefault="00A35FED" w:rsidP="00A35FED">
            <w:r>
              <w:t xml:space="preserve">                                    &lt;/div&gt;--&gt;</w:t>
            </w:r>
          </w:p>
          <w:p w:rsidR="00A35FED" w:rsidRDefault="00A35FED" w:rsidP="00A35FED"/>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main&gt;</w:t>
            </w:r>
          </w:p>
          <w:p w:rsidR="00A35FED" w:rsidRDefault="00A35FED" w:rsidP="00A35FED">
            <w:r>
              <w:t xml:space="preserve">        </w:t>
            </w:r>
          </w:p>
          <w:p w:rsidR="00A35FED" w:rsidRDefault="00A35FED" w:rsidP="00A35FED">
            <w:r>
              <w:t xml:space="preserve">    &lt;/div&gt;</w:t>
            </w:r>
          </w:p>
          <w:p w:rsidR="00A35FED" w:rsidRDefault="00A35FED" w:rsidP="00A35FED">
            <w:r>
              <w:t>&lt;/div&gt;</w:t>
            </w:r>
          </w:p>
          <w:p w:rsidR="00A35FED" w:rsidRDefault="00A35FED" w:rsidP="00A35FED">
            <w:r>
              <w:t>&lt;!---------------Residences ends------------------&gt;</w:t>
            </w:r>
          </w:p>
          <w:p w:rsidR="00A35FED" w:rsidRDefault="00A35FED" w:rsidP="00A35FED"/>
          <w:p w:rsidR="00A35FED" w:rsidRDefault="00A35FED" w:rsidP="00A35FED"/>
          <w:p w:rsidR="00A35FED" w:rsidRDefault="00A35FED" w:rsidP="00A35FED">
            <w:r>
              <w:t>&lt;!---------------Floating widget Starts------------------&gt;</w:t>
            </w:r>
          </w:p>
          <w:p w:rsidR="00A35FED" w:rsidRDefault="00A35FED" w:rsidP="00A35FED"/>
          <w:p w:rsidR="00A35FED" w:rsidRDefault="00A35FED" w:rsidP="00A35FED">
            <w:r>
              <w:t>&lt;div class="floating-widget"&gt;</w:t>
            </w:r>
          </w:p>
          <w:p w:rsidR="00A35FED" w:rsidRDefault="00A35FED" w:rsidP="00A35FED">
            <w:r>
              <w:t xml:space="preserve">    &lt;a class="float-item all-service d-xl-none d-lg-none d-md-none d-sm-block"&gt;</w:t>
            </w:r>
          </w:p>
          <w:p w:rsidR="00A35FED" w:rsidRDefault="00A35FED" w:rsidP="00A35FED">
            <w:r>
              <w:t xml:space="preserve">        &lt;img src="img/icon/ssp.png" class="icon"/&gt;</w:t>
            </w:r>
          </w:p>
          <w:p w:rsidR="00A35FED" w:rsidRDefault="00A35FED" w:rsidP="00A35FED">
            <w:r>
              <w:t xml:space="preserve">    &lt;/a&gt;</w:t>
            </w:r>
          </w:p>
          <w:p w:rsidR="00A35FED" w:rsidRDefault="00A35FED" w:rsidP="00A35FED">
            <w:r>
              <w:t xml:space="preserve">    &lt;ul&gt;</w:t>
            </w:r>
          </w:p>
          <w:p w:rsidR="00A35FED" w:rsidRDefault="00A35FED" w:rsidP="00A35FED">
            <w:r>
              <w:t xml:space="preserve">                    &lt;li&gt;</w:t>
            </w:r>
          </w:p>
          <w:p w:rsidR="00A35FED" w:rsidRDefault="00A35FED" w:rsidP="00A35FED">
            <w:r>
              <w:t xml:space="preserve">                &lt;a href="https://srepfinder.com/" target="_blank" class="float-item" title="Find Senior Real Estate Professionals specializing in the real estate of seniors"</w:t>
            </w:r>
          </w:p>
          <w:p w:rsidR="00A35FED" w:rsidRDefault="00A35FED" w:rsidP="00A35FED">
            <w:r>
              <w:t xml:space="preserve">                   data-toggle="tooltip" data-placement="right" data-delay="500"&gt;</w:t>
            </w:r>
          </w:p>
          <w:p w:rsidR="00A35FED" w:rsidRDefault="00A35FED" w:rsidP="00A35FED">
            <w:r>
              <w:t xml:space="preserve">                    &lt;img class="rounded-circle icon" src="img/icon/srep.png"/&gt;</w:t>
            </w:r>
          </w:p>
          <w:p w:rsidR="00A35FED" w:rsidRDefault="00A35FED" w:rsidP="00A35FED">
            <w:r>
              <w:t xml:space="preserve">                    &lt;img class="full-logo" src="img/finder/text/srep.png"/&gt;</w:t>
            </w:r>
          </w:p>
          <w:p w:rsidR="00A35FED" w:rsidRDefault="00A35FED" w:rsidP="00A35FED">
            <w:r>
              <w:t xml:space="preserve">                &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https://espmfinder.com/" target="_blank" class="float-item" title="Find Professionals Serving Seniors with their Estate Sales, Packing and Moving"</w:t>
            </w:r>
          </w:p>
          <w:p w:rsidR="00A35FED" w:rsidRDefault="00A35FED" w:rsidP="00A35FED">
            <w:r>
              <w:t xml:space="preserve">                   data-toggle="tooltip" data-placement="right" data-delay="500"&gt;</w:t>
            </w:r>
          </w:p>
          <w:p w:rsidR="00A35FED" w:rsidRDefault="00A35FED" w:rsidP="00A35FED">
            <w:r>
              <w:t xml:space="preserve">                    &lt;img class="rounded-circle icon" src="img/icon/espm.png"/&gt;</w:t>
            </w:r>
          </w:p>
          <w:p w:rsidR="00A35FED" w:rsidRDefault="00A35FED" w:rsidP="00A35FED">
            <w:r>
              <w:t xml:space="preserve">                    &lt;img class="full-logo" src="img/finder/text/espm.png"/&gt;</w:t>
            </w:r>
          </w:p>
          <w:p w:rsidR="00A35FED" w:rsidRDefault="00A35FED" w:rsidP="00A35FED">
            <w:r>
              <w:t xml:space="preserve">                &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https://elderlawlawyerfinder.com/" target="_blank" class="float-item" title="Find Attorneys specializing in the legal needs of seniors"</w:t>
            </w:r>
          </w:p>
          <w:p w:rsidR="00A35FED" w:rsidRDefault="00A35FED" w:rsidP="00A35FED">
            <w:r>
              <w:lastRenderedPageBreak/>
              <w:t xml:space="preserve">                   data-toggle="tooltip" data-placement="right" data-delay="500"&gt;</w:t>
            </w:r>
          </w:p>
          <w:p w:rsidR="00A35FED" w:rsidRDefault="00A35FED" w:rsidP="00A35FED">
            <w:r>
              <w:t xml:space="preserve">                    &lt;img class="rounded-circle icon" src="img/icon/el.png"/&gt;</w:t>
            </w:r>
          </w:p>
          <w:p w:rsidR="00A35FED" w:rsidRDefault="00A35FED" w:rsidP="00A35FED">
            <w:r>
              <w:t xml:space="preserve">                    &lt;img class="full-logo" src="img/finder/text/el.png"/&gt;</w:t>
            </w:r>
          </w:p>
          <w:p w:rsidR="00A35FED" w:rsidRDefault="00A35FED" w:rsidP="00A35FED">
            <w:r>
              <w:t xml:space="preserve">                &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https://eiflfinder.com/" target="_blank" class="float-item" title="Find Professionals specializing in Investment, Finance and Loans for Seniors"</w:t>
            </w:r>
          </w:p>
          <w:p w:rsidR="00A35FED" w:rsidRDefault="00A35FED" w:rsidP="00A35FED">
            <w:r>
              <w:t xml:space="preserve">                   data-toggle="tooltip" data-placement="right" data-delay="500"&gt;</w:t>
            </w:r>
          </w:p>
          <w:p w:rsidR="00A35FED" w:rsidRDefault="00A35FED" w:rsidP="00A35FED">
            <w:r>
              <w:t xml:space="preserve">                    &lt;img class="rounded-circle icon" src="img/icon/eifl.png"/&gt;</w:t>
            </w:r>
          </w:p>
          <w:p w:rsidR="00A35FED" w:rsidRDefault="00A35FED" w:rsidP="00A35FED">
            <w:r>
              <w:t xml:space="preserve">                    &lt;img class="full-logo" src="img/finder/text/eifl.png"/&gt;</w:t>
            </w:r>
          </w:p>
          <w:p w:rsidR="00A35FED" w:rsidRDefault="00A35FED" w:rsidP="00A35FED">
            <w:r>
              <w:t xml:space="preserve">                &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https://vabenefitsfinder.com/" target="_blank" class="float-item" title="Find Specialists who guarantee Seniors the Veteran’s Benefits they deserve"</w:t>
            </w:r>
          </w:p>
          <w:p w:rsidR="00A35FED" w:rsidRDefault="00A35FED" w:rsidP="00A35FED">
            <w:r>
              <w:t xml:space="preserve">                   data-toggle="tooltip" data-placement="right" data-delay="500"&gt;</w:t>
            </w:r>
          </w:p>
          <w:p w:rsidR="00A35FED" w:rsidRDefault="00A35FED" w:rsidP="00A35FED">
            <w:r>
              <w:t xml:space="preserve">                    &lt;img class="rounded-circle icon" src="img/icon/vab.png"/&gt;</w:t>
            </w:r>
          </w:p>
          <w:p w:rsidR="00A35FED" w:rsidRDefault="00A35FED" w:rsidP="00A35FED">
            <w:r>
              <w:t xml:space="preserve">                    &lt;img class="full-logo" src="img/finder/text/vab.png"/&gt;</w:t>
            </w:r>
          </w:p>
          <w:p w:rsidR="00A35FED" w:rsidRDefault="00A35FED" w:rsidP="00A35FED">
            <w:r>
              <w:t xml:space="preserve">                &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https://insureseniorsfinder.com/" target="_blank" class="float-item" title="Find Professionals who Insure Seniors for life, health, property and peace of mind"</w:t>
            </w:r>
          </w:p>
          <w:p w:rsidR="00A35FED" w:rsidRDefault="00A35FED" w:rsidP="00A35FED">
            <w:r>
              <w:t xml:space="preserve">                   data-toggle="tooltip" data-placement="right" data-delay="500"&gt;</w:t>
            </w:r>
          </w:p>
          <w:p w:rsidR="00A35FED" w:rsidRDefault="00A35FED" w:rsidP="00A35FED">
            <w:r>
              <w:t xml:space="preserve">                    &lt;img class="rounded-circle icon" src="img/icon/is.png"/&gt;</w:t>
            </w:r>
          </w:p>
          <w:p w:rsidR="00A35FED" w:rsidRDefault="00A35FED" w:rsidP="00A35FED">
            <w:r>
              <w:t xml:space="preserve">                    &lt;img class="full-logo" src="img/finder/text/is.png"/&gt;</w:t>
            </w:r>
          </w:p>
          <w:p w:rsidR="00A35FED" w:rsidRDefault="00A35FED" w:rsidP="00A35FED">
            <w:r>
              <w:t xml:space="preserve">                &lt;/a&gt;</w:t>
            </w:r>
          </w:p>
          <w:p w:rsidR="00A35FED" w:rsidRDefault="00A35FED" w:rsidP="00A35FED">
            <w:r>
              <w:t xml:space="preserve">            &lt;/li&gt;</w:t>
            </w:r>
          </w:p>
          <w:p w:rsidR="00A35FED" w:rsidRDefault="00A35FED" w:rsidP="00A35FED">
            <w:r>
              <w:t xml:space="preserve">            &lt;/ul&gt;</w:t>
            </w:r>
          </w:p>
          <w:p w:rsidR="00A35FED" w:rsidRDefault="00A35FED" w:rsidP="00A35FED">
            <w:r>
              <w:t>&lt;/div&gt;</w:t>
            </w:r>
          </w:p>
          <w:p w:rsidR="00A35FED" w:rsidRDefault="00A35FED" w:rsidP="00A35FED">
            <w:r>
              <w:t>&lt;script type="text/javascript"&gt;</w:t>
            </w:r>
          </w:p>
          <w:p w:rsidR="00A35FED" w:rsidRDefault="00A35FED" w:rsidP="00A35FED">
            <w:r>
              <w:t xml:space="preserve">    var isMobile = /iPhone|Android/i.test(navigator.userAgent);</w:t>
            </w:r>
          </w:p>
          <w:p w:rsidR="00A35FED" w:rsidRDefault="00A35FED" w:rsidP="00A35FED">
            <w:r>
              <w:t xml:space="preserve">    $(document).ready(function () {</w:t>
            </w:r>
          </w:p>
          <w:p w:rsidR="00A35FED" w:rsidRDefault="00A35FED" w:rsidP="00A35FED">
            <w:r>
              <w:t xml:space="preserve">        // jQuery reverse</w:t>
            </w:r>
          </w:p>
          <w:p w:rsidR="00A35FED" w:rsidRDefault="00A35FED" w:rsidP="00A35FED">
            <w:r>
              <w:t xml:space="preserve">        $.fn.reverse = [].reverse;</w:t>
            </w:r>
          </w:p>
          <w:p w:rsidR="00A35FED" w:rsidRDefault="00A35FED" w:rsidP="00A35FED">
            <w:r>
              <w:t xml:space="preserve">        $(".floating-widget ul li").hover(function () {</w:t>
            </w:r>
          </w:p>
          <w:p w:rsidR="00A35FED" w:rsidRDefault="00A35FED" w:rsidP="00A35FED">
            <w:r>
              <w:t xml:space="preserve">            $(this).toggleClass("active");</w:t>
            </w:r>
          </w:p>
          <w:p w:rsidR="00A35FED" w:rsidRDefault="00A35FED" w:rsidP="00A35FED">
            <w:r>
              <w:t xml:space="preserve">        });</w:t>
            </w:r>
          </w:p>
          <w:p w:rsidR="00A35FED" w:rsidRDefault="00A35FED" w:rsidP="00A35FED">
            <w:r>
              <w:t xml:space="preserve">        if (isMobile) {</w:t>
            </w:r>
          </w:p>
          <w:p w:rsidR="00A35FED" w:rsidRDefault="00A35FED" w:rsidP="00A35FED">
            <w:r>
              <w:t xml:space="preserve">            // Toggle-on-click behaviour.</w:t>
            </w:r>
          </w:p>
          <w:p w:rsidR="00A35FED" w:rsidRDefault="00A35FED" w:rsidP="00A35FED">
            <w:r>
              <w:t xml:space="preserve">            $(document).on('click.floatingWidget', '.floating-widget &gt; a', function (e) {</w:t>
            </w:r>
          </w:p>
          <w:p w:rsidR="00A35FED" w:rsidRDefault="00A35FED" w:rsidP="00A35FED">
            <w:r>
              <w:t xml:space="preserve">                var $this = $(this);</w:t>
            </w:r>
          </w:p>
          <w:p w:rsidR="00A35FED" w:rsidRDefault="00A35FED" w:rsidP="00A35FED">
            <w:r>
              <w:t xml:space="preserve">                var $menu = $this.parent();</w:t>
            </w:r>
          </w:p>
          <w:p w:rsidR="00A35FED" w:rsidRDefault="00A35FED" w:rsidP="00A35FED">
            <w:r>
              <w:t xml:space="preserve">                if ($menu.hasClass('open')) {</w:t>
            </w:r>
          </w:p>
          <w:p w:rsidR="00A35FED" w:rsidRDefault="00A35FED" w:rsidP="00A35FED">
            <w:r>
              <w:t xml:space="preserve">                    closeFABMenu($menu);</w:t>
            </w:r>
          </w:p>
          <w:p w:rsidR="00A35FED" w:rsidRDefault="00A35FED" w:rsidP="00A35FED">
            <w:r>
              <w:t xml:space="preserve">                } else {</w:t>
            </w:r>
          </w:p>
          <w:p w:rsidR="00A35FED" w:rsidRDefault="00A35FED" w:rsidP="00A35FED">
            <w:r>
              <w:t xml:space="preserve">                    openFABMenu($menu);</w:t>
            </w:r>
          </w:p>
          <w:p w:rsidR="00A35FED" w:rsidRDefault="00A35FED" w:rsidP="00A35FED">
            <w:r>
              <w:lastRenderedPageBreak/>
              <w:t xml:space="preserve">                }</w:t>
            </w:r>
          </w:p>
          <w:p w:rsidR="00A35FED" w:rsidRDefault="00A35FED" w:rsidP="00A35FED">
            <w:r>
              <w:t xml:space="preserve">            });</w:t>
            </w:r>
          </w:p>
          <w:p w:rsidR="00A35FED" w:rsidRDefault="00A35FED" w:rsidP="00A35FED">
            <w:r>
              <w:t xml:space="preserve">        } else {</w:t>
            </w:r>
          </w:p>
          <w:p w:rsidR="00A35FED" w:rsidRDefault="00A35FED" w:rsidP="00A35FED">
            <w:r>
              <w:t xml:space="preserve">            var $menu = $(".floating-widget");</w:t>
            </w:r>
          </w:p>
          <w:p w:rsidR="00A35FED" w:rsidRDefault="00A35FED" w:rsidP="00A35FED">
            <w:r>
              <w:t xml:space="preserve">            openFABMenu($menu);</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fn.extend({</w:t>
            </w:r>
          </w:p>
          <w:p w:rsidR="00A35FED" w:rsidRDefault="00A35FED" w:rsidP="00A35FED">
            <w:r>
              <w:t xml:space="preserve">        openFAB: function () {</w:t>
            </w:r>
          </w:p>
          <w:p w:rsidR="00A35FED" w:rsidRDefault="00A35FED" w:rsidP="00A35FED">
            <w:r>
              <w:t xml:space="preserve">            openFABMenu($(this));</w:t>
            </w:r>
          </w:p>
          <w:p w:rsidR="00A35FED" w:rsidRDefault="00A35FED" w:rsidP="00A35FED">
            <w:r>
              <w:t xml:space="preserve">        },</w:t>
            </w:r>
          </w:p>
          <w:p w:rsidR="00A35FED" w:rsidRDefault="00A35FED" w:rsidP="00A35FED">
            <w:r>
              <w:t xml:space="preserve">        closeFAB: function () {</w:t>
            </w:r>
          </w:p>
          <w:p w:rsidR="00A35FED" w:rsidRDefault="00A35FED" w:rsidP="00A35FED">
            <w:r>
              <w:t xml:space="preserve">            closeFABMenu($(this));</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var openFABMenu = function (btn) {</w:t>
            </w:r>
          </w:p>
          <w:p w:rsidR="00A35FED" w:rsidRDefault="00A35FED" w:rsidP="00A35FED">
            <w:r>
              <w:t xml:space="preserve">        $this = btn;</w:t>
            </w:r>
          </w:p>
          <w:p w:rsidR="00A35FED" w:rsidRDefault="00A35FED" w:rsidP="00A35FED">
            <w:r>
              <w:t xml:space="preserve">        if ($this.hasClass('open') === false) {</w:t>
            </w:r>
          </w:p>
          <w:p w:rsidR="00A35FED" w:rsidRDefault="00A35FED" w:rsidP="00A35FED"/>
          <w:p w:rsidR="00A35FED" w:rsidRDefault="00A35FED" w:rsidP="00A35FED">
            <w:r>
              <w:t xml:space="preserve">            // Get direction option</w:t>
            </w:r>
          </w:p>
          <w:p w:rsidR="00A35FED" w:rsidRDefault="00A35FED" w:rsidP="00A35FED">
            <w:r>
              <w:t xml:space="preserve">            var horizontal = $this.hasClass('horizontal');</w:t>
            </w:r>
          </w:p>
          <w:p w:rsidR="00A35FED" w:rsidRDefault="00A35FED" w:rsidP="00A35FED">
            <w:r>
              <w:t xml:space="preserve">            var offsetY, offsetX;</w:t>
            </w:r>
          </w:p>
          <w:p w:rsidR="00A35FED" w:rsidRDefault="00A35FED" w:rsidP="00A35FED"/>
          <w:p w:rsidR="00A35FED" w:rsidRDefault="00A35FED" w:rsidP="00A35FED">
            <w:r>
              <w:t xml:space="preserve">            if (horizontal === true) {</w:t>
            </w:r>
          </w:p>
          <w:p w:rsidR="00A35FED" w:rsidRDefault="00A35FED" w:rsidP="00A35FED">
            <w:r>
              <w:t xml:space="preserve">                offsetX = 40;</w:t>
            </w:r>
          </w:p>
          <w:p w:rsidR="00A35FED" w:rsidRDefault="00A35FED" w:rsidP="00A35FED">
            <w:r>
              <w:t xml:space="preserve">            } else {</w:t>
            </w:r>
          </w:p>
          <w:p w:rsidR="00A35FED" w:rsidRDefault="00A35FED" w:rsidP="00A35FED">
            <w:r>
              <w:t xml:space="preserve">                offsetY = 40;</w:t>
            </w:r>
          </w:p>
          <w:p w:rsidR="00A35FED" w:rsidRDefault="00A35FED" w:rsidP="00A35FED">
            <w:r>
              <w:t xml:space="preserve">            }</w:t>
            </w:r>
          </w:p>
          <w:p w:rsidR="00A35FED" w:rsidRDefault="00A35FED" w:rsidP="00A35FED"/>
          <w:p w:rsidR="00A35FED" w:rsidRDefault="00A35FED" w:rsidP="00A35FED">
            <w:r>
              <w:t xml:space="preserve">            $this.addClass('open');</w:t>
            </w:r>
          </w:p>
          <w:p w:rsidR="00A35FED" w:rsidRDefault="00A35FED" w:rsidP="00A35FED">
            <w:r>
              <w:t xml:space="preserve">            $this.find('ul .float-item').velocity(</w:t>
            </w:r>
          </w:p>
          <w:p w:rsidR="00A35FED" w:rsidRDefault="00A35FED" w:rsidP="00A35FED">
            <w:r>
              <w:t xml:space="preserve">                {scaleY: ".4", scaleX: ".4", translateY: offsetY + 'px', translateX: offsetX + 'px'},</w:t>
            </w:r>
          </w:p>
          <w:p w:rsidR="00A35FED" w:rsidRDefault="00A35FED" w:rsidP="00A35FED">
            <w:r>
              <w:t xml:space="preserve">                {duration: 0});</w:t>
            </w:r>
          </w:p>
          <w:p w:rsidR="00A35FED" w:rsidRDefault="00A35FED" w:rsidP="00A35FED"/>
          <w:p w:rsidR="00A35FED" w:rsidRDefault="00A35FED" w:rsidP="00A35FED">
            <w:r>
              <w:t xml:space="preserve">            var time = 0;</w:t>
            </w:r>
          </w:p>
          <w:p w:rsidR="00A35FED" w:rsidRDefault="00A35FED" w:rsidP="00A35FED">
            <w:r>
              <w:t xml:space="preserve">            $this.find('ul .float-item').reverse().each(function () {</w:t>
            </w:r>
          </w:p>
          <w:p w:rsidR="00A35FED" w:rsidRDefault="00A35FED" w:rsidP="00A35FED">
            <w:r>
              <w:t xml:space="preserve">                $(this).velocity(</w:t>
            </w:r>
          </w:p>
          <w:p w:rsidR="00A35FED" w:rsidRDefault="00A35FED" w:rsidP="00A35FED">
            <w:r>
              <w:t xml:space="preserve">                    {opacity: "1", scaleX: "1", scaleY: "1", translateY: "0", translateX: '0'},</w:t>
            </w:r>
          </w:p>
          <w:p w:rsidR="00A35FED" w:rsidRDefault="00A35FED" w:rsidP="00A35FED">
            <w:r>
              <w:t xml:space="preserve">                    {duration: 80, delay: time});</w:t>
            </w:r>
          </w:p>
          <w:p w:rsidR="00A35FED" w:rsidRDefault="00A35FED" w:rsidP="00A35FED">
            <w:r>
              <w:t xml:space="preserve">                time += 40;</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var closeFABMenu = function (btn) {</w:t>
            </w:r>
          </w:p>
          <w:p w:rsidR="00A35FED" w:rsidRDefault="00A35FED" w:rsidP="00A35FED">
            <w:r>
              <w:t xml:space="preserve">        $this = btn;</w:t>
            </w:r>
          </w:p>
          <w:p w:rsidR="00A35FED" w:rsidRDefault="00A35FED" w:rsidP="00A35FED">
            <w:r>
              <w:lastRenderedPageBreak/>
              <w:t xml:space="preserve">        // Get direction option</w:t>
            </w:r>
          </w:p>
          <w:p w:rsidR="00A35FED" w:rsidRDefault="00A35FED" w:rsidP="00A35FED">
            <w:r>
              <w:t xml:space="preserve">        var horizontal = $this.hasClass('horizontal');</w:t>
            </w:r>
          </w:p>
          <w:p w:rsidR="00A35FED" w:rsidRDefault="00A35FED" w:rsidP="00A35FED">
            <w:r>
              <w:t xml:space="preserve">        var offsetY, offsetX;</w:t>
            </w:r>
          </w:p>
          <w:p w:rsidR="00A35FED" w:rsidRDefault="00A35FED" w:rsidP="00A35FED"/>
          <w:p w:rsidR="00A35FED" w:rsidRDefault="00A35FED" w:rsidP="00A35FED">
            <w:r>
              <w:t xml:space="preserve">        if (horizontal === true) {</w:t>
            </w:r>
          </w:p>
          <w:p w:rsidR="00A35FED" w:rsidRDefault="00A35FED" w:rsidP="00A35FED">
            <w:r>
              <w:t xml:space="preserve">            offsetX = 40;</w:t>
            </w:r>
          </w:p>
          <w:p w:rsidR="00A35FED" w:rsidRDefault="00A35FED" w:rsidP="00A35FED">
            <w:r>
              <w:t xml:space="preserve">        } else {</w:t>
            </w:r>
          </w:p>
          <w:p w:rsidR="00A35FED" w:rsidRDefault="00A35FED" w:rsidP="00A35FED">
            <w:r>
              <w:t xml:space="preserve">            offsetY = 40;</w:t>
            </w:r>
          </w:p>
          <w:p w:rsidR="00A35FED" w:rsidRDefault="00A35FED" w:rsidP="00A35FED">
            <w:r>
              <w:t xml:space="preserve">        }</w:t>
            </w:r>
          </w:p>
          <w:p w:rsidR="00A35FED" w:rsidRDefault="00A35FED" w:rsidP="00A35FED"/>
          <w:p w:rsidR="00A35FED" w:rsidRDefault="00A35FED" w:rsidP="00A35FED">
            <w:r>
              <w:t xml:space="preserve">        $this.removeClass('open');</w:t>
            </w:r>
          </w:p>
          <w:p w:rsidR="00A35FED" w:rsidRDefault="00A35FED" w:rsidP="00A35FED">
            <w:r>
              <w:t xml:space="preserve">        var time = 0;</w:t>
            </w:r>
          </w:p>
          <w:p w:rsidR="00A35FED" w:rsidRDefault="00A35FED" w:rsidP="00A35FED">
            <w:r>
              <w:t xml:space="preserve">        $this.find('ul .float-item').velocity("stop", true);</w:t>
            </w:r>
          </w:p>
          <w:p w:rsidR="00A35FED" w:rsidRDefault="00A35FED" w:rsidP="00A35FED">
            <w:r>
              <w:t xml:space="preserve">        $this.find('ul .float-item').velocity(</w:t>
            </w:r>
          </w:p>
          <w:p w:rsidR="00A35FED" w:rsidRDefault="00A35FED" w:rsidP="00A35FED">
            <w:r>
              <w:t xml:space="preserve">            {opacity: "0", scaleX: ".4", scaleY: ".4", translateY: offsetY + 'px', translateX: offsetX + 'px'},</w:t>
            </w:r>
          </w:p>
          <w:p w:rsidR="00A35FED" w:rsidRDefault="00A35FED" w:rsidP="00A35FED">
            <w:r>
              <w:t xml:space="preserve">            {duration: 80}</w:t>
            </w:r>
          </w:p>
          <w:p w:rsidR="00A35FED" w:rsidRDefault="00A35FED" w:rsidP="00A35FED">
            <w:r>
              <w:t xml:space="preserve">        );</w:t>
            </w:r>
          </w:p>
          <w:p w:rsidR="00A35FED" w:rsidRDefault="00A35FED" w:rsidP="00A35FED">
            <w:r>
              <w:t xml:space="preserve">    };</w:t>
            </w:r>
          </w:p>
          <w:p w:rsidR="00A35FED" w:rsidRDefault="00A35FED" w:rsidP="00A35FED">
            <w:r>
              <w:t>&lt;/script&gt;</w:t>
            </w:r>
          </w:p>
          <w:p w:rsidR="00A35FED" w:rsidRDefault="00A35FED" w:rsidP="00A35FED">
            <w:r>
              <w:t>&lt;!---------------floating widget ends------------------&gt;</w:t>
            </w:r>
          </w:p>
          <w:p w:rsidR="00A35FED" w:rsidRDefault="00A35FED" w:rsidP="00A35FED">
            <w:r>
              <w:t>&lt;div id="divLoader" class="loading-widget" align="center"&gt;</w:t>
            </w:r>
          </w:p>
          <w:p w:rsidR="00A35FED" w:rsidRDefault="00A35FED" w:rsidP="00A35FED">
            <w:r>
              <w:t xml:space="preserve">    &lt;br/&gt;</w:t>
            </w:r>
          </w:p>
          <w:p w:rsidR="00A35FED" w:rsidRDefault="00A35FED" w:rsidP="00A35FED">
            <w:r>
              <w:t xml:space="preserve">    &lt;p class="text-default"&gt;</w:t>
            </w:r>
          </w:p>
          <w:p w:rsidR="00A35FED" w:rsidRDefault="00A35FED" w:rsidP="00A35FED">
            <w:r>
              <w:t xml:space="preserve">        Loading, Please Wait for a while...</w:t>
            </w:r>
          </w:p>
          <w:p w:rsidR="00A35FED" w:rsidRDefault="00A35FED" w:rsidP="00A35FED">
            <w:r>
              <w:t xml:space="preserve">    &lt;/p&gt;</w:t>
            </w:r>
          </w:p>
          <w:p w:rsidR="00A35FED" w:rsidRDefault="00A35FED" w:rsidP="00A35FED">
            <w:r>
              <w:t xml:space="preserve">    &lt;br/&gt;</w:t>
            </w:r>
          </w:p>
          <w:p w:rsidR="00A35FED" w:rsidRDefault="00A35FED" w:rsidP="00A35FED">
            <w:r>
              <w:t>&lt;/div&gt;</w:t>
            </w:r>
          </w:p>
          <w:p w:rsidR="00A35FED" w:rsidRDefault="00A35FED" w:rsidP="00A35FED">
            <w:r>
              <w:t>&lt;div id="divOverlay" class="loading-overlay"&gt;&lt;/div&gt;</w:t>
            </w:r>
          </w:p>
          <w:p w:rsidR="00A35FED" w:rsidRDefault="00A35FED" w:rsidP="00A35FED">
            <w:r>
              <w:t>&lt;script type="text/javascript"&gt;</w:t>
            </w:r>
          </w:p>
          <w:p w:rsidR="00A35FED" w:rsidRDefault="00A35FED" w:rsidP="00A35FED">
            <w:r>
              <w:t xml:space="preserve">    window.loading = function (show, message) {</w:t>
            </w:r>
          </w:p>
          <w:p w:rsidR="00A35FED" w:rsidRDefault="00A35FED" w:rsidP="00A35FED">
            <w:r>
              <w:t xml:space="preserve">        let overlay = $(".loading-overlay");</w:t>
            </w:r>
          </w:p>
          <w:p w:rsidR="00A35FED" w:rsidRDefault="00A35FED" w:rsidP="00A35FED">
            <w:r>
              <w:t xml:space="preserve">        let loading = $(".loading-widget");</w:t>
            </w:r>
          </w:p>
          <w:p w:rsidR="00A35FED" w:rsidRDefault="00A35FED" w:rsidP="00A35FED">
            <w:r>
              <w:t xml:space="preserve">        $("p", loading).html(message);</w:t>
            </w:r>
          </w:p>
          <w:p w:rsidR="00A35FED" w:rsidRDefault="00A35FED" w:rsidP="00A35FED">
            <w:r>
              <w:t xml:space="preserve">        if (show) {</w:t>
            </w:r>
          </w:p>
          <w:p w:rsidR="00A35FED" w:rsidRDefault="00A35FED" w:rsidP="00A35FED">
            <w:r>
              <w:t xml:space="preserve">            let top = Math.max($(window).height() / 2 - loading[0].offsetHeight / 2 - 50, 0);</w:t>
            </w:r>
          </w:p>
          <w:p w:rsidR="00A35FED" w:rsidRDefault="00A35FED" w:rsidP="00A35FED">
            <w:r>
              <w:t xml:space="preserve">            overlay.fadeIn();</w:t>
            </w:r>
          </w:p>
          <w:p w:rsidR="00A35FED" w:rsidRDefault="00A35FED" w:rsidP="00A35FED">
            <w:r>
              <w:t xml:space="preserve">            loading.fadeIn();</w:t>
            </w:r>
          </w:p>
          <w:p w:rsidR="00A35FED" w:rsidRDefault="00A35FED" w:rsidP="00A35FED">
            <w:r>
              <w:t xml:space="preserve">            loading.css({</w:t>
            </w:r>
          </w:p>
          <w:p w:rsidR="00A35FED" w:rsidRDefault="00A35FED" w:rsidP="00A35FED">
            <w:r>
              <w:t xml:space="preserve">                top: top</w:t>
            </w:r>
          </w:p>
          <w:p w:rsidR="00A35FED" w:rsidRDefault="00A35FED" w:rsidP="00A35FED">
            <w:r>
              <w:t xml:space="preserve">            });</w:t>
            </w:r>
          </w:p>
          <w:p w:rsidR="00A35FED" w:rsidRDefault="00A35FED" w:rsidP="00A35FED">
            <w:r>
              <w:t xml:space="preserve">        } else {</w:t>
            </w:r>
          </w:p>
          <w:p w:rsidR="00A35FED" w:rsidRDefault="00A35FED" w:rsidP="00A35FED">
            <w:r>
              <w:t xml:space="preserve">            overlay.fadeOut();</w:t>
            </w:r>
          </w:p>
          <w:p w:rsidR="00A35FED" w:rsidRDefault="00A35FED" w:rsidP="00A35FED">
            <w:r>
              <w:t xml:space="preserve">            loading.fadeOut();</w:t>
            </w:r>
          </w:p>
          <w:p w:rsidR="00A35FED" w:rsidRDefault="00A35FED" w:rsidP="00A35FED">
            <w:r>
              <w:t xml:space="preserve">        }</w:t>
            </w:r>
          </w:p>
          <w:p w:rsidR="00A35FED" w:rsidRDefault="00A35FED" w:rsidP="00A35FED">
            <w:r>
              <w:t xml:space="preserve">    }</w:t>
            </w:r>
          </w:p>
          <w:p w:rsidR="00A35FED" w:rsidRDefault="00A35FED" w:rsidP="00A35FED">
            <w:r>
              <w:t>&lt;/script&gt;</w:t>
            </w:r>
          </w:p>
          <w:p w:rsidR="00A35FED" w:rsidRDefault="00A35FED" w:rsidP="00A35FED">
            <w:r>
              <w:t>&lt;style type="text/css"&gt;</w:t>
            </w:r>
          </w:p>
          <w:p w:rsidR="00A35FED" w:rsidRDefault="00A35FED" w:rsidP="00A35FED">
            <w:r>
              <w:t xml:space="preserve">    .loading-overlay {</w:t>
            </w:r>
          </w:p>
          <w:p w:rsidR="00A35FED" w:rsidRDefault="00A35FED" w:rsidP="00A35FED">
            <w:r>
              <w:lastRenderedPageBreak/>
              <w:t xml:space="preserve">        display: none;</w:t>
            </w:r>
          </w:p>
          <w:p w:rsidR="00A35FED" w:rsidRDefault="00A35FED" w:rsidP="00A35FED">
            <w:r>
              <w:t xml:space="preserve">        position: fixed;</w:t>
            </w:r>
          </w:p>
          <w:p w:rsidR="00A35FED" w:rsidRDefault="00A35FED" w:rsidP="00A35FED">
            <w:r>
              <w:t xml:space="preserve">        top: 0;</w:t>
            </w:r>
          </w:p>
          <w:p w:rsidR="00A35FED" w:rsidRDefault="00A35FED" w:rsidP="00A35FED">
            <w:r>
              <w:t xml:space="preserve">        left: 0;</w:t>
            </w:r>
          </w:p>
          <w:p w:rsidR="00A35FED" w:rsidRDefault="00A35FED" w:rsidP="00A35FED">
            <w:r>
              <w:t xml:space="preserve">        background-color: #FFFFFF;</w:t>
            </w:r>
          </w:p>
          <w:p w:rsidR="00A35FED" w:rsidRDefault="00A35FED" w:rsidP="00A35FED">
            <w:r>
              <w:t xml:space="preserve">        z-index: 10060;</w:t>
            </w:r>
          </w:p>
          <w:p w:rsidR="00A35FED" w:rsidRDefault="00A35FED" w:rsidP="00A35FED">
            <w:r>
              <w:t xml:space="preserve">        opacity: 0.8;</w:t>
            </w:r>
          </w:p>
          <w:p w:rsidR="00A35FED" w:rsidRDefault="00A35FED" w:rsidP="00A35FED">
            <w:r>
              <w:t xml:space="preserve">        filter: alpha(opacity=80);</w:t>
            </w:r>
          </w:p>
          <w:p w:rsidR="00A35FED" w:rsidRDefault="00A35FED" w:rsidP="00A35FED">
            <w:r>
              <w:t xml:space="preserve">        -moz-opacity: 0.8;</w:t>
            </w:r>
          </w:p>
          <w:p w:rsidR="00A35FED" w:rsidRDefault="00A35FED" w:rsidP="00A35FED">
            <w:r>
              <w:t xml:space="preserve">        min-height: 100%;</w:t>
            </w:r>
          </w:p>
          <w:p w:rsidR="00A35FED" w:rsidRDefault="00A35FED" w:rsidP="00A35FED">
            <w:r>
              <w:t xml:space="preserve">        width: 100%;</w:t>
            </w:r>
          </w:p>
          <w:p w:rsidR="00A35FED" w:rsidRDefault="00A35FED" w:rsidP="00A35FED">
            <w:r>
              <w:t xml:space="preserve">    }</w:t>
            </w:r>
          </w:p>
          <w:p w:rsidR="00A35FED" w:rsidRDefault="00A35FED" w:rsidP="00A35FED">
            <w:r>
              <w:t xml:space="preserve">    .loading-widget {</w:t>
            </w:r>
          </w:p>
          <w:p w:rsidR="00A35FED" w:rsidRDefault="00A35FED" w:rsidP="00A35FED">
            <w:r>
              <w:t xml:space="preserve">        font-family: Arial;</w:t>
            </w:r>
          </w:p>
          <w:p w:rsidR="00A35FED" w:rsidRDefault="00A35FED" w:rsidP="00A35FED">
            <w:r>
              <w:t xml:space="preserve">        font-size: 10pt;</w:t>
            </w:r>
          </w:p>
          <w:p w:rsidR="00A35FED" w:rsidRDefault="00A35FED" w:rsidP="00A35FED">
            <w:r>
              <w:t xml:space="preserve">        width: 350px;</w:t>
            </w:r>
          </w:p>
          <w:p w:rsidR="00A35FED" w:rsidRDefault="00A35FED" w:rsidP="00A35FED">
            <w:r>
              <w:t xml:space="preserve">        height: 130px;</w:t>
            </w:r>
          </w:p>
          <w:p w:rsidR="00A35FED" w:rsidRDefault="00A35FED" w:rsidP="00A35FED">
            <w:r>
              <w:t xml:space="preserve">        display: none;</w:t>
            </w:r>
          </w:p>
          <w:p w:rsidR="00A35FED" w:rsidRDefault="00A35FED" w:rsidP="00A35FED">
            <w:r>
              <w:t xml:space="preserve">        position: fixed;</w:t>
            </w:r>
          </w:p>
          <w:p w:rsidR="00A35FED" w:rsidRDefault="00A35FED" w:rsidP="00A35FED">
            <w:r>
              <w:t xml:space="preserve">        background: transparent url("{{ url('frontend/img/loader.gif") 50% 50% no-repeat;</w:t>
            </w:r>
          </w:p>
          <w:p w:rsidR="00A35FED" w:rsidRDefault="00A35FED" w:rsidP="00A35FED">
            <w:r>
              <w:t xml:space="preserve">        z-index: 10080;</w:t>
            </w:r>
          </w:p>
          <w:p w:rsidR="00A35FED" w:rsidRDefault="00A35FED" w:rsidP="00A35FED">
            <w:r>
              <w:t xml:space="preserve">        left: 50%;</w:t>
            </w:r>
          </w:p>
          <w:p w:rsidR="00A35FED" w:rsidRDefault="00A35FED" w:rsidP="00A35FED">
            <w:r>
              <w:t xml:space="preserve">        margin-left: -175px;</w:t>
            </w:r>
          </w:p>
          <w:p w:rsidR="00A35FED" w:rsidRDefault="00A35FED" w:rsidP="00A35FED">
            <w:r>
              <w:t xml:space="preserve">    }</w:t>
            </w:r>
          </w:p>
          <w:p w:rsidR="00A35FED" w:rsidRDefault="00A35FED" w:rsidP="00A35FED">
            <w:r>
              <w:t xml:space="preserve">    .loading-widget p {</w:t>
            </w:r>
          </w:p>
          <w:p w:rsidR="00A35FED" w:rsidRDefault="00A35FED" w:rsidP="00A35FED">
            <w:r>
              <w:t xml:space="preserve">        margin-top: 130px;</w:t>
            </w:r>
          </w:p>
          <w:p w:rsidR="00A35FED" w:rsidRDefault="00A35FED" w:rsidP="00A35FED">
            <w:r>
              <w:t xml:space="preserve">        font-weight: bolder;</w:t>
            </w:r>
          </w:p>
          <w:p w:rsidR="00A35FED" w:rsidRDefault="00A35FED" w:rsidP="00A35FED">
            <w:r>
              <w:t xml:space="preserve">        color: #035b67;</w:t>
            </w:r>
          </w:p>
          <w:p w:rsidR="00A35FED" w:rsidRDefault="00A35FED" w:rsidP="00A35FED">
            <w:r>
              <w:t xml:space="preserve">        font-size: 18px;</w:t>
            </w:r>
          </w:p>
          <w:p w:rsidR="00A35FED" w:rsidRDefault="00A35FED" w:rsidP="00A35FED">
            <w:r>
              <w:t xml:space="preserve">    }</w:t>
            </w:r>
          </w:p>
          <w:p w:rsidR="00A35FED" w:rsidRDefault="00A35FED" w:rsidP="00A35FED">
            <w:r>
              <w:t>&lt;/style&gt;&lt;div id="toTop"&gt;&lt;/div&gt;</w:t>
            </w:r>
          </w:p>
          <w:p w:rsidR="00A35FED" w:rsidRDefault="00A35FED" w:rsidP="00A35FED"/>
          <w:p w:rsidR="00A35FED" w:rsidRDefault="00A35FED" w:rsidP="00A35FED">
            <w:r>
              <w:t>&lt;!---------------remove wishlist Starts------------------&gt;</w:t>
            </w:r>
          </w:p>
          <w:p w:rsidR="00A35FED" w:rsidRDefault="00A35FED" w:rsidP="00A35FED">
            <w:r>
              <w:t>&lt;!--theme.js --&gt;</w:t>
            </w:r>
          </w:p>
          <w:p w:rsidR="00A35FED" w:rsidRDefault="00A35FED" w:rsidP="00A35FED">
            <w:r>
              <w:t>&lt;script src="spf/js/theme.js"&gt;&lt;/script&gt;</w:t>
            </w:r>
          </w:p>
          <w:p w:rsidR="00A35FED" w:rsidRDefault="00A35FED" w:rsidP="00A35FED">
            <w:r>
              <w:t>&lt;!--lscache.js --&gt;</w:t>
            </w:r>
          </w:p>
          <w:p w:rsidR="00A35FED" w:rsidRDefault="00A35FED" w:rsidP="00A35FED">
            <w:r>
              <w:t>&lt;script src="js/lscache.js"&gt;&lt;/script&gt;</w:t>
            </w:r>
          </w:p>
          <w:p w:rsidR="00A35FED" w:rsidRDefault="00A35FED" w:rsidP="00A35FED">
            <w:r>
              <w:t>&lt;!--notify.js --&gt;</w:t>
            </w:r>
          </w:p>
          <w:p w:rsidR="00A35FED" w:rsidRDefault="00A35FED" w:rsidP="00A35FED">
            <w:r>
              <w:t>&lt;script src="js/notify.js"&gt;&lt;/script&gt;</w:t>
            </w:r>
          </w:p>
          <w:p w:rsidR="00A35FED" w:rsidRDefault="00A35FED" w:rsidP="00A35FED">
            <w:r>
              <w:t>&lt;!--js/common.js --&gt;</w:t>
            </w:r>
          </w:p>
          <w:p w:rsidR="00A35FED" w:rsidRDefault="00A35FED" w:rsidP="00A35FED">
            <w:r>
              <w:t>&lt;script src="js/common.js"&gt;&lt;/script&gt;</w:t>
            </w:r>
          </w:p>
          <w:p w:rsidR="00A35FED" w:rsidRDefault="00A35FED" w:rsidP="00A35FED">
            <w:r>
              <w:t>&lt;!--animated_canvas.js --&gt;</w:t>
            </w:r>
          </w:p>
          <w:p w:rsidR="00A35FED" w:rsidRDefault="00A35FED" w:rsidP="00A35FED">
            <w:r>
              <w:t xml:space="preserve">    &lt;script src="spf/js/animated_canvas.js"&gt;&lt;/script&gt;</w:t>
            </w:r>
          </w:p>
          <w:p w:rsidR="00A35FED" w:rsidRDefault="00A35FED" w:rsidP="00A35FED">
            <w:r>
              <w:t xml:space="preserve">    &lt;!--selectize.js --&gt;</w:t>
            </w:r>
          </w:p>
          <w:p w:rsidR="00A35FED" w:rsidRDefault="00A35FED" w:rsidP="00A35FED">
            <w:r>
              <w:t xml:space="preserve">    &lt;script src="js/selectize.js"&gt;&lt;/script&gt;</w:t>
            </w:r>
          </w:p>
          <w:p w:rsidR="00A35FED" w:rsidRDefault="00A35FED" w:rsidP="00A35FED">
            <w:r>
              <w:t xml:space="preserve">    &lt;!--googleapis --&gt;</w:t>
            </w:r>
          </w:p>
          <w:p w:rsidR="00A35FED" w:rsidRDefault="00A35FED" w:rsidP="00A35FED">
            <w:r>
              <w:t xml:space="preserve">    &lt;script</w:t>
            </w:r>
          </w:p>
          <w:p w:rsidR="00A35FED" w:rsidRDefault="00A35FED" w:rsidP="00A35FED">
            <w:r>
              <w:t xml:space="preserve">            </w:t>
            </w:r>
            <w:r>
              <w:lastRenderedPageBreak/>
              <w:t>src="https://maps.googleapis.com/maps/api/js?key=AIzaSyCjN2knZ92ZcETe2mNF2t5l_j21ZTvTnIY&amp;amp;libraries=places&amp;amp;callback=initAutocomplete"</w:t>
            </w:r>
          </w:p>
          <w:p w:rsidR="00A35FED" w:rsidRDefault="00A35FED" w:rsidP="00A35FED">
            <w:r>
              <w:t xml:space="preserve">            async defer&gt;&lt;/script&gt;</w:t>
            </w:r>
          </w:p>
          <w:p w:rsidR="00A35FED" w:rsidRDefault="00A35FED" w:rsidP="00A35FED">
            <w:r>
              <w:t xml:space="preserve">            &lt;!-- velocity.js--&gt;</w:t>
            </w:r>
          </w:p>
          <w:p w:rsidR="00A35FED" w:rsidRDefault="00A35FED" w:rsidP="00A35FED">
            <w:r>
              <w:t>&lt;script src="js/velocity.js"&gt;&lt;/script&gt;</w:t>
            </w:r>
          </w:p>
          <w:p w:rsidR="00A35FED" w:rsidRDefault="00A35FED" w:rsidP="00A35FED">
            <w:r>
              <w:t>&lt;!-- init.js--&gt;</w:t>
            </w:r>
          </w:p>
          <w:p w:rsidR="00A35FED" w:rsidRDefault="00A35FED" w:rsidP="00A35FED">
            <w:r>
              <w:t>&lt;script src="spf/js/init.js"&gt;&lt;/script&gt;</w:t>
            </w:r>
          </w:p>
          <w:p w:rsidR="00A35FED" w:rsidRDefault="00A35FED" w:rsidP="00A35FED">
            <w:r>
              <w:t>&lt;script type="text/javascript"&gt;</w:t>
            </w:r>
          </w:p>
          <w:p w:rsidR="00A35FED" w:rsidRDefault="00A35FED" w:rsidP="00A35FED">
            <w:r>
              <w:t xml:space="preserve">    $(document).ready(function () {</w:t>
            </w:r>
          </w:p>
          <w:p w:rsidR="00A35FED" w:rsidRDefault="00A35FED" w:rsidP="00A35FED">
            <w:r>
              <w:t xml:space="preserve">        /*if (document.referrer !== "" &amp;&amp;</w:t>
            </w:r>
          </w:p>
          <w:p w:rsidR="00A35FED" w:rsidRDefault="00A35FED" w:rsidP="00A35FED">
            <w:r>
              <w:t xml:space="preserve">            (new URL(document.referrer)).origin !== window.location.origin &amp;&amp;</w:t>
            </w:r>
          </w:p>
          <w:p w:rsidR="00A35FED" w:rsidRDefault="00A35FED" w:rsidP="00A35FED">
            <w:r>
              <w:t xml:space="preserve">            lscache.get("last_visited")) {</w:t>
            </w:r>
          </w:p>
          <w:p w:rsidR="00A35FED" w:rsidRDefault="00A35FED" w:rsidP="00A35FED">
            <w:r>
              <w:t xml:space="preserve">            var lastVisited = lscache.get("last_visited");</w:t>
            </w:r>
          </w:p>
          <w:p w:rsidR="00A35FED" w:rsidRDefault="00A35FED" w:rsidP="00A35FED">
            <w:r>
              <w:t xml:space="preserve">            lscache.remove("last_visited");</w:t>
            </w:r>
          </w:p>
          <w:p w:rsidR="00A35FED" w:rsidRDefault="00A35FED" w:rsidP="00A35FED">
            <w:r>
              <w:t xml:space="preserve">            window.location.href = lastVisited;</w:t>
            </w:r>
          </w:p>
          <w:p w:rsidR="00A35FED" w:rsidRDefault="00A35FED" w:rsidP="00A35FED">
            <w:r>
              <w:t xml:space="preserve">        } else {</w:t>
            </w:r>
          </w:p>
          <w:p w:rsidR="00A35FED" w:rsidRDefault="00A35FED" w:rsidP="00A35FED">
            <w:r>
              <w:t xml:space="preserve">            //lscache.set("last_visited", window.location.href);</w:t>
            </w:r>
          </w:p>
          <w:p w:rsidR="00A35FED" w:rsidRDefault="00A35FED" w:rsidP="00A35FED">
            <w:r>
              <w:t xml:space="preserve">        }*/</w:t>
            </w:r>
          </w:p>
          <w:p w:rsidR="00A35FED" w:rsidRDefault="00A35FED" w:rsidP="00A35FED">
            <w:r>
              <w:t xml:space="preserve">        /*window.onbeforeunload = function() {</w:t>
            </w:r>
          </w:p>
          <w:p w:rsidR="00A35FED" w:rsidRDefault="00A35FED" w:rsidP="00A35FED">
            <w:r>
              <w:t xml:space="preserve">            lscache.set("last_visited", window.location.href);</w:t>
            </w:r>
          </w:p>
          <w:p w:rsidR="00A35FED" w:rsidRDefault="00A35FED" w:rsidP="00A35FED">
            <w:r>
              <w:t xml:space="preserve">            return;</w:t>
            </w:r>
          </w:p>
          <w:p w:rsidR="00A35FED" w:rsidRDefault="00A35FED" w:rsidP="00A35FED">
            <w:r>
              <w:t xml:space="preserve">        }*/</w:t>
            </w:r>
          </w:p>
          <w:p w:rsidR="00A35FED" w:rsidRDefault="00A35FED" w:rsidP="00A35FED">
            <w:r>
              <w:t xml:space="preserve">        fnUpdateWishFlag();</w:t>
            </w:r>
          </w:p>
          <w:p w:rsidR="00A35FED" w:rsidRDefault="00A35FED" w:rsidP="00A35FED">
            <w:r>
              <w:t xml:space="preserve">        $(document.body).on("click", ".btn-wishlist", function (e) {</w:t>
            </w:r>
          </w:p>
          <w:p w:rsidR="00A35FED" w:rsidRDefault="00A35FED" w:rsidP="00A35FED">
            <w:r>
              <w:t xml:space="preserve">            e.preventDefault();</w:t>
            </w:r>
          </w:p>
          <w:p w:rsidR="00A35FED" w:rsidRDefault="00A35FED" w:rsidP="00A35FED">
            <w:r>
              <w:t xml:space="preserve">            var that = this;</w:t>
            </w:r>
          </w:p>
          <w:p w:rsidR="00A35FED" w:rsidRDefault="00A35FED" w:rsidP="00A35FED">
            <w:r>
              <w:t xml:space="preserve">            let href = $(that).data("href");</w:t>
            </w:r>
          </w:p>
          <w:p w:rsidR="00A35FED" w:rsidRDefault="00A35FED" w:rsidP="00A35FED">
            <w:r>
              <w:t xml:space="preserve">            let rid = $(that).data("id");</w:t>
            </w:r>
          </w:p>
          <w:p w:rsidR="00A35FED" w:rsidRDefault="00A35FED" w:rsidP="00A35FED">
            <w:r>
              <w:t xml:space="preserve">            if (href) {</w:t>
            </w:r>
          </w:p>
          <w:p w:rsidR="00A35FED" w:rsidRDefault="00A35FED" w:rsidP="00A35FED">
            <w:r>
              <w:t xml:space="preserve">                $.ajax({</w:t>
            </w:r>
          </w:p>
          <w:p w:rsidR="00A35FED" w:rsidRDefault="00A35FED" w:rsidP="00A35FED">
            <w:r>
              <w:t xml:space="preserve">                    type: "get",</w:t>
            </w:r>
          </w:p>
          <w:p w:rsidR="00A35FED" w:rsidRDefault="00A35FED" w:rsidP="00A35FED">
            <w:r>
              <w:t xml:space="preserve">                    url: href,</w:t>
            </w:r>
          </w:p>
          <w:p w:rsidR="00A35FED" w:rsidRDefault="00A35FED" w:rsidP="00A35FED">
            <w:r>
              <w:t xml:space="preserve">                    beforeSend: function () {</w:t>
            </w:r>
          </w:p>
          <w:p w:rsidR="00A35FED" w:rsidRDefault="00A35FED" w:rsidP="00A35FED">
            <w:r>
              <w:t xml:space="preserve">                        $(that).addClass("block-loader");</w:t>
            </w:r>
          </w:p>
          <w:p w:rsidR="00A35FED" w:rsidRDefault="00A35FED" w:rsidP="00A35FED">
            <w:r>
              <w:t xml:space="preserve">                    },</w:t>
            </w:r>
          </w:p>
          <w:p w:rsidR="00A35FED" w:rsidRDefault="00A35FED" w:rsidP="00A35FED">
            <w:r>
              <w:t xml:space="preserve">                    success: function (response) {</w:t>
            </w:r>
          </w:p>
          <w:p w:rsidR="00A35FED" w:rsidRDefault="00A35FED" w:rsidP="00A35FED">
            <w:r>
              <w:t xml:space="preserve">                        $(that).removeClass("block-loader");</w:t>
            </w:r>
          </w:p>
          <w:p w:rsidR="00A35FED" w:rsidRDefault="00A35FED" w:rsidP="00A35FED">
            <w:r>
              <w:t xml:space="preserve">                        $(that).toggleClass("liked");</w:t>
            </w:r>
          </w:p>
          <w:p w:rsidR="00A35FED" w:rsidRDefault="00A35FED" w:rsidP="00A35FED">
            <w:r>
              <w:t xml:space="preserve">                        $("span", that).text($(that).hasClass("liked") ? "In Your List" : "Add To My List");</w:t>
            </w:r>
          </w:p>
          <w:p w:rsidR="00A35FED" w:rsidRDefault="00A35FED" w:rsidP="00A35FED">
            <w:r>
              <w:t xml:space="preserve">                        $(that).attr("data-original-title", $(that).hasClass("liked") ? "Remove From Your List" : "Add To My List").tooltip('show');</w:t>
            </w:r>
          </w:p>
          <w:p w:rsidR="00A35FED" w:rsidRDefault="00A35FED" w:rsidP="00A35FED">
            <w:r>
              <w:t xml:space="preserve">                    }</w:t>
            </w:r>
          </w:p>
          <w:p w:rsidR="00A35FED" w:rsidRDefault="00A35FED" w:rsidP="00A35FED">
            <w:r>
              <w:t xml:space="preserve">                });</w:t>
            </w:r>
          </w:p>
          <w:p w:rsidR="00A35FED" w:rsidRDefault="00A35FED" w:rsidP="00A35FED">
            <w:r>
              <w:t xml:space="preserve">            } else {</w:t>
            </w:r>
          </w:p>
          <w:p w:rsidR="00A35FED" w:rsidRDefault="00A35FED" w:rsidP="00A35FED">
            <w:r>
              <w:t xml:space="preserve">                let wishList = lscache.get("wishlist") || [];</w:t>
            </w:r>
          </w:p>
          <w:p w:rsidR="00A35FED" w:rsidRDefault="00A35FED" w:rsidP="00A35FED">
            <w:r>
              <w:t xml:space="preserve">                if (wishList.includes(rid)) {</w:t>
            </w:r>
          </w:p>
          <w:p w:rsidR="00A35FED" w:rsidRDefault="00A35FED" w:rsidP="00A35FED">
            <w:r>
              <w:t xml:space="preserve">                    wishList = _.without(wishList, rid);</w:t>
            </w:r>
          </w:p>
          <w:p w:rsidR="00A35FED" w:rsidRDefault="00A35FED" w:rsidP="00A35FED">
            <w:r>
              <w:t xml:space="preserve">                } else {</w:t>
            </w:r>
          </w:p>
          <w:p w:rsidR="00A35FED" w:rsidRDefault="00A35FED" w:rsidP="00A35FED">
            <w:r>
              <w:lastRenderedPageBreak/>
              <w:t xml:space="preserve">                    wishList.push(rid);</w:t>
            </w:r>
          </w:p>
          <w:p w:rsidR="00A35FED" w:rsidRDefault="00A35FED" w:rsidP="00A35FED">
            <w:r>
              <w:t xml:space="preserve">                }</w:t>
            </w:r>
          </w:p>
          <w:p w:rsidR="00A35FED" w:rsidRDefault="00A35FED" w:rsidP="00A35FED">
            <w:r>
              <w:t xml:space="preserve">                lscache.set("wishlist", wishList);</w:t>
            </w:r>
          </w:p>
          <w:p w:rsidR="00A35FED" w:rsidRDefault="00A35FED" w:rsidP="00A35FED">
            <w:r>
              <w:t xml:space="preserve">                $(this).toggleClass("liked");</w:t>
            </w:r>
          </w:p>
          <w:p w:rsidR="00A35FED" w:rsidRDefault="00A35FED" w:rsidP="00A35FED">
            <w:r>
              <w:t xml:space="preserve">                $("span", this).text($(this).hasClass("liked") ? "In Your List" : "Add To My List");</w:t>
            </w:r>
          </w:p>
          <w:p w:rsidR="00A35FED" w:rsidRDefault="00A35FED" w:rsidP="00A35FED">
            <w:r>
              <w:t xml:space="preserve">                $(this).attr("data-original-title", $(this).hasClass("liked") ? "Remove From Your List" : "Add To My List").tooltip('show');</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window.fnUpdateWishFlag = function () {</w:t>
            </w:r>
          </w:p>
          <w:p w:rsidR="00A35FED" w:rsidRDefault="00A35FED" w:rsidP="00A35FED">
            <w:r>
              <w:t xml:space="preserve">        let wishList = lscache.get("wishlist") || [];</w:t>
            </w:r>
          </w:p>
          <w:p w:rsidR="00A35FED" w:rsidRDefault="00A35FED" w:rsidP="00A35FED">
            <w:r>
              <w:t xml:space="preserve">        wishList.forEach(function (item) {</w:t>
            </w:r>
          </w:p>
          <w:p w:rsidR="00A35FED" w:rsidRDefault="00A35FED" w:rsidP="00A35FED">
            <w:r>
              <w:t xml:space="preserve">            $(".btn-wishlist[data-id='" + item + "']").addClass("liked");</w:t>
            </w:r>
          </w:p>
          <w:p w:rsidR="00A35FED" w:rsidRDefault="00A35FED" w:rsidP="00A35FED">
            <w:r>
              <w:t xml:space="preserve">            $(".btn-wishlist[data-id='" + item + "'].liked span").text("In Your List");</w:t>
            </w:r>
          </w:p>
          <w:p w:rsidR="00A35FED" w:rsidRDefault="00A35FED" w:rsidP="00A35FED">
            <w:r>
              <w:t xml:space="preserve">            $(".btn-wishlist[data-id='" + item + "'].liked").attr("title", "Remove From Your List");</w:t>
            </w:r>
          </w:p>
          <w:p w:rsidR="00A35FED" w:rsidRDefault="00A35FED" w:rsidP="00A35FED">
            <w:r>
              <w:t xml:space="preserve">        });</w:t>
            </w:r>
          </w:p>
          <w:p w:rsidR="00A35FED" w:rsidRDefault="00A35FED" w:rsidP="00A35FED">
            <w:r>
              <w:t xml:space="preserve">    };</w:t>
            </w:r>
          </w:p>
          <w:p w:rsidR="00A35FED" w:rsidRDefault="00A35FED" w:rsidP="00A35FED">
            <w:r>
              <w:t xml:space="preserve">    &lt;/script&gt;</w:t>
            </w:r>
          </w:p>
          <w:p w:rsidR="00A35FED" w:rsidRDefault="00A35FED" w:rsidP="00A35FED">
            <w:r>
              <w:t xml:space="preserve">    &lt;!---------------remove wishlist ends------------------&gt;</w:t>
            </w:r>
          </w:p>
          <w:p w:rsidR="00A35FED" w:rsidRDefault="00A35FED" w:rsidP="00A35FED">
            <w:r>
              <w:t xml:space="preserve">    &lt;script src="spf/js/theme.js"&gt;&lt;/script&gt;</w:t>
            </w:r>
          </w:p>
          <w:p w:rsidR="00A35FED" w:rsidRDefault="00A35FED" w:rsidP="00A35FED">
            <w:r>
              <w:t xml:space="preserve">    &lt;script src="js/lscache.js"&gt;&lt;/script&gt;</w:t>
            </w:r>
          </w:p>
          <w:p w:rsidR="00A35FED" w:rsidRDefault="00A35FED" w:rsidP="00A35FED">
            <w:r>
              <w:t xml:space="preserve">    &lt;script src="js/notify.js"&gt;&lt;/script&gt;</w:t>
            </w:r>
          </w:p>
          <w:p w:rsidR="00A35FED" w:rsidRDefault="00A35FED" w:rsidP="00A35FED">
            <w:r>
              <w:t xml:space="preserve">    &lt;script src="js/common.js"&gt;&lt;/script&gt;</w:t>
            </w:r>
          </w:p>
          <w:p w:rsidR="00A35FED" w:rsidRDefault="00A35FED" w:rsidP="00A35FED">
            <w:r>
              <w:t xml:space="preserve">        &lt;script src="js/selectize.js"&gt;&lt;/script&gt;</w:t>
            </w:r>
          </w:p>
          <w:p w:rsidR="00A35FED" w:rsidRDefault="00A35FED" w:rsidP="00A35FED">
            <w:r>
              <w:t xml:space="preserve">        &lt;script src="js/nouislider.js"&gt;&lt;/script&gt;</w:t>
            </w:r>
          </w:p>
          <w:p w:rsidR="00A35FED" w:rsidRDefault="00A35FED" w:rsidP="00A35FED">
            <w:r>
              <w:t xml:space="preserve">        &lt;script</w:t>
            </w:r>
          </w:p>
          <w:p w:rsidR="00A35FED" w:rsidRDefault="00A35FED" w:rsidP="00A35FED">
            <w:r>
              <w:t xml:space="preserve">                src="https://maps.googleapis.com/maps/api/js?key=AIzaSyCjN2knZ92ZcETe2mNF2t5l_j21ZTvTnIY&amp;amp;libraries=places&amp;amp;callback=initAutocomplete"</w:t>
            </w:r>
          </w:p>
          <w:p w:rsidR="00A35FED" w:rsidRDefault="00A35FED" w:rsidP="00A35FED">
            <w:r>
              <w:t xml:space="preserve">                async defer&gt;&lt;/script&gt;</w:t>
            </w:r>
          </w:p>
          <w:p w:rsidR="00A35FED" w:rsidRDefault="00A35FED" w:rsidP="00A35FED">
            <w:r>
              <w:t xml:space="preserve">    &lt;script src="js/velocity.js"&gt;&lt;/script&gt;</w:t>
            </w:r>
          </w:p>
          <w:p w:rsidR="00A35FED" w:rsidRDefault="00A35FED" w:rsidP="00A35FED">
            <w:r>
              <w:t xml:space="preserve">    &lt;script src="spf/js/init.js"&gt;&lt;/script&gt;</w:t>
            </w:r>
          </w:p>
          <w:p w:rsidR="00A35FED" w:rsidRDefault="00A35FED" w:rsidP="00A35FED">
            <w:r>
              <w:t xml:space="preserve">        &lt;script type="text/javascript"&gt;</w:t>
            </w:r>
          </w:p>
          <w:p w:rsidR="00A35FED" w:rsidRDefault="00A35FED" w:rsidP="00A35FED">
            <w:r>
              <w:t xml:space="preserve">        &lt;/script&gt;</w:t>
            </w:r>
          </w:p>
          <w:p w:rsidR="00A35FED" w:rsidRDefault="00A35FED" w:rsidP="00A35FED">
            <w:r>
              <w:t>&lt;script type="text/javascript"&gt;</w:t>
            </w:r>
          </w:p>
          <w:p w:rsidR="00A35FED" w:rsidRDefault="00A35FED" w:rsidP="00A35FED">
            <w:r>
              <w:t>//$(document).ready(function () {</w:t>
            </w:r>
          </w:p>
          <w:p w:rsidR="00A35FED" w:rsidRDefault="00A35FED" w:rsidP="00A35FED">
            <w:r>
              <w:t>function getResidence() {</w:t>
            </w:r>
          </w:p>
          <w:p w:rsidR="00A35FED" w:rsidRDefault="00A35FED" w:rsidP="00A35FED">
            <w:r>
              <w:t xml:space="preserve">    //alert(1);</w:t>
            </w:r>
          </w:p>
          <w:p w:rsidR="00A35FED" w:rsidRDefault="00A35FED" w:rsidP="00A35FED">
            <w:r>
              <w:t xml:space="preserve">    const residence_type = &lt;?php echo json_encode(residence_type); ?&gt;;</w:t>
            </w:r>
          </w:p>
          <w:p w:rsidR="00A35FED" w:rsidRDefault="00A35FED" w:rsidP="00A35FED">
            <w:r>
              <w:t xml:space="preserve">    var url = new URL(window.location.href);</w:t>
            </w:r>
          </w:p>
          <w:p w:rsidR="00A35FED" w:rsidRDefault="00A35FED" w:rsidP="00A35FED">
            <w:r>
              <w:t xml:space="preserve">    var filter = url.searchParams.get("filter");</w:t>
            </w:r>
          </w:p>
          <w:p w:rsidR="00A35FED" w:rsidRDefault="00A35FED" w:rsidP="00A35FED">
            <w:r>
              <w:t xml:space="preserve">    let filterQuery = fnGetSearchQuery();</w:t>
            </w:r>
          </w:p>
          <w:p w:rsidR="00A35FED" w:rsidRDefault="00A35FED" w:rsidP="00A35FED">
            <w:r>
              <w:tab/>
              <w:t xml:space="preserve">var q </w:t>
            </w:r>
            <w:r>
              <w:tab/>
              <w:t>=</w:t>
            </w:r>
            <w:r>
              <w:tab/>
              <w:t>$("#txtSearchText").val()</w:t>
            </w:r>
          </w:p>
          <w:p w:rsidR="00A35FED" w:rsidRDefault="00A35FED" w:rsidP="00A35FED">
            <w:r>
              <w:t xml:space="preserve">    // console.log("Hello"+q);</w:t>
            </w:r>
          </w:p>
          <w:p w:rsidR="00A35FED" w:rsidRDefault="00A35FED" w:rsidP="00A35FED">
            <w:r>
              <w:t xml:space="preserve">    // console.log(filterQuery, 'filterQuery');</w:t>
            </w:r>
          </w:p>
          <w:p w:rsidR="00A35FED" w:rsidRDefault="00A35FED" w:rsidP="00A35FED">
            <w:r>
              <w:t xml:space="preserve">    $.post("get_residence.php", {</w:t>
            </w:r>
          </w:p>
          <w:p w:rsidR="00A35FED" w:rsidRDefault="00A35FED" w:rsidP="00A35FED">
            <w:r>
              <w:t xml:space="preserve">            "filter": btoa(fnStringifyObject(filterQuery)),</w:t>
            </w:r>
          </w:p>
          <w:p w:rsidR="00A35FED" w:rsidRDefault="00A35FED" w:rsidP="00A35FED">
            <w:r>
              <w:lastRenderedPageBreak/>
              <w:t xml:space="preserve">            "q": q,</w:t>
            </w:r>
          </w:p>
          <w:p w:rsidR="00A35FED" w:rsidRDefault="00A35FED" w:rsidP="00A35FED">
            <w:r>
              <w:t xml:space="preserve">            "filter2": filter,</w:t>
            </w:r>
          </w:p>
          <w:p w:rsidR="00A35FED" w:rsidRDefault="00A35FED" w:rsidP="00A35FED">
            <w:r>
              <w:t xml:space="preserve">            'residence_type': 'ccrc'</w:t>
            </w:r>
          </w:p>
          <w:p w:rsidR="00A35FED" w:rsidRDefault="00A35FED" w:rsidP="00A35FED"/>
          <w:p w:rsidR="00A35FED" w:rsidRDefault="00A35FED" w:rsidP="00A35FED">
            <w:r>
              <w:t xml:space="preserve">        },</w:t>
            </w:r>
          </w:p>
          <w:p w:rsidR="00A35FED" w:rsidRDefault="00A35FED" w:rsidP="00A35FED">
            <w:r>
              <w:t xml:space="preserve">        function(data, status) {</w:t>
            </w:r>
          </w:p>
          <w:p w:rsidR="00A35FED" w:rsidRDefault="00A35FED" w:rsidP="00A35FED">
            <w:r>
              <w:tab/>
            </w:r>
            <w:r>
              <w:tab/>
            </w:r>
            <w:r>
              <w:tab/>
              <w:t>// console.log(data);</w:t>
            </w:r>
          </w:p>
          <w:p w:rsidR="00A35FED" w:rsidRDefault="00A35FED" w:rsidP="00A35FED">
            <w:r>
              <w:t xml:space="preserve">            let residence_data = JSON.parse(data);</w:t>
            </w:r>
          </w:p>
          <w:p w:rsidR="00A35FED" w:rsidRDefault="00A35FED" w:rsidP="00A35FED"/>
          <w:p w:rsidR="00A35FED" w:rsidRDefault="00A35FED" w:rsidP="00A35FED"/>
          <w:p w:rsidR="00A35FED" w:rsidRDefault="00A35FED" w:rsidP="00A35FED">
            <w:r>
              <w:t xml:space="preserve">            let residence_list = ''; let col_cls = 'col-md-6';</w:t>
            </w:r>
          </w:p>
          <w:p w:rsidR="00A35FED" w:rsidRDefault="00A35FED" w:rsidP="00A35FED">
            <w:r>
              <w:t xml:space="preserve">            if (residence_data['data'].length == 1) {</w:t>
            </w:r>
          </w:p>
          <w:p w:rsidR="00A35FED" w:rsidRDefault="00A35FED" w:rsidP="00A35FED">
            <w:r>
              <w:t xml:space="preserve">                col_cls = 'col-md-12';</w:t>
            </w:r>
          </w:p>
          <w:p w:rsidR="00A35FED" w:rsidRDefault="00A35FED" w:rsidP="00A35FED">
            <w:r>
              <w:t xml:space="preserve">            }</w:t>
            </w:r>
          </w:p>
          <w:p w:rsidR="00A35FED" w:rsidRDefault="00A35FED" w:rsidP="00A35FED">
            <w:r>
              <w:t xml:space="preserve">            residence_data['data'].forEach(function(item) {</w:t>
            </w:r>
          </w:p>
          <w:p w:rsidR="00A35FED" w:rsidRDefault="00A35FED" w:rsidP="00A35FED">
            <w:r>
              <w:t xml:space="preserve">                let residence_types = '';</w:t>
            </w:r>
          </w:p>
          <w:p w:rsidR="00A35FED" w:rsidRDefault="00A35FED" w:rsidP="00A35FED">
            <w:r>
              <w:t xml:space="preserve">                let residence = String(item.residence);</w:t>
            </w:r>
          </w:p>
          <w:p w:rsidR="00A35FED" w:rsidRDefault="00A35FED" w:rsidP="00A35FED">
            <w:r>
              <w:t xml:space="preserve">                residence_split = residence.split(',');</w:t>
            </w:r>
          </w:p>
          <w:p w:rsidR="00A35FED" w:rsidRDefault="00A35FED" w:rsidP="00A35FED">
            <w:r>
              <w:t xml:space="preserve">                residence_split.forEach(function(res) {</w:t>
            </w:r>
          </w:p>
          <w:p w:rsidR="00A35FED" w:rsidRDefault="00A35FED" w:rsidP="00A35FED">
            <w:r>
              <w:t xml:space="preserve">                    residence_types += "&lt;small&gt;" + residence_type[res] +</w:t>
            </w:r>
          </w:p>
          <w:p w:rsidR="00A35FED" w:rsidRDefault="00A35FED" w:rsidP="00A35FED">
            <w:r>
              <w:t xml:space="preserve">                        "&lt;/small&gt;";</w:t>
            </w:r>
          </w:p>
          <w:p w:rsidR="00A35FED" w:rsidRDefault="00A35FED" w:rsidP="00A35FED">
            <w:r>
              <w:t xml:space="preserve">                });</w:t>
            </w:r>
          </w:p>
          <w:p w:rsidR="00A35FED" w:rsidRDefault="00A35FED" w:rsidP="00A35FED">
            <w:r>
              <w:t xml:space="preserve">                var id = item.id; </w:t>
            </w:r>
          </w:p>
          <w:p w:rsidR="00A35FED" w:rsidRDefault="00A35FED" w:rsidP="00A35FED">
            <w:r>
              <w:tab/>
            </w:r>
            <w:r>
              <w:tab/>
            </w:r>
            <w:r>
              <w:tab/>
            </w:r>
            <w:r>
              <w:tab/>
              <w:t>var url = "https://reachseniors.com";</w:t>
            </w:r>
          </w:p>
          <w:p w:rsidR="00A35FED" w:rsidRDefault="00A35FED" w:rsidP="00A35FED">
            <w:r>
              <w:tab/>
            </w:r>
            <w:r>
              <w:tab/>
            </w:r>
            <w:r>
              <w:tab/>
            </w:r>
            <w:r>
              <w:tab/>
              <w:t>if (item.photo1) {</w:t>
            </w:r>
          </w:p>
          <w:p w:rsidR="00A35FED" w:rsidRDefault="00A35FED" w:rsidP="00A35FED">
            <w:r>
              <w:tab/>
            </w:r>
            <w:r>
              <w:tab/>
            </w:r>
            <w:r>
              <w:tab/>
            </w:r>
            <w:r>
              <w:tab/>
            </w:r>
            <w:r>
              <w:tab/>
              <w:t>var photo1 = item.photo1;</w:t>
            </w:r>
          </w:p>
          <w:p w:rsidR="00A35FED" w:rsidRDefault="00A35FED" w:rsidP="00A35FED">
            <w:r>
              <w:tab/>
            </w:r>
            <w:r>
              <w:tab/>
            </w:r>
            <w:r>
              <w:tab/>
            </w:r>
            <w:r>
              <w:tab/>
              <w:t xml:space="preserve">}else{ </w:t>
            </w:r>
          </w:p>
          <w:p w:rsidR="00A35FED" w:rsidRDefault="00A35FED" w:rsidP="00A35FED">
            <w:r>
              <w:tab/>
            </w:r>
            <w:r>
              <w:tab/>
            </w:r>
            <w:r>
              <w:tab/>
            </w:r>
            <w:r>
              <w:tab/>
            </w:r>
            <w:r>
              <w:tab/>
              <w:t>var photo1 = "no-image_No_Photo.png";</w:t>
            </w:r>
          </w:p>
          <w:p w:rsidR="00A35FED" w:rsidRDefault="00A35FED" w:rsidP="00A35FED">
            <w:r>
              <w:tab/>
            </w:r>
            <w:r>
              <w:tab/>
            </w:r>
            <w:r>
              <w:tab/>
            </w:r>
            <w:r>
              <w:tab/>
              <w:t>}</w:t>
            </w:r>
          </w:p>
          <w:p w:rsidR="00A35FED" w:rsidRDefault="00A35FED" w:rsidP="00A35FED"/>
          <w:p w:rsidR="00A35FED" w:rsidRDefault="00A35FED" w:rsidP="00A35FED">
            <w:r>
              <w:t xml:space="preserve">                residence_list +=</w:t>
            </w:r>
          </w:p>
          <w:p w:rsidR="00A35FED" w:rsidRDefault="00A35FED" w:rsidP="00A35FED">
            <w:r>
              <w:t xml:space="preserve">                    '&lt;div class="'+col_cls+' residence wow bounceInUp 0" data-wow-duration="1.5s" data-wow-delay="0.1s" id="100184"&gt;&lt;div class="strip grid"&gt;&lt;figure&gt; &lt;a class="wish_bt btn-wishlist " href="javascript:" title="Add To My List" data-toggle="tooltip" data-id="100184" &gt;&lt;/a&gt;&lt;a href="property-details.php?id='+id+'"&gt;&lt;img alt="" title="" class="img-fluid" height="266" width="400" src="'+url+"/uploads/slg/properties/"+</w:t>
            </w:r>
          </w:p>
          <w:p w:rsidR="00A35FED" w:rsidRDefault="00A35FED" w:rsidP="00A35FED">
            <w:r>
              <w:t xml:space="preserve">                    photo1 +</w:t>
            </w:r>
          </w:p>
          <w:p w:rsidR="00A35FED" w:rsidRDefault="00A35FED" w:rsidP="00A35FED">
            <w:r>
              <w:t xml:space="preserve">                    '"/&gt;&lt;div class="read_more"&gt;&lt;span&gt;View Residence&lt;/span&gt;&lt;/div&gt;&lt;/a&gt;' +</w:t>
            </w:r>
          </w:p>
          <w:p w:rsidR="00A35FED" w:rsidRDefault="00A35FED" w:rsidP="00A35FED">
            <w:r>
              <w:t xml:space="preserve">                    residence_types +</w:t>
            </w:r>
          </w:p>
          <w:p w:rsidR="00A35FED" w:rsidRDefault="00A35FED" w:rsidP="00A35FED">
            <w:r>
              <w:t xml:space="preserve">                    '&lt;/figure&gt;&lt;div class="wrapper"&gt;&lt;h3&gt;&lt;a href="property-details.php?id='+id+'"&gt;' +</w:t>
            </w:r>
          </w:p>
          <w:p w:rsidR="00A35FED" w:rsidRDefault="00A35FED" w:rsidP="00A35FED">
            <w:r>
              <w:t xml:space="preserve">                    item.title +</w:t>
            </w:r>
          </w:p>
          <w:p w:rsidR="00A35FED" w:rsidRDefault="00A35FED" w:rsidP="00A35FED">
            <w:r>
              <w:t xml:space="preserve">                    '&lt;/a&gt;&lt;/h3&gt;&lt;p&gt;CCRC Community Residence&lt;/p&gt;&lt;/div&gt;&lt;ul&gt;&lt;li&gt;&lt;div class="score"&gt;&lt;span&gt;Total&lt;em&gt;Views&lt;/em&gt;&lt;/span&gt;&lt;strong&gt;' +</w:t>
            </w:r>
          </w:p>
          <w:p w:rsidR="00A35FED" w:rsidRDefault="00A35FED" w:rsidP="00A35FED">
            <w:r>
              <w:t xml:space="preserve">                    item.views +</w:t>
            </w:r>
          </w:p>
          <w:p w:rsidR="00A35FED" w:rsidRDefault="00A35FED" w:rsidP="00A35FED">
            <w:r>
              <w:t xml:space="preserve">                    '&lt;/strong&gt;&lt;/div&gt; &lt;/li&gt;&lt;li&gt;&lt;a class="btn btn-sm btn-success rounded-pill" href="property-details.php?id='+id+'"&gt;&lt;i class="fas fa-map-marker-alt mr-1"&gt;&lt;/i&gt;View More&lt;/a&gt;&lt;/li&gt;&lt;/ul&gt;&lt;/div&gt;&lt;/div&gt;';</w:t>
            </w:r>
          </w:p>
          <w:p w:rsidR="00A35FED" w:rsidRDefault="00A35FED" w:rsidP="00A35FED">
            <w:r>
              <w:t xml:space="preserve">            });</w:t>
            </w:r>
          </w:p>
          <w:p w:rsidR="00A35FED" w:rsidRDefault="00A35FED" w:rsidP="00A35FED">
            <w:r>
              <w:lastRenderedPageBreak/>
              <w:t xml:space="preserve">            $("#residence_list").html(residence_list);</w:t>
            </w:r>
          </w:p>
          <w:p w:rsidR="00A35FED" w:rsidRDefault="00A35FED" w:rsidP="00A35FED">
            <w:r>
              <w:tab/>
            </w:r>
            <w:r>
              <w:tab/>
            </w:r>
            <w:r>
              <w:tab/>
              <w:t>$("#res_count").html(residence_data['data'].length);</w:t>
            </w:r>
          </w:p>
          <w:p w:rsidR="00A35FED" w:rsidRDefault="00A35FED" w:rsidP="00A35FED">
            <w:r>
              <w:tab/>
            </w:r>
            <w:r>
              <w:tab/>
            </w:r>
            <w:r>
              <w:tab/>
              <w:t>console.log(residence_data['data'].length );</w:t>
            </w:r>
          </w:p>
          <w:p w:rsidR="00A35FED" w:rsidRDefault="00A35FED" w:rsidP="00A35FED">
            <w:r>
              <w:t xml:space="preserve">            if (residence_data['data'].length == 0) {</w:t>
            </w:r>
          </w:p>
          <w:p w:rsidR="00A35FED" w:rsidRDefault="00A35FED" w:rsidP="00A35FED">
            <w:r>
              <w:t xml:space="preserve">                $(".no-records").show();</w:t>
            </w:r>
          </w:p>
          <w:p w:rsidR="00A35FED" w:rsidRDefault="00A35FED" w:rsidP="00A35FED">
            <w:r>
              <w:t xml:space="preserve">            } else {</w:t>
            </w:r>
          </w:p>
          <w:p w:rsidR="00A35FED" w:rsidRDefault="00A35FED" w:rsidP="00A35FED">
            <w:r>
              <w:t xml:space="preserve">                $(".no-records").hide();</w:t>
            </w:r>
          </w:p>
          <w:p w:rsidR="00A35FED" w:rsidRDefault="00A35FED" w:rsidP="00A35FED">
            <w:r>
              <w:t xml:space="preserve">            }</w:t>
            </w:r>
          </w:p>
          <w:p w:rsidR="00A35FED" w:rsidRDefault="00A35FED" w:rsidP="00A35FED"/>
          <w:p w:rsidR="00A35FED" w:rsidRDefault="00A35FED" w:rsidP="00A35FED">
            <w:r>
              <w:t xml:space="preserve">            let residenceTypes = residence_data['search_data'];</w:t>
            </w:r>
          </w:p>
          <w:p w:rsidR="00A35FED" w:rsidRDefault="00A35FED" w:rsidP="00A35FED"/>
          <w:p w:rsidR="00A35FED" w:rsidRDefault="00A35FED" w:rsidP="00A35FED"/>
          <w:p w:rsidR="00A35FED" w:rsidRDefault="00A35FED" w:rsidP="00A35FED"/>
          <w:p w:rsidR="00A35FED" w:rsidRDefault="00A35FED" w:rsidP="00A35FED">
            <w:r>
              <w:t xml:space="preserve">        });</w:t>
            </w:r>
          </w:p>
          <w:p w:rsidR="00A35FED" w:rsidRDefault="00A35FED" w:rsidP="00A35FED">
            <w:r>
              <w:t>}</w:t>
            </w:r>
          </w:p>
          <w:p w:rsidR="00A35FED" w:rsidRDefault="00A35FED" w:rsidP="00A35FED">
            <w:r>
              <w:t>// });</w:t>
            </w:r>
          </w:p>
          <w:p w:rsidR="00A35FED" w:rsidRDefault="00A35FED" w:rsidP="00A35FED">
            <w:r>
              <w:t>getResidence();</w:t>
            </w:r>
          </w:p>
          <w:p w:rsidR="00A35FED" w:rsidRDefault="00A35FED" w:rsidP="00A35FED">
            <w:r>
              <w:t>&lt;/script&gt;</w:t>
            </w:r>
          </w:p>
          <w:p w:rsidR="00A35FED" w:rsidRDefault="00A35FED" w:rsidP="00A35FED">
            <w:r>
              <w:t>&lt;style&gt;</w:t>
            </w:r>
          </w:p>
          <w:p w:rsidR="00A35FED" w:rsidRDefault="00A35FED" w:rsidP="00A35FED">
            <w:r>
              <w:t>#residence_list {</w:t>
            </w:r>
          </w:p>
          <w:p w:rsidR="00A35FED" w:rsidRDefault="00A35FED" w:rsidP="00A35FED">
            <w:r>
              <w:t xml:space="preserve">    margin-left: 0px;</w:t>
            </w:r>
          </w:p>
          <w:p w:rsidR="00A35FED" w:rsidRDefault="00A35FED" w:rsidP="00A35FED">
            <w:r>
              <w:t xml:space="preserve">    margin-right: 0px;</w:t>
            </w:r>
          </w:p>
          <w:p w:rsidR="00A35FED" w:rsidRDefault="00A35FED" w:rsidP="00A35FED">
            <w:r>
              <w:t>}</w:t>
            </w:r>
          </w:p>
          <w:p w:rsidR="00A35FED" w:rsidRDefault="00A35FED" w:rsidP="00A35FED">
            <w:r>
              <w:t>&lt;/style&gt;</w:t>
            </w:r>
          </w:p>
          <w:p w:rsidR="00A35FED" w:rsidRDefault="00A35FED" w:rsidP="00A35FED"/>
          <w:p w:rsidR="00A35FED" w:rsidRDefault="00A35FED" w:rsidP="00A35FED">
            <w:r>
              <w:t>&lt;div id = "myModalContainer"&gt;</w:t>
            </w:r>
          </w:p>
          <w:p w:rsidR="00A35FED" w:rsidRDefault="00A35FED" w:rsidP="00A35FED">
            <w:r>
              <w:t xml:space="preserve">                &lt;div class="modal fade" id="myModal" style="max-height: 800px !important; margin-top: 20px;"&gt;</w:t>
            </w:r>
          </w:p>
          <w:p w:rsidR="00A35FED" w:rsidRDefault="00A35FED" w:rsidP="00A35FED">
            <w:r>
              <w:t xml:space="preserve">                    &lt;div class="modal-dialog modal-dialog-scrollable modal-lg" style="height: 846px; width:1000;"&gt;</w:t>
            </w:r>
          </w:p>
          <w:p w:rsidR="00A35FED" w:rsidRDefault="00A35FED" w:rsidP="00A35FED">
            <w:r>
              <w:t xml:space="preserve">                      &lt;div class="modal-content"&gt;</w:t>
            </w:r>
          </w:p>
          <w:p w:rsidR="00A35FED" w:rsidRDefault="00A35FED" w:rsidP="00A35FED"/>
          <w:p w:rsidR="00A35FED" w:rsidRDefault="00A35FED" w:rsidP="00A35FED">
            <w:r>
              <w:t xml:space="preserve">                        &lt;!-- Modal Header --&gt;</w:t>
            </w:r>
          </w:p>
          <w:p w:rsidR="00A35FED" w:rsidRDefault="00A35FED" w:rsidP="00A35FED">
            <w:r>
              <w:t xml:space="preserve">                        &lt;div class="modal-header"&gt;</w:t>
            </w:r>
          </w:p>
          <w:p w:rsidR="00A35FED" w:rsidRDefault="00A35FED" w:rsidP="00A35FED">
            <w:r>
              <w:t xml:space="preserve">                            &lt;h4 class="modal-title"&gt;Your Senior Place Living -  Desires and Needs&lt;/h4&gt;</w:t>
            </w:r>
          </w:p>
          <w:p w:rsidR="00A35FED" w:rsidRDefault="00A35FED" w:rsidP="00A35FED">
            <w:r>
              <w:t xml:space="preserve">                          &lt;button type="button" class="close" data-dismiss="modal"&gt;&amp;#x274C;&lt;/button&gt;</w:t>
            </w:r>
          </w:p>
          <w:p w:rsidR="00A35FED" w:rsidRDefault="00A35FED" w:rsidP="00A35FED">
            <w:r>
              <w:t xml:space="preserve">                        &lt;/div&gt;</w:t>
            </w:r>
          </w:p>
          <w:p w:rsidR="00A35FED" w:rsidRDefault="00A35FED" w:rsidP="00A35FED">
            <w:r>
              <w:t xml:space="preserve">                        </w:t>
            </w:r>
          </w:p>
          <w:p w:rsidR="00A35FED" w:rsidRDefault="00A35FED" w:rsidP="00A35FED">
            <w:r>
              <w:t xml:space="preserve">                        &lt;!-- Modal body --&gt;</w:t>
            </w:r>
          </w:p>
          <w:p w:rsidR="00A35FED" w:rsidRDefault="00A35FED" w:rsidP="00A35FED">
            <w:r>
              <w:t xml:space="preserve">                        &lt;div class="text-left" style= "height: 600px; overflow-y: scroll;"&gt;</w:t>
            </w:r>
          </w:p>
          <w:p w:rsidR="00A35FED" w:rsidRDefault="00A35FED" w:rsidP="00A35FED">
            <w:r>
              <w:t xml:space="preserve">                            &lt;br&gt;</w:t>
            </w:r>
          </w:p>
          <w:p w:rsidR="00A35FED" w:rsidRDefault="00A35FED" w:rsidP="00A35FED">
            <w:r>
              <w:t xml:space="preserve">                            &lt;span style="position:relative;left:50px;" text-align="center;"&gt; We suggest that you take a moment to enter your information and further convey your needs and desires&lt;br&gt; for senior living.&lt;/span&gt;</w:t>
            </w:r>
          </w:p>
          <w:p w:rsidR="00A35FED" w:rsidRDefault="00A35FED" w:rsidP="00A35FED">
            <w:r>
              <w:t xml:space="preserve">                            </w:t>
            </w:r>
          </w:p>
          <w:p w:rsidR="00A35FED" w:rsidRDefault="00A35FED" w:rsidP="00A35FED">
            <w:r>
              <w:t xml:space="preserve">                            &lt;div class="modal-body"&gt;</w:t>
            </w:r>
          </w:p>
          <w:p w:rsidR="00A35FED" w:rsidRDefault="00A35FED" w:rsidP="00A35FED">
            <w:r>
              <w:t xml:space="preserve">                            &lt;form action="" method="post" id="newPropertForm"&gt;</w:t>
            </w:r>
          </w:p>
          <w:p w:rsidR="00A35FED" w:rsidRDefault="00A35FED" w:rsidP="00A35FED"/>
          <w:p w:rsidR="00A35FED" w:rsidRDefault="00A35FED" w:rsidP="00A35FED">
            <w:r>
              <w:lastRenderedPageBreak/>
              <w:t xml:space="preserve">                                &lt;input type="hidden" name="userTempId" value="&lt;?php echo $userTempId ; ?&gt;" /&gt;</w:t>
            </w:r>
          </w:p>
          <w:p w:rsidR="00A35FED" w:rsidRDefault="00A35FED" w:rsidP="00A35FED">
            <w:r>
              <w:t xml:space="preserve">                              </w:t>
            </w:r>
          </w:p>
          <w:p w:rsidR="00A35FED" w:rsidRDefault="00A35FED" w:rsidP="00A35FED">
            <w:r>
              <w:t xml:space="preserve">                                &lt;div class="mb-3 row"&gt;</w:t>
            </w:r>
          </w:p>
          <w:p w:rsidR="00A35FED" w:rsidRDefault="00A35FED" w:rsidP="00A35FED">
            <w:r>
              <w:t xml:space="preserve">                                    &lt;br/&gt;</w:t>
            </w:r>
          </w:p>
          <w:p w:rsidR="00A35FED" w:rsidRDefault="00A35FED" w:rsidP="00A35FED">
            <w:r>
              <w:t xml:space="preserve">                                    &lt;br/&gt;</w:t>
            </w:r>
          </w:p>
          <w:p w:rsidR="00A35FED" w:rsidRDefault="00A35FED" w:rsidP="00A35FED">
            <w:r>
              <w:t xml:space="preserve">                                    &lt;label class="col-sm-5 col-form-label text-end"&gt;&lt;b&gt;City/ State/Zipcode* of Senior Residence looking for&lt;/b&gt;&lt;/label&gt;</w:t>
            </w:r>
          </w:p>
          <w:p w:rsidR="00A35FED" w:rsidRDefault="00A35FED" w:rsidP="00A35FED">
            <w:r>
              <w:t xml:space="preserve">                                    &lt;div class="col-sm-6"&gt;</w:t>
            </w:r>
          </w:p>
          <w:p w:rsidR="00A35FED" w:rsidRDefault="00A35FED" w:rsidP="00A35FED">
            <w:r>
              <w:t xml:space="preserve">                                        &lt;select name="cityStateZip" id="cityStateZip" class="form-control" placeholder="Search city, state, zipcode" required="" &gt;</w:t>
            </w:r>
          </w:p>
          <w:p w:rsidR="00A35FED" w:rsidRDefault="00A35FED" w:rsidP="00A35FED">
            <w:r>
              <w:t xml:space="preserve">                                            &lt;option value="&lt;?php echo $SCZ ; ?&gt;"&gt;&lt;?php //echo $SCZ ; ?&gt;&lt;/option&gt;</w:t>
            </w:r>
          </w:p>
          <w:p w:rsidR="00A35FED" w:rsidRDefault="00A35FED" w:rsidP="00A35FED">
            <w:r>
              <w:t xml:space="preserve">                                        &lt;/select&gt;</w:t>
            </w:r>
          </w:p>
          <w:p w:rsidR="00A35FED" w:rsidRDefault="00A35FED" w:rsidP="00A35FED">
            <w:r>
              <w:t xml:space="preserve">                                    &lt;/div&gt;</w:t>
            </w:r>
          </w:p>
          <w:p w:rsidR="00A35FED" w:rsidRDefault="00A35FED" w:rsidP="00A35FED">
            <w:r>
              <w:t xml:space="preserve">                                &lt;/div&gt; </w:t>
            </w:r>
          </w:p>
          <w:p w:rsidR="00A35FED" w:rsidRDefault="00A35FED" w:rsidP="00A35FED">
            <w:r>
              <w:t xml:space="preserve">                                </w:t>
            </w:r>
          </w:p>
          <w:p w:rsidR="00A35FED" w:rsidRDefault="00A35FED" w:rsidP="00A35FED">
            <w:r>
              <w:t xml:space="preserve">                                &lt;div class="mb-3 row"&gt;</w:t>
            </w:r>
          </w:p>
          <w:p w:rsidR="00A35FED" w:rsidRDefault="00A35FED" w:rsidP="00A35FED">
            <w:r>
              <w:t xml:space="preserve">                                </w:t>
            </w:r>
          </w:p>
          <w:p w:rsidR="00A35FED" w:rsidRDefault="00A35FED" w:rsidP="00A35FED">
            <w:r>
              <w:t xml:space="preserve">                                &lt;?php </w:t>
            </w:r>
          </w:p>
          <w:p w:rsidR="00A35FED" w:rsidRDefault="00A35FED" w:rsidP="00A35FED">
            <w:r>
              <w:t xml:space="preserve">                                 </w:t>
            </w:r>
          </w:p>
          <w:p w:rsidR="00A35FED" w:rsidRDefault="00A35FED" w:rsidP="00A35FED">
            <w:r>
              <w:t xml:space="preserve">                            foreach($propertyAttributes as $propertyAttributeCode=&gt;$propertyAttribute){ ?&gt;</w:t>
            </w:r>
          </w:p>
          <w:p w:rsidR="00A35FED" w:rsidRDefault="00A35FED" w:rsidP="00A35FED">
            <w:r>
              <w:t xml:space="preserve">                            &lt;div class="col-sm-4"&gt; </w:t>
            </w:r>
          </w:p>
          <w:p w:rsidR="00A35FED" w:rsidRDefault="00A35FED" w:rsidP="00A35FED">
            <w:r>
              <w:t xml:space="preserve">                                </w:t>
            </w:r>
          </w:p>
          <w:p w:rsidR="00A35FED" w:rsidRDefault="00A35FED" w:rsidP="00A35FED">
            <w:r>
              <w:t xml:space="preserve">                            &lt;label class="col-sm-2 col-form-label text-end"&gt; &lt;strong&gt;&lt;?php echo $propertyAttribute['label']; ?&gt; &lt;/strong&gt; &lt;/label&gt; </w:t>
            </w:r>
          </w:p>
          <w:p w:rsidR="00A35FED" w:rsidRDefault="00A35FED" w:rsidP="00A35FED">
            <w:r>
              <w:t xml:space="preserve">                            </w:t>
            </w:r>
          </w:p>
          <w:p w:rsidR="00A35FED" w:rsidRDefault="00A35FED" w:rsidP="00A35FED">
            <w:r>
              <w:t xml:space="preserve">                                &lt;div class="col-sm-12" class="form-control"&gt;</w:t>
            </w:r>
          </w:p>
          <w:p w:rsidR="00A35FED" w:rsidRDefault="00A35FED" w:rsidP="00A35FED">
            <w:r>
              <w:t xml:space="preserve">                                &lt;!--&lt;fieldset&gt; --&gt;</w:t>
            </w:r>
          </w:p>
          <w:p w:rsidR="00A35FED" w:rsidRDefault="00A35FED" w:rsidP="00A35FED">
            <w:r>
              <w:t xml:space="preserve">                                &lt;?php foreach($propertyAttribute['options'] as $option){ ?&gt;</w:t>
            </w:r>
          </w:p>
          <w:p w:rsidR="00A35FED" w:rsidRDefault="00A35FED" w:rsidP="00A35FED">
            <w:r>
              <w:t xml:space="preserve">                                </w:t>
            </w:r>
          </w:p>
          <w:p w:rsidR="00A35FED" w:rsidRDefault="00A35FED" w:rsidP="00A35FED">
            <w:r>
              <w:t xml:space="preserve">                                &lt;?php </w:t>
            </w:r>
          </w:p>
          <w:p w:rsidR="00A35FED" w:rsidRDefault="00A35FED" w:rsidP="00A35FED">
            <w:r>
              <w:t xml:space="preserve">                                    $priceBox = false;</w:t>
            </w:r>
          </w:p>
          <w:p w:rsidR="00A35FED" w:rsidRDefault="00A35FED" w:rsidP="00A35FED">
            <w:r>
              <w:t xml:space="preserve">                                    $onclick = '';</w:t>
            </w:r>
          </w:p>
          <w:p w:rsidR="00A35FED" w:rsidRDefault="00A35FED" w:rsidP="00A35FED">
            <w:r>
              <w:t xml:space="preserve">                                    if(isset($propertyAttribute['price']) &amp;&amp;  $propertyAttribute['price']){ </w:t>
            </w:r>
          </w:p>
          <w:p w:rsidR="00A35FED" w:rsidRDefault="00A35FED" w:rsidP="00A35FED">
            <w:r>
              <w:t xml:space="preserve">                                        $priceBox = true;</w:t>
            </w:r>
          </w:p>
          <w:p w:rsidR="00A35FED" w:rsidRDefault="00A35FED" w:rsidP="00A35FED">
            <w:r>
              <w:t xml:space="preserve">                                        $onclick = 'onclick="priceBoxShow(\''.$propertyAttributeCode.'_'.$option['value'].'\',\''.$propertyAttributeCode.'_'.$option['value'].'_price\')"';</w:t>
            </w:r>
          </w:p>
          <w:p w:rsidR="00A35FED" w:rsidRDefault="00A35FED" w:rsidP="00A35FED">
            <w:r>
              <w:t xml:space="preserve">                                    }</w:t>
            </w:r>
          </w:p>
          <w:p w:rsidR="00A35FED" w:rsidRDefault="00A35FED" w:rsidP="00A35FED">
            <w:r>
              <w:t xml:space="preserve">                                    ?&gt;</w:t>
            </w:r>
          </w:p>
          <w:p w:rsidR="00A35FED" w:rsidRDefault="00A35FED" w:rsidP="00A35FED">
            <w:r>
              <w:t xml:space="preserve">                                 &lt;label for="&lt;?php echo $option['value']?&gt;"&gt;</w:t>
            </w:r>
          </w:p>
          <w:p w:rsidR="00A35FED" w:rsidRDefault="00A35FED" w:rsidP="00A35FED">
            <w:r>
              <w:t xml:space="preserve">                                  &lt;input &lt;?php echo $onclick ?&gt; type="checkbox" name="&lt;?php echo $propertyAttributeCode?&gt;[]" id="&lt;?php echo$propertyAttributeCode.'_'.$option['value'] ?&gt;" value="&lt;?php echo $option['value']?&gt;" &gt;</w:t>
            </w:r>
          </w:p>
          <w:p w:rsidR="00A35FED" w:rsidRDefault="00A35FED" w:rsidP="00A35FED">
            <w:r>
              <w:t xml:space="preserve">                                  &lt;?php echo $option['label']?&gt;&lt;/label&gt;</w:t>
            </w:r>
          </w:p>
          <w:p w:rsidR="00A35FED" w:rsidRDefault="00A35FED" w:rsidP="00A35FED">
            <w:r>
              <w:t xml:space="preserve">                      </w:t>
            </w:r>
          </w:p>
          <w:p w:rsidR="00A35FED" w:rsidRDefault="00A35FED" w:rsidP="00A35FED">
            <w:r>
              <w:t xml:space="preserve">                                  &lt;?php if($priceBox){ ?&gt;</w:t>
            </w:r>
          </w:p>
          <w:p w:rsidR="00A35FED" w:rsidRDefault="00A35FED" w:rsidP="00A35FED">
            <w:r>
              <w:t xml:space="preserve">                                 &lt;div style="display:none" id="&lt;?php echo $propertyAttributeCode.'_'.$option['value']?&gt;_price"&gt;Monthly Price ($)</w:t>
            </w:r>
          </w:p>
          <w:p w:rsidR="00A35FED" w:rsidRDefault="00A35FED" w:rsidP="00A35FED">
            <w:r>
              <w:lastRenderedPageBreak/>
              <w:t xml:space="preserve">                                  &lt;input type="text" name="&lt;?php echo $propertyAttributeCode.'_'.$option['value']?&gt;_price" id="&lt;?php echo $propertyAttributeCode.'_'.$option['value']?&gt;_price" value="" size="10" maxlength="5" placeholder="Numbers only" &gt;</w:t>
            </w:r>
          </w:p>
          <w:p w:rsidR="00A35FED" w:rsidRDefault="00A35FED" w:rsidP="00A35FED">
            <w:r>
              <w:t xml:space="preserve">                                  &lt;/div&gt;</w:t>
            </w:r>
          </w:p>
          <w:p w:rsidR="00A35FED" w:rsidRDefault="00A35FED" w:rsidP="00A35FED">
            <w:r>
              <w:t xml:space="preserve">                                </w:t>
            </w:r>
          </w:p>
          <w:p w:rsidR="00A35FED" w:rsidRDefault="00A35FED" w:rsidP="00A35FED">
            <w:r>
              <w:t xml:space="preserve">                                &lt;?php  }  ?&gt;</w:t>
            </w:r>
          </w:p>
          <w:p w:rsidR="00A35FED" w:rsidRDefault="00A35FED" w:rsidP="00A35FED">
            <w:r>
              <w:t xml:space="preserve">                                &lt;br /&gt; </w:t>
            </w:r>
          </w:p>
          <w:p w:rsidR="00A35FED" w:rsidRDefault="00A35FED" w:rsidP="00A35FED">
            <w:r>
              <w:t xml:space="preserve">                                </w:t>
            </w:r>
          </w:p>
          <w:p w:rsidR="00A35FED" w:rsidRDefault="00A35FED" w:rsidP="00A35FED">
            <w:r>
              <w:t xml:space="preserve">                                &lt;?php  }  ?&gt;</w:t>
            </w:r>
          </w:p>
          <w:p w:rsidR="00A35FED" w:rsidRDefault="00A35FED" w:rsidP="00A35FED">
            <w:r>
              <w:t xml:space="preserve">                                </w:t>
            </w:r>
          </w:p>
          <w:p w:rsidR="00A35FED" w:rsidRDefault="00A35FED" w:rsidP="00A35FED">
            <w:r>
              <w:t xml:space="preserve">                                  &lt;!--&lt;/fieldset&gt; --&gt;</w:t>
            </w:r>
          </w:p>
          <w:p w:rsidR="00A35FED" w:rsidRDefault="00A35FED" w:rsidP="00A35FED">
            <w:r>
              <w:t xml:space="preserve">                                &lt;/div&gt;</w:t>
            </w:r>
          </w:p>
          <w:p w:rsidR="00A35FED" w:rsidRDefault="00A35FED" w:rsidP="00A35FED">
            <w:r>
              <w:t xml:space="preserve">                            &lt;/div&gt;</w:t>
            </w:r>
          </w:p>
          <w:p w:rsidR="00A35FED" w:rsidRDefault="00A35FED" w:rsidP="00A35FED">
            <w:r>
              <w:t xml:space="preserve">                          &lt;?php  }</w:t>
            </w:r>
          </w:p>
          <w:p w:rsidR="00A35FED" w:rsidRDefault="00A35FED" w:rsidP="00A35FED">
            <w:r>
              <w:t xml:space="preserve">                            ?&gt;</w:t>
            </w:r>
          </w:p>
          <w:p w:rsidR="00A35FED" w:rsidRDefault="00A35FED" w:rsidP="00A35FED">
            <w:r>
              <w:t xml:space="preserve">                        &lt;/div&gt;    </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lt;script&gt;</w:t>
            </w:r>
          </w:p>
          <w:p w:rsidR="00A35FED" w:rsidRDefault="00A35FED" w:rsidP="00A35FED">
            <w:r>
              <w:t>function priceBoxShow(checkboxid, divid) {</w:t>
            </w:r>
          </w:p>
          <w:p w:rsidR="00A35FED" w:rsidRDefault="00A35FED" w:rsidP="00A35FED">
            <w:r>
              <w:t xml:space="preserve">      var checkBox = document.getElementById(checkboxid);</w:t>
            </w:r>
          </w:p>
          <w:p w:rsidR="00A35FED" w:rsidRDefault="00A35FED" w:rsidP="00A35FED">
            <w:r>
              <w:t xml:space="preserve">  const pricebox = document.getElementById(divid);</w:t>
            </w:r>
          </w:p>
          <w:p w:rsidR="00A35FED" w:rsidRDefault="00A35FED" w:rsidP="00A35FED">
            <w:r>
              <w:t xml:space="preserve">  if (checkBox.checked == true){</w:t>
            </w:r>
          </w:p>
          <w:p w:rsidR="00A35FED" w:rsidRDefault="00A35FED" w:rsidP="00A35FED">
            <w:r>
              <w:t xml:space="preserve">   pricebox.style.display = 'block';</w:t>
            </w:r>
          </w:p>
          <w:p w:rsidR="00A35FED" w:rsidRDefault="00A35FED" w:rsidP="00A35FED">
            <w:r>
              <w:t xml:space="preserve">  } else {</w:t>
            </w:r>
          </w:p>
          <w:p w:rsidR="00A35FED" w:rsidRDefault="00A35FED" w:rsidP="00A35FED">
            <w:r>
              <w:t xml:space="preserve">    pricebox.style.display = 'none';</w:t>
            </w:r>
          </w:p>
          <w:p w:rsidR="00A35FED" w:rsidRDefault="00A35FED" w:rsidP="00A35FED">
            <w:r>
              <w:t xml:space="preserve">  }</w:t>
            </w:r>
          </w:p>
          <w:p w:rsidR="00A35FED" w:rsidRDefault="00A35FED" w:rsidP="00A35FED">
            <w:r>
              <w:t xml:space="preserve"> </w:t>
            </w:r>
          </w:p>
          <w:p w:rsidR="00A35FED" w:rsidRDefault="00A35FED" w:rsidP="00A35FED">
            <w:r>
              <w:t>}</w:t>
            </w:r>
          </w:p>
          <w:p w:rsidR="00A35FED" w:rsidRDefault="00A35FED" w:rsidP="00A35FED">
            <w:r>
              <w:t>&lt;/script&gt;</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lt;script&gt;</w:t>
            </w:r>
          </w:p>
          <w:p w:rsidR="00A35FED" w:rsidRDefault="00A35FED" w:rsidP="00A35FED">
            <w:r>
              <w:t>$('#cityStateZip').selectize({</w:t>
            </w:r>
          </w:p>
          <w:p w:rsidR="00A35FED" w:rsidRDefault="00A35FED" w:rsidP="00A35FED">
            <w:r>
              <w:t xml:space="preserve">    valueField: 'zipcode',</w:t>
            </w:r>
          </w:p>
          <w:p w:rsidR="00A35FED" w:rsidRDefault="00A35FED" w:rsidP="00A35FED">
            <w:r>
              <w:t xml:space="preserve">    labelField: 'display_text',</w:t>
            </w:r>
          </w:p>
          <w:p w:rsidR="00A35FED" w:rsidRDefault="00A35FED" w:rsidP="00A35FED">
            <w:r>
              <w:t xml:space="preserve">    searchField: 'display_text',</w:t>
            </w:r>
          </w:p>
          <w:p w:rsidR="00A35FED" w:rsidRDefault="00A35FED" w:rsidP="00A35FED">
            <w:r>
              <w:t xml:space="preserve">    options: [],</w:t>
            </w:r>
          </w:p>
          <w:p w:rsidR="00A35FED" w:rsidRDefault="00A35FED" w:rsidP="00A35FED">
            <w:r>
              <w:t xml:space="preserve">  create: false,</w:t>
            </w:r>
          </w:p>
          <w:p w:rsidR="00A35FED" w:rsidRDefault="00A35FED" w:rsidP="00A35FED">
            <w:r>
              <w:t xml:space="preserve">  load: function(query, callback) {</w:t>
            </w:r>
          </w:p>
          <w:p w:rsidR="00A35FED" w:rsidRDefault="00A35FED" w:rsidP="00A35FED">
            <w:r>
              <w:t xml:space="preserve">    if (!query.length) return callback();</w:t>
            </w:r>
          </w:p>
          <w:p w:rsidR="00A35FED" w:rsidRDefault="00A35FED" w:rsidP="00A35FED">
            <w:r>
              <w:t xml:space="preserve">    </w:t>
            </w:r>
          </w:p>
          <w:p w:rsidR="00A35FED" w:rsidRDefault="00A35FED" w:rsidP="00A35FED">
            <w:r>
              <w:t xml:space="preserve">    //var countryId = document.getElementById("countryId").value ;</w:t>
            </w:r>
          </w:p>
          <w:p w:rsidR="00A35FED" w:rsidRDefault="00A35FED" w:rsidP="00A35FED">
            <w:r>
              <w:t xml:space="preserve">    //var selectedCountry = "United States" ; // document.querySelector('#select-country option:checked').text ;</w:t>
            </w:r>
          </w:p>
          <w:p w:rsidR="00A35FED" w:rsidRDefault="00A35FED" w:rsidP="00A35FED">
            <w:r>
              <w:lastRenderedPageBreak/>
              <w:t xml:space="preserve">    </w:t>
            </w:r>
          </w:p>
          <w:p w:rsidR="00A35FED" w:rsidRDefault="00A35FED" w:rsidP="00A35FED">
            <w:r>
              <w:t xml:space="preserve">    //alert(countryId) ;</w:t>
            </w:r>
          </w:p>
          <w:p w:rsidR="00A35FED" w:rsidRDefault="00A35FED" w:rsidP="00A35FED">
            <w:r>
              <w:t xml:space="preserve">    $.ajax({</w:t>
            </w:r>
          </w:p>
          <w:p w:rsidR="00A35FED" w:rsidRDefault="00A35FED" w:rsidP="00A35FED">
            <w:r>
              <w:t xml:space="preserve">      url: '&lt;?php echo SITE_URL_PROFILE ; ?&gt;/selectize/country_usa_state_city_zipcode.php',</w:t>
            </w:r>
          </w:p>
          <w:p w:rsidR="00A35FED" w:rsidRDefault="00A35FED" w:rsidP="00A35FED">
            <w:r>
              <w:t xml:space="preserve">      type: 'GET',</w:t>
            </w:r>
          </w:p>
          <w:p w:rsidR="00A35FED" w:rsidRDefault="00A35FED" w:rsidP="00A35FED">
            <w:r>
              <w:t xml:space="preserve">      dataType: 'json',</w:t>
            </w:r>
          </w:p>
          <w:p w:rsidR="00A35FED" w:rsidRDefault="00A35FED" w:rsidP="00A35FED">
            <w:r>
              <w:t xml:space="preserve">      data: {</w:t>
            </w:r>
          </w:p>
          <w:p w:rsidR="00A35FED" w:rsidRDefault="00A35FED" w:rsidP="00A35FED">
            <w:r>
              <w:t xml:space="preserve">        //countryid: countryId,</w:t>
            </w:r>
          </w:p>
          <w:p w:rsidR="00A35FED" w:rsidRDefault="00A35FED" w:rsidP="00A35FED">
            <w:r>
              <w:t xml:space="preserve">        //countryname: selectedCountry,</w:t>
            </w:r>
          </w:p>
          <w:p w:rsidR="00A35FED" w:rsidRDefault="00A35FED" w:rsidP="00A35FED">
            <w:r>
              <w:t xml:space="preserve">        query: query,</w:t>
            </w:r>
          </w:p>
          <w:p w:rsidR="00A35FED" w:rsidRDefault="00A35FED" w:rsidP="00A35FED">
            <w:r>
              <w:t xml:space="preserve">      },</w:t>
            </w:r>
          </w:p>
          <w:p w:rsidR="00A35FED" w:rsidRDefault="00A35FED" w:rsidP="00A35FED">
            <w:r>
              <w:t xml:space="preserve">      error: function() {</w:t>
            </w:r>
          </w:p>
          <w:p w:rsidR="00A35FED" w:rsidRDefault="00A35FED" w:rsidP="00A35FED">
            <w:r>
              <w:t xml:space="preserve">        callback();</w:t>
            </w:r>
          </w:p>
          <w:p w:rsidR="00A35FED" w:rsidRDefault="00A35FED" w:rsidP="00A35FED">
            <w:r>
              <w:t xml:space="preserve">      },</w:t>
            </w:r>
          </w:p>
          <w:p w:rsidR="00A35FED" w:rsidRDefault="00A35FED" w:rsidP="00A35FED">
            <w:r>
              <w:t xml:space="preserve">      success: function(res) {</w:t>
            </w:r>
          </w:p>
          <w:p w:rsidR="00A35FED" w:rsidRDefault="00A35FED" w:rsidP="00A35FED">
            <w:r>
              <w:t xml:space="preserve">        callback(res);</w:t>
            </w:r>
          </w:p>
          <w:p w:rsidR="00A35FED" w:rsidRDefault="00A35FED" w:rsidP="00A35FED">
            <w:r>
              <w:t xml:space="preserve">        //document.getElementById('cityDiv').style.display = 'block';</w:t>
            </w:r>
          </w:p>
          <w:p w:rsidR="00A35FED" w:rsidRDefault="00A35FED" w:rsidP="00A35FED">
            <w:r>
              <w:t xml:space="preserve">        //alert(res) ;</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w:t>
            </w:r>
          </w:p>
          <w:p w:rsidR="00A35FED" w:rsidRDefault="00A35FED" w:rsidP="00A35FED">
            <w:r>
              <w:t>&lt;/script&gt;</w:t>
            </w:r>
          </w:p>
          <w:p w:rsidR="00A35FED" w:rsidRDefault="00A35FED" w:rsidP="00A35FED">
            <w:r>
              <w:t xml:space="preserve">            &lt;div class="mb-3 row"&gt;</w:t>
            </w:r>
          </w:p>
          <w:p w:rsidR="00A35FED" w:rsidRDefault="00A35FED" w:rsidP="00A35FED">
            <w:r>
              <w:t xml:space="preserve">                &lt;label class="col-sm-3 col-form-label text-end"&gt;&lt;b&gt;You are the  *&lt;/b&gt;&lt;/label&gt;</w:t>
            </w:r>
          </w:p>
          <w:p w:rsidR="00A35FED" w:rsidRDefault="00A35FED" w:rsidP="00A35FED">
            <w:r>
              <w:t xml:space="preserve">                &lt;div class="col-sm-9"&gt;</w:t>
            </w:r>
          </w:p>
          <w:p w:rsidR="00A35FED" w:rsidRDefault="00A35FED" w:rsidP="00A35FED">
            <w:r>
              <w:t xml:space="preserve">                    &lt;div class="you"&gt;</w:t>
            </w:r>
          </w:p>
          <w:p w:rsidR="00A35FED" w:rsidRDefault="00A35FED" w:rsidP="00A35FED">
            <w:r>
              <w:t xml:space="preserve">                      &lt;input type = "radio" name = "Seniors"</w:t>
            </w:r>
          </w:p>
          <w:p w:rsidR="00A35FED" w:rsidRDefault="00A35FED" w:rsidP="00A35FED">
            <w:r>
              <w:t xml:space="preserve">                        id = "Senior" value = "Senior"</w:t>
            </w:r>
          </w:p>
          <w:p w:rsidR="00A35FED" w:rsidRDefault="00A35FED" w:rsidP="00A35FED">
            <w:r>
              <w:t xml:space="preserve">                         checked = "checked" /&gt;</w:t>
            </w:r>
          </w:p>
          <w:p w:rsidR="00A35FED" w:rsidRDefault="00A35FED" w:rsidP="00A35FED">
            <w:r>
              <w:t xml:space="preserve">                        &lt;label for = "sizeSmall"&gt;Senior&lt;/label&gt;</w:t>
            </w:r>
          </w:p>
          <w:p w:rsidR="00A35FED" w:rsidRDefault="00A35FED" w:rsidP="00A35FED">
            <w:r>
              <w:t xml:space="preserve">                    &lt;/div&gt;</w:t>
            </w:r>
          </w:p>
          <w:p w:rsidR="00A35FED" w:rsidRDefault="00A35FED" w:rsidP="00A35FED">
            <w:r>
              <w:t xml:space="preserve">                    &lt;div class="you"&gt;</w:t>
            </w:r>
          </w:p>
          <w:p w:rsidR="00A35FED" w:rsidRDefault="00A35FED" w:rsidP="00A35FED">
            <w:r>
              <w:t xml:space="preserve">                        &lt;input type = "radio" name = "Seniors"</w:t>
            </w:r>
          </w:p>
          <w:p w:rsidR="00A35FED" w:rsidRDefault="00A35FED" w:rsidP="00A35FED">
            <w:r>
              <w:t xml:space="preserve">                         id = "sizeMed" value = "Adult Child" /&gt;</w:t>
            </w:r>
          </w:p>
          <w:p w:rsidR="00A35FED" w:rsidRDefault="00A35FED" w:rsidP="00A35FED">
            <w:r>
              <w:t xml:space="preserve">                        &lt;label for = "Adult Child"&gt;Adult Child&lt;/label&gt;</w:t>
            </w:r>
          </w:p>
          <w:p w:rsidR="00A35FED" w:rsidRDefault="00A35FED" w:rsidP="00A35FED">
            <w:r>
              <w:t xml:space="preserve">                    &lt;/div&gt;</w:t>
            </w:r>
          </w:p>
          <w:p w:rsidR="00A35FED" w:rsidRDefault="00A35FED" w:rsidP="00A35FED">
            <w:r>
              <w:t xml:space="preserve">                    &lt;div class="you"&gt;    </w:t>
            </w:r>
          </w:p>
          <w:p w:rsidR="00A35FED" w:rsidRDefault="00A35FED" w:rsidP="00A35FED">
            <w:r>
              <w:t xml:space="preserve">                        &lt;input type = "radio" name = "Seniors"</w:t>
            </w:r>
          </w:p>
          <w:p w:rsidR="00A35FED" w:rsidRDefault="00A35FED" w:rsidP="00A35FED">
            <w:r>
              <w:t xml:space="preserve">                         id = "sizeLarge" value = "Family Member" /&gt;</w:t>
            </w:r>
          </w:p>
          <w:p w:rsidR="00A35FED" w:rsidRDefault="00A35FED" w:rsidP="00A35FED">
            <w:r>
              <w:t xml:space="preserve">                        &lt;label for = "Family Member"&gt;Family Member&lt;/label&gt;</w:t>
            </w:r>
          </w:p>
          <w:p w:rsidR="00A35FED" w:rsidRDefault="00A35FED" w:rsidP="00A35FED">
            <w:r>
              <w:t xml:space="preserve">                    &lt;/div&gt;</w:t>
            </w:r>
          </w:p>
          <w:p w:rsidR="00A35FED" w:rsidRDefault="00A35FED" w:rsidP="00A35FED">
            <w:r>
              <w:t xml:space="preserve">                    &lt;div class="you"&gt;    </w:t>
            </w:r>
          </w:p>
          <w:p w:rsidR="00A35FED" w:rsidRDefault="00A35FED" w:rsidP="00A35FED">
            <w:r>
              <w:t xml:space="preserve">                        &lt;input type = "radio" name = "Seniors"</w:t>
            </w:r>
          </w:p>
          <w:p w:rsidR="00A35FED" w:rsidRDefault="00A35FED" w:rsidP="00A35FED">
            <w:r>
              <w:t xml:space="preserve">                        id = "sizeLarge" value = "Friend" /&gt;</w:t>
            </w:r>
          </w:p>
          <w:p w:rsidR="00A35FED" w:rsidRDefault="00A35FED" w:rsidP="00A35FED">
            <w:r>
              <w:t xml:space="preserve">                        &lt;label for = "Friend"&gt;Friend&lt;/label&gt;</w:t>
            </w:r>
          </w:p>
          <w:p w:rsidR="00A35FED" w:rsidRDefault="00A35FED" w:rsidP="00A35FED">
            <w:r>
              <w:t xml:space="preserve">                    &lt;/div&gt;</w:t>
            </w:r>
          </w:p>
          <w:p w:rsidR="00A35FED" w:rsidRDefault="00A35FED" w:rsidP="00A35FED">
            <w:r>
              <w:t xml:space="preserve">                    &lt;div class="you"&gt;    </w:t>
            </w:r>
          </w:p>
          <w:p w:rsidR="00A35FED" w:rsidRDefault="00A35FED" w:rsidP="00A35FED">
            <w:r>
              <w:lastRenderedPageBreak/>
              <w:t xml:space="preserve">                        &lt;input type = "radio" name = "Seniors"</w:t>
            </w:r>
          </w:p>
          <w:p w:rsidR="00A35FED" w:rsidRDefault="00A35FED" w:rsidP="00A35FED">
            <w:r>
              <w:t xml:space="preserve">                         id = "Advisor" value = "Advisor" /&gt;</w:t>
            </w:r>
          </w:p>
          <w:p w:rsidR="00A35FED" w:rsidRDefault="00A35FED" w:rsidP="00A35FED">
            <w:r>
              <w:t xml:space="preserve">                        &lt;label for = "Advisore"&gt;Advisor&lt;/label&gt;</w:t>
            </w:r>
          </w:p>
          <w:p w:rsidR="00A35FED" w:rsidRDefault="00A35FED" w:rsidP="00A35FED">
            <w:r>
              <w:t xml:space="preserve">                    &lt;/div&gt;</w:t>
            </w:r>
          </w:p>
          <w:p w:rsidR="00A35FED" w:rsidRDefault="00A35FED" w:rsidP="00A35FED">
            <w:r>
              <w:t xml:space="preserve">                    &lt;div class="you"&gt;    </w:t>
            </w:r>
          </w:p>
          <w:p w:rsidR="00A35FED" w:rsidRDefault="00A35FED" w:rsidP="00A35FED">
            <w:r>
              <w:t xml:space="preserve">                        &lt;input type = "radio" name = "Seniors"</w:t>
            </w:r>
          </w:p>
          <w:p w:rsidR="00A35FED" w:rsidRDefault="00A35FED" w:rsidP="00A35FED">
            <w:r>
              <w:t xml:space="preserve">                         id = "POA" value = "POA" /&gt;</w:t>
            </w:r>
          </w:p>
          <w:p w:rsidR="00A35FED" w:rsidRDefault="00A35FED" w:rsidP="00A35FED">
            <w:r>
              <w:t xml:space="preserve">                        &lt;label for = "POA"&gt;POA&lt;/label&gt;</w:t>
            </w:r>
          </w:p>
          <w:p w:rsidR="00A35FED" w:rsidRDefault="00A35FED" w:rsidP="00A35FED">
            <w:r>
              <w:t xml:space="preserve">                    &lt;/div&gt;</w:t>
            </w:r>
          </w:p>
          <w:p w:rsidR="00A35FED" w:rsidRDefault="00A35FED" w:rsidP="00A35FED">
            <w:r>
              <w:t xml:space="preserve">                    &lt;div class="you"&gt;    </w:t>
            </w:r>
          </w:p>
          <w:p w:rsidR="00A35FED" w:rsidRDefault="00A35FED" w:rsidP="00A35FED">
            <w:r>
              <w:t xml:space="preserve">                        &lt;input type = "radio" name = "Seniors"</w:t>
            </w:r>
          </w:p>
          <w:p w:rsidR="00A35FED" w:rsidRDefault="00A35FED" w:rsidP="00A35FED">
            <w:r>
              <w:t xml:space="preserve">                         id = "other" value = "Other" /&gt;</w:t>
            </w:r>
          </w:p>
          <w:p w:rsidR="00A35FED" w:rsidRDefault="00A35FED" w:rsidP="00A35FED">
            <w:r>
              <w:t xml:space="preserve">                        &lt;label for = "Other"&gt;Other&lt;/label&gt;</w:t>
            </w:r>
          </w:p>
          <w:p w:rsidR="00A35FED" w:rsidRDefault="00A35FED" w:rsidP="00A35FED">
            <w:r>
              <w:t xml:space="preserve">                    &lt;/div&gt;</w:t>
            </w:r>
          </w:p>
          <w:p w:rsidR="00A35FED" w:rsidRDefault="00A35FED" w:rsidP="00A35FED">
            <w:r>
              <w:t xml:space="preserve">                    &lt;div&gt;</w:t>
            </w:r>
          </w:p>
          <w:p w:rsidR="00A35FED" w:rsidRDefault="00A35FED" w:rsidP="00A35FED">
            <w:r>
              <w:t xml:space="preserve">                       &lt;input type="text" id="dist" name="txtbox"&gt; &lt;label&gt;&lt;/label&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 start of enable text box when radio button is selected --&gt;</w:t>
            </w:r>
          </w:p>
          <w:p w:rsidR="00A35FED" w:rsidRDefault="00A35FED" w:rsidP="00A35FED">
            <w:r>
              <w:t xml:space="preserve">                    &lt;script type="text/javascript"&gt;</w:t>
            </w:r>
          </w:p>
          <w:p w:rsidR="00A35FED" w:rsidRDefault="00A35FED" w:rsidP="00A35FED">
            <w:r>
              <w:t xml:space="preserve">                        $(document).ready(function () {</w:t>
            </w:r>
          </w:p>
          <w:p w:rsidR="00A35FED" w:rsidRDefault="00A35FED" w:rsidP="00A35FED">
            <w:r>
              <w:t xml:space="preserve">                            $("#dist").prop('disabled', true);</w:t>
            </w:r>
          </w:p>
          <w:p w:rsidR="00A35FED" w:rsidRDefault="00A35FED" w:rsidP="00A35FED">
            <w:r>
              <w:t xml:space="preserve">                            $("#other").click(function () {</w:t>
            </w:r>
          </w:p>
          <w:p w:rsidR="00A35FED" w:rsidRDefault="00A35FED" w:rsidP="00A35FED">
            <w:r>
              <w:t xml:space="preserve">                                $("#dist").prop('disabled', false);</w:t>
            </w:r>
          </w:p>
          <w:p w:rsidR="00A35FED" w:rsidRDefault="00A35FED" w:rsidP="00A35FED">
            <w:r>
              <w:t xml:space="preserve">                            });</w:t>
            </w:r>
          </w:p>
          <w:p w:rsidR="00A35FED" w:rsidRDefault="00A35FED" w:rsidP="00A35FED">
            <w:r>
              <w:t xml:space="preserve">                    }); </w:t>
            </w:r>
          </w:p>
          <w:p w:rsidR="00A35FED" w:rsidRDefault="00A35FED" w:rsidP="00A35FED">
            <w:r>
              <w:t xml:space="preserve">                    &lt;/script&gt;</w:t>
            </w:r>
          </w:p>
          <w:p w:rsidR="00A35FED" w:rsidRDefault="00A35FED" w:rsidP="00A35FED">
            <w:r>
              <w:t xml:space="preserve">                    &lt;!--&lt;script type="text/javascript"&gt;</w:t>
            </w:r>
          </w:p>
          <w:p w:rsidR="00A35FED" w:rsidRDefault="00A35FED" w:rsidP="00A35FED">
            <w:r>
              <w:t xml:space="preserve">                    $(document).ready(function () {</w:t>
            </w:r>
          </w:p>
          <w:p w:rsidR="00A35FED" w:rsidRDefault="00A35FED" w:rsidP="00A35FED">
            <w:r>
              <w:t xml:space="preserve">                        $("#dist").attr("disabled","disabled");</w:t>
            </w:r>
          </w:p>
          <w:p w:rsidR="00A35FED" w:rsidRDefault="00A35FED" w:rsidP="00A35FED">
            <w:r>
              <w:t xml:space="preserve">                        $("#other").click(function () {</w:t>
            </w:r>
          </w:p>
          <w:p w:rsidR="00A35FED" w:rsidRDefault="00A35FED" w:rsidP="00A35FED">
            <w:r>
              <w:t xml:space="preserve">                            $("#dist").removeAttr("disabled");</w:t>
            </w:r>
          </w:p>
          <w:p w:rsidR="00A35FED" w:rsidRDefault="00A35FED" w:rsidP="00A35FED">
            <w:r>
              <w:t xml:space="preserve">                        });</w:t>
            </w:r>
          </w:p>
          <w:p w:rsidR="00A35FED" w:rsidRDefault="00A35FED" w:rsidP="00A35FED">
            <w:r>
              <w:t xml:space="preserve">                    });</w:t>
            </w:r>
          </w:p>
          <w:p w:rsidR="00A35FED" w:rsidRDefault="00A35FED" w:rsidP="00A35FED">
            <w:r>
              <w:t xml:space="preserve">                    &lt;/script&gt; --&gt;</w:t>
            </w:r>
          </w:p>
          <w:p w:rsidR="00A35FED" w:rsidRDefault="00A35FED" w:rsidP="00A35FED">
            <w:r>
              <w:t xml:space="preserve">                &lt;!-- end of enable text box when radio button is selected --&gt;</w:t>
            </w:r>
          </w:p>
          <w:p w:rsidR="00A35FED" w:rsidRDefault="00A35FED" w:rsidP="00A35FED"/>
          <w:p w:rsidR="00A35FED" w:rsidRDefault="00A35FED" w:rsidP="00A35FED">
            <w:r>
              <w:t xml:space="preserve">            &lt;div class="mb-3 row"&gt;</w:t>
            </w:r>
          </w:p>
          <w:p w:rsidR="00A35FED" w:rsidRDefault="00A35FED" w:rsidP="00A35FED">
            <w:r>
              <w:t xml:space="preserve">                &lt;label class="col-sm-3 col-form-label text-end"&gt;&lt;b&gt;Birthdate of &lt;br&gt; Prospective Resident*  &lt;/b&gt;&lt;/label&gt;</w:t>
            </w:r>
          </w:p>
          <w:p w:rsidR="00A35FED" w:rsidRDefault="00A35FED" w:rsidP="00A35FED">
            <w:r>
              <w:t xml:space="preserve">                &lt;div class="col-sm-9"&gt;</w:t>
            </w:r>
          </w:p>
          <w:p w:rsidR="00A35FED" w:rsidRDefault="00A35FED" w:rsidP="00A35FED">
            <w:r>
              <w:t xml:space="preserve">                    &lt;input type="date" id="start" name="trip-start"</w:t>
            </w:r>
          </w:p>
          <w:p w:rsidR="00A35FED" w:rsidRDefault="00A35FED" w:rsidP="00A35FED">
            <w:r>
              <w:t xml:space="preserve">                       value="2004-12-31"</w:t>
            </w:r>
          </w:p>
          <w:p w:rsidR="00A35FED" w:rsidRDefault="00A35FED" w:rsidP="00A35FED">
            <w:r>
              <w:t xml:space="preserve">                       min="1922-01-01" max="2004-12-31"&gt;</w:t>
            </w:r>
          </w:p>
          <w:p w:rsidR="00A35FED" w:rsidRDefault="00A35FED" w:rsidP="00A35FED">
            <w:r>
              <w:t xml:space="preserve">                &lt;/div&gt;</w:t>
            </w:r>
          </w:p>
          <w:p w:rsidR="00A35FED" w:rsidRDefault="00A35FED" w:rsidP="00A35FED">
            <w:r>
              <w:t xml:space="preserve">            &lt;/div&gt;</w:t>
            </w:r>
          </w:p>
          <w:p w:rsidR="00A35FED" w:rsidRDefault="00A35FED" w:rsidP="00A35FED">
            <w:r>
              <w:t xml:space="preserve">            &lt;br&gt;</w:t>
            </w:r>
          </w:p>
          <w:p w:rsidR="00A35FED" w:rsidRDefault="00A35FED" w:rsidP="00A35FED">
            <w:r>
              <w:lastRenderedPageBreak/>
              <w:t xml:space="preserve">            &lt;div class="mb-12 row"&gt;</w:t>
            </w:r>
          </w:p>
          <w:p w:rsidR="00A35FED" w:rsidRDefault="00A35FED" w:rsidP="00A35FED">
            <w:r>
              <w:t xml:space="preserve">                &lt;p class="offset-1"&gt;By entering your name, email and password, you are  able to set-up a free account on Senior Place Finder &lt;br/&gt;and view and manage your profile from your dashboard&lt;/p&gt;</w:t>
            </w:r>
          </w:p>
          <w:p w:rsidR="00A35FED" w:rsidRDefault="00A35FED" w:rsidP="00A35FED">
            <w:r>
              <w:t xml:space="preserve">                </w:t>
            </w:r>
          </w:p>
          <w:p w:rsidR="00A35FED" w:rsidRDefault="00A35FED" w:rsidP="00A35FED">
            <w:r>
              <w:t xml:space="preserve">            &lt;/div&gt;</w:t>
            </w:r>
          </w:p>
          <w:p w:rsidR="00A35FED" w:rsidRDefault="00A35FED" w:rsidP="00A35FED">
            <w:r>
              <w:t xml:space="preserve">            </w:t>
            </w:r>
          </w:p>
          <w:p w:rsidR="00A35FED" w:rsidRDefault="00A35FED" w:rsidP="00A35FED">
            <w:r>
              <w:t xml:space="preserve">            &lt;div class="mb-3 row"&gt;</w:t>
            </w:r>
          </w:p>
          <w:p w:rsidR="00A35FED" w:rsidRDefault="00A35FED" w:rsidP="00A35FED">
            <w:r>
              <w:t xml:space="preserve">                &lt;label class="col-sm-3 col-form-label text-end"&gt;&lt;b&gt;Name*&lt;/b&gt;&lt;/label&gt;</w:t>
            </w:r>
          </w:p>
          <w:p w:rsidR="00A35FED" w:rsidRDefault="00A35FED" w:rsidP="00A35FED">
            <w:r>
              <w:t xml:space="preserve">                &lt;div class="col-sm-9"&gt;</w:t>
            </w:r>
          </w:p>
          <w:p w:rsidR="00A35FED" w:rsidRDefault="00A35FED" w:rsidP="00A35FED">
            <w:r>
              <w:t xml:space="preserve">                    &lt;input type="text" name="title" class="form-control" placeholder="Name" required="" maxlength="50" /&gt;</w:t>
            </w:r>
          </w:p>
          <w:p w:rsidR="00A35FED" w:rsidRDefault="00A35FED" w:rsidP="00A35FED">
            <w:r>
              <w:t xml:space="preserve">                &lt;/div&gt;</w:t>
            </w:r>
          </w:p>
          <w:p w:rsidR="00A35FED" w:rsidRDefault="00A35FED" w:rsidP="00A35FED">
            <w:r>
              <w:t xml:space="preserve">            &lt;/div&gt;</w:t>
            </w:r>
          </w:p>
          <w:p w:rsidR="00A35FED" w:rsidRDefault="00A35FED" w:rsidP="00A35FED"/>
          <w:p w:rsidR="00A35FED" w:rsidRDefault="00A35FED" w:rsidP="00A35FED"/>
          <w:p w:rsidR="00A35FED" w:rsidRDefault="00A35FED" w:rsidP="00A35FED">
            <w:r>
              <w:t xml:space="preserve">            &lt;div class="mb-3 row"&gt;</w:t>
            </w:r>
          </w:p>
          <w:p w:rsidR="00A35FED" w:rsidRDefault="00A35FED" w:rsidP="00A35FED">
            <w:r>
              <w:t xml:space="preserve">                &lt;label class="col-sm-3 col-form-label text-end"&gt;&lt;b&gt;Email*&lt;/b&gt;&lt;/label&gt;</w:t>
            </w:r>
          </w:p>
          <w:p w:rsidR="00A35FED" w:rsidRDefault="00A35FED" w:rsidP="00A35FED">
            <w:r>
              <w:t xml:space="preserve">                &lt;div class="col-sm-9"&gt;</w:t>
            </w:r>
          </w:p>
          <w:p w:rsidR="00A35FED" w:rsidRDefault="00A35FED" w:rsidP="00A35FED">
            <w:r>
              <w:t xml:space="preserve">                    &lt;input type="text" name="title" class="form-control" placeholder="Your email id" required="" maxlength="50" /&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mb-3 row"&gt;</w:t>
            </w:r>
          </w:p>
          <w:p w:rsidR="00A35FED" w:rsidRDefault="00A35FED" w:rsidP="00A35FED">
            <w:r>
              <w:t xml:space="preserve">                &lt;label class="col-sm-3 col-form-label text-end"&gt;&lt;b&gt;Email*&lt;/b&gt;&lt;/label&gt;</w:t>
            </w:r>
          </w:p>
          <w:p w:rsidR="00A35FED" w:rsidRDefault="00A35FED" w:rsidP="00A35FED">
            <w:r>
              <w:t xml:space="preserve">                &lt;div class="col-sm-9"&gt;</w:t>
            </w:r>
          </w:p>
          <w:p w:rsidR="00A35FED" w:rsidRDefault="00A35FED" w:rsidP="00A35FED">
            <w:r>
              <w:t xml:space="preserve">                    &lt;input type="text" name="title" class="form-control" placeholder="Password" required="" maxlength="50" /&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mb-3 row"&gt;</w:t>
            </w:r>
          </w:p>
          <w:p w:rsidR="00A35FED" w:rsidRDefault="00A35FED" w:rsidP="00A35FED">
            <w:r>
              <w:t xml:space="preserve">                &lt;label class="col-sm-3 col-form-label text-end"&gt;&lt;b&gt;Confirm Password*&lt;/b&gt;&lt;/label&gt;</w:t>
            </w:r>
          </w:p>
          <w:p w:rsidR="00A35FED" w:rsidRDefault="00A35FED" w:rsidP="00A35FED">
            <w:r>
              <w:t xml:space="preserve">                &lt;div class="col-sm-9"&gt;</w:t>
            </w:r>
          </w:p>
          <w:p w:rsidR="00A35FED" w:rsidRDefault="00A35FED" w:rsidP="00A35FED">
            <w:r>
              <w:t xml:space="preserve">                    &lt;input type="text" name="title" class="form-control" placeholder="Confirm Password" required="" maxlength="50" /&gt;</w:t>
            </w:r>
          </w:p>
          <w:p w:rsidR="00A35FED" w:rsidRDefault="00A35FED" w:rsidP="00A35FED">
            <w:r>
              <w:t xml:space="preserve">                &lt;/div&gt;</w:t>
            </w:r>
          </w:p>
          <w:p w:rsidR="00A35FED" w:rsidRDefault="00A35FED" w:rsidP="00A35FED">
            <w:r>
              <w:t xml:space="preserve">            &lt;/div&gt;</w:t>
            </w:r>
          </w:p>
          <w:p w:rsidR="00A35FED" w:rsidRDefault="00A35FED" w:rsidP="00A35FED"/>
          <w:p w:rsidR="00A35FED" w:rsidRDefault="00A35FED" w:rsidP="00A35FED"/>
          <w:p w:rsidR="00A35FED" w:rsidRDefault="00A35FED" w:rsidP="00A35FED">
            <w:r>
              <w:t xml:space="preserve">            &lt;div class="text-end mt-3"&gt;</w:t>
            </w:r>
          </w:p>
          <w:p w:rsidR="00A35FED" w:rsidRDefault="00A35FED" w:rsidP="00A35FED">
            <w:r>
              <w:t xml:space="preserve">                    &lt;div class="collapse" id="processSpan"&gt;</w:t>
            </w:r>
          </w:p>
          <w:p w:rsidR="00A35FED" w:rsidRDefault="00A35FED" w:rsidP="00A35FED">
            <w:r>
              <w:t xml:space="preserve">                        &lt;div class="spinner-border text-primary" role="status"&gt;</w:t>
            </w:r>
          </w:p>
          <w:p w:rsidR="00A35FED" w:rsidRDefault="00A35FED" w:rsidP="00A35FED">
            <w:r>
              <w:t xml:space="preserve">                          &lt;span class="visually-hidden"&gt;Loading...&lt;/span&gt;</w:t>
            </w:r>
          </w:p>
          <w:p w:rsidR="00A35FED" w:rsidRDefault="00A35FED" w:rsidP="00A35FED">
            <w:r>
              <w:t xml:space="preserve">                        &lt;/div&gt; Processing please wait..</w:t>
            </w:r>
          </w:p>
          <w:p w:rsidR="00A35FED" w:rsidRDefault="00A35FED" w:rsidP="00A35FED">
            <w:r>
              <w:t xml:space="preserve">                    &lt;/div&gt;</w:t>
            </w:r>
          </w:p>
          <w:p w:rsidR="00A35FED" w:rsidRDefault="00A35FED" w:rsidP="00A35FED">
            <w:r>
              <w:t xml:space="preserve">                    &lt;span id="log_result"&gt;&lt;/span&gt;</w:t>
            </w:r>
          </w:p>
          <w:p w:rsidR="00A35FED" w:rsidRDefault="00A35FED" w:rsidP="00A35FED">
            <w:r>
              <w:t xml:space="preserve">                    &lt;div id="submitBtnsBox" style="text-align: right;"&gt;</w:t>
            </w:r>
          </w:p>
          <w:p w:rsidR="00A35FED" w:rsidRDefault="00A35FED" w:rsidP="00A35FED">
            <w:r>
              <w:t xml:space="preserve">                        &lt;button name="submit" type="submit" class="btn btn-success" &gt;&lt;i class="fas fa-2x fa-pen-to-square"&gt;&lt;/i&gt; SUBMIT&lt;/button&gt; </w:t>
            </w:r>
          </w:p>
          <w:p w:rsidR="00A35FED" w:rsidRDefault="00A35FED" w:rsidP="00A35FED">
            <w:r>
              <w:lastRenderedPageBreak/>
              <w:t xml:space="preserve">                        </w:t>
            </w:r>
          </w:p>
          <w:p w:rsidR="00A35FED" w:rsidRDefault="00A35FED" w:rsidP="00A35FED">
            <w:r>
              <w:t xml:space="preserve">                    &lt;/div&gt;</w:t>
            </w:r>
          </w:p>
          <w:p w:rsidR="00A35FED" w:rsidRDefault="00A35FED" w:rsidP="00A35FED">
            <w:r>
              <w:t xml:space="preserve">                &lt;/div&gt;</w:t>
            </w:r>
          </w:p>
          <w:p w:rsidR="00A35FED" w:rsidRDefault="00A35FED" w:rsidP="00A35FED"/>
          <w:p w:rsidR="00A35FED" w:rsidRDefault="00A35FED" w:rsidP="00A35FED">
            <w:r>
              <w:t xml:space="preserve">        &lt;/form&gt;</w:t>
            </w:r>
          </w:p>
          <w:p w:rsidR="00A35FED" w:rsidRDefault="00A35FED" w:rsidP="00A35FED">
            <w:r>
              <w:t xml:space="preserve">                        &lt;/div&gt;</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lt;/div&gt;</w:t>
            </w:r>
          </w:p>
          <w:p w:rsidR="00A35FED" w:rsidRDefault="00A35FED" w:rsidP="00A35FED">
            <w:r>
              <w:t xml:space="preserve">                        </w:t>
            </w:r>
          </w:p>
          <w:p w:rsidR="00A35FED" w:rsidRDefault="00A35FED" w:rsidP="00A35FED">
            <w:r>
              <w:t xml:space="preserve">                        &lt;!-- Modal footer --&gt;</w:t>
            </w:r>
          </w:p>
          <w:p w:rsidR="00A35FED" w:rsidRDefault="00A35FED" w:rsidP="00A35FED">
            <w:r>
              <w:t xml:space="preserve">                        </w:t>
            </w:r>
          </w:p>
          <w:p w:rsidR="00A35FED" w:rsidRDefault="00A35FED" w:rsidP="00A35FED">
            <w:r>
              <w:t xml:space="preserve">                        &lt;div class="modal-footer"&gt;</w:t>
            </w:r>
          </w:p>
          <w:p w:rsidR="00A35FED" w:rsidRDefault="00A35FED" w:rsidP="00A35FED">
            <w:r>
              <w:t xml:space="preserve">                            &lt;button type="button" class="btn btn-danger" data-dismiss="modal"&gt;Close&lt;/button&gt;</w:t>
            </w:r>
          </w:p>
          <w:p w:rsidR="00A35FED" w:rsidRDefault="00A35FED" w:rsidP="00A35FED">
            <w:r>
              <w:t xml:space="preserve">                        &lt;/div&gt;</w:t>
            </w:r>
          </w:p>
          <w:p w:rsidR="00A35FED" w:rsidRDefault="00A35FED" w:rsidP="00A35FED"/>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w:t>
            </w:r>
          </w:p>
          <w:p w:rsidR="00A35FED" w:rsidRDefault="00A35FED" w:rsidP="00A35FED">
            <w:r>
              <w:t xml:space="preserve">      &lt;/div&gt;</w:t>
            </w:r>
          </w:p>
          <w:p w:rsidR="00A35FED" w:rsidRDefault="00A35FED" w:rsidP="00A35FED">
            <w:r>
              <w:t xml:space="preserve">            &lt;/div&gt;</w:t>
            </w:r>
          </w:p>
          <w:p w:rsidR="00A35FED" w:rsidRDefault="00A35FED" w:rsidP="00A35FED"/>
          <w:p w:rsidR="00A35FED" w:rsidRDefault="00A35FED" w:rsidP="00A35FED">
            <w:r>
              <w:t>&lt;script type="text/javascript"&gt;</w:t>
            </w:r>
          </w:p>
          <w:p w:rsidR="00A35FED" w:rsidRDefault="00A35FED" w:rsidP="00A35FED"/>
          <w:p w:rsidR="00A35FED" w:rsidRDefault="00A35FED" w:rsidP="00A35FED">
            <w:r>
              <w:t xml:space="preserve">    $("#myBtn").click(function(){</w:t>
            </w:r>
          </w:p>
          <w:p w:rsidR="00A35FED" w:rsidRDefault="00A35FED" w:rsidP="00A35FED">
            <w:r>
              <w:t xml:space="preserve">        $("#myModal").modal();</w:t>
            </w:r>
          </w:p>
          <w:p w:rsidR="00A35FED" w:rsidRDefault="00A35FED" w:rsidP="00A35FED">
            <w:r>
              <w:t xml:space="preserve">        $(".modal-backdrop").addClass("modal fade show");</w:t>
            </w:r>
          </w:p>
          <w:p w:rsidR="00A35FED" w:rsidRDefault="00A35FED" w:rsidP="00A35FED">
            <w:r>
              <w:t xml:space="preserve">    });</w:t>
            </w:r>
          </w:p>
          <w:p w:rsidR="0048012D" w:rsidRDefault="00A35FED" w:rsidP="00A35FED">
            <w:r>
              <w:t xml:space="preserve">&lt;/script&gt;    </w:t>
            </w:r>
          </w:p>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A35FED" w:rsidP="0048012D">
            <w:r w:rsidRPr="00A35FED">
              <w:rPr>
                <w:highlight w:val="yellow"/>
              </w:rPr>
              <w:t>respite.php</w:t>
            </w:r>
          </w:p>
        </w:tc>
      </w:tr>
      <w:tr w:rsidR="0048012D" w:rsidTr="0048012D">
        <w:tc>
          <w:tcPr>
            <w:tcW w:w="9576" w:type="dxa"/>
          </w:tcPr>
          <w:p w:rsidR="0048012D" w:rsidRDefault="00A35FED" w:rsidP="0048012D">
            <w:r>
              <w:object w:dxaOrig="3104" w:dyaOrig="4320">
                <v:shape id="_x0000_i1048" type="#_x0000_t75" style="width:459.2pt;height:3in" o:ole="">
                  <v:imagedata r:id="rId52" o:title=""/>
                </v:shape>
                <o:OLEObject Type="Embed" ProgID="PBrush" ShapeID="_x0000_i1048" DrawAspect="Content" ObjectID="_1729694206" r:id="rId53"/>
              </w:object>
            </w:r>
          </w:p>
        </w:tc>
      </w:tr>
      <w:tr w:rsidR="0048012D" w:rsidTr="0048012D">
        <w:tc>
          <w:tcPr>
            <w:tcW w:w="9576" w:type="dxa"/>
          </w:tcPr>
          <w:p w:rsidR="00A35FED" w:rsidRDefault="00A35FED" w:rsidP="00A35FED">
            <w:r>
              <w:t>&lt;?php require_once('config.php') ; ?&gt;</w:t>
            </w:r>
          </w:p>
          <w:p w:rsidR="00A35FED" w:rsidRDefault="00A35FED" w:rsidP="00A35FED">
            <w:r>
              <w:t>&lt;?php include_once ('attribute.php'); ?&gt;</w:t>
            </w:r>
          </w:p>
          <w:p w:rsidR="00A35FED" w:rsidRDefault="00A35FED" w:rsidP="00A35FED"/>
          <w:p w:rsidR="00A35FED" w:rsidRDefault="00A35FED" w:rsidP="00A35FED">
            <w:r>
              <w:t>&lt;head&gt;</w:t>
            </w:r>
          </w:p>
          <w:p w:rsidR="00A35FED" w:rsidRDefault="00A35FED" w:rsidP="00A35FED">
            <w:r>
              <w:t>&lt;!--meta details--&gt;</w:t>
            </w:r>
          </w:p>
          <w:p w:rsidR="00A35FED" w:rsidRDefault="00A35FED" w:rsidP="00A35FED">
            <w:r>
              <w:t xml:space="preserve">    &lt;meta charset="utf-8"/&gt;</w:t>
            </w:r>
          </w:p>
          <w:p w:rsidR="00A35FED" w:rsidRDefault="00A35FED" w:rsidP="00A35FED">
            <w:r>
              <w:t xml:space="preserve">    &lt;meta http-equiv="Content-Type" content="text/html; charset=UTF-8"/&gt;</w:t>
            </w:r>
          </w:p>
          <w:p w:rsidR="00A35FED" w:rsidRDefault="00A35FED" w:rsidP="00A35FED">
            <w:r>
              <w:t xml:space="preserve">    &lt;meta http-equiv="X-UA-Compatible" content="IE=edge"/&gt;</w:t>
            </w:r>
          </w:p>
          <w:p w:rsidR="00A35FED" w:rsidRDefault="00A35FED" w:rsidP="00A35FED">
            <w:r>
              <w:t xml:space="preserve">    &lt;meta name="viewport" content="width=device-width, initial-scale=1.0, user-scalable=0, minimal-ui"/&gt;</w:t>
            </w:r>
          </w:p>
          <w:p w:rsidR="00A35FED" w:rsidRDefault="00A35FED" w:rsidP="00A35FED">
            <w:r>
              <w:t xml:space="preserve">     &lt;!--  Logo on Browser window--&gt;</w:t>
            </w:r>
          </w:p>
          <w:p w:rsidR="00A35FED" w:rsidRDefault="00A35FED" w:rsidP="00A35FED">
            <w:r>
              <w:t xml:space="preserve">    &lt;link href="spf/img/tablogo.png" rel="shortcut icon" type="image/x-icon"&gt;</w:t>
            </w:r>
          </w:p>
          <w:p w:rsidR="00A35FED" w:rsidRDefault="00A35FED" w:rsidP="00A35FED">
            <w:r>
              <w:t xml:space="preserve">    &lt;!--google prefetch--&gt;</w:t>
            </w:r>
          </w:p>
          <w:p w:rsidR="00A35FED" w:rsidRDefault="00A35FED" w:rsidP="00A35FED">
            <w:r>
              <w:t xml:space="preserve">    &lt;link rel="dns-prefetch" href="http://fonts.gstatic.com/"/&gt;</w:t>
            </w:r>
          </w:p>
          <w:p w:rsidR="00A35FED" w:rsidRDefault="00A35FED" w:rsidP="00A35FED">
            <w:r>
              <w:t xml:space="preserve">    &lt;link rel="dns-prefetch" href="http://www.googletagmanager.com/"/&gt;</w:t>
            </w:r>
          </w:p>
          <w:p w:rsidR="00A35FED" w:rsidRDefault="00A35FED" w:rsidP="00A35FED">
            <w:r>
              <w:t xml:space="preserve">    &lt;link rel="dns-prefetch" href="http://www.google-analytics.com/"/&gt;</w:t>
            </w:r>
          </w:p>
          <w:p w:rsidR="00A35FED" w:rsidRDefault="00A35FED" w:rsidP="00A35FED">
            <w:r>
              <w:t xml:space="preserve">    &lt;link rel="dns-prefetch" href="http://pagead2.googlesyndication.com/"/&gt;</w:t>
            </w:r>
          </w:p>
          <w:p w:rsidR="00A35FED" w:rsidRDefault="00A35FED" w:rsidP="00A35FED">
            <w:r>
              <w:t xml:space="preserve">    &lt;link rel="preconnect" href="http://fonts.gstatic.com/"/&gt;</w:t>
            </w:r>
          </w:p>
          <w:p w:rsidR="00A35FED" w:rsidRDefault="00A35FED" w:rsidP="00A35FED">
            <w:r>
              <w:t xml:space="preserve">    &lt;link rel="preconnect" href="http://www.googletagmanager.com/"/&gt;</w:t>
            </w:r>
          </w:p>
          <w:p w:rsidR="00A35FED" w:rsidRDefault="00A35FED" w:rsidP="00A35FED">
            <w:r>
              <w:t xml:space="preserve">    &lt;link rel="preconnect" href="http://www.google-analytics.com/"/&gt;</w:t>
            </w:r>
          </w:p>
          <w:p w:rsidR="00A35FED" w:rsidRDefault="00A35FED" w:rsidP="00A35FED">
            <w:r>
              <w:t xml:space="preserve">    &lt;link rel="preconnect" href="http://pagead2.googlesyndication.com/"/&gt;</w:t>
            </w:r>
          </w:p>
          <w:p w:rsidR="00A35FED" w:rsidRDefault="00A35FED" w:rsidP="00A35FED">
            <w:r>
              <w:t xml:space="preserve">    &lt;meta name="apple-mobile-web-app-title" content="Senior Services | Senior Place Finder | VABF | ISF | ELF | EIFLF | ESPMF"/&gt;</w:t>
            </w:r>
          </w:p>
          <w:p w:rsidR="00A35FED" w:rsidRDefault="00A35FED" w:rsidP="00A35FED">
            <w:r>
              <w:t xml:space="preserve">    &lt;meta name="apple-mobile-web-app-capable" content="yes"/&gt;</w:t>
            </w:r>
          </w:p>
          <w:p w:rsidR="00A35FED" w:rsidRDefault="00A35FED" w:rsidP="00A35FED">
            <w:r>
              <w:t xml:space="preserve">    &lt;meta name="apple-touch-fullscreen" content="yes"/&gt;</w:t>
            </w:r>
          </w:p>
          <w:p w:rsidR="00A35FED" w:rsidRDefault="00A35FED" w:rsidP="00A35FED">
            <w:r>
              <w:t xml:space="preserve">    &lt;meta name="apple-mobile-web-app-status-bar-style" content="default"/&gt;</w:t>
            </w:r>
          </w:p>
          <w:p w:rsidR="00A35FED" w:rsidRDefault="00A35FED" w:rsidP="00A35FED">
            <w:r>
              <w:t xml:space="preserve">    &lt;meta name="google" content="notranslate"/&gt;</w:t>
            </w:r>
          </w:p>
          <w:p w:rsidR="00A35FED" w:rsidRDefault="00A35FED" w:rsidP="00A35FED">
            <w:r>
              <w:t xml:space="preserve">    &lt;meta property="fb:app_id" content="442299370000163"/&gt;</w:t>
            </w:r>
          </w:p>
          <w:p w:rsidR="00A35FED" w:rsidRDefault="00A35FED" w:rsidP="00A35FED">
            <w:r>
              <w:t xml:space="preserve">    &lt;!--screen  resolution--&gt;</w:t>
            </w:r>
          </w:p>
          <w:p w:rsidR="00A35FED" w:rsidRDefault="00A35FED" w:rsidP="00A35FED">
            <w:r>
              <w:t xml:space="preserve">    &lt;link rel="shortcut icon" href="spf/img/favicon.ico" type="image/x-icon"&gt;</w:t>
            </w:r>
          </w:p>
          <w:p w:rsidR="00A35FED" w:rsidRDefault="00A35FED" w:rsidP="00A35FED">
            <w:r>
              <w:t xml:space="preserve">    &lt;link rel="apple-touch-icon" href="spf/img/apple-touch-icon-60x60.html"&gt;</w:t>
            </w:r>
          </w:p>
          <w:p w:rsidR="00A35FED" w:rsidRDefault="00A35FED" w:rsidP="00A35FED">
            <w:r>
              <w:t xml:space="preserve">    &lt;link rel="apple-touch-icon" sizes="76x76" href="spf/img/apple-touch-icon-76x76.html"&gt;</w:t>
            </w:r>
          </w:p>
          <w:p w:rsidR="00A35FED" w:rsidRDefault="00A35FED" w:rsidP="00A35FED">
            <w:r>
              <w:lastRenderedPageBreak/>
              <w:t xml:space="preserve">    &lt;link rel="apple-touch-icon" sizes="120x120" href="spf/img/apple-touch-icon-120x120.html"&gt;</w:t>
            </w:r>
          </w:p>
          <w:p w:rsidR="00A35FED" w:rsidRDefault="00A35FED" w:rsidP="00A35FED">
            <w:r>
              <w:t xml:space="preserve">    &lt;link rel="apple-touch-icon" sizes="152x152" href="spf/img/apple-touch-icon-152x152.html"&gt;</w:t>
            </w:r>
          </w:p>
          <w:p w:rsidR="00A35FED" w:rsidRDefault="00A35FED" w:rsidP="00A35FED">
            <w:r>
              <w:t xml:space="preserve">    &lt;!--site details--&gt;</w:t>
            </w:r>
          </w:p>
          <w:p w:rsidR="00A35FED" w:rsidRDefault="00A35FED" w:rsidP="00A35FED">
            <w:r>
              <w:t xml:space="preserve">    &lt;title&gt;Senior Services | Senior Place Finder | VABF | ISF | ELF | EIFLF | ESPMF&lt;/title&gt;</w:t>
            </w:r>
          </w:p>
          <w:p w:rsidR="00A35FED" w:rsidRDefault="00A35FED" w:rsidP="00A35FED">
            <w:r>
              <w:t xml:space="preserve">    &lt;meta name="keywords" content="Senior Place Finder, VABF, ISF, ELF, EIFLF, ESPMF"/&gt;</w:t>
            </w:r>
          </w:p>
          <w:p w:rsidR="00A35FED" w:rsidRDefault="00A35FED" w:rsidP="00A35FED">
            <w:r>
              <w:t xml:space="preserve">    &lt;meta name="description" content="Find specialist for any service related to the seniors."&gt;</w:t>
            </w:r>
          </w:p>
          <w:p w:rsidR="00A35FED" w:rsidRDefault="00A35FED" w:rsidP="00A35FED">
            <w:r>
              <w:t xml:space="preserve">    &lt;meta property="og:type" content="website"/&gt;</w:t>
            </w:r>
          </w:p>
          <w:p w:rsidR="00A35FED" w:rsidRDefault="00A35FED" w:rsidP="00A35FED">
            <w:r>
              <w:t xml:space="preserve">    &lt;meta property="og:title" content="Senior Services | Senior Place Finder | VABF | ISF | ELF | EIFLF | ESPMF"/&gt;</w:t>
            </w:r>
          </w:p>
          <w:p w:rsidR="00A35FED" w:rsidRDefault="00A35FED" w:rsidP="00A35FED">
            <w:r>
              <w:t xml:space="preserve">    &lt;meta property="og:description" content="Find specialist for any service related to the seniors."/&gt;</w:t>
            </w:r>
          </w:p>
          <w:p w:rsidR="00A35FED" w:rsidRDefault="00A35FED" w:rsidP="00A35FED">
            <w:r>
              <w:t xml:space="preserve">    &lt;meta property="og:url" content="https://theseniorteam.net/"/&gt;</w:t>
            </w:r>
          </w:p>
          <w:p w:rsidR="00A35FED" w:rsidRDefault="00A35FED" w:rsidP="00A35FED">
            <w:r>
              <w:t xml:space="preserve">    &lt;meta property="og:site_name" content="Senior Team"/&gt;</w:t>
            </w:r>
          </w:p>
          <w:p w:rsidR="00A35FED" w:rsidRDefault="00A35FED" w:rsidP="00A35FED">
            <w:r>
              <w:t xml:space="preserve">    &lt;meta property="og:image" content="c"/&gt;</w:t>
            </w:r>
          </w:p>
          <w:p w:rsidR="00A35FED" w:rsidRDefault="00A35FED" w:rsidP="00A35FED">
            <w:r>
              <w:t xml:space="preserve">    &lt;meta name="twitter:card" content="summary_large_image"/&gt;</w:t>
            </w:r>
          </w:p>
          <w:p w:rsidR="00A35FED" w:rsidRDefault="00A35FED" w:rsidP="00A35FED">
            <w:r>
              <w:t xml:space="preserve">    &lt;meta name="twitter:title" content="Senior Services | Senior Place Finder | VABF | ISF | ELF | EIFLF | ESPMF"/&gt;</w:t>
            </w:r>
          </w:p>
          <w:p w:rsidR="00A35FED" w:rsidRDefault="00A35FED" w:rsidP="00A35FED">
            <w:r>
              <w:t xml:space="preserve">    &lt;meta name="twitter:description" content="Find specialist for any service related to the seniors."/&gt;</w:t>
            </w:r>
          </w:p>
          <w:p w:rsidR="00A35FED" w:rsidRDefault="00A35FED" w:rsidP="00A35FED">
            <w:r>
              <w:t xml:space="preserve">    &lt;meta name="twitter:site" content="@seniorteam"/&gt;</w:t>
            </w:r>
          </w:p>
          <w:p w:rsidR="00A35FED" w:rsidRDefault="00A35FED" w:rsidP="00A35FED">
            <w:r>
              <w:t xml:space="preserve">    &lt;meta name="twitter:image" content="img/icon/ssp.png"/&gt;</w:t>
            </w:r>
          </w:p>
          <w:p w:rsidR="00A35FED" w:rsidRDefault="00A35FED" w:rsidP="00A35FED">
            <w:r>
              <w:t xml:space="preserve">   </w:t>
            </w:r>
          </w:p>
          <w:p w:rsidR="00A35FED" w:rsidRDefault="00A35FED" w:rsidP="00A35FED">
            <w:r>
              <w:t xml:space="preserve">    &lt;meta name="csrf-token" content="dgqJnlX1u9TY9MEkfnEcAOPCkhA13RV7pHlBGUUg"/&gt;</w:t>
            </w:r>
          </w:p>
          <w:p w:rsidR="00A35FED" w:rsidRDefault="00A35FED" w:rsidP="00A35FED">
            <w:r>
              <w:t xml:space="preserve">    &lt;!--app.css --&gt;</w:t>
            </w:r>
          </w:p>
          <w:p w:rsidR="00A35FED" w:rsidRDefault="00A35FED" w:rsidP="00A35FED">
            <w:r>
              <w:t xml:space="preserve">    &lt;link media="all" type="text/css" rel="stylesheet" href="spf/css/app.css"&gt;</w:t>
            </w:r>
          </w:p>
          <w:p w:rsidR="00A35FED" w:rsidRDefault="00A35FED" w:rsidP="00A35FED">
            <w:r>
              <w:t xml:space="preserve">    &lt;!--icons.css --&gt;</w:t>
            </w:r>
          </w:p>
          <w:p w:rsidR="00A35FED" w:rsidRDefault="00A35FED" w:rsidP="00A35FED">
            <w:r>
              <w:t xml:space="preserve">    &lt;link media="all" type="text/css" rel="stylesheet" href="css/icons.css"&gt;</w:t>
            </w:r>
          </w:p>
          <w:p w:rsidR="00A35FED" w:rsidRDefault="00A35FED" w:rsidP="00A35FED">
            <w:r>
              <w:t xml:space="preserve">    &lt;!--notify.css --&gt;</w:t>
            </w:r>
          </w:p>
          <w:p w:rsidR="00A35FED" w:rsidRDefault="00A35FED" w:rsidP="00A35FED">
            <w:r>
              <w:t xml:space="preserve">    &lt;link media="all" type="text/css" rel="stylesheet" href="css/notify.css"&gt;</w:t>
            </w:r>
          </w:p>
          <w:p w:rsidR="00A35FED" w:rsidRDefault="00A35FED" w:rsidP="00A35FED">
            <w:r>
              <w:t xml:space="preserve">    &lt;!--floater.css --&gt;</w:t>
            </w:r>
          </w:p>
          <w:p w:rsidR="00A35FED" w:rsidRDefault="00A35FED" w:rsidP="00A35FED">
            <w:r>
              <w:t xml:space="preserve">    &lt;link media="all" type="text/css" rel="stylesheet" href="css/floater.css"&gt;</w:t>
            </w:r>
          </w:p>
          <w:p w:rsidR="00A35FED" w:rsidRDefault="00A35FED" w:rsidP="00A35FED">
            <w:r>
              <w:t xml:space="preserve">    &lt;!--selectize.css --&gt;</w:t>
            </w:r>
          </w:p>
          <w:p w:rsidR="00A35FED" w:rsidRDefault="00A35FED" w:rsidP="00A35FED">
            <w:r>
              <w:t xml:space="preserve">    &lt;link media="all" type="text/css" rel="stylesheet" href="css/selectize.css"&gt;</w:t>
            </w:r>
          </w:p>
          <w:p w:rsidR="00A35FED" w:rsidRDefault="00A35FED" w:rsidP="00A35FED">
            <w:r>
              <w:t xml:space="preserve">    &lt;!--theme.css --&gt;</w:t>
            </w:r>
          </w:p>
          <w:p w:rsidR="00A35FED" w:rsidRDefault="00A35FED" w:rsidP="00A35FED">
            <w:r>
              <w:t xml:space="preserve">    &lt;link media="all" type="text/css" rel="stylesheet" href="spf/css/theme.css"&gt;</w:t>
            </w:r>
          </w:p>
          <w:p w:rsidR="00A35FED" w:rsidRDefault="00A35FED" w:rsidP="00A35FED"/>
          <w:p w:rsidR="00A35FED" w:rsidRDefault="00A35FED" w:rsidP="00A35FED">
            <w:r>
              <w:t xml:space="preserve">    &lt;link rel="stylesheet" href="https://use.fontawesome.com/releases/v5.6.3/css/all.css"&gt;</w:t>
            </w:r>
          </w:p>
          <w:p w:rsidR="00A35FED" w:rsidRDefault="00A35FED" w:rsidP="00A35FED">
            <w:r>
              <w:t xml:space="preserve">    &lt;!--app.js --&gt;</w:t>
            </w:r>
          </w:p>
          <w:p w:rsidR="00A35FED" w:rsidRDefault="00A35FED" w:rsidP="00A35FED">
            <w:r>
              <w:t xml:space="preserve">    &lt;script src="js/app.js"&gt;&lt;/script&gt;</w:t>
            </w:r>
          </w:p>
          <w:p w:rsidR="00A35FED" w:rsidRDefault="00A35FED" w:rsidP="00A35FED">
            <w:r>
              <w:t xml:space="preserve">    &lt;!--jquery.js --&gt;</w:t>
            </w:r>
          </w:p>
          <w:p w:rsidR="00A35FED" w:rsidRDefault="00A35FED" w:rsidP="00A35FED">
            <w:r>
              <w:t xml:space="preserve">    &lt;script src="js/jquery.js"&gt;&lt;/script&gt;</w:t>
            </w:r>
          </w:p>
          <w:p w:rsidR="00A35FED" w:rsidRDefault="00A35FED" w:rsidP="00A35FED">
            <w:r>
              <w:t xml:space="preserve">    &lt;!--popper.js --&gt;</w:t>
            </w:r>
          </w:p>
          <w:p w:rsidR="00A35FED" w:rsidRDefault="00A35FED" w:rsidP="00A35FED">
            <w:r>
              <w:t xml:space="preserve">    &lt;script src="js/popper.js"&gt;&lt;/script&gt;</w:t>
            </w:r>
          </w:p>
          <w:p w:rsidR="00A35FED" w:rsidRDefault="00A35FED" w:rsidP="00A35FED">
            <w:r>
              <w:t xml:space="preserve">    &lt;!--bootstrap.js --&gt;</w:t>
            </w:r>
          </w:p>
          <w:p w:rsidR="00A35FED" w:rsidRDefault="00A35FED" w:rsidP="00A35FED">
            <w:r>
              <w:t xml:space="preserve">    &lt;script src="js/bootstrap.js"&gt;&lt;/script&gt;</w:t>
            </w:r>
          </w:p>
          <w:p w:rsidR="00A35FED" w:rsidRDefault="00A35FED" w:rsidP="00A35FED"/>
          <w:p w:rsidR="00A35FED" w:rsidRDefault="00A35FED" w:rsidP="00A35FED">
            <w:r>
              <w:t xml:space="preserve">    &lt;!-- Global site tag (gtag.js) - Google Analytics --&gt;</w:t>
            </w:r>
          </w:p>
          <w:p w:rsidR="00A35FED" w:rsidRDefault="00A35FED" w:rsidP="00A35FED">
            <w:r>
              <w:t xml:space="preserve">    &lt;script async src="https://www.googletagmanager.com/gtag/js?id="&gt;&lt;/script&gt;</w:t>
            </w:r>
          </w:p>
          <w:p w:rsidR="00A35FED" w:rsidRDefault="00A35FED" w:rsidP="00A35FED">
            <w:r>
              <w:t xml:space="preserve">    &lt;script&gt;</w:t>
            </w:r>
          </w:p>
          <w:p w:rsidR="00A35FED" w:rsidRDefault="00A35FED" w:rsidP="00A35FED">
            <w:r>
              <w:t xml:space="preserve">        window.dataLayer = window.dataLayer || [];</w:t>
            </w:r>
          </w:p>
          <w:p w:rsidR="00A35FED" w:rsidRDefault="00A35FED" w:rsidP="00A35FED">
            <w:r>
              <w:lastRenderedPageBreak/>
              <w:t xml:space="preserve">        function gtag() {</w:t>
            </w:r>
          </w:p>
          <w:p w:rsidR="00A35FED" w:rsidRDefault="00A35FED" w:rsidP="00A35FED">
            <w:r>
              <w:t xml:space="preserve">            dataLayer.push(arguments);</w:t>
            </w:r>
          </w:p>
          <w:p w:rsidR="00A35FED" w:rsidRDefault="00A35FED" w:rsidP="00A35FED">
            <w:r>
              <w:t xml:space="preserve">        }</w:t>
            </w:r>
          </w:p>
          <w:p w:rsidR="00A35FED" w:rsidRDefault="00A35FED" w:rsidP="00A35FED">
            <w:r>
              <w:t xml:space="preserve">        gtag('js', new Date());</w:t>
            </w:r>
          </w:p>
          <w:p w:rsidR="00A35FED" w:rsidRDefault="00A35FED" w:rsidP="00A35FED">
            <w:r>
              <w:t xml:space="preserve">        gtag('config', '');</w:t>
            </w:r>
          </w:p>
          <w:p w:rsidR="00A35FED" w:rsidRDefault="00A35FED" w:rsidP="00A35FED">
            <w:r>
              <w:t xml:space="preserve">    &lt;/script&gt;</w:t>
            </w:r>
          </w:p>
          <w:p w:rsidR="00A35FED" w:rsidRDefault="00A35FED" w:rsidP="00A35FED">
            <w:r>
              <w:t xml:space="preserve">    &lt;!--fingerprint2.js --&gt;</w:t>
            </w:r>
          </w:p>
          <w:p w:rsidR="00A35FED" w:rsidRDefault="00A35FED" w:rsidP="00A35FED">
            <w:r>
              <w:t>&lt;script src="js/fingerprint2.js"&gt;&lt;/script&gt;</w:t>
            </w:r>
          </w:p>
          <w:p w:rsidR="00A35FED" w:rsidRDefault="00A35FED" w:rsidP="00A35FED">
            <w:r>
              <w:t>&lt;!--ua-parser.js --&gt;</w:t>
            </w:r>
          </w:p>
          <w:p w:rsidR="00A35FED" w:rsidRDefault="00A35FED" w:rsidP="00A35FED">
            <w:r>
              <w:t>&lt;script src="js/ua-parser.js"&gt;&lt;/script&gt;</w:t>
            </w:r>
          </w:p>
          <w:p w:rsidR="00A35FED" w:rsidRDefault="00A35FED" w:rsidP="00A35FED">
            <w:r>
              <w:t>&lt;script&gt;</w:t>
            </w:r>
          </w:p>
          <w:p w:rsidR="00A35FED" w:rsidRDefault="00A35FED" w:rsidP="00A35FED">
            <w:r>
              <w:t xml:space="preserve">    let fpCookie = getCookie("FP_UUID");</w:t>
            </w:r>
          </w:p>
          <w:p w:rsidR="00A35FED" w:rsidRDefault="00A35FED" w:rsidP="00A35FED">
            <w:r>
              <w:t xml:space="preserve">    let getFingerPrint = function () {</w:t>
            </w:r>
          </w:p>
          <w:p w:rsidR="00A35FED" w:rsidRDefault="00A35FED" w:rsidP="00A35FED">
            <w:r>
              <w:t xml:space="preserve">        let d1 = new Date();</w:t>
            </w:r>
          </w:p>
          <w:p w:rsidR="00A35FED" w:rsidRDefault="00A35FED" w:rsidP="00A35FED">
            <w:r>
              <w:t xml:space="preserve">        let options = {/*</w:t>
            </w:r>
          </w:p>
          <w:p w:rsidR="00A35FED" w:rsidRDefault="00A35FED" w:rsidP="00A35FED">
            <w:r>
              <w:t xml:space="preserve">            excludes: {</w:t>
            </w:r>
          </w:p>
          <w:p w:rsidR="00A35FED" w:rsidRDefault="00A35FED" w:rsidP="00A35FED">
            <w:r>
              <w:t xml:space="preserve">                enumerateDevices: true,</w:t>
            </w:r>
          </w:p>
          <w:p w:rsidR="00A35FED" w:rsidRDefault="00A35FED" w:rsidP="00A35FED">
            <w:r>
              <w:t xml:space="preserve">                pixelRatio: true,</w:t>
            </w:r>
          </w:p>
          <w:p w:rsidR="00A35FED" w:rsidRDefault="00A35FED" w:rsidP="00A35FED">
            <w:r>
              <w:t xml:space="preserve">                doNotTrack: true,</w:t>
            </w:r>
          </w:p>
          <w:p w:rsidR="00A35FED" w:rsidRDefault="00A35FED" w:rsidP="00A35FED">
            <w:r>
              <w:t xml:space="preserve">                fontsFlash: true/!*,</w:t>
            </w:r>
          </w:p>
          <w:p w:rsidR="00A35FED" w:rsidRDefault="00A35FED" w:rsidP="00A35FED">
            <w:r>
              <w:t xml:space="preserve">                plugins: true*!/</w:t>
            </w:r>
          </w:p>
          <w:p w:rsidR="00A35FED" w:rsidRDefault="00A35FED" w:rsidP="00A35FED">
            <w:r>
              <w:t xml:space="preserve">            },</w:t>
            </w:r>
          </w:p>
          <w:p w:rsidR="00A35FED" w:rsidRDefault="00A35FED" w:rsidP="00A35FED">
            <w:r>
              <w:t xml:space="preserve">            extraComponents: [</w:t>
            </w:r>
          </w:p>
          <w:p w:rsidR="00A35FED" w:rsidRDefault="00A35FED" w:rsidP="00A35FED">
            <w:r>
              <w:t xml:space="preserve">                {</w:t>
            </w:r>
          </w:p>
          <w:p w:rsidR="00A35FED" w:rsidRDefault="00A35FED" w:rsidP="00A35FED">
            <w:r>
              <w:t xml:space="preserve">                    key: 'domain',</w:t>
            </w:r>
          </w:p>
          <w:p w:rsidR="00A35FED" w:rsidRDefault="00A35FED" w:rsidP="00A35FED">
            <w:r>
              <w:t xml:space="preserve">                    getData: function (done, options) {</w:t>
            </w:r>
          </w:p>
          <w:p w:rsidR="00A35FED" w:rsidRDefault="00A35FED" w:rsidP="00A35FED">
            <w:r>
              <w:t xml:space="preserve">                        done(window.location.hostname);</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key: 'domain',</w:t>
            </w:r>
          </w:p>
          <w:p w:rsidR="00A35FED" w:rsidRDefault="00A35FED" w:rsidP="00A35FED">
            <w:r>
              <w:t xml:space="preserve">                    getData: function (done, options) {</w:t>
            </w:r>
          </w:p>
          <w:p w:rsidR="00A35FED" w:rsidRDefault="00A35FED" w:rsidP="00A35FED">
            <w:r>
              <w:t xml:space="preserve">                        done(window.location.hostname);</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preprocessor: function (key, value) {</w:t>
            </w:r>
          </w:p>
          <w:p w:rsidR="00A35FED" w:rsidRDefault="00A35FED" w:rsidP="00A35FED">
            <w:r>
              <w:t xml:space="preserve">                if (key === "userAgent") {</w:t>
            </w:r>
          </w:p>
          <w:p w:rsidR="00A35FED" w:rsidRDefault="00A35FED" w:rsidP="00A35FED">
            <w:r>
              <w:t xml:space="preserve">                    let parser = new UAParser(value);</w:t>
            </w:r>
          </w:p>
          <w:p w:rsidR="00A35FED" w:rsidRDefault="00A35FED" w:rsidP="00A35FED">
            <w:r>
              <w:t xml:space="preserve">                    let userAgentMinusVersion = parser.getOS().name + ' ' + parser.getBrowser().name;</w:t>
            </w:r>
          </w:p>
          <w:p w:rsidR="00A35FED" w:rsidRDefault="00A35FED" w:rsidP="00A35FED">
            <w:r>
              <w:t xml:space="preserve">                    return userAgentMinusVersion;</w:t>
            </w:r>
          </w:p>
          <w:p w:rsidR="00A35FED" w:rsidRDefault="00A35FED" w:rsidP="00A35FED">
            <w:r>
              <w:t xml:space="preserve">                }</w:t>
            </w:r>
          </w:p>
          <w:p w:rsidR="00A35FED" w:rsidRDefault="00A35FED" w:rsidP="00A35FED">
            <w:r>
              <w:t xml:space="preserve">                return value;</w:t>
            </w:r>
          </w:p>
          <w:p w:rsidR="00A35FED" w:rsidRDefault="00A35FED" w:rsidP="00A35FED">
            <w:r>
              <w:t xml:space="preserve">            }</w:t>
            </w:r>
          </w:p>
          <w:p w:rsidR="00A35FED" w:rsidRDefault="00A35FED" w:rsidP="00A35FED">
            <w:r>
              <w:t xml:space="preserve">        };</w:t>
            </w:r>
          </w:p>
          <w:p w:rsidR="00A35FED" w:rsidRDefault="00A35FED" w:rsidP="00A35FED">
            <w:r>
              <w:t xml:space="preserve">        Fingerprint2.get(options, function (components) {</w:t>
            </w:r>
          </w:p>
          <w:p w:rsidR="00A35FED" w:rsidRDefault="00A35FED" w:rsidP="00A35FED">
            <w:r>
              <w:t xml:space="preserve">            let fp = Fingerprint2.x64hash128(components.map(function (pair) {</w:t>
            </w:r>
          </w:p>
          <w:p w:rsidR="00A35FED" w:rsidRDefault="00A35FED" w:rsidP="00A35FED">
            <w:r>
              <w:t xml:space="preserve">                return pair.value</w:t>
            </w:r>
          </w:p>
          <w:p w:rsidR="00A35FED" w:rsidRDefault="00A35FED" w:rsidP="00A35FED">
            <w:r>
              <w:lastRenderedPageBreak/>
              <w:t xml:space="preserve">            }).join(), 31);</w:t>
            </w:r>
          </w:p>
          <w:p w:rsidR="00A35FED" w:rsidRDefault="00A35FED" w:rsidP="00A35FED">
            <w:r>
              <w:t xml:space="preserve">            setCookie("FP_UUID", fp, 30);</w:t>
            </w:r>
          </w:p>
          <w:p w:rsidR="00A35FED" w:rsidRDefault="00A35FED" w:rsidP="00A35FED">
            <w:r>
              <w:t xml:space="preserve">            fpCookie = getCookie("FP_UUID");</w:t>
            </w:r>
          </w:p>
          <w:p w:rsidR="00A35FED" w:rsidRDefault="00A35FED" w:rsidP="00A35FED">
            <w:r>
              <w:t xml:space="preserve">            console.log("FP_UUID: ", fpCookie);</w:t>
            </w:r>
          </w:p>
          <w:p w:rsidR="00A35FED" w:rsidRDefault="00A35FED" w:rsidP="00A35FED">
            <w:r>
              <w:t xml:space="preserve">            let d2 = new Date();</w:t>
            </w:r>
          </w:p>
          <w:p w:rsidR="00A35FED" w:rsidRDefault="00A35FED" w:rsidP="00A35FED">
            <w:r>
              <w:t xml:space="preserve">            let tt = d2 - d1;</w:t>
            </w:r>
          </w:p>
          <w:p w:rsidR="00A35FED" w:rsidRDefault="00A35FED" w:rsidP="00A35FED">
            <w:r>
              <w:t xml:space="preserve">            let details = "";</w:t>
            </w:r>
          </w:p>
          <w:p w:rsidR="00A35FED" w:rsidRDefault="00A35FED" w:rsidP="00A35FED">
            <w:r>
              <w:t xml:space="preserve">            console.log("Time Taken : ", tt);</w:t>
            </w:r>
          </w:p>
          <w:p w:rsidR="00A35FED" w:rsidRDefault="00A35FED" w:rsidP="00A35FED">
            <w:r>
              <w:t xml:space="preserve">            console.log("Finger Print : ", fp);</w:t>
            </w:r>
          </w:p>
          <w:p w:rsidR="00A35FED" w:rsidRDefault="00A35FED" w:rsidP="00A35FED">
            <w:r>
              <w:t xml:space="preserve">            for (let index in components) {</w:t>
            </w:r>
          </w:p>
          <w:p w:rsidR="00A35FED" w:rsidRDefault="00A35FED" w:rsidP="00A35FED">
            <w:r>
              <w:t xml:space="preserve">                let obj = components[index];</w:t>
            </w:r>
          </w:p>
          <w:p w:rsidR="00A35FED" w:rsidRDefault="00A35FED" w:rsidP="00A35FED">
            <w:r>
              <w:t xml:space="preserve">                let line = obj.key + " = " + String(obj.value).substr(0, 100);</w:t>
            </w:r>
          </w:p>
          <w:p w:rsidR="00A35FED" w:rsidRDefault="00A35FED" w:rsidP="00A35FED">
            <w:r>
              <w:t xml:space="preserve">                details += line + "\n";</w:t>
            </w:r>
          </w:p>
          <w:p w:rsidR="00A35FED" w:rsidRDefault="00A35FED" w:rsidP="00A35FED">
            <w:r>
              <w:t xml:space="preserve">            }</w:t>
            </w:r>
          </w:p>
          <w:p w:rsidR="00A35FED" w:rsidRDefault="00A35FED" w:rsidP="00A35FED">
            <w:r>
              <w:t xml:space="preserve">            console.log(details);</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if (fpCookie === null) {</w:t>
            </w:r>
          </w:p>
          <w:p w:rsidR="00A35FED" w:rsidRDefault="00A35FED" w:rsidP="00A35FED">
            <w:r>
              <w:t xml:space="preserve">        let cancelId;</w:t>
            </w:r>
          </w:p>
          <w:p w:rsidR="00A35FED" w:rsidRDefault="00A35FED" w:rsidP="00A35FED">
            <w:r>
              <w:t xml:space="preserve">        let cancelFunction;</w:t>
            </w:r>
          </w:p>
          <w:p w:rsidR="00A35FED" w:rsidRDefault="00A35FED" w:rsidP="00A35FED">
            <w:r>
              <w:t xml:space="preserve">        if (window.requestIdleCallback) {</w:t>
            </w:r>
          </w:p>
          <w:p w:rsidR="00A35FED" w:rsidRDefault="00A35FED" w:rsidP="00A35FED">
            <w:r>
              <w:t xml:space="preserve">            cancelId = requestIdleCallback(getFingerPrint);</w:t>
            </w:r>
          </w:p>
          <w:p w:rsidR="00A35FED" w:rsidRDefault="00A35FED" w:rsidP="00A35FED">
            <w:r>
              <w:t xml:space="preserve">            cancelFunction = cancelIdleCallback;</w:t>
            </w:r>
          </w:p>
          <w:p w:rsidR="00A35FED" w:rsidRDefault="00A35FED" w:rsidP="00A35FED">
            <w:r>
              <w:t xml:space="preserve">        } else {</w:t>
            </w:r>
          </w:p>
          <w:p w:rsidR="00A35FED" w:rsidRDefault="00A35FED" w:rsidP="00A35FED">
            <w:r>
              <w:t xml:space="preserve">            cancelId = setTimeout(getFingerPrint, 500);</w:t>
            </w:r>
          </w:p>
          <w:p w:rsidR="00A35FED" w:rsidRDefault="00A35FED" w:rsidP="00A35FED">
            <w:r>
              <w:t xml:space="preserve">            cancelFunction = clearTimeout;</w:t>
            </w:r>
          </w:p>
          <w:p w:rsidR="00A35FED" w:rsidRDefault="00A35FED" w:rsidP="00A35FED">
            <w:r>
              <w:t xml:space="preserve">        }</w:t>
            </w:r>
          </w:p>
          <w:p w:rsidR="00A35FED" w:rsidRDefault="00A35FED" w:rsidP="00A35FED">
            <w:r>
              <w:t xml:space="preserve">    }</w:t>
            </w:r>
          </w:p>
          <w:p w:rsidR="00A35FED" w:rsidRDefault="00A35FED" w:rsidP="00A35FED">
            <w:r>
              <w:t>&lt;/script&gt;</w:t>
            </w:r>
          </w:p>
          <w:p w:rsidR="00A35FED" w:rsidRDefault="00A35FED" w:rsidP="00A35FED">
            <w:r>
              <w:t xml:space="preserve">            &lt;script type="application/ld+json"&gt;</w:t>
            </w:r>
          </w:p>
          <w:p w:rsidR="00A35FED" w:rsidRDefault="00A35FED" w:rsidP="00A35FED">
            <w:r>
              <w:t xml:space="preserve">    {"@context":"http:\/\/schema.org","@type":"WebPage","name":"Senior Services","url":"https:\/\/theseniorteam.net","logo":"https:\/\/assets.elite.dev\/img\/portal\/rect\/ssp.svg","sameAs":["https:\/\/theseniorteam.net"]}</w:t>
            </w:r>
          </w:p>
          <w:p w:rsidR="00A35FED" w:rsidRDefault="00A35FED" w:rsidP="00A35FED">
            <w:r>
              <w:t xml:space="preserve">&lt;/script&gt;   </w:t>
            </w:r>
          </w:p>
          <w:p w:rsidR="00A35FED" w:rsidRDefault="00A35FED" w:rsidP="00A35FED"/>
          <w:p w:rsidR="00A35FED" w:rsidRDefault="00A35FED" w:rsidP="00A35FED">
            <w:r>
              <w:t>&lt;!-- Meta Pixel Code --&gt;</w:t>
            </w:r>
          </w:p>
          <w:p w:rsidR="00A35FED" w:rsidRDefault="00A35FED" w:rsidP="00A35FED">
            <w:r>
              <w:t>&lt;script&gt;</w:t>
            </w:r>
          </w:p>
          <w:p w:rsidR="00A35FED" w:rsidRDefault="00A35FED" w:rsidP="00A35FED">
            <w:r>
              <w:t>!function(f,b,e,v,n,t,s)</w:t>
            </w:r>
          </w:p>
          <w:p w:rsidR="00A35FED" w:rsidRDefault="00A35FED" w:rsidP="00A35FED">
            <w:r>
              <w:t>{if(f.fbq)return;n=f.fbq=function(){n.callMethod?</w:t>
            </w:r>
          </w:p>
          <w:p w:rsidR="00A35FED" w:rsidRDefault="00A35FED" w:rsidP="00A35FED">
            <w:r>
              <w:t>n.callMethod.apply(n,arguments):n.queue.push(arguments)};</w:t>
            </w:r>
          </w:p>
          <w:p w:rsidR="00A35FED" w:rsidRDefault="00A35FED" w:rsidP="00A35FED">
            <w:r>
              <w:t>if(!f._fbq)f._fbq=n;n.push=n;n.loaded=!0;n.version='2.0';</w:t>
            </w:r>
          </w:p>
          <w:p w:rsidR="00A35FED" w:rsidRDefault="00A35FED" w:rsidP="00A35FED">
            <w:r>
              <w:t>n.queue=[];t=b.createElement(e);t.async=!0;</w:t>
            </w:r>
          </w:p>
          <w:p w:rsidR="00A35FED" w:rsidRDefault="00A35FED" w:rsidP="00A35FED">
            <w:r>
              <w:t>t.src=v;s=b.getElementsByTagName(e)[0];</w:t>
            </w:r>
          </w:p>
          <w:p w:rsidR="00A35FED" w:rsidRDefault="00A35FED" w:rsidP="00A35FED">
            <w:r>
              <w:t>s.parentNode.insertBefore(t,s)}(window, document,'script',</w:t>
            </w:r>
          </w:p>
          <w:p w:rsidR="00A35FED" w:rsidRDefault="00A35FED" w:rsidP="00A35FED">
            <w:r>
              <w:t>'https://connect.facebook.net/en_US/fbevents.js');</w:t>
            </w:r>
          </w:p>
          <w:p w:rsidR="00A35FED" w:rsidRDefault="00A35FED" w:rsidP="00A35FED">
            <w:r>
              <w:t>fbq('init', '1380363135826732');</w:t>
            </w:r>
          </w:p>
          <w:p w:rsidR="00A35FED" w:rsidRDefault="00A35FED" w:rsidP="00A35FED">
            <w:r>
              <w:t>fbq('track', 'PageView');</w:t>
            </w:r>
          </w:p>
          <w:p w:rsidR="00A35FED" w:rsidRDefault="00A35FED" w:rsidP="00A35FED">
            <w:r>
              <w:lastRenderedPageBreak/>
              <w:t>&lt;/script&gt;</w:t>
            </w:r>
          </w:p>
          <w:p w:rsidR="00A35FED" w:rsidRDefault="00A35FED" w:rsidP="00A35FED">
            <w:r>
              <w:t>&lt;noscript&gt;&lt;img height="1" width="1" style="display:none"</w:t>
            </w:r>
          </w:p>
          <w:p w:rsidR="00A35FED" w:rsidRDefault="00A35FED" w:rsidP="00A35FED">
            <w:r>
              <w:t>src="https://www.facebook.com/tr?id=1380363135826732&amp;ev=PageView&amp;noscript=1"</w:t>
            </w:r>
          </w:p>
          <w:p w:rsidR="00A35FED" w:rsidRDefault="00A35FED" w:rsidP="00A35FED">
            <w:r>
              <w:t>/&gt;&lt;/noscript&gt;</w:t>
            </w:r>
          </w:p>
          <w:p w:rsidR="00A35FED" w:rsidRDefault="00A35FED" w:rsidP="00A35FED">
            <w:r>
              <w:t>&lt;!-- End Meta Pixel Code --&gt;</w:t>
            </w:r>
          </w:p>
          <w:p w:rsidR="00A35FED" w:rsidRDefault="00A35FED" w:rsidP="00A35FED"/>
          <w:p w:rsidR="00A35FED" w:rsidRDefault="00A35FED" w:rsidP="00A35FED"/>
          <w:p w:rsidR="00A35FED" w:rsidRDefault="00A35FED" w:rsidP="00A35FED">
            <w:r>
              <w:t>&lt;/head&gt;</w:t>
            </w:r>
          </w:p>
          <w:p w:rsidR="00A35FED" w:rsidRDefault="00A35FED" w:rsidP="00A35FED">
            <w:r>
              <w:t>&lt;!--head ends--&gt;</w:t>
            </w:r>
          </w:p>
          <w:p w:rsidR="00A35FED" w:rsidRDefault="00A35FED" w:rsidP="00A35FED"/>
          <w:p w:rsidR="00A35FED" w:rsidRDefault="00A35FED" w:rsidP="00A35FED">
            <w:r>
              <w:t>&lt;div class="loading"&gt;</w:t>
            </w:r>
          </w:p>
          <w:p w:rsidR="00A35FED" w:rsidRDefault="00A35FED" w:rsidP="00A35FED">
            <w:r>
              <w:t xml:space="preserve">    &lt;div class="loader"&gt;&lt;/div&gt;</w:t>
            </w:r>
          </w:p>
          <w:p w:rsidR="00A35FED" w:rsidRDefault="00A35FED" w:rsidP="00A35FED">
            <w:r>
              <w:t>&lt;/div&gt;</w:t>
            </w:r>
          </w:p>
          <w:p w:rsidR="00A35FED" w:rsidRDefault="00A35FED" w:rsidP="00A35FED">
            <w:r>
              <w:t>&lt;div id="divVueContainer"&gt;</w:t>
            </w:r>
          </w:p>
          <w:p w:rsidR="00A35FED" w:rsidRDefault="00A35FED" w:rsidP="00A35FED">
            <w:r>
              <w:t xml:space="preserve">    &lt;div id="page"&gt;</w:t>
            </w:r>
          </w:p>
          <w:p w:rsidR="00A35FED" w:rsidRDefault="00A35FED" w:rsidP="00A35FED"/>
          <w:p w:rsidR="00A35FED" w:rsidRDefault="00A35FED" w:rsidP="00A35FED">
            <w:r>
              <w:t xml:space="preserve">        &lt;!--------------------header starts------------------&gt;</w:t>
            </w:r>
          </w:p>
          <w:p w:rsidR="00A35FED" w:rsidRDefault="00A35FED" w:rsidP="00A35FED">
            <w:r>
              <w:t xml:space="preserve">        &lt;!--top bar start--&gt;</w:t>
            </w:r>
          </w:p>
          <w:p w:rsidR="00A35FED" w:rsidRDefault="00A35FED" w:rsidP="00A35FED">
            <w:r>
              <w:t xml:space="preserve">        &lt;header class=" header  menu_fixed"&gt;</w:t>
            </w:r>
          </w:p>
          <w:p w:rsidR="00A35FED" w:rsidRDefault="00A35FED" w:rsidP="00A35FED">
            <w:r>
              <w:t xml:space="preserve">            &lt;div id="logo"&gt;</w:t>
            </w:r>
          </w:p>
          <w:p w:rsidR="00A35FED" w:rsidRDefault="00A35FED" w:rsidP="00A35FED">
            <w:r>
              <w:t xml:space="preserve">                &lt;a href="home.php"</w:t>
            </w:r>
          </w:p>
          <w:p w:rsidR="00A35FED" w:rsidRDefault="00A35FED" w:rsidP="00A35FED">
            <w:r>
              <w:t xml:space="preserve">                   title="Senior Place Finder - A bridge between seniors and senior living gateway."&gt;</w:t>
            </w:r>
          </w:p>
          <w:p w:rsidR="00A35FED" w:rsidRDefault="00A35FED" w:rsidP="00A35FED">
            <w:r>
              <w:t xml:space="preserve">                        &lt;img alt="" class="logo_normal" src="spf/img/logo.png" width="" height="75"/&gt;</w:t>
            </w:r>
          </w:p>
          <w:p w:rsidR="00A35FED" w:rsidRDefault="00A35FED" w:rsidP="00A35FED">
            <w:r>
              <w:t xml:space="preserve">                        &lt;img alt="" class="logo_sticky" src="spf/img/logo_sticky.png" width="" height="75"/&gt;</w:t>
            </w:r>
          </w:p>
          <w:p w:rsidR="00A35FED" w:rsidRDefault="00A35FED" w:rsidP="00A35FED">
            <w:r>
              <w:t xml:space="preserve">                &lt;/a&gt;</w:t>
            </w:r>
          </w:p>
          <w:p w:rsidR="00A35FED" w:rsidRDefault="00A35FED" w:rsidP="00A35FED">
            <w:r>
              <w:t xml:space="preserve">            &lt;/div&gt;</w:t>
            </w:r>
          </w:p>
          <w:p w:rsidR="00A35FED" w:rsidRDefault="00A35FED" w:rsidP="00A35FED">
            <w:r>
              <w:t xml:space="preserve">            &lt;ul id="top_menu"&gt;</w:t>
            </w:r>
          </w:p>
          <w:p w:rsidR="00A35FED" w:rsidRDefault="00A35FED" w:rsidP="00A35FED">
            <w:r>
              <w:t xml:space="preserve">                    &lt;?php if ( LOGGED_STATUS == 0 ) { ?&gt; </w:t>
            </w:r>
          </w:p>
          <w:p w:rsidR="00A35FED" w:rsidRDefault="00A35FED" w:rsidP="00A35FED">
            <w:r>
              <w:t xml:space="preserve">            </w:t>
            </w:r>
          </w:p>
          <w:p w:rsidR="00A35FED" w:rsidRDefault="00A35FED" w:rsidP="00A35FED">
            <w:r>
              <w:t xml:space="preserve">                &lt;li&gt;&lt;br/&gt;</w:t>
            </w:r>
          </w:p>
          <w:p w:rsidR="00A35FED" w:rsidRDefault="00A35FED" w:rsidP="00A35FED">
            <w:r>
              <w:t xml:space="preserve">                    &lt;a class="btn_add" href="&lt;?php echo SITE_URL_SPF ; ?&gt;/login.php" title="Sign In"&gt; Sign In &lt;/a&gt; </w:t>
            </w:r>
          </w:p>
          <w:p w:rsidR="00A35FED" w:rsidRDefault="00A35FED" w:rsidP="00A35FED">
            <w:r>
              <w:t xml:space="preserve">                &lt;/li&gt;</w:t>
            </w:r>
          </w:p>
          <w:p w:rsidR="00A35FED" w:rsidRDefault="00A35FED" w:rsidP="00A35FED"/>
          <w:p w:rsidR="00A35FED" w:rsidRDefault="00A35FED" w:rsidP="00A35FED">
            <w:r>
              <w:t xml:space="preserve">                &lt;li&gt;&lt;br/&gt;</w:t>
            </w:r>
          </w:p>
          <w:p w:rsidR="00A35FED" w:rsidRDefault="00A35FED" w:rsidP="00A35FED">
            <w:r>
              <w:t xml:space="preserve">                    &lt;a class="btn_add" href="&lt;?php echo SITE_URL_SPF; ?&gt;/register.php" title="Register"&gt; Register&lt;/a&gt;</w:t>
            </w:r>
          </w:p>
          <w:p w:rsidR="00A35FED" w:rsidRDefault="00A35FED" w:rsidP="00A35FED">
            <w:r>
              <w:t xml:space="preserve">                &lt;/li&gt;</w:t>
            </w:r>
          </w:p>
          <w:p w:rsidR="00A35FED" w:rsidRDefault="00A35FED" w:rsidP="00A35FED">
            <w:r>
              <w:t xml:space="preserve">                &lt;?php } else { ?&gt;</w:t>
            </w:r>
          </w:p>
          <w:p w:rsidR="00A35FED" w:rsidRDefault="00A35FED" w:rsidP="00A35FED">
            <w:r>
              <w:t xml:space="preserve">                &lt;li&gt;&lt;br/&gt;</w:t>
            </w:r>
          </w:p>
          <w:p w:rsidR="00A35FED" w:rsidRDefault="00A35FED" w:rsidP="00A35FED">
            <w:r>
              <w:t xml:space="preserve">                    &lt;a class="btn_add" href="&lt;?php echo SITE_URL_SPF ; ?&gt;/dashboard/?domain=spf" title="dashboard"&gt; &lt;?php echo $userName ; ?&gt;&lt;/a&gt;</w:t>
            </w:r>
          </w:p>
          <w:p w:rsidR="00A35FED" w:rsidRDefault="00A35FED" w:rsidP="00A35FED">
            <w:r>
              <w:t xml:space="preserve">                &lt;/li&gt;</w:t>
            </w:r>
          </w:p>
          <w:p w:rsidR="00A35FED" w:rsidRDefault="00A35FED" w:rsidP="00A35FED">
            <w:r>
              <w:t xml:space="preserve">                &lt;li&gt;&lt;br/&gt;</w:t>
            </w:r>
          </w:p>
          <w:p w:rsidR="00A35FED" w:rsidRDefault="00A35FED" w:rsidP="00A35FED">
            <w:r>
              <w:t xml:space="preserve">                    &lt;a class="btn_add" href="&lt;?php echo SITE_URL_PROFILE ; ?&gt;/profile/?sort=login" title="dashboard"&gt;Dashboard &lt;/a&gt;</w:t>
            </w:r>
          </w:p>
          <w:p w:rsidR="00A35FED" w:rsidRDefault="00A35FED" w:rsidP="00A35FED">
            <w:r>
              <w:t xml:space="preserve">                &lt;/li&gt;</w:t>
            </w:r>
          </w:p>
          <w:p w:rsidR="00A35FED" w:rsidRDefault="00A35FED" w:rsidP="00A35FED">
            <w:r>
              <w:tab/>
            </w:r>
            <w:r>
              <w:tab/>
            </w:r>
            <w:r>
              <w:tab/>
            </w:r>
            <w:r>
              <w:tab/>
              <w:t>&lt;li&gt;&lt;br/&gt;</w:t>
            </w:r>
          </w:p>
          <w:p w:rsidR="00A35FED" w:rsidRDefault="00A35FED" w:rsidP="00A35FED">
            <w:r>
              <w:lastRenderedPageBreak/>
              <w:t xml:space="preserve">                    &lt;a class="btn_add" href="&lt;?php echo SITE_URL_SPF ; ?&gt;/logout.php" title="Logout"&gt; Logout&lt;/a&gt;</w:t>
            </w:r>
          </w:p>
          <w:p w:rsidR="00A35FED" w:rsidRDefault="00A35FED" w:rsidP="00A35FED">
            <w:r>
              <w:t xml:space="preserve">                &lt;/li&gt;</w:t>
            </w:r>
          </w:p>
          <w:p w:rsidR="00A35FED" w:rsidRDefault="00A35FED" w:rsidP="00A35FED">
            <w:r>
              <w:t xml:space="preserve">                &lt;?php } ?&gt;</w:t>
            </w:r>
          </w:p>
          <w:p w:rsidR="00A35FED" w:rsidRDefault="00A35FED" w:rsidP="00A35FED">
            <w:r>
              <w:t xml:space="preserve">            &lt;/ul&gt;</w:t>
            </w:r>
          </w:p>
          <w:p w:rsidR="00A35FED" w:rsidRDefault="00A35FED" w:rsidP="00A35FED">
            <w:r>
              <w:t xml:space="preserve">            &lt;!--top bar ends--&gt;</w:t>
            </w:r>
          </w:p>
          <w:p w:rsidR="00A35FED" w:rsidRDefault="00A35FED" w:rsidP="00A35FED">
            <w:r>
              <w:t xml:space="preserve">            &lt;a class="btn_mobile" href="#menu"&gt;</w:t>
            </w:r>
          </w:p>
          <w:p w:rsidR="00A35FED" w:rsidRDefault="00A35FED" w:rsidP="00A35FED">
            <w:r>
              <w:t xml:space="preserve">                &lt;div class="hamburger hamburger--spin" id="hamburger"&gt;</w:t>
            </w:r>
          </w:p>
          <w:p w:rsidR="00A35FED" w:rsidRDefault="00A35FED" w:rsidP="00A35FED">
            <w:r>
              <w:t xml:space="preserve">                    &lt;div class="hamburger-box"&gt;</w:t>
            </w:r>
          </w:p>
          <w:p w:rsidR="00A35FED" w:rsidRDefault="00A35FED" w:rsidP="00A35FED">
            <w:r>
              <w:t xml:space="preserve">                        &lt;div class="hamburger-inner"&gt;&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a&gt;</w:t>
            </w:r>
          </w:p>
          <w:p w:rsidR="00A35FED" w:rsidRDefault="00A35FED" w:rsidP="00A35FED">
            <w:r>
              <w:t xml:space="preserve">            &lt;!--top nav bar start--&gt;</w:t>
            </w:r>
          </w:p>
          <w:p w:rsidR="00A35FED" w:rsidRDefault="00A35FED" w:rsidP="00A35FED">
            <w:r>
              <w:t xml:space="preserve">            &lt;nav class="main-menu" id="menu"&gt;</w:t>
            </w:r>
          </w:p>
          <w:p w:rsidR="00A35FED" w:rsidRDefault="00A35FED" w:rsidP="00A35FED">
            <w:r>
              <w:t xml:space="preserve">                &lt;ul&gt;</w:t>
            </w:r>
          </w:p>
          <w:p w:rsidR="00A35FED" w:rsidRDefault="00A35FED" w:rsidP="00A35FED">
            <w:r>
              <w:t xml:space="preserve">                    &lt;li&gt;</w:t>
            </w:r>
          </w:p>
          <w:p w:rsidR="00A35FED" w:rsidRDefault="00A35FED" w:rsidP="00A35FED">
            <w:r>
              <w:t xml:space="preserve">                        &lt;span&gt;</w:t>
            </w:r>
          </w:p>
          <w:p w:rsidR="00A35FED" w:rsidRDefault="00A35FED" w:rsidP="00A35FED">
            <w:r>
              <w:t xml:space="preserve">                            &lt;a href="home.php"</w:t>
            </w:r>
          </w:p>
          <w:p w:rsidR="00A35FED" w:rsidRDefault="00A35FED" w:rsidP="00A35FED">
            <w:r>
              <w:t xml:space="preserve">                               class="active" style="font-size: 1.1rem; color: #007BCE;"&gt;</w:t>
            </w:r>
          </w:p>
          <w:p w:rsidR="00A35FED" w:rsidRDefault="00A35FED" w:rsidP="00A35FED">
            <w:r>
              <w:t xml:space="preserve">                                Home</w:t>
            </w:r>
          </w:p>
          <w:p w:rsidR="00A35FED" w:rsidRDefault="00A35FED" w:rsidP="00A35FED">
            <w:r>
              <w:t xml:space="preserve">                            &lt;/a&gt;</w:t>
            </w:r>
          </w:p>
          <w:p w:rsidR="00A35FED" w:rsidRDefault="00A35FED" w:rsidP="00A35FED">
            <w:r>
              <w:t xml:space="preserve">                        &lt;/span&gt;</w:t>
            </w:r>
          </w:p>
          <w:p w:rsidR="00A35FED" w:rsidRDefault="00A35FED" w:rsidP="00A35FED">
            <w:r>
              <w:t xml:space="preserve">                    &lt;/li&gt;</w:t>
            </w:r>
          </w:p>
          <w:p w:rsidR="00A35FED" w:rsidRDefault="00A35FED" w:rsidP="00A35FED">
            <w:r>
              <w:t xml:space="preserve">                    &lt;li&gt;</w:t>
            </w:r>
          </w:p>
          <w:p w:rsidR="00A35FED" w:rsidRDefault="00A35FED" w:rsidP="00A35FED">
            <w:r>
              <w:t xml:space="preserve">                        &lt;span&gt;</w:t>
            </w:r>
          </w:p>
          <w:p w:rsidR="00A35FED" w:rsidRDefault="00A35FED" w:rsidP="00A35FED">
            <w:r>
              <w:t xml:space="preserve">                            &lt;a href="aboutus.php"</w:t>
            </w:r>
          </w:p>
          <w:p w:rsidR="00A35FED" w:rsidRDefault="00A35FED" w:rsidP="00A35FED">
            <w:r>
              <w:t xml:space="preserve">                               class="" style="font-size: 1.1rem; color: #007BCE;"&gt;</w:t>
            </w:r>
          </w:p>
          <w:p w:rsidR="00A35FED" w:rsidRDefault="00A35FED" w:rsidP="00A35FED">
            <w:r>
              <w:t xml:space="preserve">                                About us</w:t>
            </w:r>
          </w:p>
          <w:p w:rsidR="00A35FED" w:rsidRDefault="00A35FED" w:rsidP="00A35FED">
            <w:r>
              <w:t xml:space="preserve">                            &lt;/a&gt;</w:t>
            </w:r>
          </w:p>
          <w:p w:rsidR="00A35FED" w:rsidRDefault="00A35FED" w:rsidP="00A35FED">
            <w:r>
              <w:t xml:space="preserve">                        &lt;/span&gt;</w:t>
            </w:r>
          </w:p>
          <w:p w:rsidR="00A35FED" w:rsidRDefault="00A35FED" w:rsidP="00A35FED">
            <w:r>
              <w:t xml:space="preserve">                    &lt;/li&gt;</w:t>
            </w:r>
          </w:p>
          <w:p w:rsidR="00A35FED" w:rsidRDefault="00A35FED" w:rsidP="00A35FED">
            <w:r>
              <w:t xml:space="preserve">                    </w:t>
            </w:r>
          </w:p>
          <w:p w:rsidR="00A35FED" w:rsidRDefault="00A35FED" w:rsidP="00A35FED">
            <w:r>
              <w:t xml:space="preserve">                    &lt;li&gt;</w:t>
            </w:r>
          </w:p>
          <w:p w:rsidR="00A35FED" w:rsidRDefault="00A35FED" w:rsidP="00A35FED">
            <w:r>
              <w:t xml:space="preserve">                        &lt;span&gt;</w:t>
            </w:r>
          </w:p>
          <w:p w:rsidR="00A35FED" w:rsidRDefault="00A35FED" w:rsidP="00A35FED">
            <w:r>
              <w:t xml:space="preserve">                            &lt;a href="howitworks.php"</w:t>
            </w:r>
          </w:p>
          <w:p w:rsidR="00A35FED" w:rsidRDefault="00A35FED" w:rsidP="00A35FED">
            <w:r>
              <w:t xml:space="preserve">                               class="" style="font-size: 1.1rem; color: #007BCE;"&gt;</w:t>
            </w:r>
          </w:p>
          <w:p w:rsidR="00A35FED" w:rsidRDefault="00A35FED" w:rsidP="00A35FED">
            <w:r>
              <w:t xml:space="preserve">                                How it works</w:t>
            </w:r>
          </w:p>
          <w:p w:rsidR="00A35FED" w:rsidRDefault="00A35FED" w:rsidP="00A35FED">
            <w:r>
              <w:t xml:space="preserve">                            &lt;/a&gt;</w:t>
            </w:r>
          </w:p>
          <w:p w:rsidR="00A35FED" w:rsidRDefault="00A35FED" w:rsidP="00A35FED">
            <w:r>
              <w:t xml:space="preserve">                        &lt;/span&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class="" style="font-size: 1.1rem; color: #007BCE;"&gt;Find More&lt;/a&gt;</w:t>
            </w:r>
          </w:p>
          <w:p w:rsidR="00A35FED" w:rsidRDefault="00A35FED" w:rsidP="00A35FED">
            <w:r>
              <w:t xml:space="preserve">                    &lt;ul&gt;</w:t>
            </w:r>
          </w:p>
          <w:p w:rsidR="00A35FED" w:rsidRDefault="00A35FED" w:rsidP="00A35FED">
            <w:r>
              <w:t xml:space="preserve">                        &lt;li&gt;</w:t>
            </w:r>
          </w:p>
          <w:p w:rsidR="00A35FED" w:rsidRDefault="00A35FED" w:rsidP="00A35FED">
            <w:r>
              <w:t xml:space="preserve">                        &lt;a href=""&gt;Your Senior Team&lt;/a&gt;</w:t>
            </w:r>
          </w:p>
          <w:p w:rsidR="00A35FED" w:rsidRDefault="00A35FED" w:rsidP="00A35FED">
            <w:r>
              <w:t xml:space="preserve">                        &lt;/li&gt;</w:t>
            </w:r>
          </w:p>
          <w:p w:rsidR="00A35FED" w:rsidRDefault="00A35FED" w:rsidP="00A35FED">
            <w:r>
              <w:t xml:space="preserve">                        &lt;li&gt;</w:t>
            </w:r>
          </w:p>
          <w:p w:rsidR="00A35FED" w:rsidRDefault="00A35FED" w:rsidP="00A35FED">
            <w:r>
              <w:lastRenderedPageBreak/>
              <w:t xml:space="preserve">                        &lt;a href=""&gt;SRES Finder&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gt;VA Benefits Finder&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gt;Senior Investment &amp; Finance&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gt;Insure Seniors Finder&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gt;ESPM Finder&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gt;Senior Elder Finder&lt;/a&gt;</w:t>
            </w:r>
          </w:p>
          <w:p w:rsidR="00A35FED" w:rsidRDefault="00A35FED" w:rsidP="00A35FED">
            <w:r>
              <w:t xml:space="preserve">                        &lt;/li&gt;                </w:t>
            </w:r>
          </w:p>
          <w:p w:rsidR="00A35FED" w:rsidRDefault="00A35FED" w:rsidP="00A35FED">
            <w:r>
              <w:t xml:space="preserve">                    &lt;/ul&gt;</w:t>
            </w:r>
          </w:p>
          <w:p w:rsidR="00A35FED" w:rsidRDefault="00A35FED" w:rsidP="00A35FED">
            <w:r>
              <w:t xml:space="preserve">                </w:t>
            </w:r>
          </w:p>
          <w:p w:rsidR="00A35FED" w:rsidRDefault="00A35FED" w:rsidP="00A35FED">
            <w:r>
              <w:t xml:space="preserve">                    &lt;li&gt;</w:t>
            </w:r>
          </w:p>
          <w:p w:rsidR="00A35FED" w:rsidRDefault="00A35FED" w:rsidP="00A35FED">
            <w:r>
              <w:t xml:space="preserve">                        &lt;span&gt;</w:t>
            </w:r>
          </w:p>
          <w:p w:rsidR="00A35FED" w:rsidRDefault="00A35FED" w:rsidP="00A35FED">
            <w:r>
              <w:t xml:space="preserve">                            &lt;a href="contactus.php"</w:t>
            </w:r>
          </w:p>
          <w:p w:rsidR="00A35FED" w:rsidRDefault="00A35FED" w:rsidP="00A35FED">
            <w:r>
              <w:t xml:space="preserve">                               class="" style="font-size: 1.1rem; color: #007BCE;"&gt;</w:t>
            </w:r>
          </w:p>
          <w:p w:rsidR="00A35FED" w:rsidRDefault="00A35FED" w:rsidP="00A35FED">
            <w:r>
              <w:t xml:space="preserve">                                Contact us</w:t>
            </w:r>
          </w:p>
          <w:p w:rsidR="00A35FED" w:rsidRDefault="00A35FED" w:rsidP="00A35FED">
            <w:r>
              <w:t xml:space="preserve">                            &lt;/a&gt;</w:t>
            </w:r>
          </w:p>
          <w:p w:rsidR="00A35FED" w:rsidRDefault="00A35FED" w:rsidP="00A35FED">
            <w:r>
              <w:t xml:space="preserve">                        &lt;/span&gt;</w:t>
            </w:r>
          </w:p>
          <w:p w:rsidR="00A35FED" w:rsidRDefault="00A35FED" w:rsidP="00A35FED">
            <w:r>
              <w:t xml:space="preserve">                    &lt;/li&gt;</w:t>
            </w:r>
          </w:p>
          <w:p w:rsidR="00A35FED" w:rsidRDefault="00A35FED" w:rsidP="00A35FED">
            <w:r>
              <w:t xml:space="preserve">                &lt;/ul&gt;</w:t>
            </w:r>
          </w:p>
          <w:p w:rsidR="00A35FED" w:rsidRDefault="00A35FED" w:rsidP="00A35FED">
            <w:r>
              <w:t xml:space="preserve">            &lt;/nav&gt;</w:t>
            </w:r>
          </w:p>
          <w:p w:rsidR="00A35FED" w:rsidRDefault="00A35FED" w:rsidP="00A35FED">
            <w:r>
              <w:t xml:space="preserve">            &lt;!--top nav bar ends--&gt;</w:t>
            </w:r>
          </w:p>
          <w:p w:rsidR="00A35FED" w:rsidRDefault="00A35FED" w:rsidP="00A35FED">
            <w:r>
              <w:t xml:space="preserve">            &lt;/header&gt;</w:t>
            </w:r>
          </w:p>
          <w:p w:rsidR="00A35FED" w:rsidRDefault="00A35FED" w:rsidP="00A35FED">
            <w:r>
              <w:t xml:space="preserve">            &lt;!--------------------header ends------------------&gt;</w:t>
            </w:r>
          </w:p>
          <w:p w:rsidR="00A35FED" w:rsidRDefault="00A35FED" w:rsidP="00A35FED">
            <w:r>
              <w:t xml:space="preserve">        &lt;main&gt;</w:t>
            </w:r>
          </w:p>
          <w:p w:rsidR="00A35FED" w:rsidRDefault="00A35FED" w:rsidP="00A35FED">
            <w:r>
              <w:t xml:space="preserve">        </w:t>
            </w:r>
          </w:p>
          <w:p w:rsidR="00A35FED" w:rsidRDefault="00A35FED" w:rsidP="00A35FED">
            <w:r>
              <w:t xml:space="preserve">                &lt;div id="results"&gt;</w:t>
            </w:r>
          </w:p>
          <w:p w:rsidR="00A35FED" w:rsidRDefault="00A35FED" w:rsidP="00A35FED">
            <w:r>
              <w:t xml:space="preserve">                    &lt;br&gt;</w:t>
            </w:r>
          </w:p>
          <w:p w:rsidR="00A35FED" w:rsidRDefault="00A35FED" w:rsidP="00A35FED">
            <w:r>
              <w:t xml:space="preserve">        &lt;div class="container"&gt;</w:t>
            </w:r>
          </w:p>
          <w:p w:rsidR="00A35FED" w:rsidRDefault="00A35FED" w:rsidP="00A35FED">
            <w:r>
              <w:t xml:space="preserve">            &lt;div class="row"&gt;</w:t>
            </w:r>
          </w:p>
          <w:p w:rsidR="00A35FED" w:rsidRDefault="00A35FED" w:rsidP="00A35FED">
            <w:r>
              <w:t xml:space="preserve">                &lt;div class="col-lg-3 col-md-4 col-10"&gt;</w:t>
            </w:r>
          </w:p>
          <w:p w:rsidR="00A35FED" w:rsidRDefault="00A35FED" w:rsidP="00A35FED">
            <w:r>
              <w:t xml:space="preserve">                    &lt;h4&gt;</w:t>
            </w:r>
          </w:p>
          <w:p w:rsidR="00A35FED" w:rsidRDefault="00A35FED" w:rsidP="00A35FED">
            <w:r>
              <w:t xml:space="preserve">                        &lt;span id="res_count"&gt;&lt;/span&gt; </w:t>
            </w:r>
          </w:p>
          <w:p w:rsidR="00A35FED" w:rsidRDefault="00A35FED" w:rsidP="00A35FED">
            <w:r>
              <w:t xml:space="preserve">                        Residences found</w:t>
            </w:r>
          </w:p>
          <w:p w:rsidR="00A35FED" w:rsidRDefault="00A35FED" w:rsidP="00A35FED">
            <w:r>
              <w:t xml:space="preserve">                    &lt;/h4&gt;</w:t>
            </w:r>
          </w:p>
          <w:p w:rsidR="00A35FED" w:rsidRDefault="00A35FED" w:rsidP="00A35FED">
            <w:r>
              <w:t xml:space="preserve">                &lt;/div&gt;</w:t>
            </w:r>
          </w:p>
          <w:p w:rsidR="00A35FED" w:rsidRDefault="00A35FED" w:rsidP="00A35FED">
            <w:r>
              <w:t xml:space="preserve">                &lt;div class="col-lg-4"&gt;</w:t>
            </w:r>
          </w:p>
          <w:p w:rsidR="00A35FED" w:rsidRDefault="00A35FED" w:rsidP="00A35FED">
            <w:r>
              <w:t xml:space="preserve">                    &lt;div style="color:blue;" text-align="center;"&gt;</w:t>
            </w:r>
          </w:p>
          <w:p w:rsidR="00A35FED" w:rsidRDefault="00A35FED" w:rsidP="00A35FED">
            <w:r>
              <w:t xml:space="preserve">                        &lt;h4&gt;</w:t>
            </w:r>
          </w:p>
          <w:p w:rsidR="00A35FED" w:rsidRDefault="00A35FED" w:rsidP="00A35FED">
            <w:r>
              <w:t xml:space="preserve">                        &lt;a id="myBtn" text-align="center;" data-toggle="popover" data-trigger="hover" data-</w:t>
            </w:r>
            <w:r>
              <w:lastRenderedPageBreak/>
              <w:t>placement="bottom"</w:t>
            </w:r>
          </w:p>
          <w:p w:rsidR="00A35FED" w:rsidRDefault="00A35FED" w:rsidP="00A35FED">
            <w:r>
              <w:t xml:space="preserve">                        data-content="Please take a moment to enter your information and further convey your needs and desires for senior living."&gt;</w:t>
            </w:r>
          </w:p>
          <w:p w:rsidR="00A35FED" w:rsidRDefault="00A35FED" w:rsidP="00A35FED">
            <w:r>
              <w:t xml:space="preserve">                            Enhance search by desires and needs</w:t>
            </w:r>
          </w:p>
          <w:p w:rsidR="00A35FED" w:rsidRDefault="00A35FED" w:rsidP="00A35FED">
            <w:r>
              <w:t xml:space="preserve">                            </w:t>
            </w:r>
          </w:p>
          <w:p w:rsidR="00A35FED" w:rsidRDefault="00A35FED" w:rsidP="00A35FED">
            <w:r>
              <w:t xml:space="preserve">                        &lt;/a&gt;</w:t>
            </w:r>
          </w:p>
          <w:p w:rsidR="00A35FED" w:rsidRDefault="00A35FED" w:rsidP="00A35FED">
            <w:r>
              <w:t xml:space="preserve">                        &lt;/h4&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col-lg-5 col-md-8 col-2"&gt;</w:t>
            </w:r>
          </w:p>
          <w:p w:rsidR="00A35FED" w:rsidRDefault="00A35FED" w:rsidP="00A35FED">
            <w:r>
              <w:t xml:space="preserve">                    &lt;!--&lt;form id="frmSearchResidence"&gt;</w:t>
            </w:r>
          </w:p>
          <w:p w:rsidR="00A35FED" w:rsidRDefault="00A35FED" w:rsidP="00A35FED">
            <w:r>
              <w:t xml:space="preserve">                        &lt;a class="side_panel btn_search_mobile" href="#"&gt;&lt;/a&gt;</w:t>
            </w:r>
          </w:p>
          <w:p w:rsidR="00A35FED" w:rsidRDefault="00A35FED" w:rsidP="00A35FED">
            <w:r>
              <w:t xml:space="preserve">                        &lt;div class="row no-gutters m-0 custom-search-input-2 inner"&gt;</w:t>
            </w:r>
          </w:p>
          <w:p w:rsidR="00A35FED" w:rsidRDefault="00A35FED" w:rsidP="00A35FED">
            <w:r>
              <w:t xml:space="preserve">                            &lt;div class="col-lg-11"&gt;</w:t>
            </w:r>
          </w:p>
          <w:p w:rsidR="00A35FED" w:rsidRDefault="00A35FED" w:rsidP="00A35FED">
            <w:r>
              <w:t xml:space="preserve">                                &lt;div class="form-group"&gt;</w:t>
            </w:r>
          </w:p>
          <w:p w:rsidR="00A35FED" w:rsidRDefault="00A35FED" w:rsidP="00A35FED">
            <w:r>
              <w:t xml:space="preserve">                                    &lt;input type="hidden" class="form-control border-0" id="txtSearchText"</w:t>
            </w:r>
          </w:p>
          <w:p w:rsidR="00A35FED" w:rsidRDefault="00A35FED" w:rsidP="00A35FED">
            <w:r>
              <w:t xml:space="preserve">                                           placeholder="Search by residence or company name..." type="text"</w:t>
            </w:r>
          </w:p>
          <w:p w:rsidR="00A35FED" w:rsidRDefault="00A35FED" w:rsidP="00A35FED">
            <w:r>
              <w:t xml:space="preserve">                                           value=""/&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col-lg-1"&gt;</w:t>
            </w:r>
          </w:p>
          <w:p w:rsidR="00A35FED" w:rsidRDefault="00A35FED" w:rsidP="00A35FED">
            <w:r>
              <w:t xml:space="preserve">                                &lt;!--&lt;button type="submit" class="btn btn-lg btn-block submit"&gt;SUBMIT&lt;/button&gt; --&gt;</w:t>
            </w:r>
          </w:p>
          <w:p w:rsidR="00A35FED" w:rsidRDefault="00A35FED" w:rsidP="00A35FED">
            <w:r>
              <w:t xml:space="preserve">                            &lt;!--&lt;/div&gt;</w:t>
            </w:r>
          </w:p>
          <w:p w:rsidR="00A35FED" w:rsidRDefault="00A35FED" w:rsidP="00A35FED">
            <w:r>
              <w:t xml:space="preserve">                        &lt;/div&gt;</w:t>
            </w:r>
          </w:p>
          <w:p w:rsidR="00A35FED" w:rsidRDefault="00A35FED" w:rsidP="00A35FED">
            <w:r>
              <w:t xml:space="preserve">                    &lt;/form&gt; --&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lt;div class="filters_listing version_2 sticky_horizontal"&gt;</w:t>
            </w:r>
          </w:p>
          <w:p w:rsidR="00A35FED" w:rsidRDefault="00A35FED" w:rsidP="00A35FED">
            <w:r>
              <w:t xml:space="preserve">        &lt;div class="container"&gt;</w:t>
            </w:r>
          </w:p>
          <w:p w:rsidR="00A35FED" w:rsidRDefault="00A35FED" w:rsidP="00A35FED">
            <w:r>
              <w:t xml:space="preserve">            &lt;ul class="clearfix"&gt;</w:t>
            </w:r>
          </w:p>
          <w:p w:rsidR="00A35FED" w:rsidRDefault="00A35FED" w:rsidP="00A35FED">
            <w:r>
              <w:t xml:space="preserve">                &lt;li&gt;</w:t>
            </w:r>
          </w:p>
          <w:p w:rsidR="00A35FED" w:rsidRDefault="00A35FED" w:rsidP="00A35FED">
            <w:r>
              <w:t xml:space="preserve">                    &lt;div class="switch-field"&gt;</w:t>
            </w:r>
          </w:p>
          <w:p w:rsidR="00A35FED" w:rsidRDefault="00A35FED" w:rsidP="00A35FED">
            <w:r>
              <w:t xml:space="preserve">                        &lt;input checked id="all" name="listing_filter" type="radio" value="all"&gt;</w:t>
            </w:r>
          </w:p>
          <w:p w:rsidR="00A35FED" w:rsidRDefault="00A35FED" w:rsidP="00A35FED">
            <w:r>
              <w:t xml:space="preserve">                        &lt;label for="all"&gt;All&lt;/label&gt;</w:t>
            </w:r>
          </w:p>
          <w:p w:rsidR="00A35FED" w:rsidRDefault="00A35FED" w:rsidP="00A35FED">
            <w:r>
              <w:t xml:space="preserve">                        &lt;input id="popular" name="listing_filter" type="radio" value="popular"&gt;</w:t>
            </w:r>
          </w:p>
          <w:p w:rsidR="00A35FED" w:rsidRDefault="00A35FED" w:rsidP="00A35FED">
            <w:r>
              <w:t xml:space="preserve">                        &lt;label for="popular"&gt;Popular&lt;/label&gt;</w:t>
            </w:r>
          </w:p>
          <w:p w:rsidR="00A35FED" w:rsidRDefault="00A35FED" w:rsidP="00A35FED">
            <w:r>
              <w:t xml:space="preserve">                        &lt;input id="latest" name="listing_filter" type="radio" value="latest"&gt;</w:t>
            </w:r>
          </w:p>
          <w:p w:rsidR="00A35FED" w:rsidRDefault="00A35FED" w:rsidP="00A35FED">
            <w:r>
              <w:t xml:space="preserve">                        &lt;label for="latest"&gt;Latest&lt;/label&gt;</w:t>
            </w:r>
          </w:p>
          <w:p w:rsidR="00A35FED" w:rsidRDefault="00A35FED" w:rsidP="00A35FED">
            <w:r>
              <w:t xml:space="preserve">                    &lt;/div&gt;</w:t>
            </w:r>
          </w:p>
          <w:p w:rsidR="00A35FED" w:rsidRDefault="00A35FED" w:rsidP="00A35FED">
            <w:r>
              <w:t xml:space="preserve">                &lt;/li&gt;</w:t>
            </w:r>
          </w:p>
          <w:p w:rsidR="00A35FED" w:rsidRDefault="00A35FED" w:rsidP="00A35FED"/>
          <w:p w:rsidR="00A35FED" w:rsidRDefault="00A35FED" w:rsidP="00A35FED"/>
          <w:p w:rsidR="00A35FED" w:rsidRDefault="00A35FED" w:rsidP="00A35FED">
            <w:r>
              <w:t xml:space="preserve">            &lt;/ul&gt;</w:t>
            </w:r>
          </w:p>
          <w:p w:rsidR="00A35FED" w:rsidRDefault="00A35FED" w:rsidP="00A35FED">
            <w:r>
              <w:t xml:space="preserve">        &lt;/div&gt;</w:t>
            </w:r>
          </w:p>
          <w:p w:rsidR="00A35FED" w:rsidRDefault="00A35FED" w:rsidP="00A35FED">
            <w:r>
              <w:t xml:space="preserve">    &lt;/div&gt;--&gt;</w:t>
            </w:r>
          </w:p>
          <w:p w:rsidR="00A35FED" w:rsidRDefault="00A35FED" w:rsidP="00A35FED">
            <w:r>
              <w:t>&lt;!---------------Filter Starts------------------&gt;</w:t>
            </w:r>
          </w:p>
          <w:p w:rsidR="00A35FED" w:rsidRDefault="00A35FED" w:rsidP="00A35FED">
            <w:r>
              <w:lastRenderedPageBreak/>
              <w:t xml:space="preserve">    &lt;div class="container pt-2"&gt;</w:t>
            </w:r>
          </w:p>
          <w:p w:rsidR="00A35FED" w:rsidRDefault="00A35FED" w:rsidP="00A35FED">
            <w:r>
              <w:t xml:space="preserve">        &lt;div class="row"&gt;</w:t>
            </w:r>
          </w:p>
          <w:p w:rsidR="00A35FED" w:rsidRDefault="00A35FED" w:rsidP="00A35FED">
            <w:r>
              <w:t xml:space="preserve">            &lt;aside class="col-lg-3" id="sidebar"&gt;</w:t>
            </w:r>
          </w:p>
          <w:p w:rsidR="00A35FED" w:rsidRDefault="00A35FED" w:rsidP="00A35FED">
            <w:r>
              <w:t xml:space="preserve">                &lt;div id="divPrimaryFilter" class="filter-section" style= "height: 200px; overflow-y: scroll;"&gt;</w:t>
            </w:r>
          </w:p>
          <w:p w:rsidR="00A35FED" w:rsidRDefault="00A35FED" w:rsidP="00A35FED">
            <w:r>
              <w:t xml:space="preserve">    &lt;a aria-controls="collapseFilter" aria-expanded="true" data-toggle="collapse"</w:t>
            </w:r>
          </w:p>
          <w:p w:rsidR="00A35FED" w:rsidRDefault="00A35FED" w:rsidP="00A35FED">
            <w:r>
              <w:t xml:space="preserve">       href="#collapseFilter" class="collapse-toggler"&gt;</w:t>
            </w:r>
          </w:p>
          <w:p w:rsidR="00A35FED" w:rsidRDefault="00A35FED" w:rsidP="00A35FED">
            <w:r>
              <w:t xml:space="preserve">        &lt;b&gt;Expand/Modify Your Search&lt;/b&gt;</w:t>
            </w:r>
          </w:p>
          <w:p w:rsidR="00A35FED" w:rsidRDefault="00A35FED" w:rsidP="00A35FED">
            <w:r>
              <w:t xml:space="preserve">    &lt;/a&gt;</w:t>
            </w:r>
          </w:p>
          <w:p w:rsidR="00A35FED" w:rsidRDefault="00A35FED" w:rsidP="00A35FED">
            <w:r>
              <w:t xml:space="preserve">    &lt;!---------------location Filter Starts------------------&gt;</w:t>
            </w:r>
          </w:p>
          <w:p w:rsidR="00A35FED" w:rsidRDefault="00A35FED" w:rsidP="00A35FED">
            <w:r>
              <w:t xml:space="preserve">    &lt;div class="collapse show" id="collapseFilter"&gt;</w:t>
            </w:r>
          </w:p>
          <w:p w:rsidR="00A35FED" w:rsidRDefault="00A35FED" w:rsidP="00A35FED">
            <w:r>
              <w:t xml:space="preserve">        &lt;div class="filter_type"&gt;</w:t>
            </w:r>
          </w:p>
          <w:p w:rsidR="00A35FED" w:rsidRDefault="00A35FED" w:rsidP="00A35FED">
            <w:r>
              <w:t xml:space="preserve">            &lt;h6&gt;</w:t>
            </w:r>
          </w:p>
          <w:p w:rsidR="00A35FED" w:rsidRDefault="00A35FED" w:rsidP="00A35FED">
            <w:r>
              <w:t xml:space="preserve">                &lt;a aria-controls="collapseLocation" aria-expanded="true" data-toggle="collapse" href="#collapseLocation"</w:t>
            </w:r>
          </w:p>
          <w:p w:rsidR="00A35FED" w:rsidRDefault="00A35FED" w:rsidP="00A35FED">
            <w:r>
              <w:t xml:space="preserve">                   class="collapse-toggler"&gt;</w:t>
            </w:r>
          </w:p>
          <w:p w:rsidR="00A35FED" w:rsidRDefault="00A35FED" w:rsidP="00A35FED">
            <w:r>
              <w:t xml:space="preserve">                    Location</w:t>
            </w:r>
          </w:p>
          <w:p w:rsidR="00A35FED" w:rsidRDefault="00A35FED" w:rsidP="00A35FED">
            <w:r>
              <w:t xml:space="preserve">                &lt;/a&gt;</w:t>
            </w:r>
          </w:p>
          <w:p w:rsidR="00A35FED" w:rsidRDefault="00A35FED" w:rsidP="00A35FED">
            <w:r>
              <w:t xml:space="preserve">            &lt;/h6&gt;</w:t>
            </w:r>
          </w:p>
          <w:p w:rsidR="00A35FED" w:rsidRDefault="00A35FED" w:rsidP="00A35FED">
            <w:r>
              <w:t xml:space="preserve">            &lt;div class="collapse show" id="collapseLocation"&gt;</w:t>
            </w:r>
          </w:p>
          <w:p w:rsidR="00A35FED" w:rsidRDefault="00A35FED" w:rsidP="00A35FED">
            <w:r>
              <w:t xml:space="preserve">                &lt;div class="form-group"&gt;</w:t>
            </w:r>
          </w:p>
          <w:p w:rsidR="00A35FED" w:rsidRDefault="00A35FED" w:rsidP="00A35FED">
            <w:r>
              <w:t xml:space="preserve">                    &lt;input class="form-control" placeholder="City or Zip code..."</w:t>
            </w:r>
          </w:p>
          <w:p w:rsidR="00A35FED" w:rsidRDefault="00A35FED" w:rsidP="00A35FED">
            <w:r>
              <w:t xml:space="preserve">                           type="text" id="txtLocation"/&gt;</w:t>
            </w:r>
          </w:p>
          <w:p w:rsidR="00A35FED" w:rsidRDefault="00A35FED" w:rsidP="00A35FED">
            <w:r>
              <w:t xml:space="preserve">                &lt;/div&gt;</w:t>
            </w:r>
          </w:p>
          <w:p w:rsidR="00A35FED" w:rsidRDefault="00A35FED" w:rsidP="00A35FED">
            <w:r>
              <w:t xml:space="preserve">                &lt;div class="text-left" id="divLocations"&gt;</w:t>
            </w:r>
          </w:p>
          <w:p w:rsidR="00A35FED" w:rsidRDefault="00A35FED" w:rsidP="00A35FED">
            <w:r>
              <w:t xml:space="preserve">                &lt;/div&gt;</w:t>
            </w:r>
          </w:p>
          <w:p w:rsidR="00A35FED" w:rsidRDefault="00A35FED" w:rsidP="00A35FED">
            <w:r>
              <w:t xml:space="preserve">                &lt;div id="divRadius" style="display: none;"&gt;</w:t>
            </w:r>
          </w:p>
          <w:p w:rsidR="00A35FED" w:rsidRDefault="00A35FED" w:rsidP="00A35FED">
            <w:r>
              <w:t xml:space="preserve">                    &lt;!--&lt;h6&gt;</w:t>
            </w:r>
          </w:p>
          <w:p w:rsidR="00A35FED" w:rsidRDefault="00A35FED" w:rsidP="00A35FED">
            <w:r>
              <w:t xml:space="preserve">                        Search By</w:t>
            </w:r>
          </w:p>
          <w:p w:rsidR="00A35FED" w:rsidRDefault="00A35FED" w:rsidP="00A35FED">
            <w:r>
              <w:t xml:space="preserve">                    &lt;/h6&gt; --&gt;</w:t>
            </w:r>
          </w:p>
          <w:p w:rsidR="00A35FED" w:rsidRDefault="00A35FED" w:rsidP="00A35FED">
            <w:r>
              <w:t xml:space="preserve">                    &lt;div class="distance"&gt;</w:t>
            </w:r>
          </w:p>
          <w:p w:rsidR="00A35FED" w:rsidRDefault="00A35FED" w:rsidP="00A35FED">
            <w:r>
              <w:t xml:space="preserve">                        &lt;!--Radius</w:t>
            </w:r>
          </w:p>
          <w:p w:rsidR="00A35FED" w:rsidRDefault="00A35FED" w:rsidP="00A35FED">
            <w:r>
              <w:t xml:space="preserve">                        &lt;span&gt;&lt;/span&gt;</w:t>
            </w:r>
          </w:p>
          <w:p w:rsidR="00A35FED" w:rsidRDefault="00A35FED" w:rsidP="00A35FED">
            <w:r>
              <w:t xml:space="preserve">                        miles--&gt;</w:t>
            </w:r>
          </w:p>
          <w:p w:rsidR="00A35FED" w:rsidRDefault="00A35FED" w:rsidP="00A35FED">
            <w:r>
              <w:t xml:space="preserve">                    &lt;/div&gt;</w:t>
            </w:r>
          </w:p>
          <w:p w:rsidR="00A35FED" w:rsidRDefault="00A35FED" w:rsidP="00A35FED">
            <w:r>
              <w:t xml:space="preserve">                    &lt;input type="hidden" data-orientation="horizontal" max="100" min="5" step="5" type="range"</w:t>
            </w:r>
          </w:p>
          <w:p w:rsidR="00A35FED" w:rsidRDefault="00A35FED" w:rsidP="00A35FED">
            <w:r>
              <w:t xml:space="preserve">                           value="5" id="txtRadius"/&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Location Filter ends------------------&gt;</w:t>
            </w:r>
          </w:p>
          <w:p w:rsidR="00A35FED" w:rsidRDefault="00A35FED" w:rsidP="00A35FED"/>
          <w:p w:rsidR="00A35FED" w:rsidRDefault="00A35FED" w:rsidP="00A35FED">
            <w:r>
              <w:t xml:space="preserve">        &lt;!---------------Budget Filter Starts------------------&gt;</w:t>
            </w:r>
          </w:p>
          <w:p w:rsidR="00A35FED" w:rsidRDefault="00A35FED" w:rsidP="00A35FED">
            <w:r>
              <w:t xml:space="preserve">                &lt;div class="filter_type"&gt;</w:t>
            </w:r>
          </w:p>
          <w:p w:rsidR="00A35FED" w:rsidRDefault="00A35FED" w:rsidP="00A35FED">
            <w:r>
              <w:t xml:space="preserve">            &lt;h6&gt;</w:t>
            </w:r>
          </w:p>
          <w:p w:rsidR="00A35FED" w:rsidRDefault="00A35FED" w:rsidP="00A35FED">
            <w:r>
              <w:t xml:space="preserve">                &lt;a aria-controls="collapseBudget" aria-expanded="false" data-toggle="collapse" href="#collapseBudget"</w:t>
            </w:r>
          </w:p>
          <w:p w:rsidR="00A35FED" w:rsidRDefault="00A35FED" w:rsidP="00A35FED">
            <w:r>
              <w:t xml:space="preserve">                   class="collapse-toggler collapsed"&gt;</w:t>
            </w:r>
          </w:p>
          <w:p w:rsidR="00A35FED" w:rsidRDefault="00A35FED" w:rsidP="00A35FED">
            <w:r>
              <w:lastRenderedPageBreak/>
              <w:t xml:space="preserve">                    Budget</w:t>
            </w:r>
          </w:p>
          <w:p w:rsidR="00A35FED" w:rsidRDefault="00A35FED" w:rsidP="00A35FED">
            <w:r>
              <w:t xml:space="preserve">                &lt;/a&gt;</w:t>
            </w:r>
          </w:p>
          <w:p w:rsidR="00A35FED" w:rsidRDefault="00A35FED" w:rsidP="00A35FED">
            <w:r>
              <w:t xml:space="preserve">            &lt;/h6&gt;</w:t>
            </w:r>
          </w:p>
          <w:p w:rsidR="00A35FED" w:rsidRDefault="00A35FED" w:rsidP="00A35FED">
            <w:r>
              <w:t xml:space="preserve">            &lt;div class="form-group collapse" id="collapseBudget"&gt;</w:t>
            </w:r>
          </w:p>
          <w:p w:rsidR="00A35FED" w:rsidRDefault="00A35FED" w:rsidP="00A35FED">
            <w:r>
              <w:t xml:space="preserve">                &lt;div id="divBudgetSlider" data-min="0" data-max="15000" data-format="price" data-step="100"</w:t>
            </w:r>
          </w:p>
          <w:p w:rsidR="00A35FED" w:rsidRDefault="00A35FED" w:rsidP="00A35FED">
            <w:r>
              <w:t xml:space="preserve">                     data-target="BudgetRange"</w:t>
            </w:r>
          </w:p>
          <w:p w:rsidR="00A35FED" w:rsidRDefault="00A35FED" w:rsidP="00A35FED">
            <w:r>
              <w:t xml:space="preserve">                     class="slider-xs slider-range mt-4"&gt;&lt;/div&gt;</w:t>
            </w:r>
          </w:p>
          <w:p w:rsidR="00A35FED" w:rsidRDefault="00A35FED" w:rsidP="00A35FED">
            <w:r>
              <w:t xml:space="preserve">                &lt;div class="controls mt-4"&gt;</w:t>
            </w:r>
          </w:p>
          <w:p w:rsidR="00A35FED" w:rsidRDefault="00A35FED" w:rsidP="00A35FED">
            <w:r>
              <w:t xml:space="preserve">                    &lt;div class="input-group input-group-sm"&gt;</w:t>
            </w:r>
          </w:p>
          <w:p w:rsidR="00A35FED" w:rsidRDefault="00A35FED" w:rsidP="00A35FED">
            <w:r>
              <w:t xml:space="preserve">                        &lt;input type="number" class="form-control" id="txtMinBudgetRange"</w:t>
            </w:r>
          </w:p>
          <w:p w:rsidR="00A35FED" w:rsidRDefault="00A35FED" w:rsidP="00A35FED">
            <w:r>
              <w:t xml:space="preserve">                               placeholder="Min Budget" min="0" max="15000" value="0" step="100"/&gt;</w:t>
            </w:r>
          </w:p>
          <w:p w:rsidR="00A35FED" w:rsidRDefault="00A35FED" w:rsidP="00A35FED">
            <w:r>
              <w:t xml:space="preserve">                        &lt;div class="input-group-append"&gt;</w:t>
            </w:r>
          </w:p>
          <w:p w:rsidR="00A35FED" w:rsidRDefault="00A35FED" w:rsidP="00A35FED">
            <w:r>
              <w:t xml:space="preserve">                            &lt;span class="input-group-text"&gt;-&lt;/span&gt;</w:t>
            </w:r>
          </w:p>
          <w:p w:rsidR="00A35FED" w:rsidRDefault="00A35FED" w:rsidP="00A35FED">
            <w:r>
              <w:t xml:space="preserve">                        &lt;/div&gt;</w:t>
            </w:r>
          </w:p>
          <w:p w:rsidR="00A35FED" w:rsidRDefault="00A35FED" w:rsidP="00A35FED">
            <w:r>
              <w:t xml:space="preserve">                        &lt;input type="number" class="form-control" id="txtMaxBudgetRange"</w:t>
            </w:r>
          </w:p>
          <w:p w:rsidR="00A35FED" w:rsidRDefault="00A35FED" w:rsidP="00A35FED">
            <w:r>
              <w:t xml:space="preserve">                               placeholder="Max Budget" min="0" max="15000" value="15000" step="100"/&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Budget Filter ends------------------&gt;</w:t>
            </w:r>
          </w:p>
          <w:p w:rsidR="00A35FED" w:rsidRDefault="00A35FED" w:rsidP="00A35FED">
            <w:r>
              <w:t xml:space="preserve">        &lt;div class="justify-content-center mt-4"&gt;</w:t>
            </w:r>
          </w:p>
          <w:p w:rsidR="00A35FED" w:rsidRDefault="00A35FED" w:rsidP="00A35FED">
            <w:r>
              <w:t xml:space="preserve">            &lt;input type="hidden" id="txtFilterData" value=""/&gt;</w:t>
            </w:r>
          </w:p>
          <w:p w:rsidR="00A35FED" w:rsidRDefault="00A35FED" w:rsidP="00A35FED">
            <w:r>
              <w:t xml:space="preserve">            &lt;a href="#" class="btn btn-sm btn-outline-danger btnClearFilter"&gt;Clear&lt;/a&gt;</w:t>
            </w:r>
          </w:p>
          <w:p w:rsidR="00A35FED" w:rsidRDefault="00A35FED" w:rsidP="00A35FED">
            <w:r>
              <w:t xml:space="preserve">            &lt;a href="#" id="btnApplyFilter" class="btn btn-sm btn-primary float-right"&gt;Apply&lt;/a&gt;</w:t>
            </w:r>
          </w:p>
          <w:p w:rsidR="00A35FED" w:rsidRDefault="00A35FED" w:rsidP="00A35FED">
            <w:r>
              <w:t xml:space="preserve">        &lt;/div&gt;</w:t>
            </w:r>
          </w:p>
          <w:p w:rsidR="00A35FED" w:rsidRDefault="00A35FED" w:rsidP="00A35FED">
            <w:r>
              <w:t xml:space="preserve">    &lt;/div&gt; </w:t>
            </w:r>
          </w:p>
          <w:p w:rsidR="00A35FED" w:rsidRDefault="00A35FED" w:rsidP="00A35FED">
            <w:r>
              <w:t>&lt;/div&gt;</w:t>
            </w:r>
          </w:p>
          <w:p w:rsidR="00A35FED" w:rsidRDefault="00A35FED" w:rsidP="00A35FED">
            <w:r>
              <w:t>&lt;!---------------Additional Filter Starts------------------&gt;</w:t>
            </w:r>
          </w:p>
          <w:p w:rsidR="00A35FED" w:rsidRDefault="00A35FED" w:rsidP="00A35FED">
            <w:r>
              <w:t>&lt;div id="divRefiner" class="filter-section" style= "height: 200px; overflow-y: scroll;"&gt;</w:t>
            </w:r>
          </w:p>
          <w:p w:rsidR="00A35FED" w:rsidRDefault="00A35FED" w:rsidP="00A35FED">
            <w:r>
              <w:t xml:space="preserve">    &lt;a aria-controls="collapseRefiner" aria-expanded="true" data-toggle="collapse"</w:t>
            </w:r>
          </w:p>
          <w:p w:rsidR="00A35FED" w:rsidRDefault="00A35FED" w:rsidP="00A35FED">
            <w:r>
              <w:t xml:space="preserve">       href="#collapseRefiner" class="collapse-toggler"&gt;</w:t>
            </w:r>
          </w:p>
          <w:p w:rsidR="00A35FED" w:rsidRDefault="00A35FED" w:rsidP="00A35FED">
            <w:r>
              <w:t xml:space="preserve">        &lt;b&gt;Additional Search&lt;/b&gt;</w:t>
            </w:r>
          </w:p>
          <w:p w:rsidR="00A35FED" w:rsidRDefault="00A35FED" w:rsidP="00A35FED">
            <w:r>
              <w:t xml:space="preserve">    &lt;/a&gt;</w:t>
            </w:r>
          </w:p>
          <w:p w:rsidR="00A35FED" w:rsidRDefault="00A35FED" w:rsidP="00A35FED">
            <w:r>
              <w:t xml:space="preserve">     &lt;!---------------Residence Types------------------&gt;</w:t>
            </w:r>
          </w:p>
          <w:p w:rsidR="00A35FED" w:rsidRDefault="00A35FED" w:rsidP="00A35FED">
            <w:r>
              <w:t xml:space="preserve">    &lt;div class="collapse show" id="collapseRefiner"&gt;</w:t>
            </w:r>
          </w:p>
          <w:p w:rsidR="00A35FED" w:rsidRDefault="00A35FED" w:rsidP="00A35FED">
            <w:r>
              <w:t xml:space="preserve">        &lt;!--&lt;div class="filter_type"&gt;</w:t>
            </w:r>
          </w:p>
          <w:p w:rsidR="00A35FED" w:rsidRDefault="00A35FED" w:rsidP="00A35FED">
            <w:r>
              <w:t xml:space="preserve">            &lt;h6&gt;</w:t>
            </w:r>
          </w:p>
          <w:p w:rsidR="00A35FED" w:rsidRDefault="00A35FED" w:rsidP="00A35FED">
            <w:r>
              <w:t xml:space="preserve">                &lt;a aria-controls="collapseResidence" aria-expanded="false" data-toggle="collapse"</w:t>
            </w:r>
          </w:p>
          <w:p w:rsidR="00A35FED" w:rsidRDefault="00A35FED" w:rsidP="00A35FED">
            <w:r>
              <w:t xml:space="preserve">                   href="#collapseResidence" class="collapse-toggler collapsed"&gt;</w:t>
            </w:r>
          </w:p>
          <w:p w:rsidR="00A35FED" w:rsidRDefault="00A35FED" w:rsidP="00A35FED">
            <w:r>
              <w:t xml:space="preserve">                    Residence Types</w:t>
            </w:r>
          </w:p>
          <w:p w:rsidR="00A35FED" w:rsidRDefault="00A35FED" w:rsidP="00A35FED">
            <w:r>
              <w:t xml:space="preserve">                &lt;/a&gt;</w:t>
            </w:r>
          </w:p>
          <w:p w:rsidR="00A35FED" w:rsidRDefault="00A35FED" w:rsidP="00A35FED">
            <w:r>
              <w:t xml:space="preserve">            &lt;/h6&gt;</w:t>
            </w:r>
          </w:p>
          <w:p w:rsidR="00A35FED" w:rsidRDefault="00A35FED" w:rsidP="00A35FED">
            <w:r>
              <w:t xml:space="preserve">            &lt;ul class="collapse" id="collapseResidence"&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Independent 55+</w:t>
            </w:r>
          </w:p>
          <w:p w:rsidR="00A35FED" w:rsidRDefault="00A35FED" w:rsidP="00A35FED"/>
          <w:p w:rsidR="00A35FED" w:rsidRDefault="00A35FED" w:rsidP="00A35FED">
            <w:r>
              <w:t xml:space="preserve">                            &lt;input type="checkbox" name="residences[]" value="independent_55"/&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Assisted Living</w:t>
            </w:r>
          </w:p>
          <w:p w:rsidR="00A35FED" w:rsidRDefault="00A35FED" w:rsidP="00A35FED"/>
          <w:p w:rsidR="00A35FED" w:rsidRDefault="00A35FED" w:rsidP="00A35FED">
            <w:r>
              <w:t xml:space="preserve">                            &lt;input type="checkbox" name="residences[]" value="assisted_living"/&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Memory Care</w:t>
            </w:r>
          </w:p>
          <w:p w:rsidR="00A35FED" w:rsidRDefault="00A35FED" w:rsidP="00A35FED"/>
          <w:p w:rsidR="00A35FED" w:rsidRDefault="00A35FED" w:rsidP="00A35FED">
            <w:r>
              <w:t xml:space="preserve">                            &lt;input type="checkbox" name="residences[]" value="memory_care"/&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Board &amp; Care</w:t>
            </w:r>
          </w:p>
          <w:p w:rsidR="00A35FED" w:rsidRDefault="00A35FED" w:rsidP="00A35FED"/>
          <w:p w:rsidR="00A35FED" w:rsidRDefault="00A35FED" w:rsidP="00A35FED">
            <w:r>
              <w:t xml:space="preserve">                            &lt;input type="checkbox" name="residences[]" value="board_care"/&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CCRC</w:t>
            </w:r>
          </w:p>
          <w:p w:rsidR="00A35FED" w:rsidRDefault="00A35FED" w:rsidP="00A35FED"/>
          <w:p w:rsidR="00A35FED" w:rsidRDefault="00A35FED" w:rsidP="00A35FED">
            <w:r>
              <w:t xml:space="preserve">                            &lt;input type="checkbox" name="residences[]" value="ccrc"/&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Respite</w:t>
            </w:r>
          </w:p>
          <w:p w:rsidR="00A35FED" w:rsidRDefault="00A35FED" w:rsidP="00A35FED"/>
          <w:p w:rsidR="00A35FED" w:rsidRDefault="00A35FED" w:rsidP="00A35FED">
            <w:r>
              <w:t xml:space="preserve">                            &lt;input type="checkbox" name="residences[]" value="respite"/&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ul&gt;</w:t>
            </w:r>
          </w:p>
          <w:p w:rsidR="00A35FED" w:rsidRDefault="00A35FED" w:rsidP="00A35FED">
            <w:r>
              <w:t xml:space="preserve">        &lt;/div&gt; --&gt;</w:t>
            </w:r>
          </w:p>
          <w:p w:rsidR="00A35FED" w:rsidRDefault="00A35FED" w:rsidP="00A35FED">
            <w:r>
              <w:t xml:space="preserve">        &lt;!---------------Residence types ends------------------&gt;</w:t>
            </w:r>
          </w:p>
          <w:p w:rsidR="00A35FED" w:rsidRDefault="00A35FED" w:rsidP="00A35FED">
            <w:r>
              <w:lastRenderedPageBreak/>
              <w:t xml:space="preserve">            &lt;div class="collapse show" id="collapseRefiner"&gt;</w:t>
            </w:r>
          </w:p>
          <w:p w:rsidR="00A35FED" w:rsidRDefault="00A35FED" w:rsidP="00A35FED">
            <w:r>
              <w:t xml:space="preserve">                                &lt;div class="filter_type"&gt;</w:t>
            </w:r>
          </w:p>
          <w:p w:rsidR="00A35FED" w:rsidRDefault="00A35FED" w:rsidP="00A35FED">
            <w:r>
              <w:t xml:space="preserve">                                    &lt;h6&gt;</w:t>
            </w:r>
          </w:p>
          <w:p w:rsidR="00A35FED" w:rsidRDefault="00A35FED" w:rsidP="00A35FED">
            <w:r>
              <w:t xml:space="preserve">                                        &lt;a aria-controls="collapseAccommodation" aria-expanded="false"</w:t>
            </w:r>
          </w:p>
          <w:p w:rsidR="00A35FED" w:rsidRDefault="00A35FED" w:rsidP="00A35FED">
            <w:r>
              <w:t xml:space="preserve">                                            data-toggle="collapse" href="#collapseAccommodation"</w:t>
            </w:r>
          </w:p>
          <w:p w:rsidR="00A35FED" w:rsidRDefault="00A35FED" w:rsidP="00A35FED">
            <w:r>
              <w:t xml:space="preserve">                                            class="collapse-toggler collapsed"&gt;</w:t>
            </w:r>
          </w:p>
          <w:p w:rsidR="00A35FED" w:rsidRDefault="00A35FED" w:rsidP="00A35FED">
            <w:r>
              <w:t xml:space="preserve">                                            Accommodations</w:t>
            </w:r>
          </w:p>
          <w:p w:rsidR="00A35FED" w:rsidRDefault="00A35FED" w:rsidP="00A35FED">
            <w:r>
              <w:t xml:space="preserve">                                        &lt;/a&gt;</w:t>
            </w:r>
          </w:p>
          <w:p w:rsidR="00A35FED" w:rsidRDefault="00A35FED" w:rsidP="00A35FED">
            <w:r>
              <w:t xml:space="preserve">                                    &lt;/h6&gt;</w:t>
            </w:r>
          </w:p>
          <w:p w:rsidR="00A35FED" w:rsidRDefault="00A35FED" w:rsidP="00A35FED">
            <w:r>
              <w:t xml:space="preserve">                                    &lt;ul class="collapse" id="collapseAccommodation"&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Shared Room</w:t>
            </w:r>
          </w:p>
          <w:p w:rsidR="00A35FED" w:rsidRDefault="00A35FED" w:rsidP="00A35FED"/>
          <w:p w:rsidR="00A35FED" w:rsidRDefault="00A35FED" w:rsidP="00A35FED">
            <w:r>
              <w:t xml:space="preserve">                                                &lt;input type="checkbox" name="accommodations[]" value="shared_room"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Private Room</w:t>
            </w:r>
          </w:p>
          <w:p w:rsidR="00A35FED" w:rsidRDefault="00A35FED" w:rsidP="00A35FED"/>
          <w:p w:rsidR="00A35FED" w:rsidRDefault="00A35FED" w:rsidP="00A35FED">
            <w:r>
              <w:t xml:space="preserve">                                                &lt;input type="checkbox" name="accommodations[]" value="private_room"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Studio Shared Bathroom</w:t>
            </w:r>
          </w:p>
          <w:p w:rsidR="00A35FED" w:rsidRDefault="00A35FED" w:rsidP="00A35FED"/>
          <w:p w:rsidR="00A35FED" w:rsidRDefault="00A35FED" w:rsidP="00A35FED">
            <w:r>
              <w:t xml:space="preserve">                                                &lt;input type="checkbox" name="accommodations[]"</w:t>
            </w:r>
          </w:p>
          <w:p w:rsidR="00A35FED" w:rsidRDefault="00A35FED" w:rsidP="00A35FED">
            <w:r>
              <w:t xml:space="preserve">                                                    value="studio_shared_bathroom"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Studio Private Bathroom</w:t>
            </w:r>
          </w:p>
          <w:p w:rsidR="00A35FED" w:rsidRDefault="00A35FED" w:rsidP="00A35FED"/>
          <w:p w:rsidR="00A35FED" w:rsidRDefault="00A35FED" w:rsidP="00A35FED">
            <w:r>
              <w:t xml:space="preserve">                                                &lt;input type="checkbox" name="accommodations[]"</w:t>
            </w:r>
          </w:p>
          <w:p w:rsidR="00A35FED" w:rsidRDefault="00A35FED" w:rsidP="00A35FED">
            <w:r>
              <w:t xml:space="preserve">                                                    value="studio_Private_bathroom"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One Bedroom One Bathroom</w:t>
            </w:r>
          </w:p>
          <w:p w:rsidR="00A35FED" w:rsidRDefault="00A35FED" w:rsidP="00A35FED"/>
          <w:p w:rsidR="00A35FED" w:rsidRDefault="00A35FED" w:rsidP="00A35FED">
            <w:r>
              <w:lastRenderedPageBreak/>
              <w:t xml:space="preserve">                                                &lt;input type="checkbox" name="accommodations[]"</w:t>
            </w:r>
          </w:p>
          <w:p w:rsidR="00A35FED" w:rsidRDefault="00A35FED" w:rsidP="00A35FED">
            <w:r>
              <w:t xml:space="preserve">                                                    value="one_bedroom_one_bathroom"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One Bedroom Two Bathrooms</w:t>
            </w:r>
          </w:p>
          <w:p w:rsidR="00A35FED" w:rsidRDefault="00A35FED" w:rsidP="00A35FED"/>
          <w:p w:rsidR="00A35FED" w:rsidRDefault="00A35FED" w:rsidP="00A35FED">
            <w:r>
              <w:t xml:space="preserve">                                                &lt;input type="checkbox" name="accommodations[]"</w:t>
            </w:r>
          </w:p>
          <w:p w:rsidR="00A35FED" w:rsidRDefault="00A35FED" w:rsidP="00A35FED">
            <w:r>
              <w:t xml:space="preserve">                                                    value="one_bedroom_two_bathroom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Two Bedrooms One Bathroom</w:t>
            </w:r>
          </w:p>
          <w:p w:rsidR="00A35FED" w:rsidRDefault="00A35FED" w:rsidP="00A35FED"/>
          <w:p w:rsidR="00A35FED" w:rsidRDefault="00A35FED" w:rsidP="00A35FED">
            <w:r>
              <w:t xml:space="preserve">                                                &lt;input type="checkbox" name="accommodations[]"</w:t>
            </w:r>
          </w:p>
          <w:p w:rsidR="00A35FED" w:rsidRDefault="00A35FED" w:rsidP="00A35FED">
            <w:r>
              <w:t xml:space="preserve">                                                    value="two_bedrooms_one_bathroom"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Two Bedrooms Two Bathrooms</w:t>
            </w:r>
          </w:p>
          <w:p w:rsidR="00A35FED" w:rsidRDefault="00A35FED" w:rsidP="00A35FED"/>
          <w:p w:rsidR="00A35FED" w:rsidRDefault="00A35FED" w:rsidP="00A35FED">
            <w:r>
              <w:t xml:space="preserve">                                                &lt;input type="checkbox" name="accommodations[]"</w:t>
            </w:r>
          </w:p>
          <w:p w:rsidR="00A35FED" w:rsidRDefault="00A35FED" w:rsidP="00A35FED">
            <w:r>
              <w:t xml:space="preserve">                                                    value="two_bedrooms_two_bathroom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Cottages</w:t>
            </w:r>
          </w:p>
          <w:p w:rsidR="00A35FED" w:rsidRDefault="00A35FED" w:rsidP="00A35FED"/>
          <w:p w:rsidR="00A35FED" w:rsidRDefault="00A35FED" w:rsidP="00A35FED">
            <w:r>
              <w:t xml:space="preserve">                                                &lt;input type="checkbox" name="accommodations[]" value="cottage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Bungalows</w:t>
            </w:r>
          </w:p>
          <w:p w:rsidR="00A35FED" w:rsidRDefault="00A35FED" w:rsidP="00A35FED"/>
          <w:p w:rsidR="00A35FED" w:rsidRDefault="00A35FED" w:rsidP="00A35FED">
            <w:r>
              <w:t xml:space="preserve">                                                &lt;input type="checkbox" name="accommodations[]" value="bungalow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lastRenderedPageBreak/>
              <w:t xml:space="preserve">                                        &lt;li&gt;</w:t>
            </w:r>
          </w:p>
          <w:p w:rsidR="00A35FED" w:rsidRDefault="00A35FED" w:rsidP="00A35FED">
            <w:r>
              <w:t xml:space="preserve">                                            &lt;label class="container_check"&gt;</w:t>
            </w:r>
          </w:p>
          <w:p w:rsidR="00A35FED" w:rsidRDefault="00A35FED" w:rsidP="00A35FED">
            <w:r>
              <w:t xml:space="preserve">                                                Town Homes</w:t>
            </w:r>
          </w:p>
          <w:p w:rsidR="00A35FED" w:rsidRDefault="00A35FED" w:rsidP="00A35FED"/>
          <w:p w:rsidR="00A35FED" w:rsidRDefault="00A35FED" w:rsidP="00A35FED">
            <w:r>
              <w:t xml:space="preserve">                                                &lt;input type="checkbox" name="accommodations[]" value="town_home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Condominium</w:t>
            </w:r>
          </w:p>
          <w:p w:rsidR="00A35FED" w:rsidRDefault="00A35FED" w:rsidP="00A35FED"/>
          <w:p w:rsidR="00A35FED" w:rsidRDefault="00A35FED" w:rsidP="00A35FED">
            <w:r>
              <w:t xml:space="preserve">                                                &lt;input type="checkbox" name="accommodations[]" value="condominium"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ul&gt;</w:t>
            </w:r>
          </w:p>
          <w:p w:rsidR="00A35FED" w:rsidRDefault="00A35FED" w:rsidP="00A35FED">
            <w:r>
              <w:t xml:space="preserve">                                &lt;/div&gt;</w:t>
            </w:r>
          </w:p>
          <w:p w:rsidR="00A35FED" w:rsidRDefault="00A35FED" w:rsidP="00A35FED">
            <w:r>
              <w:t xml:space="preserve">                                &lt;!---------------accomodation ends------------------&gt;</w:t>
            </w:r>
          </w:p>
          <w:p w:rsidR="00A35FED" w:rsidRDefault="00A35FED" w:rsidP="00A35FED"/>
          <w:p w:rsidR="00A35FED" w:rsidRDefault="00A35FED" w:rsidP="00A35FED">
            <w:r>
              <w:t>&lt;!---------------services Starts------------------&gt;</w:t>
            </w:r>
          </w:p>
          <w:p w:rsidR="00A35FED" w:rsidRDefault="00A35FED" w:rsidP="00A35FED">
            <w:r>
              <w:t xml:space="preserve">                                &lt;div class="filter_type"&gt;</w:t>
            </w:r>
          </w:p>
          <w:p w:rsidR="00A35FED" w:rsidRDefault="00A35FED" w:rsidP="00A35FED">
            <w:r>
              <w:t xml:space="preserve">                                    &lt;h6&gt;</w:t>
            </w:r>
          </w:p>
          <w:p w:rsidR="00A35FED" w:rsidRDefault="00A35FED" w:rsidP="00A35FED">
            <w:r>
              <w:t xml:space="preserve">                                        &lt;a aria-controls="collapseRental" aria-expanded="false" data-toggle="collapse"</w:t>
            </w:r>
          </w:p>
          <w:p w:rsidR="00A35FED" w:rsidRDefault="00A35FED" w:rsidP="00A35FED">
            <w:r>
              <w:t xml:space="preserve">                                            href="#collapseRental" class="collapse-toggler collapsed"&gt;</w:t>
            </w:r>
          </w:p>
          <w:p w:rsidR="00A35FED" w:rsidRDefault="00A35FED" w:rsidP="00A35FED">
            <w:r>
              <w:t xml:space="preserve">                                            Services</w:t>
            </w:r>
          </w:p>
          <w:p w:rsidR="00A35FED" w:rsidRDefault="00A35FED" w:rsidP="00A35FED">
            <w:r>
              <w:t xml:space="preserve">                                        &lt;/a&gt;</w:t>
            </w:r>
          </w:p>
          <w:p w:rsidR="00A35FED" w:rsidRDefault="00A35FED" w:rsidP="00A35FED">
            <w:r>
              <w:t xml:space="preserve">                                    &lt;/h6&gt;</w:t>
            </w:r>
          </w:p>
          <w:p w:rsidR="00A35FED" w:rsidRDefault="00A35FED" w:rsidP="00A35FED">
            <w:r>
              <w:t xml:space="preserve">                                    &lt;ul class="collapse" id="collapseRental"&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House Keeping</w:t>
            </w:r>
          </w:p>
          <w:p w:rsidR="00A35FED" w:rsidRDefault="00A35FED" w:rsidP="00A35FED"/>
          <w:p w:rsidR="00A35FED" w:rsidRDefault="00A35FED" w:rsidP="00A35FED">
            <w:r>
              <w:t xml:space="preserve">                                                &lt;input type="checkbox" name="rental_services[]" value="housekeeping"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Transportation</w:t>
            </w:r>
          </w:p>
          <w:p w:rsidR="00A35FED" w:rsidRDefault="00A35FED" w:rsidP="00A35FED"/>
          <w:p w:rsidR="00A35FED" w:rsidRDefault="00A35FED" w:rsidP="00A35FED">
            <w:r>
              <w:t xml:space="preserve">                                                &lt;input type="checkbox" name="rental_services[]"</w:t>
            </w:r>
          </w:p>
          <w:p w:rsidR="00A35FED" w:rsidRDefault="00A35FED" w:rsidP="00A35FED">
            <w:r>
              <w:t xml:space="preserve">                                                    value="transportation"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lastRenderedPageBreak/>
              <w:t xml:space="preserve">                                                Laundry</w:t>
            </w:r>
          </w:p>
          <w:p w:rsidR="00A35FED" w:rsidRDefault="00A35FED" w:rsidP="00A35FED"/>
          <w:p w:rsidR="00A35FED" w:rsidRDefault="00A35FED" w:rsidP="00A35FED">
            <w:r>
              <w:t xml:space="preserve">                                                &lt;input type="checkbox" name="rental_services[]" value="laundry"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Room Service</w:t>
            </w:r>
          </w:p>
          <w:p w:rsidR="00A35FED" w:rsidRDefault="00A35FED" w:rsidP="00A35FED"/>
          <w:p w:rsidR="00A35FED" w:rsidRDefault="00A35FED" w:rsidP="00A35FED">
            <w:r>
              <w:t xml:space="preserve">                                                &lt;input type="checkbox" name="rental_services[]" value="room_service"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ul&gt;</w:t>
            </w:r>
          </w:p>
          <w:p w:rsidR="00A35FED" w:rsidRDefault="00A35FED" w:rsidP="00A35FED">
            <w:r>
              <w:t xml:space="preserve">                                &lt;/div&gt;</w:t>
            </w:r>
          </w:p>
          <w:p w:rsidR="00A35FED" w:rsidRDefault="00A35FED" w:rsidP="00A35FED">
            <w:r>
              <w:t xml:space="preserve">                                &lt;!---------------services ends------------------&gt;</w:t>
            </w:r>
          </w:p>
          <w:p w:rsidR="00A35FED" w:rsidRDefault="00A35FED" w:rsidP="00A35FED"/>
          <w:p w:rsidR="00A35FED" w:rsidRDefault="00A35FED" w:rsidP="00A35FED">
            <w:r>
              <w:t xml:space="preserve">        &lt;!---------------meals Starts------------------&gt;</w:t>
            </w:r>
          </w:p>
          <w:p w:rsidR="00A35FED" w:rsidRDefault="00A35FED" w:rsidP="00A35FED">
            <w:r>
              <w:t xml:space="preserve">                                &lt;div class="filter_type"&gt;</w:t>
            </w:r>
          </w:p>
          <w:p w:rsidR="00A35FED" w:rsidRDefault="00A35FED" w:rsidP="00A35FED">
            <w:r>
              <w:t xml:space="preserve">                                    &lt;h6&gt;</w:t>
            </w:r>
          </w:p>
          <w:p w:rsidR="00A35FED" w:rsidRDefault="00A35FED" w:rsidP="00A35FED">
            <w:r>
              <w:t xml:space="preserve">                                        &lt;a aria-controls="collapseMeals" aria-expanded="false" data-toggle="collapse"</w:t>
            </w:r>
          </w:p>
          <w:p w:rsidR="00A35FED" w:rsidRDefault="00A35FED" w:rsidP="00A35FED">
            <w:r>
              <w:t xml:space="preserve">                                            href="#collapseMeals" class="collapse-toggler collapsed"&gt;</w:t>
            </w:r>
          </w:p>
          <w:p w:rsidR="00A35FED" w:rsidRDefault="00A35FED" w:rsidP="00A35FED">
            <w:r>
              <w:t xml:space="preserve">                                            Meals</w:t>
            </w:r>
          </w:p>
          <w:p w:rsidR="00A35FED" w:rsidRDefault="00A35FED" w:rsidP="00A35FED">
            <w:r>
              <w:t xml:space="preserve">                                        &lt;/a&gt;</w:t>
            </w:r>
          </w:p>
          <w:p w:rsidR="00A35FED" w:rsidRDefault="00A35FED" w:rsidP="00A35FED">
            <w:r>
              <w:t xml:space="preserve">                                    &lt;/h6&gt;</w:t>
            </w:r>
          </w:p>
          <w:p w:rsidR="00A35FED" w:rsidRDefault="00A35FED" w:rsidP="00A35FED">
            <w:r>
              <w:t xml:space="preserve">                                    &lt;ul class="collapse" id="collapseMeals"&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1 Meal</w:t>
            </w:r>
          </w:p>
          <w:p w:rsidR="00A35FED" w:rsidRDefault="00A35FED" w:rsidP="00A35FED">
            <w:r>
              <w:t xml:space="preserve">                                                &lt;div style="font-size: 11px;" class="text-muted"&gt;</w:t>
            </w:r>
          </w:p>
          <w:p w:rsidR="00A35FED" w:rsidRDefault="00A35FED" w:rsidP="00A35FED">
            <w:r>
              <w:t xml:space="preserve">                                                    Lunch or Dinner</w:t>
            </w:r>
          </w:p>
          <w:p w:rsidR="00A35FED" w:rsidRDefault="00A35FED" w:rsidP="00A35FED">
            <w:r>
              <w:t xml:space="preserve">                                                &lt;/div&gt;</w:t>
            </w:r>
          </w:p>
          <w:p w:rsidR="00A35FED" w:rsidRDefault="00A35FED" w:rsidP="00A35FED"/>
          <w:p w:rsidR="00A35FED" w:rsidRDefault="00A35FED" w:rsidP="00A35FED">
            <w:r>
              <w:t xml:space="preserve">                                                &lt;input type="checkbox" name="meals[]" value="one_meal_lunch_r_dinner"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2 Meal</w:t>
            </w:r>
          </w:p>
          <w:p w:rsidR="00A35FED" w:rsidRDefault="00A35FED" w:rsidP="00A35FED">
            <w:r>
              <w:t xml:space="preserve">                                                &lt;div style="font-size: 11px;" class="text-muted"&gt;</w:t>
            </w:r>
          </w:p>
          <w:p w:rsidR="00A35FED" w:rsidRDefault="00A35FED" w:rsidP="00A35FED">
            <w:r>
              <w:t xml:space="preserve">                                                    Breakfast, Lunch or Dinner</w:t>
            </w:r>
          </w:p>
          <w:p w:rsidR="00A35FED" w:rsidRDefault="00A35FED" w:rsidP="00A35FED">
            <w:r>
              <w:t xml:space="preserve">                                                &lt;/div&gt;</w:t>
            </w:r>
          </w:p>
          <w:p w:rsidR="00A35FED" w:rsidRDefault="00A35FED" w:rsidP="00A35FED"/>
          <w:p w:rsidR="00A35FED" w:rsidRDefault="00A35FED" w:rsidP="00A35FED">
            <w:r>
              <w:t xml:space="preserve">                                                &lt;input type="checkbox" name="meals[]"</w:t>
            </w:r>
          </w:p>
          <w:p w:rsidR="00A35FED" w:rsidRDefault="00A35FED" w:rsidP="00A35FED">
            <w:r>
              <w:t xml:space="preserve">                                                    value="two_meal_breakfast_lunch_r_dinner" /&gt;</w:t>
            </w:r>
          </w:p>
          <w:p w:rsidR="00A35FED" w:rsidRDefault="00A35FED" w:rsidP="00A35FED">
            <w:r>
              <w:lastRenderedPageBreak/>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3 Meal</w:t>
            </w:r>
          </w:p>
          <w:p w:rsidR="00A35FED" w:rsidRDefault="00A35FED" w:rsidP="00A35FED">
            <w:r>
              <w:t xml:space="preserve">                                                &lt;div style="font-size: 11px;" class="text-muted"&gt;</w:t>
            </w:r>
          </w:p>
          <w:p w:rsidR="00A35FED" w:rsidRDefault="00A35FED" w:rsidP="00A35FED">
            <w:r>
              <w:t xml:space="preserve">                                                    Breakfast, Lunch &amp;amp; Dinner</w:t>
            </w:r>
          </w:p>
          <w:p w:rsidR="00A35FED" w:rsidRDefault="00A35FED" w:rsidP="00A35FED">
            <w:r>
              <w:t xml:space="preserve">                                                &lt;/div&gt;</w:t>
            </w:r>
          </w:p>
          <w:p w:rsidR="00A35FED" w:rsidRDefault="00A35FED" w:rsidP="00A35FED"/>
          <w:p w:rsidR="00A35FED" w:rsidRDefault="00A35FED" w:rsidP="00A35FED">
            <w:r>
              <w:t xml:space="preserve">                                                &lt;input type="checkbox" name="meals[]"</w:t>
            </w:r>
          </w:p>
          <w:p w:rsidR="00A35FED" w:rsidRDefault="00A35FED" w:rsidP="00A35FED">
            <w:r>
              <w:t xml:space="preserve">                                                    value="three_meal_breakfast_Lunch_a_dinner"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ul&gt;</w:t>
            </w:r>
          </w:p>
          <w:p w:rsidR="00A35FED" w:rsidRDefault="00A35FED" w:rsidP="00A35FED">
            <w:r>
              <w:t xml:space="preserve">                                &lt;/div&gt;</w:t>
            </w:r>
          </w:p>
          <w:p w:rsidR="00A35FED" w:rsidRDefault="00A35FED" w:rsidP="00A35FED"/>
          <w:p w:rsidR="00A35FED" w:rsidRDefault="00A35FED" w:rsidP="00A35FED">
            <w:r>
              <w:t xml:space="preserve">                                &lt;!---------------Meal ends------------------&gt;</w:t>
            </w:r>
          </w:p>
          <w:p w:rsidR="00A35FED" w:rsidRDefault="00A35FED" w:rsidP="00A35FED"/>
          <w:p w:rsidR="00A35FED" w:rsidRDefault="00A35FED" w:rsidP="00A35FED">
            <w:r>
              <w:t xml:space="preserve">                                &lt;!---------------Diet Starts------------------&gt;</w:t>
            </w:r>
          </w:p>
          <w:p w:rsidR="00A35FED" w:rsidRDefault="00A35FED" w:rsidP="00A35FED">
            <w:r>
              <w:t xml:space="preserve">                                &lt;div class="filter_type"&gt;</w:t>
            </w:r>
          </w:p>
          <w:p w:rsidR="00A35FED" w:rsidRDefault="00A35FED" w:rsidP="00A35FED">
            <w:r>
              <w:t xml:space="preserve">                                    &lt;h6&gt;</w:t>
            </w:r>
          </w:p>
          <w:p w:rsidR="00A35FED" w:rsidRDefault="00A35FED" w:rsidP="00A35FED">
            <w:r>
              <w:t xml:space="preserve">                                        &lt;a aria-controls="collapseDiet" aria-expanded="false" data-toggle="collapse"</w:t>
            </w:r>
          </w:p>
          <w:p w:rsidR="00A35FED" w:rsidRDefault="00A35FED" w:rsidP="00A35FED">
            <w:r>
              <w:t xml:space="preserve">                                            href="#collapseDiet" class="collapse-toggler collapsed"&gt;</w:t>
            </w:r>
          </w:p>
          <w:p w:rsidR="00A35FED" w:rsidRDefault="00A35FED" w:rsidP="00A35FED">
            <w:r>
              <w:t xml:space="preserve">                                            Diet</w:t>
            </w:r>
          </w:p>
          <w:p w:rsidR="00A35FED" w:rsidRDefault="00A35FED" w:rsidP="00A35FED">
            <w:r>
              <w:t xml:space="preserve">                                        &lt;/a&gt;</w:t>
            </w:r>
          </w:p>
          <w:p w:rsidR="00A35FED" w:rsidRDefault="00A35FED" w:rsidP="00A35FED">
            <w:r>
              <w:t xml:space="preserve">                                    &lt;/h6&gt;</w:t>
            </w:r>
          </w:p>
          <w:p w:rsidR="00A35FED" w:rsidRDefault="00A35FED" w:rsidP="00A35FED">
            <w:r>
              <w:t xml:space="preserve">                                    &lt;ul class="collapse" id="collapseDiet"&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Sugar Free / Diabetic</w:t>
            </w:r>
          </w:p>
          <w:p w:rsidR="00A35FED" w:rsidRDefault="00A35FED" w:rsidP="00A35FED"/>
          <w:p w:rsidR="00A35FED" w:rsidRDefault="00A35FED" w:rsidP="00A35FED">
            <w:r>
              <w:t xml:space="preserve">                                                &lt;input type="checkbox" name="diets[]" value="sugar_free_diabetic"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Vegetarian</w:t>
            </w:r>
          </w:p>
          <w:p w:rsidR="00A35FED" w:rsidRDefault="00A35FED" w:rsidP="00A35FED"/>
          <w:p w:rsidR="00A35FED" w:rsidRDefault="00A35FED" w:rsidP="00A35FED">
            <w:r>
              <w:t xml:space="preserve">                                                &lt;input type="checkbox" name="diets[]" value="vegetarian"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Dairy Free</w:t>
            </w:r>
          </w:p>
          <w:p w:rsidR="00A35FED" w:rsidRDefault="00A35FED" w:rsidP="00A35FED"/>
          <w:p w:rsidR="00A35FED" w:rsidRDefault="00A35FED" w:rsidP="00A35FED">
            <w:r>
              <w:t xml:space="preserve">                                                &lt;input type="checkbox" name="diets[]" value="dairy_free"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Gluten Free</w:t>
            </w:r>
          </w:p>
          <w:p w:rsidR="00A35FED" w:rsidRDefault="00A35FED" w:rsidP="00A35FED"/>
          <w:p w:rsidR="00A35FED" w:rsidRDefault="00A35FED" w:rsidP="00A35FED">
            <w:r>
              <w:t xml:space="preserve">                                                &lt;input type="checkbox" name="diets[]" value="gluten_free"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Kosher</w:t>
            </w:r>
          </w:p>
          <w:p w:rsidR="00A35FED" w:rsidRDefault="00A35FED" w:rsidP="00A35FED"/>
          <w:p w:rsidR="00A35FED" w:rsidRDefault="00A35FED" w:rsidP="00A35FED">
            <w:r>
              <w:t xml:space="preserve">                                                &lt;input type="checkbox" name="diets[]" value="kosher"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ul&gt;</w:t>
            </w:r>
          </w:p>
          <w:p w:rsidR="00A35FED" w:rsidRDefault="00A35FED" w:rsidP="00A35FED">
            <w:r>
              <w:t xml:space="preserve">                                &lt;/div&gt;</w:t>
            </w:r>
          </w:p>
          <w:p w:rsidR="00A35FED" w:rsidRDefault="00A35FED" w:rsidP="00A35FED">
            <w:r>
              <w:t xml:space="preserve">                                &lt;!---------------diet ends------------------&gt;</w:t>
            </w:r>
          </w:p>
          <w:p w:rsidR="00A35FED" w:rsidRDefault="00A35FED" w:rsidP="00A35FED"/>
          <w:p w:rsidR="00A35FED" w:rsidRDefault="00A35FED" w:rsidP="00A35FED">
            <w:r>
              <w:t xml:space="preserve">        &lt;!---------------care Starts------------------&gt;</w:t>
            </w:r>
          </w:p>
          <w:p w:rsidR="00A35FED" w:rsidRDefault="00A35FED" w:rsidP="00A35FED">
            <w:r>
              <w:t xml:space="preserve">                                &lt;div class="filter_type"&gt;</w:t>
            </w:r>
          </w:p>
          <w:p w:rsidR="00A35FED" w:rsidRDefault="00A35FED" w:rsidP="00A35FED">
            <w:r>
              <w:t xml:space="preserve">                                    &lt;h6&gt;</w:t>
            </w:r>
          </w:p>
          <w:p w:rsidR="00A35FED" w:rsidRDefault="00A35FED" w:rsidP="00A35FED">
            <w:r>
              <w:t xml:space="preserve">                                        &lt;a aria-controls="collapseCareTypes" aria-expanded="false"</w:t>
            </w:r>
          </w:p>
          <w:p w:rsidR="00A35FED" w:rsidRDefault="00A35FED" w:rsidP="00A35FED">
            <w:r>
              <w:t xml:space="preserve">                                            data-toggle="collapse" href="#collapseCareTypes"</w:t>
            </w:r>
          </w:p>
          <w:p w:rsidR="00A35FED" w:rsidRDefault="00A35FED" w:rsidP="00A35FED">
            <w:r>
              <w:t xml:space="preserve">                                            class="collapse-toggler collapsed"&gt;</w:t>
            </w:r>
          </w:p>
          <w:p w:rsidR="00A35FED" w:rsidRDefault="00A35FED" w:rsidP="00A35FED">
            <w:r>
              <w:t xml:space="preserve">                                            Care</w:t>
            </w:r>
          </w:p>
          <w:p w:rsidR="00A35FED" w:rsidRDefault="00A35FED" w:rsidP="00A35FED">
            <w:r>
              <w:t xml:space="preserve">                                        &lt;/a&gt;</w:t>
            </w:r>
          </w:p>
          <w:p w:rsidR="00A35FED" w:rsidRDefault="00A35FED" w:rsidP="00A35FED">
            <w:r>
              <w:t xml:space="preserve">                                    &lt;/h6&gt;</w:t>
            </w:r>
          </w:p>
          <w:p w:rsidR="00A35FED" w:rsidRDefault="00A35FED" w:rsidP="00A35FED">
            <w:r>
              <w:t xml:space="preserve">                                    &lt;ul class="collapse" id="collapseCareTypes"&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Bathing</w:t>
            </w:r>
          </w:p>
          <w:p w:rsidR="00A35FED" w:rsidRDefault="00A35FED" w:rsidP="00A35FED"/>
          <w:p w:rsidR="00A35FED" w:rsidRDefault="00A35FED" w:rsidP="00A35FED">
            <w:r>
              <w:t xml:space="preserve">                                                &lt;input type="checkbox" name="cares[]" value="bathing"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Dressing</w:t>
            </w:r>
          </w:p>
          <w:p w:rsidR="00A35FED" w:rsidRDefault="00A35FED" w:rsidP="00A35FED"/>
          <w:p w:rsidR="00A35FED" w:rsidRDefault="00A35FED" w:rsidP="00A35FED">
            <w:r>
              <w:t xml:space="preserve">                                                &lt;input type="checkbox" name="cares[]" value="dressing" /&gt;</w:t>
            </w:r>
          </w:p>
          <w:p w:rsidR="00A35FED" w:rsidRDefault="00A35FED" w:rsidP="00A35FED">
            <w:r>
              <w:lastRenderedPageBreak/>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Grooming</w:t>
            </w:r>
          </w:p>
          <w:p w:rsidR="00A35FED" w:rsidRDefault="00A35FED" w:rsidP="00A35FED"/>
          <w:p w:rsidR="00A35FED" w:rsidRDefault="00A35FED" w:rsidP="00A35FED">
            <w:r>
              <w:t xml:space="preserve">                                                &lt;input type="checkbox" name="cares[]" value="grooming"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Medication Management</w:t>
            </w:r>
          </w:p>
          <w:p w:rsidR="00A35FED" w:rsidRDefault="00A35FED" w:rsidP="00A35FED"/>
          <w:p w:rsidR="00A35FED" w:rsidRDefault="00A35FED" w:rsidP="00A35FED">
            <w:r>
              <w:t xml:space="preserve">                                                &lt;input type="checkbox" name="cares[]" value="Medication Management"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Toileting</w:t>
            </w:r>
          </w:p>
          <w:p w:rsidR="00A35FED" w:rsidRDefault="00A35FED" w:rsidP="00A35FED"/>
          <w:p w:rsidR="00A35FED" w:rsidRDefault="00A35FED" w:rsidP="00A35FED">
            <w:r>
              <w:t xml:space="preserve">                                                &lt;input type="checkbox" name="cares[]" value="Toileting"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Escorting</w:t>
            </w:r>
          </w:p>
          <w:p w:rsidR="00A35FED" w:rsidRDefault="00A35FED" w:rsidP="00A35FED"/>
          <w:p w:rsidR="00A35FED" w:rsidRDefault="00A35FED" w:rsidP="00A35FED">
            <w:r>
              <w:t xml:space="preserve">                                                &lt;input type="checkbox" name="cares[]" value="escorting"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Feeding</w:t>
            </w:r>
          </w:p>
          <w:p w:rsidR="00A35FED" w:rsidRDefault="00A35FED" w:rsidP="00A35FED"/>
          <w:p w:rsidR="00A35FED" w:rsidRDefault="00A35FED" w:rsidP="00A35FED">
            <w:r>
              <w:t xml:space="preserve">                                                &lt;input type="checkbox" name="cares[]" value="feeding"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Hoyer Lift</w:t>
            </w:r>
          </w:p>
          <w:p w:rsidR="00A35FED" w:rsidRDefault="00A35FED" w:rsidP="00A35FED"/>
          <w:p w:rsidR="00A35FED" w:rsidRDefault="00A35FED" w:rsidP="00A35FED">
            <w:r>
              <w:t xml:space="preserve">                                                &lt;input type="checkbox" name="cares[]" value="hoyer_lift" /&gt;</w:t>
            </w:r>
          </w:p>
          <w:p w:rsidR="00A35FED" w:rsidRDefault="00A35FED" w:rsidP="00A35FED">
            <w:r>
              <w:lastRenderedPageBreak/>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Insulin Injection Assistance</w:t>
            </w:r>
          </w:p>
          <w:p w:rsidR="00A35FED" w:rsidRDefault="00A35FED" w:rsidP="00A35FED"/>
          <w:p w:rsidR="00A35FED" w:rsidRDefault="00A35FED" w:rsidP="00A35FED">
            <w:r>
              <w:t xml:space="preserve">                                                &lt;input type="checkbox" name="cares[]"</w:t>
            </w:r>
          </w:p>
          <w:p w:rsidR="00A35FED" w:rsidRDefault="00A35FED" w:rsidP="00A35FED">
            <w:r>
              <w:t xml:space="preserve">                                                    value="insulin_injection_assistance"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Catheter Assistance</w:t>
            </w:r>
          </w:p>
          <w:p w:rsidR="00A35FED" w:rsidRDefault="00A35FED" w:rsidP="00A35FED"/>
          <w:p w:rsidR="00A35FED" w:rsidRDefault="00A35FED" w:rsidP="00A35FED">
            <w:r>
              <w:t xml:space="preserve">                                                &lt;input type="checkbox" name="cares[]" value="catheter_assistance"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Visiting Podiatrist</w:t>
            </w:r>
          </w:p>
          <w:p w:rsidR="00A35FED" w:rsidRDefault="00A35FED" w:rsidP="00A35FED"/>
          <w:p w:rsidR="00A35FED" w:rsidRDefault="00A35FED" w:rsidP="00A35FED">
            <w:r>
              <w:t xml:space="preserve">                                                &lt;input type="checkbox" name="cares[]" value="visiting_podiatrist"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Visiting Primary Physician</w:t>
            </w:r>
          </w:p>
          <w:p w:rsidR="00A35FED" w:rsidRDefault="00A35FED" w:rsidP="00A35FED"/>
          <w:p w:rsidR="00A35FED" w:rsidRDefault="00A35FED" w:rsidP="00A35FED">
            <w:r>
              <w:t xml:space="preserve">                                                &lt;input type="checkbox" name="cares[]"</w:t>
            </w:r>
          </w:p>
          <w:p w:rsidR="00A35FED" w:rsidRDefault="00A35FED" w:rsidP="00A35FED">
            <w:r>
              <w:t xml:space="preserve">                                                    value="visiting_primary_physician"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Visiting Nurse Practitioner</w:t>
            </w:r>
          </w:p>
          <w:p w:rsidR="00A35FED" w:rsidRDefault="00A35FED" w:rsidP="00A35FED"/>
          <w:p w:rsidR="00A35FED" w:rsidRDefault="00A35FED" w:rsidP="00A35FED">
            <w:r>
              <w:t xml:space="preserve">                                                &lt;input type="checkbox" name="cares[]"</w:t>
            </w:r>
          </w:p>
          <w:p w:rsidR="00A35FED" w:rsidRDefault="00A35FED" w:rsidP="00A35FED">
            <w:r>
              <w:t xml:space="preserve">                                                    value="visiting_nurse_practioner"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lastRenderedPageBreak/>
              <w:t xml:space="preserve">                                                Visiting Physical Therapist</w:t>
            </w:r>
          </w:p>
          <w:p w:rsidR="00A35FED" w:rsidRDefault="00A35FED" w:rsidP="00A35FED"/>
          <w:p w:rsidR="00A35FED" w:rsidRDefault="00A35FED" w:rsidP="00A35FED">
            <w:r>
              <w:t xml:space="preserve">                                                &lt;input type="checkbox" name="cares[]"</w:t>
            </w:r>
          </w:p>
          <w:p w:rsidR="00A35FED" w:rsidRDefault="00A35FED" w:rsidP="00A35FED">
            <w:r>
              <w:t xml:space="preserve">                                                    value="visiting_physical_therapist"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ul&gt;</w:t>
            </w:r>
          </w:p>
          <w:p w:rsidR="00A35FED" w:rsidRDefault="00A35FED" w:rsidP="00A35FED">
            <w:r>
              <w:t xml:space="preserve">                                &lt;/div&gt;</w:t>
            </w:r>
          </w:p>
          <w:p w:rsidR="00A35FED" w:rsidRDefault="00A35FED" w:rsidP="00A35FED">
            <w:r>
              <w:t xml:space="preserve">                                &lt;!---------------Care ends------------------&gt;</w:t>
            </w:r>
          </w:p>
          <w:p w:rsidR="00A35FED" w:rsidRDefault="00A35FED" w:rsidP="00A35FED"/>
          <w:p w:rsidR="00A35FED" w:rsidRDefault="00A35FED" w:rsidP="00A35FED">
            <w:r>
              <w:t xml:space="preserve">                                &lt;!---------------amentites Starts------------------&gt;</w:t>
            </w:r>
          </w:p>
          <w:p w:rsidR="00A35FED" w:rsidRDefault="00A35FED" w:rsidP="00A35FED">
            <w:r>
              <w:t xml:space="preserve">                                &lt;div class="filter_type"&gt;</w:t>
            </w:r>
          </w:p>
          <w:p w:rsidR="00A35FED" w:rsidRDefault="00A35FED" w:rsidP="00A35FED">
            <w:r>
              <w:t xml:space="preserve">                                    &lt;h6&gt;</w:t>
            </w:r>
          </w:p>
          <w:p w:rsidR="00A35FED" w:rsidRDefault="00A35FED" w:rsidP="00A35FED">
            <w:r>
              <w:t xml:space="preserve">                                        &lt;a aria-controls="collapseAmenities" aria-expanded="false"</w:t>
            </w:r>
          </w:p>
          <w:p w:rsidR="00A35FED" w:rsidRDefault="00A35FED" w:rsidP="00A35FED">
            <w:r>
              <w:t xml:space="preserve">                                            data-toggle="collapse" href="#collapseAmenities"</w:t>
            </w:r>
          </w:p>
          <w:p w:rsidR="00A35FED" w:rsidRDefault="00A35FED" w:rsidP="00A35FED">
            <w:r>
              <w:t xml:space="preserve">                                            class="collapse-toggler collapsed"&gt;</w:t>
            </w:r>
          </w:p>
          <w:p w:rsidR="00A35FED" w:rsidRDefault="00A35FED" w:rsidP="00A35FED">
            <w:r>
              <w:t xml:space="preserve">                                            Amenities</w:t>
            </w:r>
          </w:p>
          <w:p w:rsidR="00A35FED" w:rsidRDefault="00A35FED" w:rsidP="00A35FED">
            <w:r>
              <w:t xml:space="preserve">                                        &lt;/a&gt;</w:t>
            </w:r>
          </w:p>
          <w:p w:rsidR="00A35FED" w:rsidRDefault="00A35FED" w:rsidP="00A35FED">
            <w:r>
              <w:t xml:space="preserve">                                    &lt;/h6&gt;</w:t>
            </w:r>
          </w:p>
          <w:p w:rsidR="00A35FED" w:rsidRDefault="00A35FED" w:rsidP="00A35FED">
            <w:r>
              <w:t xml:space="preserve">                                    &lt;ul class="collapse" id="collapseAmenities"&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Dining room for Guest</w:t>
            </w:r>
          </w:p>
          <w:p w:rsidR="00A35FED" w:rsidRDefault="00A35FED" w:rsidP="00A35FED"/>
          <w:p w:rsidR="00A35FED" w:rsidRDefault="00A35FED" w:rsidP="00A35FED">
            <w:r>
              <w:t xml:space="preserve">                                                &lt;input type="checkbox" name="amenities[]"</w:t>
            </w:r>
          </w:p>
          <w:p w:rsidR="00A35FED" w:rsidRDefault="00A35FED" w:rsidP="00A35FED">
            <w:r>
              <w:t xml:space="preserve">                                                    value="dining_room_for_guest"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Lounge - Common Areas</w:t>
            </w:r>
          </w:p>
          <w:p w:rsidR="00A35FED" w:rsidRDefault="00A35FED" w:rsidP="00A35FED"/>
          <w:p w:rsidR="00A35FED" w:rsidRDefault="00A35FED" w:rsidP="00A35FED">
            <w:r>
              <w:t xml:space="preserve">                                                &lt;input type="checkbox" name="amenities[]" value="lounge_common_area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Beauty Salon / Barber Shop</w:t>
            </w:r>
          </w:p>
          <w:p w:rsidR="00A35FED" w:rsidRDefault="00A35FED" w:rsidP="00A35FED"/>
          <w:p w:rsidR="00A35FED" w:rsidRDefault="00A35FED" w:rsidP="00A35FED">
            <w:r>
              <w:t xml:space="preserve">                                                &lt;input type="checkbox" name="amenities[]"</w:t>
            </w:r>
          </w:p>
          <w:p w:rsidR="00A35FED" w:rsidRDefault="00A35FED" w:rsidP="00A35FED">
            <w:r>
              <w:t xml:space="preserve">                                                    value="beauty_salon_barber_shop"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lastRenderedPageBreak/>
              <w:t xml:space="preserve">                                        &lt;li&gt;</w:t>
            </w:r>
          </w:p>
          <w:p w:rsidR="00A35FED" w:rsidRDefault="00A35FED" w:rsidP="00A35FED">
            <w:r>
              <w:t xml:space="preserve">                                            &lt;label class="container_check"&gt;</w:t>
            </w:r>
          </w:p>
          <w:p w:rsidR="00A35FED" w:rsidRDefault="00A35FED" w:rsidP="00A35FED">
            <w:r>
              <w:t xml:space="preserve">                                                Theater Room</w:t>
            </w:r>
          </w:p>
          <w:p w:rsidR="00A35FED" w:rsidRDefault="00A35FED" w:rsidP="00A35FED"/>
          <w:p w:rsidR="00A35FED" w:rsidRDefault="00A35FED" w:rsidP="00A35FED">
            <w:r>
              <w:t xml:space="preserve">                                                &lt;input type="checkbox" name="amenities[]" value="theater_room"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Exercise Room</w:t>
            </w:r>
          </w:p>
          <w:p w:rsidR="00A35FED" w:rsidRDefault="00A35FED" w:rsidP="00A35FED"/>
          <w:p w:rsidR="00A35FED" w:rsidRDefault="00A35FED" w:rsidP="00A35FED">
            <w:r>
              <w:t xml:space="preserve">                                                &lt;input type="checkbox" name="amenities[]" value="exercise_room"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Physical Therapy</w:t>
            </w:r>
          </w:p>
          <w:p w:rsidR="00A35FED" w:rsidRDefault="00A35FED" w:rsidP="00A35FED"/>
          <w:p w:rsidR="00A35FED" w:rsidRDefault="00A35FED" w:rsidP="00A35FED">
            <w:r>
              <w:t xml:space="preserve">                                                &lt;input type="checkbox" name="amenities[]" value="physical_therapy"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Library</w:t>
            </w:r>
          </w:p>
          <w:p w:rsidR="00A35FED" w:rsidRDefault="00A35FED" w:rsidP="00A35FED"/>
          <w:p w:rsidR="00A35FED" w:rsidRDefault="00A35FED" w:rsidP="00A35FED">
            <w:r>
              <w:t xml:space="preserve">                                                &lt;input type="checkbox" name="amenities[]" value="library"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Pool</w:t>
            </w:r>
          </w:p>
          <w:p w:rsidR="00A35FED" w:rsidRDefault="00A35FED" w:rsidP="00A35FED"/>
          <w:p w:rsidR="00A35FED" w:rsidRDefault="00A35FED" w:rsidP="00A35FED">
            <w:r>
              <w:t xml:space="preserve">                                                &lt;input type="checkbox" name="amenities[]" value="pool"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Putting Green</w:t>
            </w:r>
          </w:p>
          <w:p w:rsidR="00A35FED" w:rsidRDefault="00A35FED" w:rsidP="00A35FED"/>
          <w:p w:rsidR="00A35FED" w:rsidRDefault="00A35FED" w:rsidP="00A35FED">
            <w:r>
              <w:t xml:space="preserve">                                                &lt;input type="checkbox" name="amenities[]" value="putting_green"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lastRenderedPageBreak/>
              <w:t xml:space="preserve">                                        &lt;li&gt;</w:t>
            </w:r>
          </w:p>
          <w:p w:rsidR="00A35FED" w:rsidRDefault="00A35FED" w:rsidP="00A35FED">
            <w:r>
              <w:t xml:space="preserve">                                            &lt;label class="container_check"&gt;</w:t>
            </w:r>
          </w:p>
          <w:p w:rsidR="00A35FED" w:rsidRDefault="00A35FED" w:rsidP="00A35FED">
            <w:r>
              <w:t xml:space="preserve">                                                Golf Course</w:t>
            </w:r>
          </w:p>
          <w:p w:rsidR="00A35FED" w:rsidRDefault="00A35FED" w:rsidP="00A35FED"/>
          <w:p w:rsidR="00A35FED" w:rsidRDefault="00A35FED" w:rsidP="00A35FED">
            <w:r>
              <w:t xml:space="preserve">                                                &lt;input type="checkbox" name="amenities[]" value="100009"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Picnic Areas</w:t>
            </w:r>
          </w:p>
          <w:p w:rsidR="00A35FED" w:rsidRDefault="00A35FED" w:rsidP="00A35FED"/>
          <w:p w:rsidR="00A35FED" w:rsidRDefault="00A35FED" w:rsidP="00A35FED">
            <w:r>
              <w:t xml:space="preserve">                                                &lt;input type="checkbox" name="amenities[]" value="100010"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Barbecues</w:t>
            </w:r>
          </w:p>
          <w:p w:rsidR="00A35FED" w:rsidRDefault="00A35FED" w:rsidP="00A35FED"/>
          <w:p w:rsidR="00A35FED" w:rsidRDefault="00A35FED" w:rsidP="00A35FED">
            <w:r>
              <w:t xml:space="preserve">                                                &lt;input type="checkbox" name="amenities[]" value="barbecue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Bistro</w:t>
            </w:r>
          </w:p>
          <w:p w:rsidR="00A35FED" w:rsidRDefault="00A35FED" w:rsidP="00A35FED"/>
          <w:p w:rsidR="00A35FED" w:rsidRDefault="00A35FED" w:rsidP="00A35FED">
            <w:r>
              <w:t xml:space="preserve">                                                &lt;input type="checkbox" name="amenities[]" value="bistro"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Pizza Grotto</w:t>
            </w:r>
          </w:p>
          <w:p w:rsidR="00A35FED" w:rsidRDefault="00A35FED" w:rsidP="00A35FED"/>
          <w:p w:rsidR="00A35FED" w:rsidRDefault="00A35FED" w:rsidP="00A35FED">
            <w:r>
              <w:t xml:space="preserve">                                                &lt;input type="checkbox" name="amenities[]" value="pizza_grotto"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Bar</w:t>
            </w:r>
          </w:p>
          <w:p w:rsidR="00A35FED" w:rsidRDefault="00A35FED" w:rsidP="00A35FED"/>
          <w:p w:rsidR="00A35FED" w:rsidRDefault="00A35FED" w:rsidP="00A35FED">
            <w:r>
              <w:t xml:space="preserve">                                                &lt;input type="checkbox" name="amenities[]" value="bar"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lastRenderedPageBreak/>
              <w:t xml:space="preserve">                                        &lt;li&gt;</w:t>
            </w:r>
          </w:p>
          <w:p w:rsidR="00A35FED" w:rsidRDefault="00A35FED" w:rsidP="00A35FED">
            <w:r>
              <w:t xml:space="preserve">                                            &lt;label class="container_check"&gt;</w:t>
            </w:r>
          </w:p>
          <w:p w:rsidR="00A35FED" w:rsidRDefault="00A35FED" w:rsidP="00A35FED">
            <w:r>
              <w:t xml:space="preserve">                                                Restaurants</w:t>
            </w:r>
          </w:p>
          <w:p w:rsidR="00A35FED" w:rsidRDefault="00A35FED" w:rsidP="00A35FED"/>
          <w:p w:rsidR="00A35FED" w:rsidRDefault="00A35FED" w:rsidP="00A35FED">
            <w:r>
              <w:t xml:space="preserve">                                                &lt;input type="checkbox" name="amenities[]" value="restaurant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Recreation Room</w:t>
            </w:r>
          </w:p>
          <w:p w:rsidR="00A35FED" w:rsidRDefault="00A35FED" w:rsidP="00A35FED"/>
          <w:p w:rsidR="00A35FED" w:rsidRDefault="00A35FED" w:rsidP="00A35FED">
            <w:r>
              <w:t xml:space="preserve">                                                &lt;input type="checkbox" name="amenities[]" value="recreation_room"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Jacuzzi</w:t>
            </w:r>
          </w:p>
          <w:p w:rsidR="00A35FED" w:rsidRDefault="00A35FED" w:rsidP="00A35FED"/>
          <w:p w:rsidR="00A35FED" w:rsidRDefault="00A35FED" w:rsidP="00A35FED">
            <w:r>
              <w:t xml:space="preserve">                                                &lt;input type="checkbox" name="amenities[]" value="jacuzzi"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Sauna</w:t>
            </w:r>
          </w:p>
          <w:p w:rsidR="00A35FED" w:rsidRDefault="00A35FED" w:rsidP="00A35FED"/>
          <w:p w:rsidR="00A35FED" w:rsidRDefault="00A35FED" w:rsidP="00A35FED">
            <w:r>
              <w:t xml:space="preserve">                                                &lt;input type="checkbox" name="amenities[]" value="sauna"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ul&gt;</w:t>
            </w:r>
          </w:p>
          <w:p w:rsidR="00A35FED" w:rsidRDefault="00A35FED" w:rsidP="00A35FED">
            <w:r>
              <w:t xml:space="preserve">                                &lt;/div&gt;</w:t>
            </w:r>
          </w:p>
          <w:p w:rsidR="00A35FED" w:rsidRDefault="00A35FED" w:rsidP="00A35FED">
            <w:r>
              <w:t xml:space="preserve">                                &lt;!---------------amenities ends------------------&gt;</w:t>
            </w:r>
          </w:p>
          <w:p w:rsidR="00A35FED" w:rsidRDefault="00A35FED" w:rsidP="00A35FED"/>
          <w:p w:rsidR="00A35FED" w:rsidRDefault="00A35FED" w:rsidP="00A35FED">
            <w:r>
              <w:t xml:space="preserve">                                &lt;!---------------Entertainments Starts------------------&gt;</w:t>
            </w:r>
          </w:p>
          <w:p w:rsidR="00A35FED" w:rsidRDefault="00A35FED" w:rsidP="00A35FED">
            <w:r>
              <w:t xml:space="preserve">                                &lt;div class="filter_type"&gt;</w:t>
            </w:r>
          </w:p>
          <w:p w:rsidR="00A35FED" w:rsidRDefault="00A35FED" w:rsidP="00A35FED">
            <w:r>
              <w:t xml:space="preserve">                                    &lt;h6&gt;</w:t>
            </w:r>
          </w:p>
          <w:p w:rsidR="00A35FED" w:rsidRDefault="00A35FED" w:rsidP="00A35FED">
            <w:r>
              <w:t xml:space="preserve">                                        &lt;a aria-controls="collapseEntertainments" aria-expanded="false"</w:t>
            </w:r>
          </w:p>
          <w:p w:rsidR="00A35FED" w:rsidRDefault="00A35FED" w:rsidP="00A35FED">
            <w:r>
              <w:t xml:space="preserve">                                            data-toggle="collapse" href="#collapseEntertainments"</w:t>
            </w:r>
          </w:p>
          <w:p w:rsidR="00A35FED" w:rsidRDefault="00A35FED" w:rsidP="00A35FED">
            <w:r>
              <w:t xml:space="preserve">                                            class="collapse-toggler collapsed"&gt;</w:t>
            </w:r>
          </w:p>
          <w:p w:rsidR="00A35FED" w:rsidRDefault="00A35FED" w:rsidP="00A35FED">
            <w:r>
              <w:t xml:space="preserve">                                            Entertainment</w:t>
            </w:r>
          </w:p>
          <w:p w:rsidR="00A35FED" w:rsidRDefault="00A35FED" w:rsidP="00A35FED">
            <w:r>
              <w:t xml:space="preserve">                                        &lt;/a&gt;</w:t>
            </w:r>
          </w:p>
          <w:p w:rsidR="00A35FED" w:rsidRDefault="00A35FED" w:rsidP="00A35FED">
            <w:r>
              <w:t xml:space="preserve">                                    &lt;/h6&gt;</w:t>
            </w:r>
          </w:p>
          <w:p w:rsidR="00A35FED" w:rsidRDefault="00A35FED" w:rsidP="00A35FED">
            <w:r>
              <w:t xml:space="preserve">                                    &lt;ul class="collapse" id="collapseEntertainments"&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lastRenderedPageBreak/>
              <w:t xml:space="preserve">                                                Arts &amp;amp; Crafts</w:t>
            </w:r>
          </w:p>
          <w:p w:rsidR="00A35FED" w:rsidRDefault="00A35FED" w:rsidP="00A35FED"/>
          <w:p w:rsidR="00A35FED" w:rsidRDefault="00A35FED" w:rsidP="00A35FED">
            <w:r>
              <w:t xml:space="preserve">                                                &lt;input type="checkbox" name="entertainments[]" value="arts_craft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Field Trips</w:t>
            </w:r>
          </w:p>
          <w:p w:rsidR="00A35FED" w:rsidRDefault="00A35FED" w:rsidP="00A35FED"/>
          <w:p w:rsidR="00A35FED" w:rsidRDefault="00A35FED" w:rsidP="00A35FED">
            <w:r>
              <w:t xml:space="preserve">                                                &lt;input type="checkbox" name="entertainments[]" value="field_trip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Movie Nights</w:t>
            </w:r>
          </w:p>
          <w:p w:rsidR="00A35FED" w:rsidRDefault="00A35FED" w:rsidP="00A35FED"/>
          <w:p w:rsidR="00A35FED" w:rsidRDefault="00A35FED" w:rsidP="00A35FED">
            <w:r>
              <w:t xml:space="preserve">                                                &lt;input type="checkbox" name="entertainments[]" value="movie_night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Live Entertainment</w:t>
            </w:r>
          </w:p>
          <w:p w:rsidR="00A35FED" w:rsidRDefault="00A35FED" w:rsidP="00A35FED"/>
          <w:p w:rsidR="00A35FED" w:rsidRDefault="00A35FED" w:rsidP="00A35FED">
            <w:r>
              <w:t xml:space="preserve">                                                &lt;input type="checkbox" name="entertainments[]"</w:t>
            </w:r>
          </w:p>
          <w:p w:rsidR="00A35FED" w:rsidRDefault="00A35FED" w:rsidP="00A35FED">
            <w:r>
              <w:t xml:space="preserve">                                                    value="live_entertainment"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Bingo</w:t>
            </w:r>
          </w:p>
          <w:p w:rsidR="00A35FED" w:rsidRDefault="00A35FED" w:rsidP="00A35FED"/>
          <w:p w:rsidR="00A35FED" w:rsidRDefault="00A35FED" w:rsidP="00A35FED">
            <w:r>
              <w:t xml:space="preserve">                                                &lt;input type="checkbox" name="entertainments[]" value="bingo"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Social &amp;amp; Hobby Clubs</w:t>
            </w:r>
          </w:p>
          <w:p w:rsidR="00A35FED" w:rsidRDefault="00A35FED" w:rsidP="00A35FED"/>
          <w:p w:rsidR="00A35FED" w:rsidRDefault="00A35FED" w:rsidP="00A35FED">
            <w:r>
              <w:t xml:space="preserve">                                                &lt;input type="checkbox" name="entertainments[]" value="100005"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lastRenderedPageBreak/>
              <w:t xml:space="preserve">                                            &lt;label class="container_check"&gt;</w:t>
            </w:r>
          </w:p>
          <w:p w:rsidR="00A35FED" w:rsidRDefault="00A35FED" w:rsidP="00A35FED">
            <w:r>
              <w:t xml:space="preserve">                                                Classes for Learning</w:t>
            </w:r>
          </w:p>
          <w:p w:rsidR="00A35FED" w:rsidRDefault="00A35FED" w:rsidP="00A35FED"/>
          <w:p w:rsidR="00A35FED" w:rsidRDefault="00A35FED" w:rsidP="00A35FED">
            <w:r>
              <w:t xml:space="preserve">                                                &lt;input type="checkbox" name="entertainments[]"</w:t>
            </w:r>
          </w:p>
          <w:p w:rsidR="00A35FED" w:rsidRDefault="00A35FED" w:rsidP="00A35FED">
            <w:r>
              <w:t xml:space="preserve">                                                    value="classes_for_learning"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Holiday Celebrations</w:t>
            </w:r>
          </w:p>
          <w:p w:rsidR="00A35FED" w:rsidRDefault="00A35FED" w:rsidP="00A35FED"/>
          <w:p w:rsidR="00A35FED" w:rsidRDefault="00A35FED" w:rsidP="00A35FED">
            <w:r>
              <w:t xml:space="preserve">                                                &lt;input type="checkbox" name="entertainments[]"</w:t>
            </w:r>
          </w:p>
          <w:p w:rsidR="00A35FED" w:rsidRDefault="00A35FED" w:rsidP="00A35FED">
            <w:r>
              <w:t xml:space="preserve">                                                    value="holiday_celebration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Resident Council / Caucus</w:t>
            </w:r>
          </w:p>
          <w:p w:rsidR="00A35FED" w:rsidRDefault="00A35FED" w:rsidP="00A35FED"/>
          <w:p w:rsidR="00A35FED" w:rsidRDefault="00A35FED" w:rsidP="00A35FED">
            <w:r>
              <w:t xml:space="preserve">                                                &lt;input type="checkbox" name="entertainments[]"</w:t>
            </w:r>
          </w:p>
          <w:p w:rsidR="00A35FED" w:rsidRDefault="00A35FED" w:rsidP="00A35FED">
            <w:r>
              <w:t xml:space="preserve">                                                    value="resident_council_caucu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Shuffleboard</w:t>
            </w:r>
          </w:p>
          <w:p w:rsidR="00A35FED" w:rsidRDefault="00A35FED" w:rsidP="00A35FED"/>
          <w:p w:rsidR="00A35FED" w:rsidRDefault="00A35FED" w:rsidP="00A35FED">
            <w:r>
              <w:t xml:space="preserve">                                                &lt;input type="checkbox" name="entertainments[]" value="shuffleboard"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Bocce Ball</w:t>
            </w:r>
          </w:p>
          <w:p w:rsidR="00A35FED" w:rsidRDefault="00A35FED" w:rsidP="00A35FED"/>
          <w:p w:rsidR="00A35FED" w:rsidRDefault="00A35FED" w:rsidP="00A35FED">
            <w:r>
              <w:t xml:space="preserve">                                                &lt;input type="checkbox" name="entertainments[]" value="bocce_ball"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Tennis Courts</w:t>
            </w:r>
          </w:p>
          <w:p w:rsidR="00A35FED" w:rsidRDefault="00A35FED" w:rsidP="00A35FED"/>
          <w:p w:rsidR="00A35FED" w:rsidRDefault="00A35FED" w:rsidP="00A35FED">
            <w:r>
              <w:t xml:space="preserve">                                                &lt;input type="checkbox" name="entertainments[]" value="tennis_courts" /&gt;</w:t>
            </w:r>
          </w:p>
          <w:p w:rsidR="00A35FED" w:rsidRDefault="00A35FED" w:rsidP="00A35FED">
            <w:r>
              <w:t xml:space="preserve">                                                &lt;span class="checkmark"&gt;&lt;/span&gt;</w:t>
            </w:r>
          </w:p>
          <w:p w:rsidR="00A35FED" w:rsidRDefault="00A35FED" w:rsidP="00A35FED">
            <w:r>
              <w:lastRenderedPageBreak/>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Pickle Ball</w:t>
            </w:r>
          </w:p>
          <w:p w:rsidR="00A35FED" w:rsidRDefault="00A35FED" w:rsidP="00A35FED"/>
          <w:p w:rsidR="00A35FED" w:rsidRDefault="00A35FED" w:rsidP="00A35FED">
            <w:r>
              <w:t xml:space="preserve">                                                &lt;input type="checkbox" name="entertainments[]" value="pickle_ball"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Ping Pong</w:t>
            </w:r>
          </w:p>
          <w:p w:rsidR="00A35FED" w:rsidRDefault="00A35FED" w:rsidP="00A35FED"/>
          <w:p w:rsidR="00A35FED" w:rsidRDefault="00A35FED" w:rsidP="00A35FED">
            <w:r>
              <w:t xml:space="preserve">                                                &lt;input type="checkbox" name="entertainments[]" value="ping_pong"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ul&gt;</w:t>
            </w:r>
          </w:p>
          <w:p w:rsidR="00A35FED" w:rsidRDefault="00A35FED" w:rsidP="00A35FED">
            <w:r>
              <w:t xml:space="preserve">                                &lt;/div&gt;</w:t>
            </w:r>
          </w:p>
          <w:p w:rsidR="00A35FED" w:rsidRDefault="00A35FED" w:rsidP="00A35FED">
            <w:r>
              <w:t xml:space="preserve">                                &lt;!---------------Entertainment ends------------------&gt;</w:t>
            </w:r>
          </w:p>
          <w:p w:rsidR="00A35FED" w:rsidRDefault="00A35FED" w:rsidP="00A35FED"/>
          <w:p w:rsidR="00A35FED" w:rsidRDefault="00A35FED" w:rsidP="00A35FED">
            <w:r>
              <w:t xml:space="preserve">                                &lt;!---------------religion Starts------------------&gt;</w:t>
            </w:r>
          </w:p>
          <w:p w:rsidR="00A35FED" w:rsidRDefault="00A35FED" w:rsidP="00A35FED">
            <w:r>
              <w:t xml:space="preserve">                                &lt;div class="filter_type"&gt;</w:t>
            </w:r>
          </w:p>
          <w:p w:rsidR="00A35FED" w:rsidRDefault="00A35FED" w:rsidP="00A35FED">
            <w:r>
              <w:t xml:space="preserve">                                    &lt;h6&gt;</w:t>
            </w:r>
          </w:p>
          <w:p w:rsidR="00A35FED" w:rsidRDefault="00A35FED" w:rsidP="00A35FED">
            <w:r>
              <w:t xml:space="preserve">                                        &lt;a aria-controls="collapseReligions" aria-expanded="false"</w:t>
            </w:r>
          </w:p>
          <w:p w:rsidR="00A35FED" w:rsidRDefault="00A35FED" w:rsidP="00A35FED">
            <w:r>
              <w:t xml:space="preserve">                                            data-toggle="collapse" href="#collapseReligions"</w:t>
            </w:r>
          </w:p>
          <w:p w:rsidR="00A35FED" w:rsidRDefault="00A35FED" w:rsidP="00A35FED">
            <w:r>
              <w:t xml:space="preserve">                                            class="collapse-toggler collapsed"&gt;</w:t>
            </w:r>
          </w:p>
          <w:p w:rsidR="00A35FED" w:rsidRDefault="00A35FED" w:rsidP="00A35FED">
            <w:r>
              <w:t xml:space="preserve">                                            Religious Services</w:t>
            </w:r>
          </w:p>
          <w:p w:rsidR="00A35FED" w:rsidRDefault="00A35FED" w:rsidP="00A35FED">
            <w:r>
              <w:t xml:space="preserve">                                        &lt;/a&gt;</w:t>
            </w:r>
          </w:p>
          <w:p w:rsidR="00A35FED" w:rsidRDefault="00A35FED" w:rsidP="00A35FED">
            <w:r>
              <w:t xml:space="preserve">                                    &lt;/h6&gt;</w:t>
            </w:r>
          </w:p>
          <w:p w:rsidR="00A35FED" w:rsidRDefault="00A35FED" w:rsidP="00A35FED">
            <w:r>
              <w:t xml:space="preserve">                                    &lt;ul class="collapse" id="collapseReligions"&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Christian</w:t>
            </w:r>
          </w:p>
          <w:p w:rsidR="00A35FED" w:rsidRDefault="00A35FED" w:rsidP="00A35FED"/>
          <w:p w:rsidR="00A35FED" w:rsidRDefault="00A35FED" w:rsidP="00A35FED">
            <w:r>
              <w:t xml:space="preserve">                                                &lt;input type="checkbox" name="religions[]" value="christian"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Catholic</w:t>
            </w:r>
          </w:p>
          <w:p w:rsidR="00A35FED" w:rsidRDefault="00A35FED" w:rsidP="00A35FED"/>
          <w:p w:rsidR="00A35FED" w:rsidRDefault="00A35FED" w:rsidP="00A35FED">
            <w:r>
              <w:t xml:space="preserve">                                                &lt;input type="checkbox" name="religions[]" value="catholic"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lastRenderedPageBreak/>
              <w:t xml:space="preserve">                                        &lt;li&gt;</w:t>
            </w:r>
          </w:p>
          <w:p w:rsidR="00A35FED" w:rsidRDefault="00A35FED" w:rsidP="00A35FED">
            <w:r>
              <w:t xml:space="preserve">                                            &lt;label class="container_check"&gt;</w:t>
            </w:r>
          </w:p>
          <w:p w:rsidR="00A35FED" w:rsidRDefault="00A35FED" w:rsidP="00A35FED">
            <w:r>
              <w:t xml:space="preserve">                                                Jewish</w:t>
            </w:r>
          </w:p>
          <w:p w:rsidR="00A35FED" w:rsidRDefault="00A35FED" w:rsidP="00A35FED"/>
          <w:p w:rsidR="00A35FED" w:rsidRDefault="00A35FED" w:rsidP="00A35FED">
            <w:r>
              <w:t xml:space="preserve">                                                &lt;input type="checkbox" name="religions[]" value="jewish"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Muslim</w:t>
            </w:r>
          </w:p>
          <w:p w:rsidR="00A35FED" w:rsidRDefault="00A35FED" w:rsidP="00A35FED"/>
          <w:p w:rsidR="00A35FED" w:rsidRDefault="00A35FED" w:rsidP="00A35FED">
            <w:r>
              <w:t xml:space="preserve">                                                &lt;input type="checkbox" name="religions[]" value="muslim"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Buddhist</w:t>
            </w:r>
          </w:p>
          <w:p w:rsidR="00A35FED" w:rsidRDefault="00A35FED" w:rsidP="00A35FED"/>
          <w:p w:rsidR="00A35FED" w:rsidRDefault="00A35FED" w:rsidP="00A35FED">
            <w:r>
              <w:t xml:space="preserve">                                                &lt;input type="checkbox" name="religions[]" value="buddhist"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Hindu</w:t>
            </w:r>
          </w:p>
          <w:p w:rsidR="00A35FED" w:rsidRDefault="00A35FED" w:rsidP="00A35FED"/>
          <w:p w:rsidR="00A35FED" w:rsidRDefault="00A35FED" w:rsidP="00A35FED">
            <w:r>
              <w:t xml:space="preserve">                                                &lt;input type="checkbox" name="religions[]" value="hindu"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ul&gt;</w:t>
            </w:r>
          </w:p>
          <w:p w:rsidR="00A35FED" w:rsidRDefault="00A35FED" w:rsidP="00A35FED">
            <w:r>
              <w:t xml:space="preserve">                                &lt;/div&gt;</w:t>
            </w:r>
          </w:p>
          <w:p w:rsidR="00A35FED" w:rsidRDefault="00A35FED" w:rsidP="00A35FED">
            <w:r>
              <w:t xml:space="preserve">                                &lt;!---------------religion ends------------------&gt;</w:t>
            </w:r>
          </w:p>
          <w:p w:rsidR="00A35FED" w:rsidRDefault="00A35FED" w:rsidP="00A35FED">
            <w:r>
              <w:t xml:space="preserve">                                </w:t>
            </w:r>
          </w:p>
          <w:p w:rsidR="00A35FED" w:rsidRDefault="00A35FED" w:rsidP="00A35FED">
            <w:r>
              <w:t xml:space="preserve">                                &lt;!---------------feature Starts------------------&gt;</w:t>
            </w:r>
          </w:p>
          <w:p w:rsidR="00A35FED" w:rsidRDefault="00A35FED" w:rsidP="00A35FED">
            <w:r>
              <w:t xml:space="preserve">                                &lt;div class="filter_type"&gt;</w:t>
            </w:r>
          </w:p>
          <w:p w:rsidR="00A35FED" w:rsidRDefault="00A35FED" w:rsidP="00A35FED">
            <w:r>
              <w:t xml:space="preserve">                                    &lt;h6&gt;</w:t>
            </w:r>
          </w:p>
          <w:p w:rsidR="00A35FED" w:rsidRDefault="00A35FED" w:rsidP="00A35FED">
            <w:r>
              <w:t xml:space="preserve">                                        &lt;a aria-controls="collapseFeatures" aria-expanded="false"</w:t>
            </w:r>
          </w:p>
          <w:p w:rsidR="00A35FED" w:rsidRDefault="00A35FED" w:rsidP="00A35FED">
            <w:r>
              <w:t xml:space="preserve">                                            data-toggle="collapse" href="#collapseFeatures"</w:t>
            </w:r>
          </w:p>
          <w:p w:rsidR="00A35FED" w:rsidRDefault="00A35FED" w:rsidP="00A35FED">
            <w:r>
              <w:t xml:space="preserve">                                            class="collapse-toggler collapsed"&gt;</w:t>
            </w:r>
          </w:p>
          <w:p w:rsidR="00A35FED" w:rsidRDefault="00A35FED" w:rsidP="00A35FED">
            <w:r>
              <w:t xml:space="preserve">                                            Features</w:t>
            </w:r>
          </w:p>
          <w:p w:rsidR="00A35FED" w:rsidRDefault="00A35FED" w:rsidP="00A35FED">
            <w:r>
              <w:t xml:space="preserve">                                        &lt;/a&gt;</w:t>
            </w:r>
          </w:p>
          <w:p w:rsidR="00A35FED" w:rsidRDefault="00A35FED" w:rsidP="00A35FED">
            <w:r>
              <w:t xml:space="preserve">                                    &lt;/h6&gt;</w:t>
            </w:r>
          </w:p>
          <w:p w:rsidR="00A35FED" w:rsidRDefault="00A35FED" w:rsidP="00A35FED">
            <w:r>
              <w:t xml:space="preserve">                                    &lt;ul class="collapse" id="collapseFeatures"&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lastRenderedPageBreak/>
              <w:t xml:space="preserve">                                                Electric Wheelchair</w:t>
            </w:r>
          </w:p>
          <w:p w:rsidR="00A35FED" w:rsidRDefault="00A35FED" w:rsidP="00A35FED"/>
          <w:p w:rsidR="00A35FED" w:rsidRDefault="00A35FED" w:rsidP="00A35FED">
            <w:r>
              <w:t xml:space="preserve">                                                &lt;input type="checkbox" name="features[]" value="electric_wheelchair"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1 Bird</w:t>
            </w:r>
          </w:p>
          <w:p w:rsidR="00A35FED" w:rsidRDefault="00A35FED" w:rsidP="00A35FED"/>
          <w:p w:rsidR="00A35FED" w:rsidRDefault="00A35FED" w:rsidP="00A35FED">
            <w:r>
              <w:t xml:space="preserve">                                                &lt;input type="checkbox" name="features[]" value="one_bird"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1 Cat</w:t>
            </w:r>
          </w:p>
          <w:p w:rsidR="00A35FED" w:rsidRDefault="00A35FED" w:rsidP="00A35FED"/>
          <w:p w:rsidR="00A35FED" w:rsidRDefault="00A35FED" w:rsidP="00A35FED">
            <w:r>
              <w:t xml:space="preserve">                                                &lt;input type="checkbox" name="features[]" value="one_cat"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1 Dog</w:t>
            </w:r>
          </w:p>
          <w:p w:rsidR="00A35FED" w:rsidRDefault="00A35FED" w:rsidP="00A35FED"/>
          <w:p w:rsidR="00A35FED" w:rsidRDefault="00A35FED" w:rsidP="00A35FED">
            <w:r>
              <w:t xml:space="preserve">                                                &lt;input type="checkbox" name="features[]" value="one_dog_20lbs"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lt;li&gt;</w:t>
            </w:r>
          </w:p>
          <w:p w:rsidR="00A35FED" w:rsidRDefault="00A35FED" w:rsidP="00A35FED">
            <w:r>
              <w:t xml:space="preserve">                                            &lt;label class="container_check"&gt;</w:t>
            </w:r>
          </w:p>
          <w:p w:rsidR="00A35FED" w:rsidRDefault="00A35FED" w:rsidP="00A35FED">
            <w:r>
              <w:t xml:space="preserve">                                                Smoking</w:t>
            </w:r>
          </w:p>
          <w:p w:rsidR="00A35FED" w:rsidRDefault="00A35FED" w:rsidP="00A35FED"/>
          <w:p w:rsidR="00A35FED" w:rsidRDefault="00A35FED" w:rsidP="00A35FED">
            <w:r>
              <w:t xml:space="preserve">                                                &lt;input type="checkbox" name="features[]" value="smoking" /&gt;</w:t>
            </w:r>
          </w:p>
          <w:p w:rsidR="00A35FED" w:rsidRDefault="00A35FED" w:rsidP="00A35FED">
            <w:r>
              <w:t xml:space="preserve">                                                &lt;span class="checkmark"&gt;&lt;/span&gt;</w:t>
            </w:r>
          </w:p>
          <w:p w:rsidR="00A35FED" w:rsidRDefault="00A35FED" w:rsidP="00A35FED">
            <w:r>
              <w:t xml:space="preserve">                                            &lt;/label&gt;</w:t>
            </w:r>
          </w:p>
          <w:p w:rsidR="00A35FED" w:rsidRDefault="00A35FED" w:rsidP="00A35FED">
            <w:r>
              <w:t xml:space="preserve">                                        &lt;/li&gt;</w:t>
            </w:r>
          </w:p>
          <w:p w:rsidR="00A35FED" w:rsidRDefault="00A35FED" w:rsidP="00A35FED">
            <w:r>
              <w:t xml:space="preserve">                                        </w:t>
            </w:r>
          </w:p>
          <w:p w:rsidR="00A35FED" w:rsidRDefault="00A35FED" w:rsidP="00A35FED">
            <w:r>
              <w:t xml:space="preserve">                                    &lt;/ul&gt;</w:t>
            </w:r>
          </w:p>
          <w:p w:rsidR="00A35FED" w:rsidRDefault="00A35FED" w:rsidP="00A35FED">
            <w:r>
              <w:t xml:space="preserve">                                &lt;/div&gt;</w:t>
            </w:r>
          </w:p>
          <w:p w:rsidR="00A35FED" w:rsidRDefault="00A35FED" w:rsidP="00A35FED">
            <w:r>
              <w:t xml:space="preserve">                                &lt;!--------------feature ends------------------&gt;</w:t>
            </w:r>
          </w:p>
          <w:p w:rsidR="00A35FED" w:rsidRDefault="00A35FED" w:rsidP="00A35FED">
            <w:r>
              <w:t xml:space="preserve">        &lt;input type="hidden" id="txtFeatures" value="[{&amp;quot;residences_id&amp;quot;:100184,&amp;quot;accomodations&amp;quot;:[100002,100006,100007,100008,100009],&amp;quot;rental_services&amp;quot;:[100000,100002],&amp;quot;meals&amp;quot;:[100004],&amp;quot;dietss&amp;quot;:[100000,100001,100004],&amp;quot;cares&amp;quot;:[100006,100012,100013],&amp;quot;entertainments&amp;quot;:[100001,100003,100004,100005,100008,100011,100013],&amp;quot;amenities&amp;quot;:[100001,100005,100007,100008,100009,100010,100011,100013,100014,100017],&amp;quot;religion&amp;quot;:[100000,1000</w:t>
            </w:r>
            <w:r>
              <w:lastRenderedPageBreak/>
              <w:t>02]},{&amp;quot;residences_id&amp;quot;:100153,&amp;quot;accomodations&amp;quot;:[100002,100005,100006,100007,100008],&amp;quot;rental_services&amp;quot;:[100002,100003],&amp;quot;meals&amp;quot;:[100001],&amp;quot;diets&amp;quot;:[100001,100002,100004],&amp;quot;cares&amp;quot;:[100004,100007,100011],&amp;quot;entertainments&amp;quot;:[100000,100001,100003,100008,100010,100011,100013],&amp;quot;amenities&amp;quot;:[100000,100002,100003,100005,100006,100008,100011,100013,100014,100016],&amp;quot;religions&amp;quot;:[100000,100001]},{&amp;quot;residences_id&amp;quot;:100111,&amp;quot;accomodations&amp;quot;:[100001,100004,100006,100008,100011],&amp;quot;rental_services&amp;quot;:[100000,100002],&amp;quot;meals&amp;quot;:[100001],&amp;quot;diets&amp;quot;:[100002,100003,100004],&amp;quot;cares&amp;quot;:[100001,100003,100006],&amp;quot;entertainments&amp;quot;:[100000,100001,100003,100004,100005,100006,100008],&amp;quot;amenities&amp;quot;:[100000,100001,100005,100007,100010,100011,100013,100016,100017,100018],&amp;quot;religions&amp;quot;:[100000,100002]},{&amp;quot;residences_id&amp;quot;:100112,&amp;quot;accomodations&amp;quot;:[100000,100001,100004,100007,100008],&amp;quot;rental_services&amp;quot;:[100000,100002],&amp;quot;meals&amp;quot;:[100001],&amp;quot;diets&amp;quot;:[100002,100003,100004],&amp;quot;cares&amp;quot;:[100001,100007,100013],&amp;quot;entertainments&amp;quot;:[100000,100004,100007,100009,100010,100011,100013],&amp;quot;amenities&amp;quot;:[100000,100001,100002,100004,100008,100011,100012,100013,100014,100016],&amp;quot;religions&amp;quot;:[100002,100004]}]"/&gt;</w:t>
            </w:r>
          </w:p>
          <w:p w:rsidR="00A35FED" w:rsidRDefault="00A35FED" w:rsidP="00A35FED">
            <w:r>
              <w:t xml:space="preserve">    &lt;/div&gt;</w:t>
            </w:r>
          </w:p>
          <w:p w:rsidR="00A35FED" w:rsidRDefault="00A35FED" w:rsidP="00A35FED">
            <w:r>
              <w:t>&lt;/div&gt;</w:t>
            </w:r>
          </w:p>
          <w:p w:rsidR="00A35FED" w:rsidRDefault="00A35FED" w:rsidP="00A35FED">
            <w:r>
              <w:t>&lt;!---------------Filter ends------------------&gt;</w:t>
            </w:r>
          </w:p>
          <w:p w:rsidR="00A35FED" w:rsidRDefault="00A35FED" w:rsidP="00A35FED">
            <w:r>
              <w:t xml:space="preserve">                    </w:t>
            </w:r>
          </w:p>
          <w:p w:rsidR="00A35FED" w:rsidRDefault="00A35FED" w:rsidP="00A35FED">
            <w:r>
              <w:t>&lt;!---------------Filter Validation Starts------------------&gt;</w:t>
            </w:r>
          </w:p>
          <w:p w:rsidR="00A35FED" w:rsidRDefault="00A35FED" w:rsidP="00A35FED">
            <w:r>
              <w:t>&lt;script type="text/javascript"&gt;</w:t>
            </w:r>
          </w:p>
          <w:p w:rsidR="00A35FED" w:rsidRDefault="00A35FED" w:rsidP="00A35FED">
            <w:r>
              <w:t xml:space="preserve">                        var placeSearch, autoComplete;</w:t>
            </w:r>
          </w:p>
          <w:p w:rsidR="00A35FED" w:rsidRDefault="00A35FED" w:rsidP="00A35FED">
            <w:r>
              <w:t xml:space="preserve">                        var filter = {};</w:t>
            </w:r>
          </w:p>
          <w:p w:rsidR="00A35FED" w:rsidRDefault="00A35FED" w:rsidP="00A35FED">
            <w:r>
              <w:t xml:space="preserve">                        /*$(window).on("load", function () {</w:t>
            </w:r>
          </w:p>
          <w:p w:rsidR="00A35FED" w:rsidRDefault="00A35FED" w:rsidP="00A35FED">
            <w:r>
              <w:t xml:space="preserve">                            geoLocate();</w:t>
            </w:r>
          </w:p>
          <w:p w:rsidR="00A35FED" w:rsidRDefault="00A35FED" w:rsidP="00A35FED">
            <w:r>
              <w:t xml:space="preserve">                        });*/</w:t>
            </w:r>
          </w:p>
          <w:p w:rsidR="00A35FED" w:rsidRDefault="00A35FED" w:rsidP="00A35FED">
            <w:r>
              <w:t xml:space="preserve">                        $(document).ready(function() {</w:t>
            </w:r>
          </w:p>
          <w:p w:rsidR="00A35FED" w:rsidRDefault="00A35FED" w:rsidP="00A35FED">
            <w:r>
              <w:t xml:space="preserve">                            filter = fnParseFilter("");</w:t>
            </w:r>
          </w:p>
          <w:p w:rsidR="00A35FED" w:rsidRDefault="00A35FED" w:rsidP="00A35FED"/>
          <w:p w:rsidR="00A35FED" w:rsidRDefault="00A35FED" w:rsidP="00A35FED">
            <w:r>
              <w:t xml:space="preserve">                            $('input[type="range"]').rangeslider({</w:t>
            </w:r>
          </w:p>
          <w:p w:rsidR="00A35FED" w:rsidRDefault="00A35FED" w:rsidP="00A35FED">
            <w:r>
              <w:t xml:space="preserve">                                polyfill: false,</w:t>
            </w:r>
          </w:p>
          <w:p w:rsidR="00A35FED" w:rsidRDefault="00A35FED" w:rsidP="00A35FED">
            <w:r>
              <w:t xml:space="preserve">                                onInit: function() {</w:t>
            </w:r>
          </w:p>
          <w:p w:rsidR="00A35FED" w:rsidRDefault="00A35FED" w:rsidP="00A35FED">
            <w:r>
              <w:t xml:space="preserve">                                    this.output = $('.distance span').html(this.$element.val())</w:t>
            </w:r>
          </w:p>
          <w:p w:rsidR="00A35FED" w:rsidRDefault="00A35FED" w:rsidP="00A35FED">
            <w:r>
              <w:t xml:space="preserve">                                },</w:t>
            </w:r>
          </w:p>
          <w:p w:rsidR="00A35FED" w:rsidRDefault="00A35FED" w:rsidP="00A35FED">
            <w:r>
              <w:t xml:space="preserve">                                onSlide: function(i, e) {</w:t>
            </w:r>
          </w:p>
          <w:p w:rsidR="00A35FED" w:rsidRDefault="00A35FED" w:rsidP="00A35FED">
            <w:r>
              <w:t xml:space="preserve">                                    this.output.html(e)</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slider-range").each(function() {</w:t>
            </w:r>
          </w:p>
          <w:p w:rsidR="00A35FED" w:rsidRDefault="00A35FED" w:rsidP="00A35FED">
            <w:r>
              <w:t xml:space="preserve">                                var instance = this;</w:t>
            </w:r>
          </w:p>
          <w:p w:rsidR="00A35FED" w:rsidRDefault="00A35FED" w:rsidP="00A35FED">
            <w:r>
              <w:t xml:space="preserve">                                var data = $(this).data();</w:t>
            </w:r>
          </w:p>
          <w:p w:rsidR="00A35FED" w:rsidRDefault="00A35FED" w:rsidP="00A35FED">
            <w:r>
              <w:t xml:space="preserve">                                var formatter = {</w:t>
            </w:r>
          </w:p>
          <w:p w:rsidR="00A35FED" w:rsidRDefault="00A35FED" w:rsidP="00A35FED">
            <w:r>
              <w:t xml:space="preserve">                                    decimals: 0</w:t>
            </w:r>
          </w:p>
          <w:p w:rsidR="00A35FED" w:rsidRDefault="00A35FED" w:rsidP="00A35FED">
            <w:r>
              <w:t xml:space="preserve">                                };</w:t>
            </w:r>
          </w:p>
          <w:p w:rsidR="00A35FED" w:rsidRDefault="00A35FED" w:rsidP="00A35FED">
            <w:r>
              <w:t xml:space="preserve">                                var minTarget = $("#txtMin" + data.target);</w:t>
            </w:r>
          </w:p>
          <w:p w:rsidR="00A35FED" w:rsidRDefault="00A35FED" w:rsidP="00A35FED">
            <w:r>
              <w:t xml:space="preserve">                                var maxTarget = $("#txtMax" + data.target);</w:t>
            </w:r>
          </w:p>
          <w:p w:rsidR="00A35FED" w:rsidRDefault="00A35FED" w:rsidP="00A35FED">
            <w:r>
              <w:t xml:space="preserve">                                if (data.format === "price") {</w:t>
            </w:r>
          </w:p>
          <w:p w:rsidR="00A35FED" w:rsidRDefault="00A35FED" w:rsidP="00A35FED">
            <w:r>
              <w:lastRenderedPageBreak/>
              <w:t xml:space="preserve">                                    formatter["thousand"] = ',';</w:t>
            </w:r>
          </w:p>
          <w:p w:rsidR="00A35FED" w:rsidRDefault="00A35FED" w:rsidP="00A35FED">
            <w:r>
              <w:t xml:space="preserve">                                    formatter["prefix"] = '$ ';</w:t>
            </w:r>
          </w:p>
          <w:p w:rsidR="00A35FED" w:rsidRDefault="00A35FED" w:rsidP="00A35FED">
            <w:r>
              <w:t xml:space="preserve">                                }</w:t>
            </w:r>
          </w:p>
          <w:p w:rsidR="00A35FED" w:rsidRDefault="00A35FED" w:rsidP="00A35FED">
            <w:r>
              <w:t xml:space="preserve">                                data.start = minTarget.val() || data.min;</w:t>
            </w:r>
          </w:p>
          <w:p w:rsidR="00A35FED" w:rsidRDefault="00A35FED" w:rsidP="00A35FED">
            <w:r>
              <w:t xml:space="preserve">                                data.end = maxTarget.val() || data.max;</w:t>
            </w:r>
          </w:p>
          <w:p w:rsidR="00A35FED" w:rsidRDefault="00A35FED" w:rsidP="00A35FED">
            <w:r>
              <w:t xml:space="preserve">                                noUiSlider.create(this, {</w:t>
            </w:r>
          </w:p>
          <w:p w:rsidR="00A35FED" w:rsidRDefault="00A35FED" w:rsidP="00A35FED">
            <w:r>
              <w:t xml:space="preserve">                                    start: [data.start, data.end],</w:t>
            </w:r>
          </w:p>
          <w:p w:rsidR="00A35FED" w:rsidRDefault="00A35FED" w:rsidP="00A35FED">
            <w:r>
              <w:t xml:space="preserve">                                    connect: true,</w:t>
            </w:r>
          </w:p>
          <w:p w:rsidR="00A35FED" w:rsidRDefault="00A35FED" w:rsidP="00A35FED">
            <w:r>
              <w:t xml:space="preserve">                                    step: data.step,</w:t>
            </w:r>
          </w:p>
          <w:p w:rsidR="00A35FED" w:rsidRDefault="00A35FED" w:rsidP="00A35FED">
            <w:r>
              <w:t xml:space="preserve">                                    /*tooltips: [wNumb(formatter), wNumb(formatter)],*/</w:t>
            </w:r>
          </w:p>
          <w:p w:rsidR="00A35FED" w:rsidRDefault="00A35FED" w:rsidP="00A35FED">
            <w:r>
              <w:t xml:space="preserve">                                    range: {</w:t>
            </w:r>
          </w:p>
          <w:p w:rsidR="00A35FED" w:rsidRDefault="00A35FED" w:rsidP="00A35FED">
            <w:r>
              <w:t xml:space="preserve">                                        'min': data.min,</w:t>
            </w:r>
          </w:p>
          <w:p w:rsidR="00A35FED" w:rsidRDefault="00A35FED" w:rsidP="00A35FED">
            <w:r>
              <w:t xml:space="preserve">                                        'max': data.max</w:t>
            </w:r>
          </w:p>
          <w:p w:rsidR="00A35FED" w:rsidRDefault="00A35FED" w:rsidP="00A35FED">
            <w:r>
              <w:t xml:space="preserve">                                    }</w:t>
            </w:r>
          </w:p>
          <w:p w:rsidR="00A35FED" w:rsidRDefault="00A35FED" w:rsidP="00A35FED">
            <w:r>
              <w:t xml:space="preserve">                                }).on('update', function(values) {</w:t>
            </w:r>
          </w:p>
          <w:p w:rsidR="00A35FED" w:rsidRDefault="00A35FED" w:rsidP="00A35FED">
            <w:r>
              <w:t xml:space="preserve">                                    minTarget.val(parseInt(values[0]));</w:t>
            </w:r>
          </w:p>
          <w:p w:rsidR="00A35FED" w:rsidRDefault="00A35FED" w:rsidP="00A35FED">
            <w:r>
              <w:t xml:space="preserve">                                    maxTarget.val(parseInt(values[1]));</w:t>
            </w:r>
          </w:p>
          <w:p w:rsidR="00A35FED" w:rsidRDefault="00A35FED" w:rsidP="00A35FED">
            <w:r>
              <w:t xml:space="preserve">                                });</w:t>
            </w:r>
          </w:p>
          <w:p w:rsidR="00A35FED" w:rsidRDefault="00A35FED" w:rsidP="00A35FED"/>
          <w:p w:rsidR="00A35FED" w:rsidRDefault="00A35FED" w:rsidP="00A35FED">
            <w:r>
              <w:t xml:space="preserve">                                minTarget.on('change', function() {</w:t>
            </w:r>
          </w:p>
          <w:p w:rsidR="00A35FED" w:rsidRDefault="00A35FED" w:rsidP="00A35FED">
            <w:r>
              <w:t xml:space="preserve">                                    instance.noUiSlider.set([this.value, null]);</w:t>
            </w:r>
          </w:p>
          <w:p w:rsidR="00A35FED" w:rsidRDefault="00A35FED" w:rsidP="00A35FED">
            <w:r>
              <w:t xml:space="preserve">                                });</w:t>
            </w:r>
          </w:p>
          <w:p w:rsidR="00A35FED" w:rsidRDefault="00A35FED" w:rsidP="00A35FED"/>
          <w:p w:rsidR="00A35FED" w:rsidRDefault="00A35FED" w:rsidP="00A35FED">
            <w:r>
              <w:t xml:space="preserve">                                maxTarget.on('change', function() {</w:t>
            </w:r>
          </w:p>
          <w:p w:rsidR="00A35FED" w:rsidRDefault="00A35FED" w:rsidP="00A35FED">
            <w:r>
              <w:t xml:space="preserve">                                    instance.noUiSlider.set([null, this.value]);</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document.body).on("click", ".remove-item", function(e) {</w:t>
            </w:r>
          </w:p>
          <w:p w:rsidR="00A35FED" w:rsidRDefault="00A35FED" w:rsidP="00A35FED">
            <w:r>
              <w:t xml:space="preserve">                                e.preventDefault();</w:t>
            </w:r>
          </w:p>
          <w:p w:rsidR="00A35FED" w:rsidRDefault="00A35FED" w:rsidP="00A35FED">
            <w:r>
              <w:t xml:space="preserve">                                var item = $(this).parents("button");</w:t>
            </w:r>
          </w:p>
          <w:p w:rsidR="00A35FED" w:rsidRDefault="00A35FED" w:rsidP="00A35FED">
            <w:r>
              <w:t xml:space="preserve">                                if (item.attr("title") === "Your Location") {</w:t>
            </w:r>
          </w:p>
          <w:p w:rsidR="00A35FED" w:rsidRDefault="00A35FED" w:rsidP="00A35FED">
            <w:r>
              <w:t xml:space="preserve">                                    swal.fire({</w:t>
            </w:r>
          </w:p>
          <w:p w:rsidR="00A35FED" w:rsidRDefault="00A35FED" w:rsidP="00A35FED">
            <w:r>
              <w:t xml:space="preserve">                                        title: 'Are you sure?',</w:t>
            </w:r>
          </w:p>
          <w:p w:rsidR="00A35FED" w:rsidRDefault="00A35FED" w:rsidP="00A35FED">
            <w:r>
              <w:t xml:space="preserve">                                        text: "You are removing your location that was detected by the system. If you choose to remove, you will not be shown with your location automatically, until you clear this preference manually.",</w:t>
            </w:r>
          </w:p>
          <w:p w:rsidR="00A35FED" w:rsidRDefault="00A35FED" w:rsidP="00A35FED">
            <w:r>
              <w:t xml:space="preserve">                                        icon: 'warning',</w:t>
            </w:r>
          </w:p>
          <w:p w:rsidR="00A35FED" w:rsidRDefault="00A35FED" w:rsidP="00A35FED">
            <w:r>
              <w:t xml:space="preserve">                                        showCancelButton: true,</w:t>
            </w:r>
          </w:p>
          <w:p w:rsidR="00A35FED" w:rsidRDefault="00A35FED" w:rsidP="00A35FED">
            <w:r>
              <w:t xml:space="preserve">                                        confirmButtonColor: '#0CC27E',</w:t>
            </w:r>
          </w:p>
          <w:p w:rsidR="00A35FED" w:rsidRDefault="00A35FED" w:rsidP="00A35FED">
            <w:r>
              <w:t xml:space="preserve">                                        cancelButtonColor: '#FF586B',</w:t>
            </w:r>
          </w:p>
          <w:p w:rsidR="00A35FED" w:rsidRDefault="00A35FED" w:rsidP="00A35FED">
            <w:r>
              <w:t xml:space="preserve">                                        confirmButtonText: 'Yes, Remove',</w:t>
            </w:r>
          </w:p>
          <w:p w:rsidR="00A35FED" w:rsidRDefault="00A35FED" w:rsidP="00A35FED">
            <w:r>
              <w:t xml:space="preserve">                                        cancelButtonText: 'Let it be',</w:t>
            </w:r>
          </w:p>
          <w:p w:rsidR="00A35FED" w:rsidRDefault="00A35FED" w:rsidP="00A35FED">
            <w:r>
              <w:t xml:space="preserve">                                        showLoaderOnConfirm: true,</w:t>
            </w:r>
          </w:p>
          <w:p w:rsidR="00A35FED" w:rsidRDefault="00A35FED" w:rsidP="00A35FED">
            <w:r>
              <w:t xml:space="preserve">                                        reverseButtons: true</w:t>
            </w:r>
          </w:p>
          <w:p w:rsidR="00A35FED" w:rsidRDefault="00A35FED" w:rsidP="00A35FED">
            <w:r>
              <w:t xml:space="preserve">                                    }).then((result) =&gt; {</w:t>
            </w:r>
          </w:p>
          <w:p w:rsidR="00A35FED" w:rsidRDefault="00A35FED" w:rsidP="00A35FED">
            <w:r>
              <w:t xml:space="preserve">                                        if (result.value) {</w:t>
            </w:r>
          </w:p>
          <w:p w:rsidR="00A35FED" w:rsidRDefault="00A35FED" w:rsidP="00A35FED">
            <w:r>
              <w:t xml:space="preserve">                                            lscache.set("auto_location_off", 1, (7 * 24 * 60));</w:t>
            </w:r>
          </w:p>
          <w:p w:rsidR="00A35FED" w:rsidRDefault="00A35FED" w:rsidP="00A35FED">
            <w:r>
              <w:lastRenderedPageBreak/>
              <w:t xml:space="preserve">                                            item.remove();</w:t>
            </w:r>
          </w:p>
          <w:p w:rsidR="00A35FED" w:rsidRDefault="00A35FED" w:rsidP="00A35FED">
            <w:r>
              <w:t xml:space="preserve">                                            noty("success",</w:t>
            </w:r>
          </w:p>
          <w:p w:rsidR="00A35FED" w:rsidRDefault="00A35FED" w:rsidP="00A35FED">
            <w:r>
              <w:t xml:space="preserve">                                                "Your preference has been updated!!",</w:t>
            </w:r>
          </w:p>
          <w:p w:rsidR="00A35FED" w:rsidRDefault="00A35FED" w:rsidP="00A35FED">
            <w:r>
              <w:t xml:space="preserve">                                                "You will not be shown with your location for the next 7 days.",</w:t>
            </w:r>
          </w:p>
          <w:p w:rsidR="00A35FED" w:rsidRDefault="00A35FED" w:rsidP="00A35FED">
            <w:r>
              <w:t xml:space="preserve">                                                5000, "top-right");</w:t>
            </w:r>
          </w:p>
          <w:p w:rsidR="00A35FED" w:rsidRDefault="00A35FED" w:rsidP="00A35FED">
            <w:r>
              <w:t xml:space="preserve">                                            /*Swal.fire({</w:t>
            </w:r>
          </w:p>
          <w:p w:rsidR="00A35FED" w:rsidRDefault="00A35FED" w:rsidP="00A35FED">
            <w:r>
              <w:t xml:space="preserve">                                                title: "Your preference has been updated!!",</w:t>
            </w:r>
          </w:p>
          <w:p w:rsidR="00A35FED" w:rsidRDefault="00A35FED" w:rsidP="00A35FED">
            <w:r>
              <w:t xml:space="preserve">                                                text: "You will not be shown with your location for the next 7 days.",</w:t>
            </w:r>
          </w:p>
          <w:p w:rsidR="00A35FED" w:rsidRDefault="00A35FED" w:rsidP="00A35FED">
            <w:r>
              <w:t xml:space="preserve">                                                icon: "success",</w:t>
            </w:r>
          </w:p>
          <w:p w:rsidR="00A35FED" w:rsidRDefault="00A35FED" w:rsidP="00A35FED">
            <w:r>
              <w:t xml:space="preserve">                                                confirmButtonText: "Ok, Got it!!"</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 else {</w:t>
            </w:r>
          </w:p>
          <w:p w:rsidR="00A35FED" w:rsidRDefault="00A35FED" w:rsidP="00A35FED">
            <w:r>
              <w:t xml:space="preserve">                                    item.remove();</w:t>
            </w:r>
          </w:p>
          <w:p w:rsidR="00A35FED" w:rsidRDefault="00A35FED" w:rsidP="00A35FED">
            <w:r>
              <w:t xml:space="preserve">                                }</w:t>
            </w:r>
          </w:p>
          <w:p w:rsidR="00A35FED" w:rsidRDefault="00A35FED" w:rsidP="00A35FED">
            <w:r>
              <w:t xml:space="preserve">                                var eLocations = [...new Set($("#divLocations button").map(function() {</w:t>
            </w:r>
          </w:p>
          <w:p w:rsidR="00A35FED" w:rsidRDefault="00A35FED" w:rsidP="00A35FED">
            <w:r>
              <w:t xml:space="preserve">                                    return $(this).data("location");</w:t>
            </w:r>
          </w:p>
          <w:p w:rsidR="00A35FED" w:rsidRDefault="00A35FED" w:rsidP="00A35FED">
            <w:r>
              <w:t xml:space="preserve">                                }).get())];</w:t>
            </w:r>
          </w:p>
          <w:p w:rsidR="00A35FED" w:rsidRDefault="00A35FED" w:rsidP="00A35FED">
            <w:r>
              <w:t xml:space="preserve">                                if (eLocations.find(item =&gt; item.startsWith("zip_code"))) {</w:t>
            </w:r>
          </w:p>
          <w:p w:rsidR="00A35FED" w:rsidRDefault="00A35FED" w:rsidP="00A35FED">
            <w:r>
              <w:t xml:space="preserve">                                    $("#divRadius").show();</w:t>
            </w:r>
          </w:p>
          <w:p w:rsidR="00A35FED" w:rsidRDefault="00A35FED" w:rsidP="00A35FED">
            <w:r>
              <w:t xml:space="preserve">                                } else {</w:t>
            </w:r>
          </w:p>
          <w:p w:rsidR="00A35FED" w:rsidRDefault="00A35FED" w:rsidP="00A35FED">
            <w:r>
              <w:t xml:space="preserve">                                    $("#divRadius").hide();</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fnInitFilter();</w:t>
            </w:r>
          </w:p>
          <w:p w:rsidR="00A35FED" w:rsidRDefault="00A35FED" w:rsidP="00A35FED"/>
          <w:p w:rsidR="00A35FED" w:rsidRDefault="00A35FED" w:rsidP="00A35FED">
            <w:r>
              <w:t xml:space="preserve">                            $(document.body).on("click", "#btnApplyFilter", function(e) {</w:t>
            </w:r>
          </w:p>
          <w:p w:rsidR="00A35FED" w:rsidRDefault="00A35FED" w:rsidP="00A35FED">
            <w:r>
              <w:t xml:space="preserve">                                e.preventDefault();</w:t>
            </w:r>
          </w:p>
          <w:p w:rsidR="00A35FED" w:rsidRDefault="00A35FED" w:rsidP="00A35FED">
            <w:r>
              <w:t xml:space="preserve">                                $(this).attr("disabled", "disabled");</w:t>
            </w:r>
          </w:p>
          <w:p w:rsidR="00A35FED" w:rsidRDefault="00A35FED" w:rsidP="00A35FED">
            <w:r>
              <w:t xml:space="preserve">                                fnApplyFilter();</w:t>
            </w:r>
          </w:p>
          <w:p w:rsidR="00A35FED" w:rsidRDefault="00A35FED" w:rsidP="00A35FED">
            <w:r>
              <w:t xml:space="preserve">                            });</w:t>
            </w:r>
          </w:p>
          <w:p w:rsidR="00A35FED" w:rsidRDefault="00A35FED" w:rsidP="00A35FED"/>
          <w:p w:rsidR="00A35FED" w:rsidRDefault="00A35FED" w:rsidP="00A35FED">
            <w:r>
              <w:t xml:space="preserve">                            $(document.body).on("click", "#divRefiner input:checkbox", function() {</w:t>
            </w:r>
          </w:p>
          <w:p w:rsidR="00A35FED" w:rsidRDefault="00A35FED" w:rsidP="00A35FED">
            <w:r>
              <w:t xml:space="preserve">                                var refine = {};</w:t>
            </w:r>
          </w:p>
          <w:p w:rsidR="00A35FED" w:rsidRDefault="00A35FED" w:rsidP="00A35FED">
            <w:r>
              <w:t xml:space="preserve">                                getResidence();</w:t>
            </w:r>
          </w:p>
          <w:p w:rsidR="00A35FED" w:rsidRDefault="00A35FED" w:rsidP="00A35FED">
            <w:r>
              <w:t xml:space="preserve">                                let checkGroups = [</w:t>
            </w:r>
          </w:p>
          <w:p w:rsidR="00A35FED" w:rsidRDefault="00A35FED" w:rsidP="00A35FED">
            <w:r>
              <w:t xml:space="preserve">                                    'residences',</w:t>
            </w:r>
          </w:p>
          <w:p w:rsidR="00A35FED" w:rsidRDefault="00A35FED" w:rsidP="00A35FED">
            <w:r>
              <w:t xml:space="preserve">                                    'accommodations',</w:t>
            </w:r>
          </w:p>
          <w:p w:rsidR="00A35FED" w:rsidRDefault="00A35FED" w:rsidP="00A35FED">
            <w:r>
              <w:t xml:space="preserve">                                    'rental_services',</w:t>
            </w:r>
          </w:p>
          <w:p w:rsidR="00A35FED" w:rsidRDefault="00A35FED" w:rsidP="00A35FED">
            <w:r>
              <w:t xml:space="preserve">                                    'meals',</w:t>
            </w:r>
          </w:p>
          <w:p w:rsidR="00A35FED" w:rsidRDefault="00A35FED" w:rsidP="00A35FED">
            <w:r>
              <w:t xml:space="preserve">                                    'diets',</w:t>
            </w:r>
          </w:p>
          <w:p w:rsidR="00A35FED" w:rsidRDefault="00A35FED" w:rsidP="00A35FED">
            <w:r>
              <w:t xml:space="preserve">                                    'cares',</w:t>
            </w:r>
          </w:p>
          <w:p w:rsidR="00A35FED" w:rsidRDefault="00A35FED" w:rsidP="00A35FED">
            <w:r>
              <w:t xml:space="preserve">                                    'amenities',</w:t>
            </w:r>
          </w:p>
          <w:p w:rsidR="00A35FED" w:rsidRDefault="00A35FED" w:rsidP="00A35FED">
            <w:r>
              <w:t xml:space="preserve">                                    'entertainments',</w:t>
            </w:r>
          </w:p>
          <w:p w:rsidR="00A35FED" w:rsidRDefault="00A35FED" w:rsidP="00A35FED">
            <w:r>
              <w:t xml:space="preserve">                                    'religions',</w:t>
            </w:r>
          </w:p>
          <w:p w:rsidR="00A35FED" w:rsidRDefault="00A35FED" w:rsidP="00A35FED">
            <w:r>
              <w:t xml:space="preserve">                                    'features'</w:t>
            </w:r>
          </w:p>
          <w:p w:rsidR="00A35FED" w:rsidRDefault="00A35FED" w:rsidP="00A35FED">
            <w:r>
              <w:lastRenderedPageBreak/>
              <w:t xml:space="preserve">                                    </w:t>
            </w:r>
          </w:p>
          <w:p w:rsidR="00A35FED" w:rsidRDefault="00A35FED" w:rsidP="00A35FED">
            <w:r>
              <w:t xml:space="preserve">                                ];</w:t>
            </w:r>
          </w:p>
          <w:p w:rsidR="00A35FED" w:rsidRDefault="00A35FED" w:rsidP="00A35FED">
            <w:r>
              <w:t xml:space="preserve">                                checkGroups.forEach(function(item, index) {</w:t>
            </w:r>
          </w:p>
          <w:p w:rsidR="00A35FED" w:rsidRDefault="00A35FED" w:rsidP="00A35FED">
            <w:r>
              <w:t xml:space="preserve">                                    refine[item] = $("input[name='" + item + "[]']:checked")</w:t>
            </w:r>
          </w:p>
          <w:p w:rsidR="00A35FED" w:rsidRDefault="00A35FED" w:rsidP="00A35FED">
            <w:r>
              <w:t xml:space="preserve">                                        .map(function() {</w:t>
            </w:r>
          </w:p>
          <w:p w:rsidR="00A35FED" w:rsidRDefault="00A35FED" w:rsidP="00A35FED">
            <w:r>
              <w:t xml:space="preserve">                                            return parseInt(this.value);</w:t>
            </w:r>
          </w:p>
          <w:p w:rsidR="00A35FED" w:rsidRDefault="00A35FED" w:rsidP="00A35FED">
            <w:r>
              <w:t xml:space="preserve">                                        }).get();</w:t>
            </w:r>
          </w:p>
          <w:p w:rsidR="00A35FED" w:rsidRDefault="00A35FED" w:rsidP="00A35FED">
            <w:r>
              <w:t xml:space="preserve">                                });</w:t>
            </w:r>
          </w:p>
          <w:p w:rsidR="00A35FED" w:rsidRDefault="00A35FED" w:rsidP="00A35FED">
            <w:r>
              <w:t xml:space="preserve">                                var query = buildFilter(refine);</w:t>
            </w:r>
          </w:p>
          <w:p w:rsidR="00A35FED" w:rsidRDefault="00A35FED" w:rsidP="00A35FED">
            <w:r>
              <w:t xml:space="preserve">                                var searchQuery = fnGetSearchQuery();</w:t>
            </w:r>
          </w:p>
          <w:p w:rsidR="00A35FED" w:rsidRDefault="00A35FED" w:rsidP="00A35FED">
            <w:r>
              <w:t xml:space="preserve">                                var pref = {</w:t>
            </w:r>
          </w:p>
          <w:p w:rsidR="00A35FED" w:rsidRDefault="00A35FED" w:rsidP="00A35FED">
            <w:r>
              <w:t xml:space="preserve">                                    ...searchQuery,</w:t>
            </w:r>
          </w:p>
          <w:p w:rsidR="00A35FED" w:rsidRDefault="00A35FED" w:rsidP="00A35FED">
            <w:r>
              <w:t xml:space="preserve">                                    ...query</w:t>
            </w:r>
          </w:p>
          <w:p w:rsidR="00A35FED" w:rsidRDefault="00A35FED" w:rsidP="00A35FED">
            <w:r>
              <w:t xml:space="preserve">                                };</w:t>
            </w:r>
          </w:p>
          <w:p w:rsidR="00A35FED" w:rsidRDefault="00A35FED" w:rsidP="00A35FED">
            <w:r>
              <w:t xml:space="preserve">                                var features = $("#txtFeatures").val();</w:t>
            </w:r>
          </w:p>
          <w:p w:rsidR="00A35FED" w:rsidRDefault="00A35FED" w:rsidP="00A35FED">
            <w:r>
              <w:t xml:space="preserve">                                var refined = filterData($.parseJSON(features), query);</w:t>
            </w:r>
          </w:p>
          <w:p w:rsidR="00A35FED" w:rsidRDefault="00A35FED" w:rsidP="00A35FED">
            <w:r>
              <w:t xml:space="preserve">                                var ids = _.map(refined, "residence_id");</w:t>
            </w:r>
          </w:p>
          <w:p w:rsidR="00A35FED" w:rsidRDefault="00A35FED" w:rsidP="00A35FED">
            <w:r>
              <w:t xml:space="preserve">                                window.setCookie("RIDS", ids, 1);</w:t>
            </w:r>
          </w:p>
          <w:p w:rsidR="00A35FED" w:rsidRDefault="00A35FED" w:rsidP="00A35FED">
            <w:r>
              <w:t xml:space="preserve">                                window.setCookie("PREF", btoa(fnStringifyObject(pref)), 30);</w:t>
            </w:r>
          </w:p>
          <w:p w:rsidR="00A35FED" w:rsidRDefault="00A35FED" w:rsidP="00A35FED">
            <w:r>
              <w:t xml:space="preserve">                                var elements = $(ids.map(i =&gt; '#' + i).join(","));</w:t>
            </w:r>
          </w:p>
          <w:p w:rsidR="00A35FED" w:rsidRDefault="00A35FED" w:rsidP="00A35FED">
            <w:r>
              <w:t xml:space="preserve">                                $(".residence").not(elements).hide();</w:t>
            </w:r>
          </w:p>
          <w:p w:rsidR="00A35FED" w:rsidRDefault="00A35FED" w:rsidP="00A35FED">
            <w:r>
              <w:t xml:space="preserve">                                elements.show();</w:t>
            </w:r>
          </w:p>
          <w:p w:rsidR="00A35FED" w:rsidRDefault="00A35FED" w:rsidP="00A35FED">
            <w:r>
              <w:t xml:space="preserve">                                if (elements.length &gt; 0) {</w:t>
            </w:r>
          </w:p>
          <w:p w:rsidR="00A35FED" w:rsidRDefault="00A35FED" w:rsidP="00A35FED">
            <w:r>
              <w:t xml:space="preserve">                                    $(".no-records").hide();</w:t>
            </w:r>
          </w:p>
          <w:p w:rsidR="00A35FED" w:rsidRDefault="00A35FED" w:rsidP="00A35FED">
            <w:r>
              <w:t xml:space="preserve">                                } else {</w:t>
            </w:r>
          </w:p>
          <w:p w:rsidR="00A35FED" w:rsidRDefault="00A35FED" w:rsidP="00A35FED">
            <w:r>
              <w:t xml:space="preserve">                                    $(".no-records").show();</w:t>
            </w:r>
          </w:p>
          <w:p w:rsidR="00A35FED" w:rsidRDefault="00A35FED" w:rsidP="00A35FED">
            <w:r>
              <w:t xml:space="preserve">                                }</w:t>
            </w:r>
          </w:p>
          <w:p w:rsidR="00A35FED" w:rsidRDefault="00A35FED" w:rsidP="00A35FED">
            <w:r>
              <w:t xml:space="preserve">                                new WOW().init();</w:t>
            </w:r>
          </w:p>
          <w:p w:rsidR="00A35FED" w:rsidRDefault="00A35FED" w:rsidP="00A35FED">
            <w:r>
              <w:t xml:space="preserve">                                $("#spnRefined").text(elements.length + " of ");</w:t>
            </w:r>
          </w:p>
          <w:p w:rsidR="00A35FED" w:rsidRDefault="00A35FED" w:rsidP="00A35FED">
            <w:r>
              <w:t xml:space="preserve">                            });</w:t>
            </w:r>
          </w:p>
          <w:p w:rsidR="00A35FED" w:rsidRDefault="00A35FED" w:rsidP="00A35FED"/>
          <w:p w:rsidR="00A35FED" w:rsidRDefault="00A35FED" w:rsidP="00A35FED">
            <w:r>
              <w:t xml:space="preserve">                            window.buildFilter = (filter) =&gt; {</w:t>
            </w:r>
          </w:p>
          <w:p w:rsidR="00A35FED" w:rsidRDefault="00A35FED" w:rsidP="00A35FED">
            <w:r>
              <w:t xml:space="preserve">                                let query = {};</w:t>
            </w:r>
          </w:p>
          <w:p w:rsidR="00A35FED" w:rsidRDefault="00A35FED" w:rsidP="00A35FED">
            <w:r>
              <w:t xml:space="preserve">                                for (let keys in filter) {</w:t>
            </w:r>
          </w:p>
          <w:p w:rsidR="00A35FED" w:rsidRDefault="00A35FED" w:rsidP="00A35FED">
            <w:r>
              <w:t xml:space="preserve">                                    if (filter[keys].constructor === Array &amp;&amp; filter[keys].length &gt; 0) {</w:t>
            </w:r>
          </w:p>
          <w:p w:rsidR="00A35FED" w:rsidRDefault="00A35FED" w:rsidP="00A35FED">
            <w:r>
              <w:t xml:space="preserve">                                        query[keys] = filter[keys];</w:t>
            </w:r>
          </w:p>
          <w:p w:rsidR="00A35FED" w:rsidRDefault="00A35FED" w:rsidP="00A35FED">
            <w:r>
              <w:t xml:space="preserve">                                    }</w:t>
            </w:r>
          </w:p>
          <w:p w:rsidR="00A35FED" w:rsidRDefault="00A35FED" w:rsidP="00A35FED">
            <w:r>
              <w:t xml:space="preserve">                                }</w:t>
            </w:r>
          </w:p>
          <w:p w:rsidR="00A35FED" w:rsidRDefault="00A35FED" w:rsidP="00A35FED">
            <w:r>
              <w:t xml:space="preserve">                                return query;</w:t>
            </w:r>
          </w:p>
          <w:p w:rsidR="00A35FED" w:rsidRDefault="00A35FED" w:rsidP="00A35FED">
            <w:r>
              <w:t xml:space="preserve">                            };</w:t>
            </w:r>
          </w:p>
          <w:p w:rsidR="00A35FED" w:rsidRDefault="00A35FED" w:rsidP="00A35FED"/>
          <w:p w:rsidR="00A35FED" w:rsidRDefault="00A35FED" w:rsidP="00A35FED">
            <w:r>
              <w:t xml:space="preserve">                            window.filterData = (data, query, any = true) =&gt; {</w:t>
            </w:r>
          </w:p>
          <w:p w:rsidR="00A35FED" w:rsidRDefault="00A35FED" w:rsidP="00A35FED">
            <w:r>
              <w:t xml:space="preserve">                                const filteredData = data.filter((item) =&gt; {</w:t>
            </w:r>
          </w:p>
          <w:p w:rsidR="00A35FED" w:rsidRDefault="00A35FED" w:rsidP="00A35FED">
            <w:r>
              <w:t xml:space="preserve">                                    if (any) {</w:t>
            </w:r>
          </w:p>
          <w:p w:rsidR="00A35FED" w:rsidRDefault="00A35FED" w:rsidP="00A35FED">
            <w:r>
              <w:t xml:space="preserve">                                        var result = false;</w:t>
            </w:r>
          </w:p>
          <w:p w:rsidR="00A35FED" w:rsidRDefault="00A35FED" w:rsidP="00A35FED">
            <w:r>
              <w:t xml:space="preserve">                                        for (let key in query) {</w:t>
            </w:r>
          </w:p>
          <w:p w:rsidR="00A35FED" w:rsidRDefault="00A35FED" w:rsidP="00A35FED">
            <w:r>
              <w:t xml:space="preserve">                                            if (item[key] === undefined || !item[key].some(r =&gt;</w:t>
            </w:r>
          </w:p>
          <w:p w:rsidR="00A35FED" w:rsidRDefault="00A35FED" w:rsidP="00A35FED">
            <w:r>
              <w:t xml:space="preserve">                                                    query[key].indexOf(r) &gt;= 0)) {</w:t>
            </w:r>
          </w:p>
          <w:p w:rsidR="00A35FED" w:rsidRDefault="00A35FED" w:rsidP="00A35FED">
            <w:r>
              <w:lastRenderedPageBreak/>
              <w:t xml:space="preserve">                                                result = result || false;</w:t>
            </w:r>
          </w:p>
          <w:p w:rsidR="00A35FED" w:rsidRDefault="00A35FED" w:rsidP="00A35FED">
            <w:r>
              <w:t xml:space="preserve">                                            } else {</w:t>
            </w:r>
          </w:p>
          <w:p w:rsidR="00A35FED" w:rsidRDefault="00A35FED" w:rsidP="00A35FED">
            <w:r>
              <w:t xml:space="preserve">                                                result = result || true;</w:t>
            </w:r>
          </w:p>
          <w:p w:rsidR="00A35FED" w:rsidRDefault="00A35FED" w:rsidP="00A35FED">
            <w:r>
              <w:t xml:space="preserve">                                            }</w:t>
            </w:r>
          </w:p>
          <w:p w:rsidR="00A35FED" w:rsidRDefault="00A35FED" w:rsidP="00A35FED">
            <w:r>
              <w:t xml:space="preserve">                                        }</w:t>
            </w:r>
          </w:p>
          <w:p w:rsidR="00A35FED" w:rsidRDefault="00A35FED" w:rsidP="00A35FED">
            <w:r>
              <w:t xml:space="preserve">                                        return result;</w:t>
            </w:r>
          </w:p>
          <w:p w:rsidR="00A35FED" w:rsidRDefault="00A35FED" w:rsidP="00A35FED">
            <w:r>
              <w:t xml:space="preserve">                                    } else {</w:t>
            </w:r>
          </w:p>
          <w:p w:rsidR="00A35FED" w:rsidRDefault="00A35FED" w:rsidP="00A35FED">
            <w:r>
              <w:t xml:space="preserve">                                        for (let key in query) {</w:t>
            </w:r>
          </w:p>
          <w:p w:rsidR="00A35FED" w:rsidRDefault="00A35FED" w:rsidP="00A35FED">
            <w:r>
              <w:t xml:space="preserve">                                            if (item[key] === undefined || !item[key].some(r =&gt;</w:t>
            </w:r>
          </w:p>
          <w:p w:rsidR="00A35FED" w:rsidRDefault="00A35FED" w:rsidP="00A35FED">
            <w:r>
              <w:t xml:space="preserve">                                                    query[key].indexOf(r) &gt;= 0)) {</w:t>
            </w:r>
          </w:p>
          <w:p w:rsidR="00A35FED" w:rsidRDefault="00A35FED" w:rsidP="00A35FED">
            <w:r>
              <w:t xml:space="preserve">                                                return false;</w:t>
            </w:r>
          </w:p>
          <w:p w:rsidR="00A35FED" w:rsidRDefault="00A35FED" w:rsidP="00A35FED">
            <w:r>
              <w:t xml:space="preserve">                                            }</w:t>
            </w:r>
          </w:p>
          <w:p w:rsidR="00A35FED" w:rsidRDefault="00A35FED" w:rsidP="00A35FED">
            <w:r>
              <w:t xml:space="preserve">                                        }</w:t>
            </w:r>
          </w:p>
          <w:p w:rsidR="00A35FED" w:rsidRDefault="00A35FED" w:rsidP="00A35FED">
            <w:r>
              <w:t xml:space="preserve">                                        return true;</w:t>
            </w:r>
          </w:p>
          <w:p w:rsidR="00A35FED" w:rsidRDefault="00A35FED" w:rsidP="00A35FED">
            <w:r>
              <w:t xml:space="preserve">                                    }</w:t>
            </w:r>
          </w:p>
          <w:p w:rsidR="00A35FED" w:rsidRDefault="00A35FED" w:rsidP="00A35FED">
            <w:r>
              <w:t xml:space="preserve">                                });</w:t>
            </w:r>
          </w:p>
          <w:p w:rsidR="00A35FED" w:rsidRDefault="00A35FED" w:rsidP="00A35FED">
            <w:r>
              <w:t xml:space="preserve">                                return filteredData;</w:t>
            </w:r>
          </w:p>
          <w:p w:rsidR="00A35FED" w:rsidRDefault="00A35FED" w:rsidP="00A35FED">
            <w:r>
              <w:t xml:space="preserve">                            };</w:t>
            </w:r>
          </w:p>
          <w:p w:rsidR="00A35FED" w:rsidRDefault="00A35FED" w:rsidP="00A35FED"/>
          <w:p w:rsidR="00A35FED" w:rsidRDefault="00A35FED" w:rsidP="00A35FED">
            <w:r>
              <w:t xml:space="preserve">                            $("#frmSearchResidence").on("submit", function(e) {</w:t>
            </w:r>
          </w:p>
          <w:p w:rsidR="00A35FED" w:rsidRDefault="00A35FED" w:rsidP="00A35FED">
            <w:r>
              <w:t xml:space="preserve">                                e.preventDefault();</w:t>
            </w:r>
          </w:p>
          <w:p w:rsidR="00A35FED" w:rsidRDefault="00A35FED" w:rsidP="00A35FED">
            <w:r>
              <w:t xml:space="preserve">                                fnApplyFilter();</w:t>
            </w:r>
          </w:p>
          <w:p w:rsidR="00A35FED" w:rsidRDefault="00A35FED" w:rsidP="00A35FED">
            <w:r>
              <w:t xml:space="preserve">                            });</w:t>
            </w:r>
          </w:p>
          <w:p w:rsidR="00A35FED" w:rsidRDefault="00A35FED" w:rsidP="00A35FED"/>
          <w:p w:rsidR="00A35FED" w:rsidRDefault="00A35FED" w:rsidP="00A35FED">
            <w:r>
              <w:t xml:space="preserve">                            $(document.body).on("click", ".btnClearFilter", function(e) {</w:t>
            </w:r>
          </w:p>
          <w:p w:rsidR="00A35FED" w:rsidRDefault="00A35FED" w:rsidP="00A35FED">
            <w:r>
              <w:t xml:space="preserve">                                e.preventDefault();</w:t>
            </w:r>
          </w:p>
          <w:p w:rsidR="00A35FED" w:rsidRDefault="00A35FED" w:rsidP="00A35FED">
            <w:r>
              <w:t xml:space="preserve">                                $(this).attr("disabled", "disabled");</w:t>
            </w:r>
          </w:p>
          <w:p w:rsidR="00A35FED" w:rsidRDefault="00A35FED" w:rsidP="00A35FED">
            <w:r>
              <w:t xml:space="preserve">                                $("#txtSearchText").val("");</w:t>
            </w:r>
          </w:p>
          <w:p w:rsidR="00A35FED" w:rsidRDefault="00A35FED" w:rsidP="00A35FED">
            <w:r>
              <w:t xml:space="preserve">                                $("#txtFilterData").val("");</w:t>
            </w:r>
          </w:p>
          <w:p w:rsidR="00A35FED" w:rsidRDefault="00A35FED" w:rsidP="00A35FED">
            <w:r>
              <w:t xml:space="preserve">                                fnRedirect(window.location.pathname);</w:t>
            </w:r>
          </w:p>
          <w:p w:rsidR="00A35FED" w:rsidRDefault="00A35FED" w:rsidP="00A35FED">
            <w:r>
              <w:t xml:space="preserve">                                /*let sText = $("#txtSearchText").val().trim();</w:t>
            </w:r>
          </w:p>
          <w:p w:rsidR="00A35FED" w:rsidRDefault="00A35FED" w:rsidP="00A35FED">
            <w:r>
              <w:t xml:space="preserve">                                let params = {</w:t>
            </w:r>
          </w:p>
          <w:p w:rsidR="00A35FED" w:rsidRDefault="00A35FED" w:rsidP="00A35FED">
            <w:r>
              <w:t xml:space="preserve">                                    "q": sText</w:t>
            </w:r>
          </w:p>
          <w:p w:rsidR="00A35FED" w:rsidRDefault="00A35FED" w:rsidP="00A35FED">
            <w:r>
              <w:t xml:space="preserve">                                };</w:t>
            </w:r>
          </w:p>
          <w:p w:rsidR="00A35FED" w:rsidRDefault="00A35FED" w:rsidP="00A35FED">
            <w:r>
              <w:t xml:space="preserve">                                $("#txtFilterData").val(JSON.stringify(fnRefineObject(params)));</w:t>
            </w:r>
          </w:p>
          <w:p w:rsidR="00A35FED" w:rsidRDefault="00A35FED" w:rsidP="00A35FED">
            <w:r>
              <w:t xml:space="preserve">                                fnRedirect(window.location.pathname, fnObjectToQuery(params));*/</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function fnGetSearchQuery() {</w:t>
            </w:r>
          </w:p>
          <w:p w:rsidR="00A35FED" w:rsidRDefault="00A35FED" w:rsidP="00A35FED">
            <w:r>
              <w:t xml:space="preserve">                            var query = {};</w:t>
            </w:r>
          </w:p>
          <w:p w:rsidR="00A35FED" w:rsidRDefault="00A35FED" w:rsidP="00A35FED">
            <w:r>
              <w:t xml:space="preserve">                            query["residences"] = $("input[name='residences[]']:checked").map(function() {</w:t>
            </w:r>
          </w:p>
          <w:p w:rsidR="00A35FED" w:rsidRDefault="00A35FED" w:rsidP="00A35FED">
            <w:r>
              <w:t xml:space="preserve">                                return this.value;</w:t>
            </w:r>
          </w:p>
          <w:p w:rsidR="00A35FED" w:rsidRDefault="00A35FED" w:rsidP="00A35FED">
            <w:r>
              <w:t xml:space="preserve">                            }).get();</w:t>
            </w:r>
          </w:p>
          <w:p w:rsidR="00A35FED" w:rsidRDefault="00A35FED" w:rsidP="00A35FED">
            <w:r>
              <w:t xml:space="preserve">                            query["min"] = $("#txtMinBudgetRange").val();</w:t>
            </w:r>
          </w:p>
          <w:p w:rsidR="00A35FED" w:rsidRDefault="00A35FED" w:rsidP="00A35FED">
            <w:r>
              <w:t xml:space="preserve">                            query["max"] = $("#txtMaxBudgetRange").val();</w:t>
            </w:r>
          </w:p>
          <w:p w:rsidR="00A35FED" w:rsidRDefault="00A35FED" w:rsidP="00A35FED">
            <w:r>
              <w:t xml:space="preserve">                            query["location"] = [...new Set($("#divLocations button").map(function() {</w:t>
            </w:r>
          </w:p>
          <w:p w:rsidR="00A35FED" w:rsidRDefault="00A35FED" w:rsidP="00A35FED">
            <w:r>
              <w:t xml:space="preserve">                                return $(this).data("location");</w:t>
            </w:r>
          </w:p>
          <w:p w:rsidR="00A35FED" w:rsidRDefault="00A35FED" w:rsidP="00A35FED">
            <w:r>
              <w:lastRenderedPageBreak/>
              <w:t xml:space="preserve">                            }).get())];</w:t>
            </w:r>
          </w:p>
          <w:p w:rsidR="00A35FED" w:rsidRDefault="00A35FED" w:rsidP="00A35FED">
            <w:r>
              <w:t xml:space="preserve">                            if (query["location"].length) {</w:t>
            </w:r>
          </w:p>
          <w:p w:rsidR="00A35FED" w:rsidRDefault="00A35FED" w:rsidP="00A35FED">
            <w:r>
              <w:t xml:space="preserve">                                query["radius"] = $("#txtRadius").val();</w:t>
            </w:r>
          </w:p>
          <w:p w:rsidR="00A35FED" w:rsidRDefault="00A35FED" w:rsidP="00A35FED">
            <w:r>
              <w:t xml:space="preserve">                            }</w:t>
            </w:r>
          </w:p>
          <w:p w:rsidR="00A35FED" w:rsidRDefault="00A35FED" w:rsidP="00A35FED">
            <w:r>
              <w:t xml:space="preserve">                            let checkGroups = [</w:t>
            </w:r>
          </w:p>
          <w:p w:rsidR="00A35FED" w:rsidRDefault="00A35FED" w:rsidP="00A35FED">
            <w:r>
              <w:t xml:space="preserve">                                'residences',</w:t>
            </w:r>
          </w:p>
          <w:p w:rsidR="00A35FED" w:rsidRDefault="00A35FED" w:rsidP="00A35FED">
            <w:r>
              <w:t xml:space="preserve">                                'accommodations',</w:t>
            </w:r>
          </w:p>
          <w:p w:rsidR="00A35FED" w:rsidRDefault="00A35FED" w:rsidP="00A35FED">
            <w:r>
              <w:t xml:space="preserve">                                'rental_services',</w:t>
            </w:r>
          </w:p>
          <w:p w:rsidR="00A35FED" w:rsidRDefault="00A35FED" w:rsidP="00A35FED">
            <w:r>
              <w:t xml:space="preserve">                                'meals',</w:t>
            </w:r>
          </w:p>
          <w:p w:rsidR="00A35FED" w:rsidRDefault="00A35FED" w:rsidP="00A35FED">
            <w:r>
              <w:t xml:space="preserve">                                'diets',</w:t>
            </w:r>
          </w:p>
          <w:p w:rsidR="00A35FED" w:rsidRDefault="00A35FED" w:rsidP="00A35FED">
            <w:r>
              <w:t xml:space="preserve">                                'cares',</w:t>
            </w:r>
          </w:p>
          <w:p w:rsidR="00A35FED" w:rsidRDefault="00A35FED" w:rsidP="00A35FED">
            <w:r>
              <w:t xml:space="preserve">                                'amenities',</w:t>
            </w:r>
          </w:p>
          <w:p w:rsidR="00A35FED" w:rsidRDefault="00A35FED" w:rsidP="00A35FED">
            <w:r>
              <w:t xml:space="preserve">                                'entertainments',</w:t>
            </w:r>
          </w:p>
          <w:p w:rsidR="00A35FED" w:rsidRDefault="00A35FED" w:rsidP="00A35FED">
            <w:r>
              <w:t xml:space="preserve">                                'religions',</w:t>
            </w:r>
          </w:p>
          <w:p w:rsidR="00A35FED" w:rsidRDefault="00A35FED" w:rsidP="00A35FED">
            <w:r>
              <w:t xml:space="preserve">                                'features'</w:t>
            </w:r>
          </w:p>
          <w:p w:rsidR="00A35FED" w:rsidRDefault="00A35FED" w:rsidP="00A35FED">
            <w:r>
              <w:t xml:space="preserve">                            ];</w:t>
            </w:r>
          </w:p>
          <w:p w:rsidR="00A35FED" w:rsidRDefault="00A35FED" w:rsidP="00A35FED">
            <w:r>
              <w:t xml:space="preserve">                            checkGroups.forEach(function(item, index) {</w:t>
            </w:r>
          </w:p>
          <w:p w:rsidR="00A35FED" w:rsidRDefault="00A35FED" w:rsidP="00A35FED">
            <w:r>
              <w:t xml:space="preserve">                                query[item] = $("input[name='" + item + "[]']:checked").map(function() {</w:t>
            </w:r>
          </w:p>
          <w:p w:rsidR="00A35FED" w:rsidRDefault="00A35FED" w:rsidP="00A35FED">
            <w:r>
              <w:t xml:space="preserve">                                    return this.value;</w:t>
            </w:r>
          </w:p>
          <w:p w:rsidR="00A35FED" w:rsidRDefault="00A35FED" w:rsidP="00A35FED">
            <w:r>
              <w:t xml:space="preserve">                                }).get();</w:t>
            </w:r>
          </w:p>
          <w:p w:rsidR="00A35FED" w:rsidRDefault="00A35FED" w:rsidP="00A35FED">
            <w:r>
              <w:t xml:space="preserve">                            });</w:t>
            </w:r>
          </w:p>
          <w:p w:rsidR="00A35FED" w:rsidRDefault="00A35FED" w:rsidP="00A35FED"/>
          <w:p w:rsidR="00A35FED" w:rsidRDefault="00A35FED" w:rsidP="00A35FED">
            <w:r>
              <w:t xml:space="preserve">                            return query;</w:t>
            </w:r>
          </w:p>
          <w:p w:rsidR="00A35FED" w:rsidRDefault="00A35FED" w:rsidP="00A35FED">
            <w:r>
              <w:t xml:space="preserve">                        }</w:t>
            </w:r>
          </w:p>
          <w:p w:rsidR="00A35FED" w:rsidRDefault="00A35FED" w:rsidP="00A35FED"/>
          <w:p w:rsidR="00A35FED" w:rsidRDefault="00A35FED" w:rsidP="00A35FED">
            <w:r>
              <w:t xml:space="preserve">                        function fnApplyFilter() {</w:t>
            </w:r>
          </w:p>
          <w:p w:rsidR="00A35FED" w:rsidRDefault="00A35FED" w:rsidP="00A35FED">
            <w:r>
              <w:t xml:space="preserve">                            let filterQuery = fnGetSearchQuery();</w:t>
            </w:r>
          </w:p>
          <w:p w:rsidR="00A35FED" w:rsidRDefault="00A35FED" w:rsidP="00A35FED">
            <w:r>
              <w:t xml:space="preserve">                            let sText = $("#txtSearchText").val().trim();</w:t>
            </w:r>
          </w:p>
          <w:p w:rsidR="00A35FED" w:rsidRDefault="00A35FED" w:rsidP="00A35FED">
            <w:r>
              <w:t xml:space="preserve">                            let params = {</w:t>
            </w:r>
          </w:p>
          <w:p w:rsidR="00A35FED" w:rsidRDefault="00A35FED" w:rsidP="00A35FED">
            <w:r>
              <w:t xml:space="preserve">                                "q": sText,</w:t>
            </w:r>
          </w:p>
          <w:p w:rsidR="00A35FED" w:rsidRDefault="00A35FED" w:rsidP="00A35FED">
            <w:r>
              <w:t xml:space="preserve">                                "filter": btoa(fnStringifyObject(filterQuery))</w:t>
            </w:r>
          </w:p>
          <w:p w:rsidR="00A35FED" w:rsidRDefault="00A35FED" w:rsidP="00A35FED">
            <w:r>
              <w:t xml:space="preserve">                            };</w:t>
            </w:r>
          </w:p>
          <w:p w:rsidR="00A35FED" w:rsidRDefault="00A35FED" w:rsidP="00A35FED">
            <w:r>
              <w:t xml:space="preserve">                            $("#txtFilterData").val(JSON.stringify(fnRefineObject(params)));</w:t>
            </w:r>
          </w:p>
          <w:p w:rsidR="00A35FED" w:rsidRDefault="00A35FED" w:rsidP="00A35FED">
            <w:r>
              <w:t xml:space="preserve">                            fnSetSPFCookie();</w:t>
            </w:r>
          </w:p>
          <w:p w:rsidR="00A35FED" w:rsidRDefault="00A35FED" w:rsidP="00A35FED">
            <w:r>
              <w:t xml:space="preserve">                            // fnRedirect(window.location.pathname, fnObjectToQuery(params));</w:t>
            </w:r>
          </w:p>
          <w:p w:rsidR="00A35FED" w:rsidRDefault="00A35FED" w:rsidP="00A35FED">
            <w:r>
              <w:t xml:space="preserve">                            getResidence();</w:t>
            </w:r>
          </w:p>
          <w:p w:rsidR="00A35FED" w:rsidRDefault="00A35FED" w:rsidP="00A35FED">
            <w:r>
              <w:t xml:space="preserve">                        }</w:t>
            </w:r>
          </w:p>
          <w:p w:rsidR="00A35FED" w:rsidRDefault="00A35FED" w:rsidP="00A35FED"/>
          <w:p w:rsidR="00A35FED" w:rsidRDefault="00A35FED" w:rsidP="00A35FED">
            <w:r>
              <w:t xml:space="preserve">                        function fnRedirect(url, query) {</w:t>
            </w:r>
          </w:p>
          <w:p w:rsidR="00A35FED" w:rsidRDefault="00A35FED" w:rsidP="00A35FED">
            <w:r>
              <w:t xml:space="preserve">                            window.location.href = url + (query ? "?" + query : "");</w:t>
            </w:r>
          </w:p>
          <w:p w:rsidR="00A35FED" w:rsidRDefault="00A35FED" w:rsidP="00A35FED">
            <w:r>
              <w:t xml:space="preserve">                        }</w:t>
            </w:r>
          </w:p>
          <w:p w:rsidR="00A35FED" w:rsidRDefault="00A35FED" w:rsidP="00A35FED"/>
          <w:p w:rsidR="00A35FED" w:rsidRDefault="00A35FED" w:rsidP="00A35FED">
            <w:r>
              <w:t xml:space="preserve">                        function fnInitFilter() {</w:t>
            </w:r>
          </w:p>
          <w:p w:rsidR="00A35FED" w:rsidRDefault="00A35FED" w:rsidP="00A35FED">
            <w:r>
              <w:t xml:space="preserve">                            $("#txtMinBudgetRange").val(filter.min || 100).change();</w:t>
            </w:r>
          </w:p>
          <w:p w:rsidR="00A35FED" w:rsidRDefault="00A35FED" w:rsidP="00A35FED">
            <w:r>
              <w:t xml:space="preserve">                            $("#txtMaxBudgetRange").val(filter.max || 15000).change();</w:t>
            </w:r>
          </w:p>
          <w:p w:rsidR="00A35FED" w:rsidRDefault="00A35FED" w:rsidP="00A35FED">
            <w:r>
              <w:t xml:space="preserve">                            $("#txtRadius").val(filter.radius || 5).change();</w:t>
            </w:r>
          </w:p>
          <w:p w:rsidR="00A35FED" w:rsidRDefault="00A35FED" w:rsidP="00A35FED">
            <w:r>
              <w:t xml:space="preserve">                            fnSetCheckbox(filter['residences'], 'residences');</w:t>
            </w:r>
          </w:p>
          <w:p w:rsidR="00A35FED" w:rsidRDefault="00A35FED" w:rsidP="00A35FED">
            <w:r>
              <w:t xml:space="preserve">                            fnSetLocations(filter.location);</w:t>
            </w:r>
          </w:p>
          <w:p w:rsidR="00A35FED" w:rsidRDefault="00A35FED" w:rsidP="00A35FED">
            <w:r>
              <w:lastRenderedPageBreak/>
              <w:t xml:space="preserve">                            let params = {</w:t>
            </w:r>
          </w:p>
          <w:p w:rsidR="00A35FED" w:rsidRDefault="00A35FED" w:rsidP="00A35FED">
            <w:r>
              <w:t xml:space="preserve">                                "q": $("#txtSearchText").val(),</w:t>
            </w:r>
          </w:p>
          <w:p w:rsidR="00A35FED" w:rsidRDefault="00A35FED" w:rsidP="00A35FED">
            <w:r>
              <w:t xml:space="preserve">                                "filter": btoa(fnStringifyObject(filter))</w:t>
            </w:r>
          </w:p>
          <w:p w:rsidR="00A35FED" w:rsidRDefault="00A35FED" w:rsidP="00A35FED">
            <w:r>
              <w:t xml:space="preserve">                            };</w:t>
            </w:r>
          </w:p>
          <w:p w:rsidR="00A35FED" w:rsidRDefault="00A35FED" w:rsidP="00A35FED">
            <w:r>
              <w:t xml:space="preserve">                            $("#txtFilterData").val(JSON.stringify(fnRefineObject(params)));</w:t>
            </w:r>
          </w:p>
          <w:p w:rsidR="00A35FED" w:rsidRDefault="00A35FED" w:rsidP="00A35FED">
            <w:r>
              <w:t xml:space="preserve">                            fnSetSPFCookie();</w:t>
            </w:r>
          </w:p>
          <w:p w:rsidR="00A35FED" w:rsidRDefault="00A35FED" w:rsidP="00A35FED">
            <w:r>
              <w:t xml:space="preserve">                        }</w:t>
            </w:r>
          </w:p>
          <w:p w:rsidR="00A35FED" w:rsidRDefault="00A35FED" w:rsidP="00A35FED"/>
          <w:p w:rsidR="00A35FED" w:rsidRDefault="00A35FED" w:rsidP="00A35FED">
            <w:r>
              <w:t xml:space="preserve">                        function fnSetSPFCookie() {</w:t>
            </w:r>
          </w:p>
          <w:p w:rsidR="00A35FED" w:rsidRDefault="00A35FED" w:rsidP="00A35FED">
            <w:r>
              <w:t xml:space="preserve">                            var pref = fnGetSearchQuery();</w:t>
            </w:r>
          </w:p>
          <w:p w:rsidR="00A35FED" w:rsidRDefault="00A35FED" w:rsidP="00A35FED">
            <w:r>
              <w:t xml:space="preserve">                            window.setCookie("PREF", btoa(fnStringifyObject(pref)), 30);</w:t>
            </w:r>
          </w:p>
          <w:p w:rsidR="00A35FED" w:rsidRDefault="00A35FED" w:rsidP="00A35FED">
            <w:r>
              <w:t xml:space="preserve">                        }</w:t>
            </w:r>
          </w:p>
          <w:p w:rsidR="00A35FED" w:rsidRDefault="00A35FED" w:rsidP="00A35FED"/>
          <w:p w:rsidR="00A35FED" w:rsidRDefault="00A35FED" w:rsidP="00A35FED">
            <w:r>
              <w:t xml:space="preserve">                        function fnSetLocations(data) {</w:t>
            </w:r>
          </w:p>
          <w:p w:rsidR="00A35FED" w:rsidRDefault="00A35FED" w:rsidP="00A35FED">
            <w:r>
              <w:t xml:space="preserve">                            if (data instanceof Array) {</w:t>
            </w:r>
          </w:p>
          <w:p w:rsidR="00A35FED" w:rsidRDefault="00A35FED" w:rsidP="00A35FED">
            <w:r>
              <w:t xml:space="preserve">                                data.forEach(function(item) {</w:t>
            </w:r>
          </w:p>
          <w:p w:rsidR="00A35FED" w:rsidRDefault="00A35FED" w:rsidP="00A35FED">
            <w:r>
              <w:t xml:space="preserve">                                    fnAddLocationItem(item);</w:t>
            </w:r>
          </w:p>
          <w:p w:rsidR="00A35FED" w:rsidRDefault="00A35FED" w:rsidP="00A35FED">
            <w:r>
              <w:t xml:space="preserve">                                });</w:t>
            </w:r>
          </w:p>
          <w:p w:rsidR="00A35FED" w:rsidRDefault="00A35FED" w:rsidP="00A35FED">
            <w:r>
              <w:t xml:space="preserve">                            } else if (data !== "") {</w:t>
            </w:r>
          </w:p>
          <w:p w:rsidR="00A35FED" w:rsidRDefault="00A35FED" w:rsidP="00A35FED">
            <w:r>
              <w:t xml:space="preserve">                                fnAddLocationItem(data);</w:t>
            </w:r>
          </w:p>
          <w:p w:rsidR="00A35FED" w:rsidRDefault="00A35FED" w:rsidP="00A35FED">
            <w:r>
              <w:t xml:space="preserve">                            }</w:t>
            </w:r>
          </w:p>
          <w:p w:rsidR="00A35FED" w:rsidRDefault="00A35FED" w:rsidP="00A35FED">
            <w:r>
              <w:t xml:space="preserve">                            $("#txtLocation").val("");</w:t>
            </w:r>
          </w:p>
          <w:p w:rsidR="00A35FED" w:rsidRDefault="00A35FED" w:rsidP="00A35FED">
            <w:r>
              <w:t xml:space="preserve">                        }</w:t>
            </w:r>
          </w:p>
          <w:p w:rsidR="00A35FED" w:rsidRDefault="00A35FED" w:rsidP="00A35FED"/>
          <w:p w:rsidR="00A35FED" w:rsidRDefault="00A35FED" w:rsidP="00A35FED">
            <w:r>
              <w:t xml:space="preserve">                        function fnAddLocationItem(data, theme = 'primary', title = "Added Location") {</w:t>
            </w:r>
          </w:p>
          <w:p w:rsidR="00A35FED" w:rsidRDefault="00A35FED" w:rsidP="00A35FED">
            <w:r>
              <w:t xml:space="preserve">                            let locData = data.split('~');</w:t>
            </w:r>
          </w:p>
          <w:p w:rsidR="00A35FED" w:rsidRDefault="00A35FED" w:rsidP="00A35FED">
            <w:r>
              <w:t xml:space="preserve">                            var existing = $("#divLocations button:contains(" + locData[1] + ")");</w:t>
            </w:r>
          </w:p>
          <w:p w:rsidR="00A35FED" w:rsidRDefault="00A35FED" w:rsidP="00A35FED">
            <w:r>
              <w:t xml:space="preserve">                            if (existing.length &gt; 0) {</w:t>
            </w:r>
          </w:p>
          <w:p w:rsidR="00A35FED" w:rsidRDefault="00A35FED" w:rsidP="00A35FED">
            <w:r>
              <w:t xml:space="preserve">                                $(existing).attr("title", title);</w:t>
            </w:r>
          </w:p>
          <w:p w:rsidR="00A35FED" w:rsidRDefault="00A35FED" w:rsidP="00A35FED">
            <w:r>
              <w:t xml:space="preserve">                                $(existing).removeClass("btn-outline-primary");</w:t>
            </w:r>
          </w:p>
          <w:p w:rsidR="00A35FED" w:rsidRDefault="00A35FED" w:rsidP="00A35FED">
            <w:r>
              <w:t xml:space="preserve">                                $(existing).addClass("btn-outline-" + theme);</w:t>
            </w:r>
          </w:p>
          <w:p w:rsidR="00A35FED" w:rsidRDefault="00A35FED" w:rsidP="00A35FED">
            <w:r>
              <w:t xml:space="preserve">                            } else {</w:t>
            </w:r>
          </w:p>
          <w:p w:rsidR="00A35FED" w:rsidRDefault="00A35FED" w:rsidP="00A35FED">
            <w:r>
              <w:t xml:space="preserve">                                var template = $('&lt;button type="button" class="btn btn-outline-' + theme +</w:t>
            </w:r>
          </w:p>
          <w:p w:rsidR="00A35FED" w:rsidRDefault="00A35FED" w:rsidP="00A35FED">
            <w:r>
              <w:t xml:space="preserve">                                    ' btn-sm mr-1 mb-1 wow fadeInDown"&gt;&lt;span class="badge remove-item ml-1"&gt;&amp;times;&lt;/span&gt;&lt;/button&gt;'</w:t>
            </w:r>
          </w:p>
          <w:p w:rsidR="00A35FED" w:rsidRDefault="00A35FED" w:rsidP="00A35FED">
            <w:r>
              <w:t xml:space="preserve">                                );</w:t>
            </w:r>
          </w:p>
          <w:p w:rsidR="00A35FED" w:rsidRDefault="00A35FED" w:rsidP="00A35FED">
            <w:r>
              <w:t xml:space="preserve">                                template.prepend(_.upperFirst(_.camelCase(locData[0])) + ": " + locData[1]);</w:t>
            </w:r>
          </w:p>
          <w:p w:rsidR="00A35FED" w:rsidRDefault="00A35FED" w:rsidP="00A35FED">
            <w:r>
              <w:t xml:space="preserve">                                $(template).data("location", data);</w:t>
            </w:r>
          </w:p>
          <w:p w:rsidR="00A35FED" w:rsidRDefault="00A35FED" w:rsidP="00A35FED">
            <w:r>
              <w:t xml:space="preserve">                                $(template).attr("title", title);</w:t>
            </w:r>
          </w:p>
          <w:p w:rsidR="00A35FED" w:rsidRDefault="00A35FED" w:rsidP="00A35FED">
            <w:r>
              <w:t xml:space="preserve">                                $("#divLocations").append(template);</w:t>
            </w:r>
          </w:p>
          <w:p w:rsidR="00A35FED" w:rsidRDefault="00A35FED" w:rsidP="00A35FED">
            <w:r>
              <w:t xml:space="preserve">                            }</w:t>
            </w:r>
          </w:p>
          <w:p w:rsidR="00A35FED" w:rsidRDefault="00A35FED" w:rsidP="00A35FED">
            <w:r>
              <w:t xml:space="preserve">                            if (locData[0] === "zip_code") {</w:t>
            </w:r>
          </w:p>
          <w:p w:rsidR="00A35FED" w:rsidRDefault="00A35FED" w:rsidP="00A35FED">
            <w:r>
              <w:t xml:space="preserve">                                $("#divRadius").show();</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function fnSetCheckbox(data, name) {</w:t>
            </w:r>
          </w:p>
          <w:p w:rsidR="00A35FED" w:rsidRDefault="00A35FED" w:rsidP="00A35FED">
            <w:r>
              <w:t xml:space="preserve">                            if (data instanceof Array) {</w:t>
            </w:r>
          </w:p>
          <w:p w:rsidR="00A35FED" w:rsidRDefault="00A35FED" w:rsidP="00A35FED">
            <w:r>
              <w:lastRenderedPageBreak/>
              <w:t xml:space="preserve">                                data.forEach(function(item, index) {</w:t>
            </w:r>
          </w:p>
          <w:p w:rsidR="00A35FED" w:rsidRDefault="00A35FED" w:rsidP="00A35FED">
            <w:r>
              <w:t xml:space="preserve">                                    $("input[name='" + name + "[]'][value='" + item + "']").prop("checked",</w:t>
            </w:r>
          </w:p>
          <w:p w:rsidR="00A35FED" w:rsidRDefault="00A35FED" w:rsidP="00A35FED">
            <w:r>
              <w:t xml:space="preserve">                                        true);</w:t>
            </w:r>
          </w:p>
          <w:p w:rsidR="00A35FED" w:rsidRDefault="00A35FED" w:rsidP="00A35FED">
            <w:r>
              <w:t xml:space="preserve">                                });</w:t>
            </w:r>
          </w:p>
          <w:p w:rsidR="00A35FED" w:rsidRDefault="00A35FED" w:rsidP="00A35FED">
            <w:r>
              <w:t xml:space="preserve">                            } else if (data !== "") {</w:t>
            </w:r>
          </w:p>
          <w:p w:rsidR="00A35FED" w:rsidRDefault="00A35FED" w:rsidP="00A35FED">
            <w:r>
              <w:t xml:space="preserve">                                $("input[name='" + name + "[]'][value='" + data + "']").prop("checked", true);</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function fnObjectToQuery(obj) {</w:t>
            </w:r>
          </w:p>
          <w:p w:rsidR="00A35FED" w:rsidRDefault="00A35FED" w:rsidP="00A35FED">
            <w:r>
              <w:t xml:space="preserve">                            obj = fnRefineObject(obj);</w:t>
            </w:r>
          </w:p>
          <w:p w:rsidR="00A35FED" w:rsidRDefault="00A35FED" w:rsidP="00A35FED">
            <w:r>
              <w:t xml:space="preserve">                            return Object.keys(obj).map(function(prop) {</w:t>
            </w:r>
          </w:p>
          <w:p w:rsidR="00A35FED" w:rsidRDefault="00A35FED" w:rsidP="00A35FED">
            <w:r>
              <w:t xml:space="preserve">                                return prop + "=" + obj[prop];</w:t>
            </w:r>
          </w:p>
          <w:p w:rsidR="00A35FED" w:rsidRDefault="00A35FED" w:rsidP="00A35FED">
            <w:r>
              <w:t xml:space="preserve">                            }).join("&amp;");</w:t>
            </w:r>
          </w:p>
          <w:p w:rsidR="00A35FED" w:rsidRDefault="00A35FED" w:rsidP="00A35FED">
            <w:r>
              <w:t xml:space="preserve">                        }</w:t>
            </w:r>
          </w:p>
          <w:p w:rsidR="00A35FED" w:rsidRDefault="00A35FED" w:rsidP="00A35FED"/>
          <w:p w:rsidR="00A35FED" w:rsidRDefault="00A35FED" w:rsidP="00A35FED">
            <w:r>
              <w:t xml:space="preserve">                        function fnParseFilter(sFilter) {</w:t>
            </w:r>
          </w:p>
          <w:p w:rsidR="00A35FED" w:rsidRDefault="00A35FED" w:rsidP="00A35FED">
            <w:r>
              <w:t xml:space="preserve">                            sFilter = atob(sFilter.replace(/\s+/g, '+'));</w:t>
            </w:r>
          </w:p>
          <w:p w:rsidR="00A35FED" w:rsidRDefault="00A35FED" w:rsidP="00A35FED">
            <w:r>
              <w:t xml:space="preserve">                            let newArray = {</w:t>
            </w:r>
          </w:p>
          <w:p w:rsidR="00A35FED" w:rsidRDefault="00A35FED" w:rsidP="00A35FED">
            <w:r>
              <w:t xml:space="preserve">                                'radius': '',</w:t>
            </w:r>
          </w:p>
          <w:p w:rsidR="00A35FED" w:rsidRDefault="00A35FED" w:rsidP="00A35FED">
            <w:r>
              <w:t xml:space="preserve">                                'location': '',</w:t>
            </w:r>
          </w:p>
          <w:p w:rsidR="00A35FED" w:rsidRDefault="00A35FED" w:rsidP="00A35FED">
            <w:r>
              <w:t xml:space="preserve">                                //'residences': '',</w:t>
            </w:r>
          </w:p>
          <w:p w:rsidR="00A35FED" w:rsidRDefault="00A35FED" w:rsidP="00A35FED">
            <w:r>
              <w:t xml:space="preserve">                                'price_range': ''</w:t>
            </w:r>
          </w:p>
          <w:p w:rsidR="00A35FED" w:rsidRDefault="00A35FED" w:rsidP="00A35FED">
            <w:r>
              <w:t xml:space="preserve">                            };</w:t>
            </w:r>
          </w:p>
          <w:p w:rsidR="00A35FED" w:rsidRDefault="00A35FED" w:rsidP="00A35FED">
            <w:r>
              <w:t xml:space="preserve">                            if (sFilter) {</w:t>
            </w:r>
          </w:p>
          <w:p w:rsidR="00A35FED" w:rsidRDefault="00A35FED" w:rsidP="00A35FED">
            <w:r>
              <w:t xml:space="preserve">                                let aryFilter = sFilter.split("|");</w:t>
            </w:r>
          </w:p>
          <w:p w:rsidR="00A35FED" w:rsidRDefault="00A35FED" w:rsidP="00A35FED">
            <w:r>
              <w:t xml:space="preserve">                                aryFilter.forEach(function(item, index) {</w:t>
            </w:r>
          </w:p>
          <w:p w:rsidR="00A35FED" w:rsidRDefault="00A35FED" w:rsidP="00A35FED">
            <w:r>
              <w:t xml:space="preserve">                                    let keyPair = item.split(":");</w:t>
            </w:r>
          </w:p>
          <w:p w:rsidR="00A35FED" w:rsidRDefault="00A35FED" w:rsidP="00A35FED">
            <w:r>
              <w:t xml:space="preserve">                                    newArray[keyPair[0]] = (keyPair[1].indexOf(",") === -1 ? keyPair[1] :</w:t>
            </w:r>
          </w:p>
          <w:p w:rsidR="00A35FED" w:rsidRDefault="00A35FED" w:rsidP="00A35FED">
            <w:r>
              <w:t xml:space="preserve">                                        keyPair[1].split(","));</w:t>
            </w:r>
          </w:p>
          <w:p w:rsidR="00A35FED" w:rsidRDefault="00A35FED" w:rsidP="00A35FED">
            <w:r>
              <w:t xml:space="preserve">                                });</w:t>
            </w:r>
          </w:p>
          <w:p w:rsidR="00A35FED" w:rsidRDefault="00A35FED" w:rsidP="00A35FED">
            <w:r>
              <w:t xml:space="preserve">                            }</w:t>
            </w:r>
          </w:p>
          <w:p w:rsidR="00A35FED" w:rsidRDefault="00A35FED" w:rsidP="00A35FED">
            <w:r>
              <w:t xml:space="preserve">                            return newArray;</w:t>
            </w:r>
          </w:p>
          <w:p w:rsidR="00A35FED" w:rsidRDefault="00A35FED" w:rsidP="00A35FED">
            <w:r>
              <w:t xml:space="preserve">                        }</w:t>
            </w:r>
          </w:p>
          <w:p w:rsidR="00A35FED" w:rsidRDefault="00A35FED" w:rsidP="00A35FED"/>
          <w:p w:rsidR="00A35FED" w:rsidRDefault="00A35FED" w:rsidP="00A35FED">
            <w:r>
              <w:t xml:space="preserve">                        function fnStringifyObject(obj) {</w:t>
            </w:r>
          </w:p>
          <w:p w:rsidR="00A35FED" w:rsidRDefault="00A35FED" w:rsidP="00A35FED">
            <w:r>
              <w:t xml:space="preserve">                            obj = fnRefineObject(obj);</w:t>
            </w:r>
          </w:p>
          <w:p w:rsidR="00A35FED" w:rsidRDefault="00A35FED" w:rsidP="00A35FED">
            <w:r>
              <w:t xml:space="preserve">                            let newArray = [];</w:t>
            </w:r>
          </w:p>
          <w:p w:rsidR="00A35FED" w:rsidRDefault="00A35FED" w:rsidP="00A35FED">
            <w:r>
              <w:t xml:space="preserve">                            Object.keys(obj).forEach((prop) =&gt; {</w:t>
            </w:r>
          </w:p>
          <w:p w:rsidR="00A35FED" w:rsidRDefault="00A35FED" w:rsidP="00A35FED">
            <w:r>
              <w:t xml:space="preserve">                                newArray.push(prop + ":" + ((obj[prop].constructor === Array) ? obj[prop].join(</w:t>
            </w:r>
          </w:p>
          <w:p w:rsidR="00A35FED" w:rsidRDefault="00A35FED" w:rsidP="00A35FED">
            <w:r>
              <w:t xml:space="preserve">                                    ",") : obj[prop]));</w:t>
            </w:r>
          </w:p>
          <w:p w:rsidR="00A35FED" w:rsidRDefault="00A35FED" w:rsidP="00A35FED">
            <w:r>
              <w:t xml:space="preserve">                            });</w:t>
            </w:r>
          </w:p>
          <w:p w:rsidR="00A35FED" w:rsidRDefault="00A35FED" w:rsidP="00A35FED">
            <w:r>
              <w:t xml:space="preserve">                            return newArray.join("|");</w:t>
            </w:r>
          </w:p>
          <w:p w:rsidR="00A35FED" w:rsidRDefault="00A35FED" w:rsidP="00A35FED">
            <w:r>
              <w:t xml:space="preserve">                        }</w:t>
            </w:r>
          </w:p>
          <w:p w:rsidR="00A35FED" w:rsidRDefault="00A35FED" w:rsidP="00A35FED"/>
          <w:p w:rsidR="00A35FED" w:rsidRDefault="00A35FED" w:rsidP="00A35FED">
            <w:r>
              <w:t xml:space="preserve">                        function fnRefineObject(obj) {</w:t>
            </w:r>
          </w:p>
          <w:p w:rsidR="00A35FED" w:rsidRDefault="00A35FED" w:rsidP="00A35FED">
            <w:r>
              <w:t xml:space="preserve">                            let newObj = {};</w:t>
            </w:r>
          </w:p>
          <w:p w:rsidR="00A35FED" w:rsidRDefault="00A35FED" w:rsidP="00A35FED">
            <w:r>
              <w:t xml:space="preserve">                            Object.keys(obj).forEach((prop) =&gt; {</w:t>
            </w:r>
          </w:p>
          <w:p w:rsidR="00A35FED" w:rsidRDefault="00A35FED" w:rsidP="00A35FED">
            <w:r>
              <w:lastRenderedPageBreak/>
              <w:t xml:space="preserve">                                if (obj[prop] &amp;&amp; !(Object.keys(obj[prop]).length === 0 &amp;&amp; obj[prop]</w:t>
            </w:r>
          </w:p>
          <w:p w:rsidR="00A35FED" w:rsidRDefault="00A35FED" w:rsidP="00A35FED">
            <w:r>
              <w:t xml:space="preserve">                                        .constructor === Object) &amp;&amp;</w:t>
            </w:r>
          </w:p>
          <w:p w:rsidR="00A35FED" w:rsidRDefault="00A35FED" w:rsidP="00A35FED">
            <w:r>
              <w:t xml:space="preserve">                                    !(obj[prop].constructor === Array &amp;&amp; obj[prop].length === 0)) {</w:t>
            </w:r>
          </w:p>
          <w:p w:rsidR="00A35FED" w:rsidRDefault="00A35FED" w:rsidP="00A35FED">
            <w:r>
              <w:t xml:space="preserve">                                    newObj[prop] = obj[prop];</w:t>
            </w:r>
          </w:p>
          <w:p w:rsidR="00A35FED" w:rsidRDefault="00A35FED" w:rsidP="00A35FED">
            <w:r>
              <w:t xml:space="preserve">                                }</w:t>
            </w:r>
          </w:p>
          <w:p w:rsidR="00A35FED" w:rsidRDefault="00A35FED" w:rsidP="00A35FED">
            <w:r>
              <w:t xml:space="preserve">                            });</w:t>
            </w:r>
          </w:p>
          <w:p w:rsidR="00A35FED" w:rsidRDefault="00A35FED" w:rsidP="00A35FED">
            <w:r>
              <w:t xml:space="preserve">                            return newObj;</w:t>
            </w:r>
          </w:p>
          <w:p w:rsidR="00A35FED" w:rsidRDefault="00A35FED" w:rsidP="00A35FED">
            <w:r>
              <w:t xml:space="preserve">                        }</w:t>
            </w:r>
          </w:p>
          <w:p w:rsidR="00A35FED" w:rsidRDefault="00A35FED" w:rsidP="00A35FED"/>
          <w:p w:rsidR="00A35FED" w:rsidRDefault="00A35FED" w:rsidP="00A35FED">
            <w:r>
              <w:t xml:space="preserve">                        function initAutocomplete() {</w:t>
            </w:r>
          </w:p>
          <w:p w:rsidR="00A35FED" w:rsidRDefault="00A35FED" w:rsidP="00A35FED">
            <w:r>
              <w:t xml:space="preserve">                            geoLocate();</w:t>
            </w:r>
          </w:p>
          <w:p w:rsidR="00A35FED" w:rsidRDefault="00A35FED" w:rsidP="00A35FED">
            <w:r>
              <w:t xml:space="preserve">                            autocomplete = new google.maps.places.Autocomplete(</w:t>
            </w:r>
          </w:p>
          <w:p w:rsidR="00A35FED" w:rsidRDefault="00A35FED" w:rsidP="00A35FED">
            <w:r>
              <w:t xml:space="preserve">                                document.getElementById('txtLocation'), {</w:t>
            </w:r>
          </w:p>
          <w:p w:rsidR="00A35FED" w:rsidRDefault="00A35FED" w:rsidP="00A35FED">
            <w:r>
              <w:t xml:space="preserve">                                    types: ['geocode'],</w:t>
            </w:r>
          </w:p>
          <w:p w:rsidR="00A35FED" w:rsidRDefault="00A35FED" w:rsidP="00A35FED">
            <w:r>
              <w:t xml:space="preserve">                                    componentRestrictions: {</w:t>
            </w:r>
          </w:p>
          <w:p w:rsidR="00A35FED" w:rsidRDefault="00A35FED" w:rsidP="00A35FED">
            <w:r>
              <w:t xml:space="preserve">                                        country: "us"</w:t>
            </w:r>
          </w:p>
          <w:p w:rsidR="00A35FED" w:rsidRDefault="00A35FED" w:rsidP="00A35FED">
            <w:r>
              <w:t xml:space="preserve">                                    }</w:t>
            </w:r>
          </w:p>
          <w:p w:rsidR="00A35FED" w:rsidRDefault="00A35FED" w:rsidP="00A35FED">
            <w:r>
              <w:t xml:space="preserve">                                });</w:t>
            </w:r>
          </w:p>
          <w:p w:rsidR="00A35FED" w:rsidRDefault="00A35FED" w:rsidP="00A35FED">
            <w:r>
              <w:t xml:space="preserve">                            autocomplete.setFields(['address_component']);</w:t>
            </w:r>
          </w:p>
          <w:p w:rsidR="00A35FED" w:rsidRDefault="00A35FED" w:rsidP="00A35FED">
            <w:r>
              <w:t xml:space="preserve">                            autocomplete.addListener('place_changed', fnPlaceChanged);</w:t>
            </w:r>
          </w:p>
          <w:p w:rsidR="00A35FED" w:rsidRDefault="00A35FED" w:rsidP="00A35FED">
            <w:r>
              <w:t xml:space="preserve">                            google.maps.event.addDomListener(document.getElementById('txtLocation'), 'keydown',</w:t>
            </w:r>
          </w:p>
          <w:p w:rsidR="00A35FED" w:rsidRDefault="00A35FED" w:rsidP="00A35FED">
            <w:r>
              <w:t xml:space="preserve">                                function(e) {</w:t>
            </w:r>
          </w:p>
          <w:p w:rsidR="00A35FED" w:rsidRDefault="00A35FED" w:rsidP="00A35FED">
            <w:r>
              <w:t xml:space="preserve">                                    if (e.keyCode === 13) {</w:t>
            </w:r>
          </w:p>
          <w:p w:rsidR="00A35FED" w:rsidRDefault="00A35FED" w:rsidP="00A35FED">
            <w:r>
              <w:t xml:space="preserve">                                        e.preventDefault();</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function fnPlaceChanged() {</w:t>
            </w:r>
          </w:p>
          <w:p w:rsidR="00A35FED" w:rsidRDefault="00A35FED" w:rsidP="00A35FED">
            <w:r>
              <w:t xml:space="preserve">                            var place = autocomplete.getPlace();</w:t>
            </w:r>
          </w:p>
          <w:p w:rsidR="00A35FED" w:rsidRDefault="00A35FED" w:rsidP="00A35FED">
            <w:r>
              <w:t xml:space="preserve">                            var locationData = fnGetLocationData(place);</w:t>
            </w:r>
          </w:p>
          <w:p w:rsidR="00A35FED" w:rsidRDefault="00A35FED" w:rsidP="00A35FED">
            <w:r>
              <w:t xml:space="preserve">                            if (locationData !== "") {</w:t>
            </w:r>
          </w:p>
          <w:p w:rsidR="00A35FED" w:rsidRDefault="00A35FED" w:rsidP="00A35FED">
            <w:r>
              <w:t xml:space="preserve">                                fnAddLocationItem(locationData);</w:t>
            </w:r>
          </w:p>
          <w:p w:rsidR="00A35FED" w:rsidRDefault="00A35FED" w:rsidP="00A35FED">
            <w:r>
              <w:t xml:space="preserve">                            } else {</w:t>
            </w:r>
          </w:p>
          <w:p w:rsidR="00A35FED" w:rsidRDefault="00A35FED" w:rsidP="00A35FED">
            <w:r>
              <w:t xml:space="preserve">                                swal.fire({</w:t>
            </w:r>
          </w:p>
          <w:p w:rsidR="00A35FED" w:rsidRDefault="00A35FED" w:rsidP="00A35FED">
            <w:r>
              <w:t xml:space="preserve">                                    title: "Invalid input!!",</w:t>
            </w:r>
          </w:p>
          <w:p w:rsidR="00A35FED" w:rsidRDefault="00A35FED" w:rsidP="00A35FED">
            <w:r>
              <w:t xml:space="preserve">                                    text: "Please enter a city or zip code.",</w:t>
            </w:r>
          </w:p>
          <w:p w:rsidR="00A35FED" w:rsidRDefault="00A35FED" w:rsidP="00A35FED">
            <w:r>
              <w:t xml:space="preserve">                                    icon: "warning",</w:t>
            </w:r>
          </w:p>
          <w:p w:rsidR="00A35FED" w:rsidRDefault="00A35FED" w:rsidP="00A35FED">
            <w:r>
              <w:t xml:space="preserve">                                    confirmButtonColor: "#DD6B55",</w:t>
            </w:r>
          </w:p>
          <w:p w:rsidR="00A35FED" w:rsidRDefault="00A35FED" w:rsidP="00A35FED">
            <w:r>
              <w:t xml:space="preserve">                                    confirmButtonText: "Ok, Got it!!",</w:t>
            </w:r>
          </w:p>
          <w:p w:rsidR="00A35FED" w:rsidRDefault="00A35FED" w:rsidP="00A35FED">
            <w:r>
              <w:t xml:space="preserve">                                    allowOutsideClick: false</w:t>
            </w:r>
          </w:p>
          <w:p w:rsidR="00A35FED" w:rsidRDefault="00A35FED" w:rsidP="00A35FED">
            <w:r>
              <w:t xml:space="preserve">                                });</w:t>
            </w:r>
          </w:p>
          <w:p w:rsidR="00A35FED" w:rsidRDefault="00A35FED" w:rsidP="00A35FED">
            <w:r>
              <w:t xml:space="preserve">                            }</w:t>
            </w:r>
          </w:p>
          <w:p w:rsidR="00A35FED" w:rsidRDefault="00A35FED" w:rsidP="00A35FED">
            <w:r>
              <w:t xml:space="preserve">                            $("#txtLocation").val("");</w:t>
            </w:r>
          </w:p>
          <w:p w:rsidR="00A35FED" w:rsidRDefault="00A35FED" w:rsidP="00A35FED">
            <w:r>
              <w:t xml:space="preserve">                        }</w:t>
            </w:r>
          </w:p>
          <w:p w:rsidR="00A35FED" w:rsidRDefault="00A35FED" w:rsidP="00A35FED"/>
          <w:p w:rsidR="00A35FED" w:rsidRDefault="00A35FED" w:rsidP="00A35FED">
            <w:r>
              <w:t xml:space="preserve">                        function fnGetLocationData(place) {</w:t>
            </w:r>
          </w:p>
          <w:p w:rsidR="00A35FED" w:rsidRDefault="00A35FED" w:rsidP="00A35FED">
            <w:r>
              <w:lastRenderedPageBreak/>
              <w:t xml:space="preserve">                            var location = {},</w:t>
            </w:r>
          </w:p>
          <w:p w:rsidR="00A35FED" w:rsidRDefault="00A35FED" w:rsidP="00A35FED">
            <w:r>
              <w:t xml:space="preserve">                                locationData = "";</w:t>
            </w:r>
          </w:p>
          <w:p w:rsidR="00A35FED" w:rsidRDefault="00A35FED" w:rsidP="00A35FED">
            <w:r>
              <w:t xml:space="preserve">                            for (var i = 0; i &lt; place.address_components.length; i++) {</w:t>
            </w:r>
          </w:p>
          <w:p w:rsidR="00A35FED" w:rsidRDefault="00A35FED" w:rsidP="00A35FED">
            <w:r>
              <w:t xml:space="preserve">                                var addressType = place.address_components[i].types[0];</w:t>
            </w:r>
          </w:p>
          <w:p w:rsidR="00A35FED" w:rsidRDefault="00A35FED" w:rsidP="00A35FED">
            <w:r>
              <w:t xml:space="preserve">                                if (addressType === "postal_code") {</w:t>
            </w:r>
          </w:p>
          <w:p w:rsidR="00A35FED" w:rsidRDefault="00A35FED" w:rsidP="00A35FED">
            <w:r>
              <w:t xml:space="preserve">                                    location["zip_code"] = place.address_components[i]["short_name"];</w:t>
            </w:r>
          </w:p>
          <w:p w:rsidR="00A35FED" w:rsidRDefault="00A35FED" w:rsidP="00A35FED">
            <w:r>
              <w:t xml:space="preserve">                                }</w:t>
            </w:r>
          </w:p>
          <w:p w:rsidR="00A35FED" w:rsidRDefault="00A35FED" w:rsidP="00A35FED">
            <w:r>
              <w:t xml:space="preserve">                                if (addressType === "locality") {</w:t>
            </w:r>
          </w:p>
          <w:p w:rsidR="00A35FED" w:rsidRDefault="00A35FED" w:rsidP="00A35FED">
            <w:r>
              <w:t xml:space="preserve">                                    location["city_alt"] = place.address_components[i]["long_name"];</w:t>
            </w:r>
          </w:p>
          <w:p w:rsidR="00A35FED" w:rsidRDefault="00A35FED" w:rsidP="00A35FED">
            <w:r>
              <w:t xml:space="preserve">                                }</w:t>
            </w:r>
          </w:p>
          <w:p w:rsidR="00A35FED" w:rsidRDefault="00A35FED" w:rsidP="00A35FED">
            <w:r>
              <w:t xml:space="preserve">                                if (addressType === "neighborhood") {</w:t>
            </w:r>
          </w:p>
          <w:p w:rsidR="00A35FED" w:rsidRDefault="00A35FED" w:rsidP="00A35FED">
            <w:r>
              <w:t xml:space="preserve">                                    location["city"] = place.address_components[i]["long_name"];</w:t>
            </w:r>
          </w:p>
          <w:p w:rsidR="00A35FED" w:rsidRDefault="00A35FED" w:rsidP="00A35FED">
            <w:r>
              <w:t xml:space="preserve">                                }</w:t>
            </w:r>
          </w:p>
          <w:p w:rsidR="00A35FED" w:rsidRDefault="00A35FED" w:rsidP="00A35FED">
            <w:r>
              <w:t xml:space="preserve">                                if (addressType === "administrative_area_level_1") {</w:t>
            </w:r>
          </w:p>
          <w:p w:rsidR="00A35FED" w:rsidRDefault="00A35FED" w:rsidP="00A35FED">
            <w:r>
              <w:t xml:space="preserve">                                    location["state"] = place.address_components[i]["short_name"];</w:t>
            </w:r>
          </w:p>
          <w:p w:rsidR="00A35FED" w:rsidRDefault="00A35FED" w:rsidP="00A35FED">
            <w:r>
              <w:t xml:space="preserve">                                }</w:t>
            </w:r>
          </w:p>
          <w:p w:rsidR="00A35FED" w:rsidRDefault="00A35FED" w:rsidP="00A35FED">
            <w:r>
              <w:t xml:space="preserve">                            }</w:t>
            </w:r>
          </w:p>
          <w:p w:rsidR="00A35FED" w:rsidRDefault="00A35FED" w:rsidP="00A35FED">
            <w:r>
              <w:t xml:space="preserve">                            if (location.hasOwnProperty("zip_code")) {</w:t>
            </w:r>
          </w:p>
          <w:p w:rsidR="00A35FED" w:rsidRDefault="00A35FED" w:rsidP="00A35FED">
            <w:r>
              <w:t xml:space="preserve">                                locationData = "zip_code~" + location["zip_code"];</w:t>
            </w:r>
          </w:p>
          <w:p w:rsidR="00A35FED" w:rsidRDefault="00A35FED" w:rsidP="00A35FED">
            <w:r>
              <w:t xml:space="preserve">                            } else if (location.hasOwnProperty("city")) {</w:t>
            </w:r>
          </w:p>
          <w:p w:rsidR="00A35FED" w:rsidRDefault="00A35FED" w:rsidP="00A35FED">
            <w:r>
              <w:t xml:space="preserve">                                locationData = "city~" + location["city"];</w:t>
            </w:r>
          </w:p>
          <w:p w:rsidR="00A35FED" w:rsidRDefault="00A35FED" w:rsidP="00A35FED">
            <w:r>
              <w:t xml:space="preserve">                            } else if (location.hasOwnProperty("city_alt")) {</w:t>
            </w:r>
          </w:p>
          <w:p w:rsidR="00A35FED" w:rsidRDefault="00A35FED" w:rsidP="00A35FED">
            <w:r>
              <w:t xml:space="preserve">                                locationData = "city~" + location["city_alt"];</w:t>
            </w:r>
          </w:p>
          <w:p w:rsidR="00A35FED" w:rsidRDefault="00A35FED" w:rsidP="00A35FED">
            <w:r>
              <w:t xml:space="preserve">                            }</w:t>
            </w:r>
          </w:p>
          <w:p w:rsidR="00A35FED" w:rsidRDefault="00A35FED" w:rsidP="00A35FED">
            <w:r>
              <w:t xml:space="preserve">                            /* else if (location.hasOwnProperty("state")) {</w:t>
            </w:r>
          </w:p>
          <w:p w:rsidR="00A35FED" w:rsidRDefault="00A35FED" w:rsidP="00A35FED">
            <w:r>
              <w:t xml:space="preserve">                                            locationData = "state~" + location["state"];</w:t>
            </w:r>
          </w:p>
          <w:p w:rsidR="00A35FED" w:rsidRDefault="00A35FED" w:rsidP="00A35FED">
            <w:r>
              <w:t xml:space="preserve">                                        }*/</w:t>
            </w:r>
          </w:p>
          <w:p w:rsidR="00A35FED" w:rsidRDefault="00A35FED" w:rsidP="00A35FED">
            <w:r>
              <w:t xml:space="preserve">                            return locationData;</w:t>
            </w:r>
          </w:p>
          <w:p w:rsidR="00A35FED" w:rsidRDefault="00A35FED" w:rsidP="00A35FED">
            <w:r>
              <w:t xml:space="preserve">                        }</w:t>
            </w:r>
          </w:p>
          <w:p w:rsidR="00A35FED" w:rsidRDefault="00A35FED" w:rsidP="00A35FED"/>
          <w:p w:rsidR="00A35FED" w:rsidRDefault="00A35FED" w:rsidP="00A35FED">
            <w:r>
              <w:t xml:space="preserve">                        function geoLocate() {</w:t>
            </w:r>
          </w:p>
          <w:p w:rsidR="00A35FED" w:rsidRDefault="00A35FED" w:rsidP="00A35FED">
            <w:r>
              <w:t xml:space="preserve">                            if (navigator.geolocation) {</w:t>
            </w:r>
          </w:p>
          <w:p w:rsidR="00A35FED" w:rsidRDefault="00A35FED" w:rsidP="00A35FED">
            <w:r>
              <w:t xml:space="preserve">                                navigator.geolocation.getCurrentPosition(function(position) {</w:t>
            </w:r>
          </w:p>
          <w:p w:rsidR="00A35FED" w:rsidRDefault="00A35FED" w:rsidP="00A35FED">
            <w:r>
              <w:t xml:space="preserve">                                    var geolocation = {</w:t>
            </w:r>
          </w:p>
          <w:p w:rsidR="00A35FED" w:rsidRDefault="00A35FED" w:rsidP="00A35FED">
            <w:r>
              <w:t xml:space="preserve">                                        lat: position.coords.latitude,</w:t>
            </w:r>
          </w:p>
          <w:p w:rsidR="00A35FED" w:rsidRDefault="00A35FED" w:rsidP="00A35FED">
            <w:r>
              <w:t xml:space="preserve">                                        lng: position.coords.longitude</w:t>
            </w:r>
          </w:p>
          <w:p w:rsidR="00A35FED" w:rsidRDefault="00A35FED" w:rsidP="00A35FED">
            <w:r>
              <w:t xml:space="preserve">                                    };</w:t>
            </w:r>
          </w:p>
          <w:p w:rsidR="00A35FED" w:rsidRDefault="00A35FED" w:rsidP="00A35FED">
            <w:r>
              <w:t xml:space="preserve">                                    var circle = new google.maps.Circle({</w:t>
            </w:r>
          </w:p>
          <w:p w:rsidR="00A35FED" w:rsidRDefault="00A35FED" w:rsidP="00A35FED">
            <w:r>
              <w:t xml:space="preserve">                                        center: geolocation,</w:t>
            </w:r>
          </w:p>
          <w:p w:rsidR="00A35FED" w:rsidRDefault="00A35FED" w:rsidP="00A35FED">
            <w:r>
              <w:t xml:space="preserve">                                        radius: position.coords.accuracy</w:t>
            </w:r>
          </w:p>
          <w:p w:rsidR="00A35FED" w:rsidRDefault="00A35FED" w:rsidP="00A35FED">
            <w:r>
              <w:t xml:space="preserve">                                    });</w:t>
            </w:r>
          </w:p>
          <w:p w:rsidR="00A35FED" w:rsidRDefault="00A35FED" w:rsidP="00A35FED">
            <w:r>
              <w:t xml:space="preserve">                                    autocomplete.setBounds(circle.getBounds());</w:t>
            </w:r>
          </w:p>
          <w:p w:rsidR="00A35FED" w:rsidRDefault="00A35FED" w:rsidP="00A35FED">
            <w:r>
              <w:t xml:space="preserve">                                    if (!lscache.get("auto_location_off")) {</w:t>
            </w:r>
          </w:p>
          <w:p w:rsidR="00A35FED" w:rsidRDefault="00A35FED" w:rsidP="00A35FED">
            <w:r>
              <w:t xml:space="preserve">                                        var point = new google.maps.LatLng(position.coords.latitude, position</w:t>
            </w:r>
          </w:p>
          <w:p w:rsidR="00A35FED" w:rsidRDefault="00A35FED" w:rsidP="00A35FED">
            <w:r>
              <w:t xml:space="preserve">                                            .coords.longitude);</w:t>
            </w:r>
          </w:p>
          <w:p w:rsidR="00A35FED" w:rsidRDefault="00A35FED" w:rsidP="00A35FED">
            <w:r>
              <w:t xml:space="preserve">                                        new google.maps.Geocoder().geocode({</w:t>
            </w:r>
          </w:p>
          <w:p w:rsidR="00A35FED" w:rsidRDefault="00A35FED" w:rsidP="00A35FED">
            <w:r>
              <w:t xml:space="preserve">                                            'latLng': point</w:t>
            </w:r>
          </w:p>
          <w:p w:rsidR="00A35FED" w:rsidRDefault="00A35FED" w:rsidP="00A35FED">
            <w:r>
              <w:t xml:space="preserve">                                        }, function(res, status) {</w:t>
            </w:r>
          </w:p>
          <w:p w:rsidR="00A35FED" w:rsidRDefault="00A35FED" w:rsidP="00A35FED">
            <w:r>
              <w:lastRenderedPageBreak/>
              <w:t xml:space="preserve">                                            if (status === google.maps.GeocoderStatus.OK &amp;&amp; typeof res[</w:t>
            </w:r>
          </w:p>
          <w:p w:rsidR="00A35FED" w:rsidRDefault="00A35FED" w:rsidP="00A35FED">
            <w:r>
              <w:t xml:space="preserve">                                                    0] !== 'undefined') {</w:t>
            </w:r>
          </w:p>
          <w:p w:rsidR="00A35FED" w:rsidRDefault="00A35FED" w:rsidP="00A35FED">
            <w:r>
              <w:t xml:space="preserve">                                                var locationData = fnGetLocationData(res[0]);</w:t>
            </w:r>
          </w:p>
          <w:p w:rsidR="00A35FED" w:rsidRDefault="00A35FED" w:rsidP="00A35FED">
            <w:r>
              <w:t xml:space="preserve">                                                if (locationData !== "") {</w:t>
            </w:r>
          </w:p>
          <w:p w:rsidR="00A35FED" w:rsidRDefault="00A35FED" w:rsidP="00A35FED">
            <w:r>
              <w:t xml:space="preserve">                                                    fnAddLocationItem(locationData, 'success',</w:t>
            </w:r>
          </w:p>
          <w:p w:rsidR="00A35FED" w:rsidRDefault="00A35FED" w:rsidP="00A35FED">
            <w:r>
              <w:t xml:space="preserve">                                                        'Your Location');</w:t>
            </w:r>
          </w:p>
          <w:p w:rsidR="00A35FED" w:rsidRDefault="00A35FED" w:rsidP="00A35FED">
            <w:r>
              <w:t xml:space="preserve">                                                } else {</w:t>
            </w:r>
          </w:p>
          <w:p w:rsidR="00A35FED" w:rsidRDefault="00A35FED" w:rsidP="00A35FED">
            <w:r>
              <w:t xml:space="preserve">                                                    fail('Unable to get zip code');</w:t>
            </w:r>
          </w:p>
          <w:p w:rsidR="00A35FED" w:rsidRDefault="00A35FED" w:rsidP="00A35FED">
            <w:r>
              <w:t xml:space="preserve">                                                }</w:t>
            </w:r>
          </w:p>
          <w:p w:rsidR="00A35FED" w:rsidRDefault="00A35FED" w:rsidP="00A35FED">
            <w:r>
              <w:t xml:space="preserve">                                            } else {</w:t>
            </w:r>
          </w:p>
          <w:p w:rsidR="00A35FED" w:rsidRDefault="00A35FED" w:rsidP="00A35FED">
            <w:r>
              <w:t xml:space="preserve">                                                fail('Unable to look-up geolocation');</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 else {</w:t>
            </w:r>
          </w:p>
          <w:p w:rsidR="00A35FED" w:rsidRDefault="00A35FED" w:rsidP="00A35FED">
            <w:r>
              <w:t xml:space="preserve">                                console.log("Geolocation not supported");</w:t>
            </w:r>
          </w:p>
          <w:p w:rsidR="00A35FED" w:rsidRDefault="00A35FED" w:rsidP="00A35FED">
            <w:r>
              <w:t xml:space="preserve">                            }</w:t>
            </w:r>
          </w:p>
          <w:p w:rsidR="00A35FED" w:rsidRDefault="00A35FED" w:rsidP="00A35FED">
            <w:r>
              <w:t xml:space="preserve">                        }</w:t>
            </w:r>
          </w:p>
          <w:p w:rsidR="00A35FED" w:rsidRDefault="00A35FED" w:rsidP="00A35FED">
            <w:r>
              <w:t xml:space="preserve">                        &lt;/script&gt;</w:t>
            </w:r>
          </w:p>
          <w:p w:rsidR="00A35FED" w:rsidRDefault="00A35FED" w:rsidP="00A35FED">
            <w:r>
              <w:t xml:space="preserve">                    &lt;/aside&gt;</w:t>
            </w:r>
          </w:p>
          <w:p w:rsidR="00A35FED" w:rsidRDefault="00A35FED" w:rsidP="00A35FED">
            <w:r>
              <w:t>&lt;!---------------Filter validation ends------------------&gt;</w:t>
            </w:r>
          </w:p>
          <w:p w:rsidR="00A35FED" w:rsidRDefault="00A35FED" w:rsidP="00A35FED">
            <w:r>
              <w:t xml:space="preserve">                        </w:t>
            </w:r>
          </w:p>
          <w:p w:rsidR="00A35FED" w:rsidRDefault="00A35FED" w:rsidP="00A35FED">
            <w:r>
              <w:t>&lt;!---------------residences recomendation starts------------------&gt;</w:t>
            </w:r>
          </w:p>
          <w:p w:rsidR="00A35FED" w:rsidRDefault="00A35FED" w:rsidP="00A35FED"/>
          <w:p w:rsidR="00A35FED" w:rsidRDefault="00A35FED" w:rsidP="00A35FED">
            <w:r>
              <w:t xml:space="preserve">            &lt;div class="col-lg-9"&gt;</w:t>
            </w:r>
          </w:p>
          <w:p w:rsidR="00A35FED" w:rsidRDefault="00A35FED" w:rsidP="00A35FED">
            <w:r>
              <w:t xml:space="preserve">                &lt;div class="row"&gt;</w:t>
            </w:r>
          </w:p>
          <w:p w:rsidR="00A35FED" w:rsidRDefault="00A35FED" w:rsidP="00A35FED">
            <w:r>
              <w:t xml:space="preserve">                    &lt;div class="col-md-12"&gt;</w:t>
            </w:r>
          </w:p>
          <w:p w:rsidR="00A35FED" w:rsidRDefault="00A35FED" w:rsidP="00A35FED">
            <w:r>
              <w:t xml:space="preserve">                        &lt;div class="main_title_2"&gt;</w:t>
            </w:r>
          </w:p>
          <w:p w:rsidR="00A35FED" w:rsidRDefault="00A35FED" w:rsidP="00A35FED">
            <w:r>
              <w:t xml:space="preserve">                            &lt;div class="d-flex justify-content-center align-items-center"&gt;</w:t>
            </w:r>
          </w:p>
          <w:p w:rsidR="00A35FED" w:rsidRDefault="00A35FED" w:rsidP="00A35FED">
            <w:r>
              <w:t xml:space="preserve">                                &lt;img src="spf/img/services/icon/respite.png" class="img-fluid d-inline-block"</w:t>
            </w:r>
          </w:p>
          <w:p w:rsidR="00A35FED" w:rsidRDefault="00A35FED" w:rsidP="00A35FED">
            <w:r>
              <w:t xml:space="preserve">                                            width="70" height="70" /&gt;</w:t>
            </w:r>
          </w:p>
          <w:p w:rsidR="00A35FED" w:rsidRDefault="00A35FED" w:rsidP="00A35FED">
            <w:r>
              <w:t xml:space="preserve">                                        &lt;div class="d-inline-block text-left"&gt;</w:t>
            </w:r>
          </w:p>
          <w:p w:rsidR="00A35FED" w:rsidRDefault="00A35FED" w:rsidP="00A35FED">
            <w:r>
              <w:t xml:space="preserve">                                            &lt;h4&gt;Respite (Short Stay)&lt;/h4&gt;</w:t>
            </w:r>
          </w:p>
          <w:p w:rsidR="00A35FED" w:rsidRDefault="00A35FED" w:rsidP="00A35FED">
            <w:r>
              <w:t xml:space="preserve">                                            &lt;p class="lead"&gt;List based on Resident Type&lt;/p&gt;</w:t>
            </w:r>
          </w:p>
          <w:p w:rsidR="00A35FED" w:rsidRDefault="00A35FED" w:rsidP="00A35FED">
            <w:r>
              <w:t xml:space="preserve">                                        &lt;/div&gt;</w:t>
            </w:r>
          </w:p>
          <w:p w:rsidR="00A35FED" w:rsidRDefault="00A35FED" w:rsidP="00A35FED">
            <w:r>
              <w:t xml:space="preserve">                            &lt;/div&gt;</w:t>
            </w:r>
          </w:p>
          <w:p w:rsidR="00A35FED" w:rsidRDefault="00A35FED" w:rsidP="00A35FED">
            <w:r>
              <w:t xml:space="preserve">                            &lt;span&gt;&lt;em&gt;&lt;/em&gt;&lt;/span&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col-md-12 no-records"</w:t>
            </w:r>
          </w:p>
          <w:p w:rsidR="00A35FED" w:rsidRDefault="00A35FED" w:rsidP="00A35FED">
            <w:r>
              <w:t xml:space="preserve">                         style="display: none;"&gt;</w:t>
            </w:r>
          </w:p>
          <w:p w:rsidR="00A35FED" w:rsidRDefault="00A35FED" w:rsidP="00A35FED">
            <w:r>
              <w:t xml:space="preserve">                        &lt;div class="pt-3 text-center text-danger"&gt;</w:t>
            </w:r>
          </w:p>
          <w:p w:rsidR="00A35FED" w:rsidRDefault="00A35FED" w:rsidP="00A35FED">
            <w:r>
              <w:t xml:space="preserve">                            &lt;i class="fa fa-smile-wink fa-3x"&gt;&lt;/i&gt;</w:t>
            </w:r>
          </w:p>
          <w:p w:rsidR="00A35FED" w:rsidRDefault="00A35FED" w:rsidP="00A35FED">
            <w:r>
              <w:t xml:space="preserve">                            &lt;h6 class="text-danger mt-3"&gt;Sorry! No matches were found in your search, you can edit your search by selecting more preferences.</w:t>
            </w:r>
          </w:p>
          <w:p w:rsidR="00A35FED" w:rsidRDefault="00A35FED" w:rsidP="00A35FED">
            <w:r>
              <w:t xml:space="preserve">                        &lt;/h6&gt;</w:t>
            </w:r>
          </w:p>
          <w:p w:rsidR="00A35FED" w:rsidRDefault="00A35FED" w:rsidP="00A35FED">
            <w:r>
              <w:t xml:space="preserve">                        &lt;/div&gt;</w:t>
            </w:r>
          </w:p>
          <w:p w:rsidR="00A35FED" w:rsidRDefault="00A35FED" w:rsidP="00A35FED">
            <w:r>
              <w:lastRenderedPageBreak/>
              <w:t xml:space="preserve">                    &lt;/div&gt;</w:t>
            </w:r>
          </w:p>
          <w:p w:rsidR="00A35FED" w:rsidRDefault="00A35FED" w:rsidP="00A35FED">
            <w:r>
              <w:t xml:space="preserve">                    </w:t>
            </w:r>
          </w:p>
          <w:p w:rsidR="00A35FED" w:rsidRDefault="00A35FED" w:rsidP="00A35FED">
            <w:r>
              <w:t xml:space="preserve">                    &lt;div class="row" id="residence_list"&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lt;/div&gt;</w:t>
            </w:r>
          </w:p>
          <w:p w:rsidR="00A35FED" w:rsidRDefault="00A35FED" w:rsidP="00A35FED">
            <w:r>
              <w:t xml:space="preserve">            </w:t>
            </w:r>
          </w:p>
          <w:p w:rsidR="00A35FED" w:rsidRDefault="00A35FED" w:rsidP="00A35FED">
            <w:r>
              <w:t xml:space="preserve">                    &lt;!--&lt;div class="col-md-6 residence wow bounceInUp 0" data-wow-duration="1.5s"</w:t>
            </w:r>
          </w:p>
          <w:p w:rsidR="00A35FED" w:rsidRDefault="00A35FED" w:rsidP="00A35FED">
            <w:r>
              <w:t xml:space="preserve">                             data-wow-delay="0.1s" id="100184"&gt;</w:t>
            </w:r>
          </w:p>
          <w:p w:rsidR="00A35FED" w:rsidRDefault="00A35FED" w:rsidP="00A35FED">
            <w:r>
              <w:t xml:space="preserve">                            &lt;div class="strip grid"&gt;</w:t>
            </w:r>
          </w:p>
          <w:p w:rsidR="00A35FED" w:rsidRDefault="00A35FED" w:rsidP="00A35FED">
            <w:r>
              <w:t xml:space="preserve">    &lt;figure&gt;</w:t>
            </w:r>
          </w:p>
          <w:p w:rsidR="00A35FED" w:rsidRDefault="00A35FED" w:rsidP="00A35FED">
            <w:r>
              <w:t xml:space="preserve">        &lt;a class="wish_bt btn-wishlist " href="javascript:" title="Add To My List"</w:t>
            </w:r>
          </w:p>
          <w:p w:rsidR="00A35FED" w:rsidRDefault="00A35FED" w:rsidP="00A35FED">
            <w:r>
              <w:t xml:space="preserve">           data-toggle="tooltip" data-id="100184"</w:t>
            </w:r>
          </w:p>
          <w:p w:rsidR="00A35FED" w:rsidRDefault="00A35FED" w:rsidP="00A35FED">
            <w:r>
              <w:t xml:space="preserve">           &gt;&lt;/a&gt;</w:t>
            </w:r>
          </w:p>
          <w:p w:rsidR="00A35FED" w:rsidRDefault="00A35FED" w:rsidP="00A35FED">
            <w:r>
              <w:t xml:space="preserve">        &lt;a href="residence/the-meridian-at-anaheim-hills.php"&gt;</w:t>
            </w:r>
          </w:p>
          <w:p w:rsidR="00A35FED" w:rsidRDefault="00A35FED" w:rsidP="00A35FED">
            <w:r>
              <w:t xml:space="preserve">            &lt;img alt="The Meridian at Anaheim Hills" title="The Meridian at Anaheim Hills" class="img-fluid"</w:t>
            </w:r>
          </w:p>
          <w:p w:rsidR="00A35FED" w:rsidRDefault="00A35FED" w:rsidP="00A35FED">
            <w:r>
              <w:t xml:space="preserve">                 height="266" width="400"</w:t>
            </w:r>
          </w:p>
          <w:p w:rsidR="00A35FED" w:rsidRDefault="00A35FED" w:rsidP="00A35FED">
            <w:r>
              <w:t xml:space="preserve">                 src="img/holder/default.svg"/&gt;</w:t>
            </w:r>
          </w:p>
          <w:p w:rsidR="00A35FED" w:rsidRDefault="00A35FED" w:rsidP="00A35FED">
            <w:r>
              <w:t xml:space="preserve">            &lt;div class="read_more"&gt;</w:t>
            </w:r>
          </w:p>
          <w:p w:rsidR="00A35FED" w:rsidRDefault="00A35FED" w:rsidP="00A35FED">
            <w:r>
              <w:t xml:space="preserve">                &lt;span&gt;View Residence&lt;/span&gt;</w:t>
            </w:r>
          </w:p>
          <w:p w:rsidR="00A35FED" w:rsidRDefault="00A35FED" w:rsidP="00A35FED">
            <w:r>
              <w:t xml:space="preserve">            &lt;/div&gt;</w:t>
            </w:r>
          </w:p>
          <w:p w:rsidR="00A35FED" w:rsidRDefault="00A35FED" w:rsidP="00A35FED">
            <w:r>
              <w:t xml:space="preserve">        &lt;/a&gt;</w:t>
            </w:r>
          </w:p>
          <w:p w:rsidR="00A35FED" w:rsidRDefault="00A35FED" w:rsidP="00A35FED">
            <w:r>
              <w:t xml:space="preserve">                    &lt;small&gt;</w:t>
            </w:r>
          </w:p>
          <w:p w:rsidR="00A35FED" w:rsidRDefault="00A35FED" w:rsidP="00A35FED">
            <w:r>
              <w:t xml:space="preserve">                Independent 55+</w:t>
            </w:r>
          </w:p>
          <w:p w:rsidR="00A35FED" w:rsidRDefault="00A35FED" w:rsidP="00A35FED">
            <w:r>
              <w:t xml:space="preserve">            &lt;/small&gt;</w:t>
            </w:r>
          </w:p>
          <w:p w:rsidR="00A35FED" w:rsidRDefault="00A35FED" w:rsidP="00A35FED">
            <w:r>
              <w:t xml:space="preserve">                    &lt;small&gt;</w:t>
            </w:r>
          </w:p>
          <w:p w:rsidR="00A35FED" w:rsidRDefault="00A35FED" w:rsidP="00A35FED">
            <w:r>
              <w:t xml:space="preserve">                Assisted Living</w:t>
            </w:r>
          </w:p>
          <w:p w:rsidR="00A35FED" w:rsidRDefault="00A35FED" w:rsidP="00A35FED">
            <w:r>
              <w:t xml:space="preserve">            &lt;/small&gt;</w:t>
            </w:r>
          </w:p>
          <w:p w:rsidR="00A35FED" w:rsidRDefault="00A35FED" w:rsidP="00A35FED">
            <w:r>
              <w:t xml:space="preserve">                    &lt;/figure&gt;</w:t>
            </w:r>
          </w:p>
          <w:p w:rsidR="00A35FED" w:rsidRDefault="00A35FED" w:rsidP="00A35FED">
            <w:r>
              <w:t xml:space="preserve">    &lt;div class="wrapper"&gt;</w:t>
            </w:r>
          </w:p>
          <w:p w:rsidR="00A35FED" w:rsidRDefault="00A35FED" w:rsidP="00A35FED">
            <w:r>
              <w:t xml:space="preserve">        &lt;h3&gt;</w:t>
            </w:r>
          </w:p>
          <w:p w:rsidR="00A35FED" w:rsidRDefault="00A35FED" w:rsidP="00A35FED">
            <w:r>
              <w:t xml:space="preserve">            &lt;a href="residence/the-meridian-at-anaheim-hills.php"&gt;</w:t>
            </w:r>
          </w:p>
          <w:p w:rsidR="00A35FED" w:rsidRDefault="00A35FED" w:rsidP="00A35FED">
            <w:r>
              <w:t xml:space="preserve">                The Meridian at Anaheim Hills</w:t>
            </w:r>
          </w:p>
          <w:p w:rsidR="00A35FED" w:rsidRDefault="00A35FED" w:rsidP="00A35FED">
            <w:r>
              <w:t xml:space="preserve">            &lt;/a&gt;</w:t>
            </w:r>
          </w:p>
          <w:p w:rsidR="00A35FED" w:rsidRDefault="00A35FED" w:rsidP="00A35FED">
            <w:r>
              <w:t xml:space="preserve">        &lt;/h3&gt;</w:t>
            </w:r>
          </w:p>
          <w:p w:rsidR="00A35FED" w:rsidRDefault="00A35FED" w:rsidP="00A35FED">
            <w:r>
              <w:t xml:space="preserve">        &lt;p&gt;Independent / Adult Active 55+ Community Residence</w:t>
            </w:r>
          </w:p>
          <w:p w:rsidR="00A35FED" w:rsidRDefault="00A35FED" w:rsidP="00A35FED">
            <w:r>
              <w:t xml:space="preserve">                    &lt;/p&gt;</w:t>
            </w:r>
          </w:p>
          <w:p w:rsidR="00A35FED" w:rsidRDefault="00A35FED" w:rsidP="00A35FED">
            <w:r>
              <w:t xml:space="preserve">    &lt;/div&gt;</w:t>
            </w:r>
          </w:p>
          <w:p w:rsidR="00A35FED" w:rsidRDefault="00A35FED" w:rsidP="00A35FED">
            <w:r>
              <w:t xml:space="preserve">    &lt;ul&gt;</w:t>
            </w:r>
          </w:p>
          <w:p w:rsidR="00A35FED" w:rsidRDefault="00A35FED" w:rsidP="00A35FED">
            <w:r>
              <w:t xml:space="preserve">        &lt;li&gt;</w:t>
            </w:r>
          </w:p>
          <w:p w:rsidR="00A35FED" w:rsidRDefault="00A35FED" w:rsidP="00A35FED">
            <w:r>
              <w:t xml:space="preserve">            &lt;div class="score"&gt;</w:t>
            </w:r>
          </w:p>
          <w:p w:rsidR="00A35FED" w:rsidRDefault="00A35FED" w:rsidP="00A35FED">
            <w:r>
              <w:t xml:space="preserve">                &lt;span&gt;Total&lt;em&gt;Views&lt;/em&gt;&lt;/span&gt;</w:t>
            </w:r>
          </w:p>
          <w:p w:rsidR="00A35FED" w:rsidRDefault="00A35FED" w:rsidP="00A35FED">
            <w:r>
              <w:t xml:space="preserve">                &lt;strong&gt;2842&lt;/strong&gt;</w:t>
            </w:r>
          </w:p>
          <w:p w:rsidR="00A35FED" w:rsidRDefault="00A35FED" w:rsidP="00A35FED">
            <w:r>
              <w:t xml:space="preserve">            &lt;/div&gt;</w:t>
            </w:r>
          </w:p>
          <w:p w:rsidR="00A35FED" w:rsidRDefault="00A35FED" w:rsidP="00A35FED">
            <w:r>
              <w:t xml:space="preserve">        &lt;/li&gt;</w:t>
            </w:r>
          </w:p>
          <w:p w:rsidR="00A35FED" w:rsidRDefault="00A35FED" w:rsidP="00A35FED">
            <w:r>
              <w:t xml:space="preserve">        &lt;li&gt;</w:t>
            </w:r>
          </w:p>
          <w:p w:rsidR="00A35FED" w:rsidRDefault="00A35FED" w:rsidP="00A35FED">
            <w:r>
              <w:t xml:space="preserve">            &lt;a class="btn btn-sm btn-success rounded-pill"</w:t>
            </w:r>
          </w:p>
          <w:p w:rsidR="00A35FED" w:rsidRDefault="00A35FED" w:rsidP="00A35FED">
            <w:r>
              <w:lastRenderedPageBreak/>
              <w:t xml:space="preserve">               href="residence/the-meridian-at-anaheim-hills.php"&gt;</w:t>
            </w:r>
          </w:p>
          <w:p w:rsidR="00A35FED" w:rsidRDefault="00A35FED" w:rsidP="00A35FED">
            <w:r>
              <w:t xml:space="preserve">                &lt;i class="fas fa-map-marker-alt mr-1"&gt;&lt;/i&gt;</w:t>
            </w:r>
          </w:p>
          <w:p w:rsidR="00A35FED" w:rsidRDefault="00A35FED" w:rsidP="00A35FED">
            <w:r>
              <w:t xml:space="preserve">                Get Contact Info</w:t>
            </w:r>
          </w:p>
          <w:p w:rsidR="00A35FED" w:rsidRDefault="00A35FED" w:rsidP="00A35FED">
            <w:r>
              <w:t xml:space="preserve">            &lt;/a&gt;</w:t>
            </w:r>
          </w:p>
          <w:p w:rsidR="00A35FED" w:rsidRDefault="00A35FED" w:rsidP="00A35FED">
            <w:r>
              <w:t xml:space="preserve">        &lt;/li&gt;</w:t>
            </w:r>
          </w:p>
          <w:p w:rsidR="00A35FED" w:rsidRDefault="00A35FED" w:rsidP="00A35FED">
            <w:r>
              <w:t xml:space="preserve">    &lt;/ul&gt;</w:t>
            </w:r>
          </w:p>
          <w:p w:rsidR="00A35FED" w:rsidRDefault="00A35FED" w:rsidP="00A35FED">
            <w:r>
              <w:t>&lt;/div&gt;</w:t>
            </w:r>
          </w:p>
          <w:p w:rsidR="00A35FED" w:rsidRDefault="00A35FED" w:rsidP="00A35FED">
            <w:r>
              <w:t xml:space="preserve">    &lt;/div&gt;</w:t>
            </w:r>
          </w:p>
          <w:p w:rsidR="00A35FED" w:rsidRDefault="00A35FED" w:rsidP="00A35FED">
            <w:r>
              <w:t>&lt;div class="col-md-6 residence wow bounceInUp 1" data-wow-duration="1.5s"</w:t>
            </w:r>
          </w:p>
          <w:p w:rsidR="00A35FED" w:rsidRDefault="00A35FED" w:rsidP="00A35FED">
            <w:r>
              <w:t xml:space="preserve">                             data-wow-delay="0.2s" id="100153"&gt;</w:t>
            </w:r>
          </w:p>
          <w:p w:rsidR="00A35FED" w:rsidRDefault="00A35FED" w:rsidP="00A35FED">
            <w:r>
              <w:t xml:space="preserve">                            &lt;div class="strip grid"&gt;</w:t>
            </w:r>
          </w:p>
          <w:p w:rsidR="00A35FED" w:rsidRDefault="00A35FED" w:rsidP="00A35FED">
            <w:r>
              <w:t xml:space="preserve">    &lt;figure&gt;</w:t>
            </w:r>
          </w:p>
          <w:p w:rsidR="00A35FED" w:rsidRDefault="00A35FED" w:rsidP="00A35FED">
            <w:r>
              <w:t xml:space="preserve">        &lt;a class="wish_bt btn-wishlist " href="javascript:" title="Add To My List"</w:t>
            </w:r>
          </w:p>
          <w:p w:rsidR="00A35FED" w:rsidRDefault="00A35FED" w:rsidP="00A35FED">
            <w:r>
              <w:t xml:space="preserve">           data-toggle="tooltip" data-id="100153"&gt;&lt;/a&gt;</w:t>
            </w:r>
          </w:p>
          <w:p w:rsidR="00A35FED" w:rsidRDefault="00A35FED" w:rsidP="00A35FED">
            <w:r>
              <w:t xml:space="preserve">        &lt;a href="residence/leisure-vale-retirement.php"&gt;</w:t>
            </w:r>
          </w:p>
          <w:p w:rsidR="00A35FED" w:rsidRDefault="00A35FED" w:rsidP="00A35FED">
            <w:r>
              <w:t xml:space="preserve">            &lt;img alt="Leisure Vale Retirement" title="Leisure Vale Retirement" class="img-fluid"</w:t>
            </w:r>
          </w:p>
          <w:p w:rsidR="00A35FED" w:rsidRDefault="00A35FED" w:rsidP="00A35FED">
            <w:r>
              <w:t xml:space="preserve">                 height="266" width="400"</w:t>
            </w:r>
          </w:p>
          <w:p w:rsidR="00A35FED" w:rsidRDefault="00A35FED" w:rsidP="00A35FED">
            <w:r>
              <w:t xml:space="preserve">                 src="img/holder/default.svg"/&gt;</w:t>
            </w:r>
          </w:p>
          <w:p w:rsidR="00A35FED" w:rsidRDefault="00A35FED" w:rsidP="00A35FED">
            <w:r>
              <w:t xml:space="preserve">            &lt;div class="read_more"&gt;</w:t>
            </w:r>
          </w:p>
          <w:p w:rsidR="00A35FED" w:rsidRDefault="00A35FED" w:rsidP="00A35FED">
            <w:r>
              <w:t xml:space="preserve">                &lt;span&gt;View Residence&lt;/span&gt;</w:t>
            </w:r>
          </w:p>
          <w:p w:rsidR="00A35FED" w:rsidRDefault="00A35FED" w:rsidP="00A35FED">
            <w:r>
              <w:t xml:space="preserve">            &lt;/div&gt;</w:t>
            </w:r>
          </w:p>
          <w:p w:rsidR="00A35FED" w:rsidRDefault="00A35FED" w:rsidP="00A35FED">
            <w:r>
              <w:t xml:space="preserve">        &lt;/a&gt;</w:t>
            </w:r>
          </w:p>
          <w:p w:rsidR="00A35FED" w:rsidRDefault="00A35FED" w:rsidP="00A35FED">
            <w:r>
              <w:t xml:space="preserve">                    &lt;small&gt;</w:t>
            </w:r>
          </w:p>
          <w:p w:rsidR="00A35FED" w:rsidRDefault="00A35FED" w:rsidP="00A35FED">
            <w:r>
              <w:t xml:space="preserve">                Independent 55+</w:t>
            </w:r>
          </w:p>
          <w:p w:rsidR="00A35FED" w:rsidRDefault="00A35FED" w:rsidP="00A35FED">
            <w:r>
              <w:t xml:space="preserve">            &lt;/small&gt;</w:t>
            </w:r>
          </w:p>
          <w:p w:rsidR="00A35FED" w:rsidRDefault="00A35FED" w:rsidP="00A35FED">
            <w:r>
              <w:t xml:space="preserve">                    &lt;small&gt;</w:t>
            </w:r>
          </w:p>
          <w:p w:rsidR="00A35FED" w:rsidRDefault="00A35FED" w:rsidP="00A35FED">
            <w:r>
              <w:t xml:space="preserve">                Assisted Living</w:t>
            </w:r>
          </w:p>
          <w:p w:rsidR="00A35FED" w:rsidRDefault="00A35FED" w:rsidP="00A35FED">
            <w:r>
              <w:t xml:space="preserve">            &lt;/small&gt;</w:t>
            </w:r>
          </w:p>
          <w:p w:rsidR="00A35FED" w:rsidRDefault="00A35FED" w:rsidP="00A35FED">
            <w:r>
              <w:t xml:space="preserve">                    &lt;/figure&gt;</w:t>
            </w:r>
          </w:p>
          <w:p w:rsidR="00A35FED" w:rsidRDefault="00A35FED" w:rsidP="00A35FED">
            <w:r>
              <w:t xml:space="preserve">    &lt;div class="wrapper"&gt;</w:t>
            </w:r>
          </w:p>
          <w:p w:rsidR="00A35FED" w:rsidRDefault="00A35FED" w:rsidP="00A35FED">
            <w:r>
              <w:t xml:space="preserve">        &lt;h3&gt;</w:t>
            </w:r>
          </w:p>
          <w:p w:rsidR="00A35FED" w:rsidRDefault="00A35FED" w:rsidP="00A35FED">
            <w:r>
              <w:t xml:space="preserve">            &lt;a href="residence/leisure-vale-retirement.php"&gt;</w:t>
            </w:r>
          </w:p>
          <w:p w:rsidR="00A35FED" w:rsidRDefault="00A35FED" w:rsidP="00A35FED">
            <w:r>
              <w:t xml:space="preserve">                Leisure Vale Retirement</w:t>
            </w:r>
          </w:p>
          <w:p w:rsidR="00A35FED" w:rsidRDefault="00A35FED" w:rsidP="00A35FED">
            <w:r>
              <w:t xml:space="preserve">            &lt;/a&gt;</w:t>
            </w:r>
          </w:p>
          <w:p w:rsidR="00A35FED" w:rsidRDefault="00A35FED" w:rsidP="00A35FED">
            <w:r>
              <w:t xml:space="preserve">        &lt;/h3&gt;</w:t>
            </w:r>
          </w:p>
          <w:p w:rsidR="00A35FED" w:rsidRDefault="00A35FED" w:rsidP="00A35FED">
            <w:r>
              <w:t xml:space="preserve">        &lt;p&gt;</w:t>
            </w:r>
          </w:p>
          <w:p w:rsidR="00A35FED" w:rsidRDefault="00A35FED" w:rsidP="00A35FED">
            <w:r>
              <w:t xml:space="preserve">                            Independent / Adult Active 55+ Community Residence</w:t>
            </w:r>
          </w:p>
          <w:p w:rsidR="00A35FED" w:rsidRDefault="00A35FED" w:rsidP="00A35FED">
            <w:r>
              <w:t xml:space="preserve">                    &lt;/p&gt;</w:t>
            </w:r>
          </w:p>
          <w:p w:rsidR="00A35FED" w:rsidRDefault="00A35FED" w:rsidP="00A35FED">
            <w:r>
              <w:t xml:space="preserve">    &lt;/div&gt;</w:t>
            </w:r>
          </w:p>
          <w:p w:rsidR="00A35FED" w:rsidRDefault="00A35FED" w:rsidP="00A35FED">
            <w:r>
              <w:t xml:space="preserve">    &lt;ul&gt;</w:t>
            </w:r>
          </w:p>
          <w:p w:rsidR="00A35FED" w:rsidRDefault="00A35FED" w:rsidP="00A35FED">
            <w:r>
              <w:t xml:space="preserve">        &lt;li&gt;</w:t>
            </w:r>
          </w:p>
          <w:p w:rsidR="00A35FED" w:rsidRDefault="00A35FED" w:rsidP="00A35FED">
            <w:r>
              <w:t xml:space="preserve">            &lt;div class="score"&gt;</w:t>
            </w:r>
          </w:p>
          <w:p w:rsidR="00A35FED" w:rsidRDefault="00A35FED" w:rsidP="00A35FED">
            <w:r>
              <w:t xml:space="preserve">                &lt;span&gt;Total&lt;em&gt;Views&lt;/em&gt;&lt;/span&gt;</w:t>
            </w:r>
          </w:p>
          <w:p w:rsidR="00A35FED" w:rsidRDefault="00A35FED" w:rsidP="00A35FED">
            <w:r>
              <w:t xml:space="preserve">                &lt;strong&gt;1135&lt;/strong&gt;</w:t>
            </w:r>
          </w:p>
          <w:p w:rsidR="00A35FED" w:rsidRDefault="00A35FED" w:rsidP="00A35FED">
            <w:r>
              <w:t xml:space="preserve">            &lt;/div&gt;</w:t>
            </w:r>
          </w:p>
          <w:p w:rsidR="00A35FED" w:rsidRDefault="00A35FED" w:rsidP="00A35FED">
            <w:r>
              <w:t xml:space="preserve">        &lt;/li&gt;</w:t>
            </w:r>
          </w:p>
          <w:p w:rsidR="00A35FED" w:rsidRDefault="00A35FED" w:rsidP="00A35FED">
            <w:r>
              <w:t xml:space="preserve">        &lt;li&gt;</w:t>
            </w:r>
          </w:p>
          <w:p w:rsidR="00A35FED" w:rsidRDefault="00A35FED" w:rsidP="00A35FED">
            <w:r>
              <w:t xml:space="preserve">            &lt;a class="btn btn-sm btn-success rounded-pill"</w:t>
            </w:r>
          </w:p>
          <w:p w:rsidR="00A35FED" w:rsidRDefault="00A35FED" w:rsidP="00A35FED">
            <w:r>
              <w:lastRenderedPageBreak/>
              <w:t xml:space="preserve">               href="residence/leisure-vale-retirement.php"&gt;</w:t>
            </w:r>
          </w:p>
          <w:p w:rsidR="00A35FED" w:rsidRDefault="00A35FED" w:rsidP="00A35FED">
            <w:r>
              <w:t xml:space="preserve">                &lt;i class="fas fa-map-marker-alt mr-1"&gt;&lt;/i&gt;</w:t>
            </w:r>
          </w:p>
          <w:p w:rsidR="00A35FED" w:rsidRDefault="00A35FED" w:rsidP="00A35FED">
            <w:r>
              <w:t xml:space="preserve">                Get Contact Info</w:t>
            </w:r>
          </w:p>
          <w:p w:rsidR="00A35FED" w:rsidRDefault="00A35FED" w:rsidP="00A35FED">
            <w:r>
              <w:t xml:space="preserve">            &lt;/a&gt;</w:t>
            </w:r>
          </w:p>
          <w:p w:rsidR="00A35FED" w:rsidRDefault="00A35FED" w:rsidP="00A35FED">
            <w:r>
              <w:t xml:space="preserve">        &lt;/li&gt;</w:t>
            </w:r>
          </w:p>
          <w:p w:rsidR="00A35FED" w:rsidRDefault="00A35FED" w:rsidP="00A35FED">
            <w:r>
              <w:t xml:space="preserve">    &lt;/ul&gt;</w:t>
            </w:r>
          </w:p>
          <w:p w:rsidR="00A35FED" w:rsidRDefault="00A35FED" w:rsidP="00A35FED">
            <w:r>
              <w:t>&lt;/div&gt;</w:t>
            </w:r>
          </w:p>
          <w:p w:rsidR="00A35FED" w:rsidRDefault="00A35FED" w:rsidP="00A35FED">
            <w:r>
              <w:t xml:space="preserve">                        &lt;/div&gt;</w:t>
            </w:r>
          </w:p>
          <w:p w:rsidR="00A35FED" w:rsidRDefault="00A35FED" w:rsidP="00A35FED">
            <w:r>
              <w:t xml:space="preserve">    &lt;div class="col-md-6 residence wow bounceInUp 2" data-wow-duration="1.5s" data-wow-delay="0.3s" id="100111"&gt;</w:t>
            </w:r>
          </w:p>
          <w:p w:rsidR="00A35FED" w:rsidRDefault="00A35FED" w:rsidP="00A35FED">
            <w:r>
              <w:t xml:space="preserve">                            &lt;div class="strip grid"&gt;</w:t>
            </w:r>
          </w:p>
          <w:p w:rsidR="00A35FED" w:rsidRDefault="00A35FED" w:rsidP="00A35FED">
            <w:r>
              <w:t xml:space="preserve">    &lt;figure&gt;</w:t>
            </w:r>
          </w:p>
          <w:p w:rsidR="00A35FED" w:rsidRDefault="00A35FED" w:rsidP="00A35FED">
            <w:r>
              <w:t xml:space="preserve">        &lt;a class="wish_bt btn-wishlist " href="javascript:" title="Add To My List"</w:t>
            </w:r>
          </w:p>
          <w:p w:rsidR="00A35FED" w:rsidRDefault="00A35FED" w:rsidP="00A35FED">
            <w:r>
              <w:t xml:space="preserve">           data-toggle="tooltip" data-id="100111"</w:t>
            </w:r>
          </w:p>
          <w:p w:rsidR="00A35FED" w:rsidRDefault="00A35FED" w:rsidP="00A35FED">
            <w:r>
              <w:t xml:space="preserve">           &gt;&lt;/a&gt;</w:t>
            </w:r>
          </w:p>
          <w:p w:rsidR="00A35FED" w:rsidRDefault="00A35FED" w:rsidP="00A35FED">
            <w:r>
              <w:t xml:space="preserve">        &lt;a href="residence/fairwinds-ivey-ranch.php"&gt;</w:t>
            </w:r>
          </w:p>
          <w:p w:rsidR="00A35FED" w:rsidRDefault="00A35FED" w:rsidP="00A35FED">
            <w:r>
              <w:t xml:space="preserve">            &lt;img alt="Fairwinds Ivey Ranch" title="Fairwinds Ivey Ranch" class="img-fluid"</w:t>
            </w:r>
          </w:p>
          <w:p w:rsidR="00A35FED" w:rsidRDefault="00A35FED" w:rsidP="00A35FED">
            <w:r>
              <w:t xml:space="preserve">                 height="266" width="400"</w:t>
            </w:r>
          </w:p>
          <w:p w:rsidR="00A35FED" w:rsidRDefault="00A35FED" w:rsidP="00A35FED">
            <w:r>
              <w:t xml:space="preserve">                 src="img/holder/default.svg"/&gt;</w:t>
            </w:r>
          </w:p>
          <w:p w:rsidR="00A35FED" w:rsidRDefault="00A35FED" w:rsidP="00A35FED">
            <w:r>
              <w:t xml:space="preserve">            &lt;div class="read_more"&gt;</w:t>
            </w:r>
          </w:p>
          <w:p w:rsidR="00A35FED" w:rsidRDefault="00A35FED" w:rsidP="00A35FED">
            <w:r>
              <w:t xml:space="preserve">                &lt;span&gt;View Residence&lt;/span&gt;</w:t>
            </w:r>
          </w:p>
          <w:p w:rsidR="00A35FED" w:rsidRDefault="00A35FED" w:rsidP="00A35FED">
            <w:r>
              <w:t xml:space="preserve">            &lt;/div&gt;</w:t>
            </w:r>
          </w:p>
          <w:p w:rsidR="00A35FED" w:rsidRDefault="00A35FED" w:rsidP="00A35FED">
            <w:r>
              <w:t xml:space="preserve">        &lt;/a&gt;</w:t>
            </w:r>
          </w:p>
          <w:p w:rsidR="00A35FED" w:rsidRDefault="00A35FED" w:rsidP="00A35FED">
            <w:r>
              <w:t xml:space="preserve">                    &lt;small&gt;</w:t>
            </w:r>
          </w:p>
          <w:p w:rsidR="00A35FED" w:rsidRDefault="00A35FED" w:rsidP="00A35FED">
            <w:r>
              <w:t xml:space="preserve">                Independent 55+</w:t>
            </w:r>
          </w:p>
          <w:p w:rsidR="00A35FED" w:rsidRDefault="00A35FED" w:rsidP="00A35FED">
            <w:r>
              <w:t xml:space="preserve">            &lt;/small&gt;</w:t>
            </w:r>
          </w:p>
          <w:p w:rsidR="00A35FED" w:rsidRDefault="00A35FED" w:rsidP="00A35FED">
            <w:r>
              <w:t xml:space="preserve">                    &lt;small&gt;</w:t>
            </w:r>
          </w:p>
          <w:p w:rsidR="00A35FED" w:rsidRDefault="00A35FED" w:rsidP="00A35FED">
            <w:r>
              <w:t xml:space="preserve">                Assisted Living</w:t>
            </w:r>
          </w:p>
          <w:p w:rsidR="00A35FED" w:rsidRDefault="00A35FED" w:rsidP="00A35FED">
            <w:r>
              <w:t xml:space="preserve">            &lt;/small&gt;</w:t>
            </w:r>
          </w:p>
          <w:p w:rsidR="00A35FED" w:rsidRDefault="00A35FED" w:rsidP="00A35FED">
            <w:r>
              <w:t xml:space="preserve">                    &lt;/figure&gt;</w:t>
            </w:r>
          </w:p>
          <w:p w:rsidR="00A35FED" w:rsidRDefault="00A35FED" w:rsidP="00A35FED">
            <w:r>
              <w:t xml:space="preserve">    &lt;div class="wrapper"&gt;</w:t>
            </w:r>
          </w:p>
          <w:p w:rsidR="00A35FED" w:rsidRDefault="00A35FED" w:rsidP="00A35FED">
            <w:r>
              <w:t xml:space="preserve">        &lt;h3&gt;</w:t>
            </w:r>
          </w:p>
          <w:p w:rsidR="00A35FED" w:rsidRDefault="00A35FED" w:rsidP="00A35FED">
            <w:r>
              <w:t xml:space="preserve">            &lt;a href="residence/fairwinds-ivey-ranch.php"&gt;</w:t>
            </w:r>
          </w:p>
          <w:p w:rsidR="00A35FED" w:rsidRDefault="00A35FED" w:rsidP="00A35FED">
            <w:r>
              <w:t xml:space="preserve">                Fairwinds Ivey Ranch</w:t>
            </w:r>
          </w:p>
          <w:p w:rsidR="00A35FED" w:rsidRDefault="00A35FED" w:rsidP="00A35FED">
            <w:r>
              <w:t xml:space="preserve">            &lt;/a&gt;</w:t>
            </w:r>
          </w:p>
          <w:p w:rsidR="00A35FED" w:rsidRDefault="00A35FED" w:rsidP="00A35FED">
            <w:r>
              <w:t xml:space="preserve">        &lt;/h3&gt;</w:t>
            </w:r>
          </w:p>
          <w:p w:rsidR="00A35FED" w:rsidRDefault="00A35FED" w:rsidP="00A35FED">
            <w:r>
              <w:t xml:space="preserve">        &lt;p&gt;</w:t>
            </w:r>
          </w:p>
          <w:p w:rsidR="00A35FED" w:rsidRDefault="00A35FED" w:rsidP="00A35FED">
            <w:r>
              <w:t xml:space="preserve">                            Independent / Adult Active 55+ Community Residence</w:t>
            </w:r>
          </w:p>
          <w:p w:rsidR="00A35FED" w:rsidRDefault="00A35FED" w:rsidP="00A35FED">
            <w:r>
              <w:t xml:space="preserve">                    &lt;/p&gt;</w:t>
            </w:r>
          </w:p>
          <w:p w:rsidR="00A35FED" w:rsidRDefault="00A35FED" w:rsidP="00A35FED">
            <w:r>
              <w:t xml:space="preserve">    &lt;/div&gt;</w:t>
            </w:r>
          </w:p>
          <w:p w:rsidR="00A35FED" w:rsidRDefault="00A35FED" w:rsidP="00A35FED">
            <w:r>
              <w:t xml:space="preserve">    &lt;ul&gt;</w:t>
            </w:r>
          </w:p>
          <w:p w:rsidR="00A35FED" w:rsidRDefault="00A35FED" w:rsidP="00A35FED">
            <w:r>
              <w:t xml:space="preserve">        &lt;li&gt;</w:t>
            </w:r>
          </w:p>
          <w:p w:rsidR="00A35FED" w:rsidRDefault="00A35FED" w:rsidP="00A35FED">
            <w:r>
              <w:t xml:space="preserve">            &lt;div class="score"&gt;</w:t>
            </w:r>
          </w:p>
          <w:p w:rsidR="00A35FED" w:rsidRDefault="00A35FED" w:rsidP="00A35FED">
            <w:r>
              <w:t xml:space="preserve">                &lt;span&gt;Total&lt;em&gt;Views&lt;/em&gt;&lt;/span&gt;</w:t>
            </w:r>
          </w:p>
          <w:p w:rsidR="00A35FED" w:rsidRDefault="00A35FED" w:rsidP="00A35FED">
            <w:r>
              <w:t xml:space="preserve">                &lt;strong&gt;2126&lt;/strong&gt;</w:t>
            </w:r>
          </w:p>
          <w:p w:rsidR="00A35FED" w:rsidRDefault="00A35FED" w:rsidP="00A35FED">
            <w:r>
              <w:t xml:space="preserve">            &lt;/div&gt;</w:t>
            </w:r>
          </w:p>
          <w:p w:rsidR="00A35FED" w:rsidRDefault="00A35FED" w:rsidP="00A35FED">
            <w:r>
              <w:t xml:space="preserve">        &lt;/li&gt;</w:t>
            </w:r>
          </w:p>
          <w:p w:rsidR="00A35FED" w:rsidRDefault="00A35FED" w:rsidP="00A35FED">
            <w:r>
              <w:t xml:space="preserve">        &lt;li&gt;</w:t>
            </w:r>
          </w:p>
          <w:p w:rsidR="00A35FED" w:rsidRDefault="00A35FED" w:rsidP="00A35FED">
            <w:r>
              <w:lastRenderedPageBreak/>
              <w:t xml:space="preserve">            &lt;a class="btn btn-sm btn-success rounded-pill"</w:t>
            </w:r>
          </w:p>
          <w:p w:rsidR="00A35FED" w:rsidRDefault="00A35FED" w:rsidP="00A35FED">
            <w:r>
              <w:t xml:space="preserve">               href="residence/fairwinds-ivey-ranch.php"&gt;</w:t>
            </w:r>
          </w:p>
          <w:p w:rsidR="00A35FED" w:rsidRDefault="00A35FED" w:rsidP="00A35FED">
            <w:r>
              <w:t xml:space="preserve">                &lt;i class="fas fa-map-marker-alt mr-1"&gt;&lt;/i&gt;</w:t>
            </w:r>
          </w:p>
          <w:p w:rsidR="00A35FED" w:rsidRDefault="00A35FED" w:rsidP="00A35FED">
            <w:r>
              <w:t xml:space="preserve">                Get Contact Info</w:t>
            </w:r>
          </w:p>
          <w:p w:rsidR="00A35FED" w:rsidRDefault="00A35FED" w:rsidP="00A35FED">
            <w:r>
              <w:t xml:space="preserve">            &lt;/a&gt;</w:t>
            </w:r>
          </w:p>
          <w:p w:rsidR="00A35FED" w:rsidRDefault="00A35FED" w:rsidP="00A35FED">
            <w:r>
              <w:t xml:space="preserve">        &lt;/li&gt;</w:t>
            </w:r>
          </w:p>
          <w:p w:rsidR="00A35FED" w:rsidRDefault="00A35FED" w:rsidP="00A35FED">
            <w:r>
              <w:t xml:space="preserve">    &lt;/ul&gt;</w:t>
            </w:r>
          </w:p>
          <w:p w:rsidR="00A35FED" w:rsidRDefault="00A35FED" w:rsidP="00A35FED">
            <w:r>
              <w:t>&lt;/div&gt;</w:t>
            </w:r>
          </w:p>
          <w:p w:rsidR="00A35FED" w:rsidRDefault="00A35FED" w:rsidP="00A35FED">
            <w:r>
              <w:t xml:space="preserve">                        &lt;/div&gt;</w:t>
            </w:r>
          </w:p>
          <w:p w:rsidR="00A35FED" w:rsidRDefault="00A35FED" w:rsidP="00A35FED">
            <w:r>
              <w:t xml:space="preserve">                                                                    &lt;div class="col-md-6 residence wow bounceInUp 3" data-wow-duration="1.5s"</w:t>
            </w:r>
          </w:p>
          <w:p w:rsidR="00A35FED" w:rsidRDefault="00A35FED" w:rsidP="00A35FED">
            <w:r>
              <w:t xml:space="preserve">                             data-wow-delay="0.4s" id="100112"&gt;</w:t>
            </w:r>
          </w:p>
          <w:p w:rsidR="00A35FED" w:rsidRDefault="00A35FED" w:rsidP="00A35FED">
            <w:r>
              <w:t xml:space="preserve">                            &lt;div class="strip grid"&gt;</w:t>
            </w:r>
          </w:p>
          <w:p w:rsidR="00A35FED" w:rsidRDefault="00A35FED" w:rsidP="00A35FED">
            <w:r>
              <w:t xml:space="preserve">    &lt;figure&gt;</w:t>
            </w:r>
          </w:p>
          <w:p w:rsidR="00A35FED" w:rsidRDefault="00A35FED" w:rsidP="00A35FED">
            <w:r>
              <w:t xml:space="preserve">        &lt;a class="wish_bt btn-wishlist " href="javascript:" title="Add To My List"</w:t>
            </w:r>
          </w:p>
          <w:p w:rsidR="00A35FED" w:rsidRDefault="00A35FED" w:rsidP="00A35FED">
            <w:r>
              <w:t xml:space="preserve">           data-toggle="tooltip" data-id="100112"</w:t>
            </w:r>
          </w:p>
          <w:p w:rsidR="00A35FED" w:rsidRDefault="00A35FED" w:rsidP="00A35FED">
            <w:r>
              <w:t xml:space="preserve">           &gt;&lt;/a&gt;</w:t>
            </w:r>
          </w:p>
          <w:p w:rsidR="00A35FED" w:rsidRDefault="00A35FED" w:rsidP="00A35FED">
            <w:r>
              <w:t xml:space="preserve">        &lt;a href="residence/fairwinds-west-hills.php"&gt;</w:t>
            </w:r>
          </w:p>
          <w:p w:rsidR="00A35FED" w:rsidRDefault="00A35FED" w:rsidP="00A35FED">
            <w:r>
              <w:t xml:space="preserve">            &lt;img alt="Fairwinds West Hills" title="Fairwinds West Hills" class="img-fluid"</w:t>
            </w:r>
          </w:p>
          <w:p w:rsidR="00A35FED" w:rsidRDefault="00A35FED" w:rsidP="00A35FED">
            <w:r>
              <w:t xml:space="preserve">                 height="266" width="400"</w:t>
            </w:r>
          </w:p>
          <w:p w:rsidR="00A35FED" w:rsidRDefault="00A35FED" w:rsidP="00A35FED">
            <w:r>
              <w:t xml:space="preserve">                 src="img/holder/default.svg"/&gt;</w:t>
            </w:r>
          </w:p>
          <w:p w:rsidR="00A35FED" w:rsidRDefault="00A35FED" w:rsidP="00A35FED">
            <w:r>
              <w:t xml:space="preserve">            &lt;div class="read_more"&gt;</w:t>
            </w:r>
          </w:p>
          <w:p w:rsidR="00A35FED" w:rsidRDefault="00A35FED" w:rsidP="00A35FED">
            <w:r>
              <w:t xml:space="preserve">                &lt;span&gt;View Residence&lt;/span&gt;</w:t>
            </w:r>
          </w:p>
          <w:p w:rsidR="00A35FED" w:rsidRDefault="00A35FED" w:rsidP="00A35FED">
            <w:r>
              <w:t xml:space="preserve">            &lt;/div&gt;</w:t>
            </w:r>
          </w:p>
          <w:p w:rsidR="00A35FED" w:rsidRDefault="00A35FED" w:rsidP="00A35FED">
            <w:r>
              <w:t xml:space="preserve">        &lt;/a&gt;</w:t>
            </w:r>
          </w:p>
          <w:p w:rsidR="00A35FED" w:rsidRDefault="00A35FED" w:rsidP="00A35FED">
            <w:r>
              <w:t xml:space="preserve">                    &lt;small&gt;</w:t>
            </w:r>
          </w:p>
          <w:p w:rsidR="00A35FED" w:rsidRDefault="00A35FED" w:rsidP="00A35FED">
            <w:r>
              <w:t xml:space="preserve">                Independent 55+</w:t>
            </w:r>
          </w:p>
          <w:p w:rsidR="00A35FED" w:rsidRDefault="00A35FED" w:rsidP="00A35FED">
            <w:r>
              <w:t xml:space="preserve">            &lt;/small&gt;</w:t>
            </w:r>
          </w:p>
          <w:p w:rsidR="00A35FED" w:rsidRDefault="00A35FED" w:rsidP="00A35FED">
            <w:r>
              <w:t xml:space="preserve">                    &lt;small&gt;</w:t>
            </w:r>
          </w:p>
          <w:p w:rsidR="00A35FED" w:rsidRDefault="00A35FED" w:rsidP="00A35FED">
            <w:r>
              <w:t xml:space="preserve">                Assisted Living</w:t>
            </w:r>
          </w:p>
          <w:p w:rsidR="00A35FED" w:rsidRDefault="00A35FED" w:rsidP="00A35FED">
            <w:r>
              <w:t xml:space="preserve">            &lt;/small&gt;</w:t>
            </w:r>
          </w:p>
          <w:p w:rsidR="00A35FED" w:rsidRDefault="00A35FED" w:rsidP="00A35FED">
            <w:r>
              <w:t xml:space="preserve">                    &lt;/figure&gt;</w:t>
            </w:r>
          </w:p>
          <w:p w:rsidR="00A35FED" w:rsidRDefault="00A35FED" w:rsidP="00A35FED">
            <w:r>
              <w:t xml:space="preserve">    &lt;div class="wrapper"&gt;</w:t>
            </w:r>
          </w:p>
          <w:p w:rsidR="00A35FED" w:rsidRDefault="00A35FED" w:rsidP="00A35FED">
            <w:r>
              <w:t xml:space="preserve">        &lt;h3&gt;</w:t>
            </w:r>
          </w:p>
          <w:p w:rsidR="00A35FED" w:rsidRDefault="00A35FED" w:rsidP="00A35FED">
            <w:r>
              <w:t xml:space="preserve">            &lt;a href="residence/fairwinds-west-hills.php"&gt;</w:t>
            </w:r>
          </w:p>
          <w:p w:rsidR="00A35FED" w:rsidRDefault="00A35FED" w:rsidP="00A35FED">
            <w:r>
              <w:t xml:space="preserve">                Fairwinds West Hills</w:t>
            </w:r>
          </w:p>
          <w:p w:rsidR="00A35FED" w:rsidRDefault="00A35FED" w:rsidP="00A35FED">
            <w:r>
              <w:t xml:space="preserve">            &lt;/a&gt;</w:t>
            </w:r>
          </w:p>
          <w:p w:rsidR="00A35FED" w:rsidRDefault="00A35FED" w:rsidP="00A35FED">
            <w:r>
              <w:t xml:space="preserve">        &lt;/h3&gt;</w:t>
            </w:r>
          </w:p>
          <w:p w:rsidR="00A35FED" w:rsidRDefault="00A35FED" w:rsidP="00A35FED">
            <w:r>
              <w:t xml:space="preserve">        &lt;p&gt;</w:t>
            </w:r>
          </w:p>
          <w:p w:rsidR="00A35FED" w:rsidRDefault="00A35FED" w:rsidP="00A35FED">
            <w:r>
              <w:t xml:space="preserve">                            Independent / Adult Active 55+ Community Residence</w:t>
            </w:r>
          </w:p>
          <w:p w:rsidR="00A35FED" w:rsidRDefault="00A35FED" w:rsidP="00A35FED">
            <w:r>
              <w:t xml:space="preserve">                    &lt;/p&gt;</w:t>
            </w:r>
          </w:p>
          <w:p w:rsidR="00A35FED" w:rsidRDefault="00A35FED" w:rsidP="00A35FED">
            <w:r>
              <w:t xml:space="preserve">    &lt;/div&gt;</w:t>
            </w:r>
          </w:p>
          <w:p w:rsidR="00A35FED" w:rsidRDefault="00A35FED" w:rsidP="00A35FED">
            <w:r>
              <w:t xml:space="preserve">    &lt;ul&gt;</w:t>
            </w:r>
          </w:p>
          <w:p w:rsidR="00A35FED" w:rsidRDefault="00A35FED" w:rsidP="00A35FED">
            <w:r>
              <w:t xml:space="preserve">        &lt;li&gt;</w:t>
            </w:r>
          </w:p>
          <w:p w:rsidR="00A35FED" w:rsidRDefault="00A35FED" w:rsidP="00A35FED">
            <w:r>
              <w:t xml:space="preserve">            &lt;div class="score"&gt;</w:t>
            </w:r>
          </w:p>
          <w:p w:rsidR="00A35FED" w:rsidRDefault="00A35FED" w:rsidP="00A35FED">
            <w:r>
              <w:t xml:space="preserve">                &lt;span&gt;Total&lt;em&gt;Views&lt;/em&gt;&lt;/span&gt;</w:t>
            </w:r>
          </w:p>
          <w:p w:rsidR="00A35FED" w:rsidRDefault="00A35FED" w:rsidP="00A35FED">
            <w:r>
              <w:t xml:space="preserve">                &lt;strong&gt;968&lt;/strong&gt;</w:t>
            </w:r>
          </w:p>
          <w:p w:rsidR="00A35FED" w:rsidRDefault="00A35FED" w:rsidP="00A35FED">
            <w:r>
              <w:t xml:space="preserve">            &lt;/div&gt;</w:t>
            </w:r>
          </w:p>
          <w:p w:rsidR="00A35FED" w:rsidRDefault="00A35FED" w:rsidP="00A35FED">
            <w:r>
              <w:lastRenderedPageBreak/>
              <w:t xml:space="preserve">        &lt;/li&gt;</w:t>
            </w:r>
          </w:p>
          <w:p w:rsidR="00A35FED" w:rsidRDefault="00A35FED" w:rsidP="00A35FED">
            <w:r>
              <w:t xml:space="preserve">        &lt;li&gt;</w:t>
            </w:r>
          </w:p>
          <w:p w:rsidR="00A35FED" w:rsidRDefault="00A35FED" w:rsidP="00A35FED">
            <w:r>
              <w:t xml:space="preserve">            &lt;a class="btn btn-sm btn-success rounded-pill"</w:t>
            </w:r>
          </w:p>
          <w:p w:rsidR="00A35FED" w:rsidRDefault="00A35FED" w:rsidP="00A35FED">
            <w:r>
              <w:t xml:space="preserve">               href="residence/fairwinds-west-hills.php"&gt;</w:t>
            </w:r>
          </w:p>
          <w:p w:rsidR="00A35FED" w:rsidRDefault="00A35FED" w:rsidP="00A35FED">
            <w:r>
              <w:t xml:space="preserve">                &lt;i class="fas fa-map-marker-alt mr-1"&gt;&lt;/i&gt;</w:t>
            </w:r>
          </w:p>
          <w:p w:rsidR="00A35FED" w:rsidRDefault="00A35FED" w:rsidP="00A35FED">
            <w:r>
              <w:t xml:space="preserve">                Get Contact Info</w:t>
            </w:r>
          </w:p>
          <w:p w:rsidR="00A35FED" w:rsidRDefault="00A35FED" w:rsidP="00A35FED">
            <w:r>
              <w:t xml:space="preserve">            &lt;/a&gt;</w:t>
            </w:r>
          </w:p>
          <w:p w:rsidR="00A35FED" w:rsidRDefault="00A35FED" w:rsidP="00A35FED">
            <w:r>
              <w:t xml:space="preserve">        &lt;/li&gt;</w:t>
            </w:r>
          </w:p>
          <w:p w:rsidR="00A35FED" w:rsidRDefault="00A35FED" w:rsidP="00A35FED">
            <w:r>
              <w:t xml:space="preserve">    &lt;/ul&gt;</w:t>
            </w:r>
          </w:p>
          <w:p w:rsidR="00A35FED" w:rsidRDefault="00A35FED" w:rsidP="00A35FED">
            <w:r>
              <w:t>&lt;/div&gt;</w:t>
            </w:r>
          </w:p>
          <w:p w:rsidR="00A35FED" w:rsidRDefault="00A35FED" w:rsidP="00A35FED">
            <w:r>
              <w:t xml:space="preserve">                        &lt;/div&gt;</w:t>
            </w:r>
          </w:p>
          <w:p w:rsidR="00A35FED" w:rsidRDefault="00A35FED" w:rsidP="00A35FED">
            <w:r>
              <w:t xml:space="preserve">                                    &lt;/div&gt;--&gt;</w:t>
            </w:r>
          </w:p>
          <w:p w:rsidR="00A35FED" w:rsidRDefault="00A35FED" w:rsidP="00A35FED"/>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main&gt;</w:t>
            </w:r>
          </w:p>
          <w:p w:rsidR="00A35FED" w:rsidRDefault="00A35FED" w:rsidP="00A35FED">
            <w:r>
              <w:t xml:space="preserve">        </w:t>
            </w:r>
          </w:p>
          <w:p w:rsidR="00A35FED" w:rsidRDefault="00A35FED" w:rsidP="00A35FED">
            <w:r>
              <w:t xml:space="preserve">    &lt;/div&gt;</w:t>
            </w:r>
          </w:p>
          <w:p w:rsidR="00A35FED" w:rsidRDefault="00A35FED" w:rsidP="00A35FED">
            <w:r>
              <w:t>&lt;/div&gt;</w:t>
            </w:r>
          </w:p>
          <w:p w:rsidR="00A35FED" w:rsidRDefault="00A35FED" w:rsidP="00A35FED">
            <w:r>
              <w:t>&lt;!---------------Residences ends------------------&gt;</w:t>
            </w:r>
          </w:p>
          <w:p w:rsidR="00A35FED" w:rsidRDefault="00A35FED" w:rsidP="00A35FED"/>
          <w:p w:rsidR="00A35FED" w:rsidRDefault="00A35FED" w:rsidP="00A35FED"/>
          <w:p w:rsidR="00A35FED" w:rsidRDefault="00A35FED" w:rsidP="00A35FED">
            <w:r>
              <w:t>&lt;!---------------Floating widget Starts------------------&gt;</w:t>
            </w:r>
          </w:p>
          <w:p w:rsidR="00A35FED" w:rsidRDefault="00A35FED" w:rsidP="00A35FED"/>
          <w:p w:rsidR="00A35FED" w:rsidRDefault="00A35FED" w:rsidP="00A35FED">
            <w:r>
              <w:t>&lt;div class="floating-widget"&gt;</w:t>
            </w:r>
          </w:p>
          <w:p w:rsidR="00A35FED" w:rsidRDefault="00A35FED" w:rsidP="00A35FED">
            <w:r>
              <w:t xml:space="preserve">    &lt;a class="float-item all-service d-xl-none d-lg-none d-md-none d-sm-block"&gt;</w:t>
            </w:r>
          </w:p>
          <w:p w:rsidR="00A35FED" w:rsidRDefault="00A35FED" w:rsidP="00A35FED">
            <w:r>
              <w:t xml:space="preserve">        &lt;img src="img/icon/ssp.png" class="icon"/&gt;</w:t>
            </w:r>
          </w:p>
          <w:p w:rsidR="00A35FED" w:rsidRDefault="00A35FED" w:rsidP="00A35FED">
            <w:r>
              <w:t xml:space="preserve">    &lt;/a&gt;</w:t>
            </w:r>
          </w:p>
          <w:p w:rsidR="00A35FED" w:rsidRDefault="00A35FED" w:rsidP="00A35FED">
            <w:r>
              <w:t xml:space="preserve">    &lt;ul&gt;</w:t>
            </w:r>
          </w:p>
          <w:p w:rsidR="00A35FED" w:rsidRDefault="00A35FED" w:rsidP="00A35FED">
            <w:r>
              <w:t xml:space="preserve">                    &lt;li&gt;</w:t>
            </w:r>
          </w:p>
          <w:p w:rsidR="00A35FED" w:rsidRDefault="00A35FED" w:rsidP="00A35FED">
            <w:r>
              <w:t xml:space="preserve">                &lt;a href="https://srepfinder.com/" target="_blank" class="float-item" title="Find Senior Real Estate Professionals specializing in the real estate of seniors"</w:t>
            </w:r>
          </w:p>
          <w:p w:rsidR="00A35FED" w:rsidRDefault="00A35FED" w:rsidP="00A35FED">
            <w:r>
              <w:t xml:space="preserve">                   data-toggle="tooltip" data-placement="right" data-delay="500"&gt;</w:t>
            </w:r>
          </w:p>
          <w:p w:rsidR="00A35FED" w:rsidRDefault="00A35FED" w:rsidP="00A35FED">
            <w:r>
              <w:t xml:space="preserve">                    &lt;img class="rounded-circle icon" src="img/icon/srep.png"/&gt;</w:t>
            </w:r>
          </w:p>
          <w:p w:rsidR="00A35FED" w:rsidRDefault="00A35FED" w:rsidP="00A35FED">
            <w:r>
              <w:t xml:space="preserve">                    &lt;img class="full-logo" src="img/finder/text/srep.png"/&gt;</w:t>
            </w:r>
          </w:p>
          <w:p w:rsidR="00A35FED" w:rsidRDefault="00A35FED" w:rsidP="00A35FED">
            <w:r>
              <w:t xml:space="preserve">                &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https://espmfinder.com/" target="_blank" class="float-item" title="Find Professionals Serving Seniors with their Estate Sales, Packing and Moving"</w:t>
            </w:r>
          </w:p>
          <w:p w:rsidR="00A35FED" w:rsidRDefault="00A35FED" w:rsidP="00A35FED">
            <w:r>
              <w:t xml:space="preserve">                   data-toggle="tooltip" data-placement="right" data-delay="500"&gt;</w:t>
            </w:r>
          </w:p>
          <w:p w:rsidR="00A35FED" w:rsidRDefault="00A35FED" w:rsidP="00A35FED">
            <w:r>
              <w:t xml:space="preserve">                    &lt;img class="rounded-circle icon" src="img/icon/espm.png"/&gt;</w:t>
            </w:r>
          </w:p>
          <w:p w:rsidR="00A35FED" w:rsidRDefault="00A35FED" w:rsidP="00A35FED">
            <w:r>
              <w:t xml:space="preserve">                    &lt;img class="full-logo" src="img/finder/text/espm.png"/&gt;</w:t>
            </w:r>
          </w:p>
          <w:p w:rsidR="00A35FED" w:rsidRDefault="00A35FED" w:rsidP="00A35FED">
            <w:r>
              <w:t xml:space="preserve">                &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https://elderlawlawyerfinder.com/" target="_blank" class="float-item" title="Find </w:t>
            </w:r>
            <w:r>
              <w:lastRenderedPageBreak/>
              <w:t>Attorneys specializing in the legal needs of seniors"</w:t>
            </w:r>
          </w:p>
          <w:p w:rsidR="00A35FED" w:rsidRDefault="00A35FED" w:rsidP="00A35FED">
            <w:r>
              <w:t xml:space="preserve">                   data-toggle="tooltip" data-placement="right" data-delay="500"&gt;</w:t>
            </w:r>
          </w:p>
          <w:p w:rsidR="00A35FED" w:rsidRDefault="00A35FED" w:rsidP="00A35FED">
            <w:r>
              <w:t xml:space="preserve">                    &lt;img class="rounded-circle icon" src="img/icon/el.png"/&gt;</w:t>
            </w:r>
          </w:p>
          <w:p w:rsidR="00A35FED" w:rsidRDefault="00A35FED" w:rsidP="00A35FED">
            <w:r>
              <w:t xml:space="preserve">                    &lt;img class="full-logo" src="img/finder/text/el.png"/&gt;</w:t>
            </w:r>
          </w:p>
          <w:p w:rsidR="00A35FED" w:rsidRDefault="00A35FED" w:rsidP="00A35FED">
            <w:r>
              <w:t xml:space="preserve">                &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https://eiflfinder.com/" target="_blank" class="float-item" title="Find Professionals specializing in Investment, Finance and Loans for Seniors"</w:t>
            </w:r>
          </w:p>
          <w:p w:rsidR="00A35FED" w:rsidRDefault="00A35FED" w:rsidP="00A35FED">
            <w:r>
              <w:t xml:space="preserve">                   data-toggle="tooltip" data-placement="right" data-delay="500"&gt;</w:t>
            </w:r>
          </w:p>
          <w:p w:rsidR="00A35FED" w:rsidRDefault="00A35FED" w:rsidP="00A35FED">
            <w:r>
              <w:t xml:space="preserve">                    &lt;img class="rounded-circle icon" src="img/icon/eifl.png"/&gt;</w:t>
            </w:r>
          </w:p>
          <w:p w:rsidR="00A35FED" w:rsidRDefault="00A35FED" w:rsidP="00A35FED">
            <w:r>
              <w:t xml:space="preserve">                    &lt;img class="full-logo" src="img/finder/text/eifl.png"/&gt;</w:t>
            </w:r>
          </w:p>
          <w:p w:rsidR="00A35FED" w:rsidRDefault="00A35FED" w:rsidP="00A35FED">
            <w:r>
              <w:t xml:space="preserve">                &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https://vabenefitsfinder.com/" target="_blank" class="float-item" title="Find Specialists who guarantee Seniors the Veteran’s Benefits they deserve"</w:t>
            </w:r>
          </w:p>
          <w:p w:rsidR="00A35FED" w:rsidRDefault="00A35FED" w:rsidP="00A35FED">
            <w:r>
              <w:t xml:space="preserve">                   data-toggle="tooltip" data-placement="right" data-delay="500"&gt;</w:t>
            </w:r>
          </w:p>
          <w:p w:rsidR="00A35FED" w:rsidRDefault="00A35FED" w:rsidP="00A35FED">
            <w:r>
              <w:t xml:space="preserve">                    &lt;img class="rounded-circle icon" src="img/icon/vab.png"/&gt;</w:t>
            </w:r>
          </w:p>
          <w:p w:rsidR="00A35FED" w:rsidRDefault="00A35FED" w:rsidP="00A35FED">
            <w:r>
              <w:t xml:space="preserve">                    &lt;img class="full-logo" src="img/finder/text/vab.png"/&gt;</w:t>
            </w:r>
          </w:p>
          <w:p w:rsidR="00A35FED" w:rsidRDefault="00A35FED" w:rsidP="00A35FED">
            <w:r>
              <w:t xml:space="preserve">                &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https://insureseniorsfinder.com/" target="_blank" class="float-item" title="Find Professionals who Insure Seniors for life, health, property and peace of mind"</w:t>
            </w:r>
          </w:p>
          <w:p w:rsidR="00A35FED" w:rsidRDefault="00A35FED" w:rsidP="00A35FED">
            <w:r>
              <w:t xml:space="preserve">                   data-toggle="tooltip" data-placement="right" data-delay="500"&gt;</w:t>
            </w:r>
          </w:p>
          <w:p w:rsidR="00A35FED" w:rsidRDefault="00A35FED" w:rsidP="00A35FED">
            <w:r>
              <w:t xml:space="preserve">                    &lt;img class="rounded-circle icon" src="img/icon/is.png"/&gt;</w:t>
            </w:r>
          </w:p>
          <w:p w:rsidR="00A35FED" w:rsidRDefault="00A35FED" w:rsidP="00A35FED">
            <w:r>
              <w:t xml:space="preserve">                    &lt;img class="full-logo" src="img/finder/text/is.png"/&gt;</w:t>
            </w:r>
          </w:p>
          <w:p w:rsidR="00A35FED" w:rsidRDefault="00A35FED" w:rsidP="00A35FED">
            <w:r>
              <w:t xml:space="preserve">                &lt;/a&gt;</w:t>
            </w:r>
          </w:p>
          <w:p w:rsidR="00A35FED" w:rsidRDefault="00A35FED" w:rsidP="00A35FED">
            <w:r>
              <w:t xml:space="preserve">            &lt;/li&gt;</w:t>
            </w:r>
          </w:p>
          <w:p w:rsidR="00A35FED" w:rsidRDefault="00A35FED" w:rsidP="00A35FED">
            <w:r>
              <w:t xml:space="preserve">            &lt;/ul&gt;</w:t>
            </w:r>
          </w:p>
          <w:p w:rsidR="00A35FED" w:rsidRDefault="00A35FED" w:rsidP="00A35FED">
            <w:r>
              <w:t>&lt;/div&gt;</w:t>
            </w:r>
          </w:p>
          <w:p w:rsidR="00A35FED" w:rsidRDefault="00A35FED" w:rsidP="00A35FED">
            <w:r>
              <w:t>&lt;script type="text/javascript"&gt;</w:t>
            </w:r>
          </w:p>
          <w:p w:rsidR="00A35FED" w:rsidRDefault="00A35FED" w:rsidP="00A35FED">
            <w:r>
              <w:t xml:space="preserve">    var isMobile = /iPhone|Android/i.test(navigator.userAgent);</w:t>
            </w:r>
          </w:p>
          <w:p w:rsidR="00A35FED" w:rsidRDefault="00A35FED" w:rsidP="00A35FED">
            <w:r>
              <w:t xml:space="preserve">    $(document).ready(function () {</w:t>
            </w:r>
          </w:p>
          <w:p w:rsidR="00A35FED" w:rsidRDefault="00A35FED" w:rsidP="00A35FED">
            <w:r>
              <w:t xml:space="preserve">        // jQuery reverse</w:t>
            </w:r>
          </w:p>
          <w:p w:rsidR="00A35FED" w:rsidRDefault="00A35FED" w:rsidP="00A35FED">
            <w:r>
              <w:t xml:space="preserve">        $.fn.reverse = [].reverse;</w:t>
            </w:r>
          </w:p>
          <w:p w:rsidR="00A35FED" w:rsidRDefault="00A35FED" w:rsidP="00A35FED">
            <w:r>
              <w:t xml:space="preserve">        $(".floating-widget ul li").hover(function () {</w:t>
            </w:r>
          </w:p>
          <w:p w:rsidR="00A35FED" w:rsidRDefault="00A35FED" w:rsidP="00A35FED">
            <w:r>
              <w:t xml:space="preserve">            $(this).toggleClass("active");</w:t>
            </w:r>
          </w:p>
          <w:p w:rsidR="00A35FED" w:rsidRDefault="00A35FED" w:rsidP="00A35FED">
            <w:r>
              <w:t xml:space="preserve">        });</w:t>
            </w:r>
          </w:p>
          <w:p w:rsidR="00A35FED" w:rsidRDefault="00A35FED" w:rsidP="00A35FED">
            <w:r>
              <w:t xml:space="preserve">        if (isMobile) {</w:t>
            </w:r>
          </w:p>
          <w:p w:rsidR="00A35FED" w:rsidRDefault="00A35FED" w:rsidP="00A35FED">
            <w:r>
              <w:t xml:space="preserve">            // Toggle-on-click behaviour.</w:t>
            </w:r>
          </w:p>
          <w:p w:rsidR="00A35FED" w:rsidRDefault="00A35FED" w:rsidP="00A35FED">
            <w:r>
              <w:t xml:space="preserve">            $(document).on('click.floatingWidget', '.floating-widget &gt; a', function (e) {</w:t>
            </w:r>
          </w:p>
          <w:p w:rsidR="00A35FED" w:rsidRDefault="00A35FED" w:rsidP="00A35FED">
            <w:r>
              <w:t xml:space="preserve">                var $this = $(this);</w:t>
            </w:r>
          </w:p>
          <w:p w:rsidR="00A35FED" w:rsidRDefault="00A35FED" w:rsidP="00A35FED">
            <w:r>
              <w:t xml:space="preserve">                var $menu = $this.parent();</w:t>
            </w:r>
          </w:p>
          <w:p w:rsidR="00A35FED" w:rsidRDefault="00A35FED" w:rsidP="00A35FED">
            <w:r>
              <w:t xml:space="preserve">                if ($menu.hasClass('open')) {</w:t>
            </w:r>
          </w:p>
          <w:p w:rsidR="00A35FED" w:rsidRDefault="00A35FED" w:rsidP="00A35FED">
            <w:r>
              <w:t xml:space="preserve">                    closeFABMenu($menu);</w:t>
            </w:r>
          </w:p>
          <w:p w:rsidR="00A35FED" w:rsidRDefault="00A35FED" w:rsidP="00A35FED">
            <w:r>
              <w:t xml:space="preserve">                } else {</w:t>
            </w:r>
          </w:p>
          <w:p w:rsidR="00A35FED" w:rsidRDefault="00A35FED" w:rsidP="00A35FED">
            <w:r>
              <w:lastRenderedPageBreak/>
              <w:t xml:space="preserve">                    openFABMenu($menu);</w:t>
            </w:r>
          </w:p>
          <w:p w:rsidR="00A35FED" w:rsidRDefault="00A35FED" w:rsidP="00A35FED">
            <w:r>
              <w:t xml:space="preserve">                }</w:t>
            </w:r>
          </w:p>
          <w:p w:rsidR="00A35FED" w:rsidRDefault="00A35FED" w:rsidP="00A35FED">
            <w:r>
              <w:t xml:space="preserve">            });</w:t>
            </w:r>
          </w:p>
          <w:p w:rsidR="00A35FED" w:rsidRDefault="00A35FED" w:rsidP="00A35FED">
            <w:r>
              <w:t xml:space="preserve">        } else {</w:t>
            </w:r>
          </w:p>
          <w:p w:rsidR="00A35FED" w:rsidRDefault="00A35FED" w:rsidP="00A35FED">
            <w:r>
              <w:t xml:space="preserve">            var $menu = $(".floating-widget");</w:t>
            </w:r>
          </w:p>
          <w:p w:rsidR="00A35FED" w:rsidRDefault="00A35FED" w:rsidP="00A35FED">
            <w:r>
              <w:t xml:space="preserve">            openFABMenu($menu);</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fn.extend({</w:t>
            </w:r>
          </w:p>
          <w:p w:rsidR="00A35FED" w:rsidRDefault="00A35FED" w:rsidP="00A35FED">
            <w:r>
              <w:t xml:space="preserve">        openFAB: function () {</w:t>
            </w:r>
          </w:p>
          <w:p w:rsidR="00A35FED" w:rsidRDefault="00A35FED" w:rsidP="00A35FED">
            <w:r>
              <w:t xml:space="preserve">            openFABMenu($(this));</w:t>
            </w:r>
          </w:p>
          <w:p w:rsidR="00A35FED" w:rsidRDefault="00A35FED" w:rsidP="00A35FED">
            <w:r>
              <w:t xml:space="preserve">        },</w:t>
            </w:r>
          </w:p>
          <w:p w:rsidR="00A35FED" w:rsidRDefault="00A35FED" w:rsidP="00A35FED">
            <w:r>
              <w:t xml:space="preserve">        closeFAB: function () {</w:t>
            </w:r>
          </w:p>
          <w:p w:rsidR="00A35FED" w:rsidRDefault="00A35FED" w:rsidP="00A35FED">
            <w:r>
              <w:t xml:space="preserve">            closeFABMenu($(this));</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var openFABMenu = function (btn) {</w:t>
            </w:r>
          </w:p>
          <w:p w:rsidR="00A35FED" w:rsidRDefault="00A35FED" w:rsidP="00A35FED">
            <w:r>
              <w:t xml:space="preserve">        $this = btn;</w:t>
            </w:r>
          </w:p>
          <w:p w:rsidR="00A35FED" w:rsidRDefault="00A35FED" w:rsidP="00A35FED">
            <w:r>
              <w:t xml:space="preserve">        if ($this.hasClass('open') === false) {</w:t>
            </w:r>
          </w:p>
          <w:p w:rsidR="00A35FED" w:rsidRDefault="00A35FED" w:rsidP="00A35FED"/>
          <w:p w:rsidR="00A35FED" w:rsidRDefault="00A35FED" w:rsidP="00A35FED">
            <w:r>
              <w:t xml:space="preserve">            // Get direction option</w:t>
            </w:r>
          </w:p>
          <w:p w:rsidR="00A35FED" w:rsidRDefault="00A35FED" w:rsidP="00A35FED">
            <w:r>
              <w:t xml:space="preserve">            var horizontal = $this.hasClass('horizontal');</w:t>
            </w:r>
          </w:p>
          <w:p w:rsidR="00A35FED" w:rsidRDefault="00A35FED" w:rsidP="00A35FED">
            <w:r>
              <w:t xml:space="preserve">            var offsetY, offsetX;</w:t>
            </w:r>
          </w:p>
          <w:p w:rsidR="00A35FED" w:rsidRDefault="00A35FED" w:rsidP="00A35FED"/>
          <w:p w:rsidR="00A35FED" w:rsidRDefault="00A35FED" w:rsidP="00A35FED">
            <w:r>
              <w:t xml:space="preserve">            if (horizontal === true) {</w:t>
            </w:r>
          </w:p>
          <w:p w:rsidR="00A35FED" w:rsidRDefault="00A35FED" w:rsidP="00A35FED">
            <w:r>
              <w:t xml:space="preserve">                offsetX = 40;</w:t>
            </w:r>
          </w:p>
          <w:p w:rsidR="00A35FED" w:rsidRDefault="00A35FED" w:rsidP="00A35FED">
            <w:r>
              <w:t xml:space="preserve">            } else {</w:t>
            </w:r>
          </w:p>
          <w:p w:rsidR="00A35FED" w:rsidRDefault="00A35FED" w:rsidP="00A35FED">
            <w:r>
              <w:t xml:space="preserve">                offsetY = 40;</w:t>
            </w:r>
          </w:p>
          <w:p w:rsidR="00A35FED" w:rsidRDefault="00A35FED" w:rsidP="00A35FED">
            <w:r>
              <w:t xml:space="preserve">            }</w:t>
            </w:r>
          </w:p>
          <w:p w:rsidR="00A35FED" w:rsidRDefault="00A35FED" w:rsidP="00A35FED"/>
          <w:p w:rsidR="00A35FED" w:rsidRDefault="00A35FED" w:rsidP="00A35FED">
            <w:r>
              <w:t xml:space="preserve">            $this.addClass('open');</w:t>
            </w:r>
          </w:p>
          <w:p w:rsidR="00A35FED" w:rsidRDefault="00A35FED" w:rsidP="00A35FED">
            <w:r>
              <w:t xml:space="preserve">            $this.find('ul .float-item').velocity(</w:t>
            </w:r>
          </w:p>
          <w:p w:rsidR="00A35FED" w:rsidRDefault="00A35FED" w:rsidP="00A35FED">
            <w:r>
              <w:t xml:space="preserve">                {scaleY: ".4", scaleX: ".4", translateY: offsetY + 'px', translateX: offsetX + 'px'},</w:t>
            </w:r>
          </w:p>
          <w:p w:rsidR="00A35FED" w:rsidRDefault="00A35FED" w:rsidP="00A35FED">
            <w:r>
              <w:t xml:space="preserve">                {duration: 0});</w:t>
            </w:r>
          </w:p>
          <w:p w:rsidR="00A35FED" w:rsidRDefault="00A35FED" w:rsidP="00A35FED"/>
          <w:p w:rsidR="00A35FED" w:rsidRDefault="00A35FED" w:rsidP="00A35FED">
            <w:r>
              <w:t xml:space="preserve">            var time = 0;</w:t>
            </w:r>
          </w:p>
          <w:p w:rsidR="00A35FED" w:rsidRDefault="00A35FED" w:rsidP="00A35FED">
            <w:r>
              <w:t xml:space="preserve">            $this.find('ul .float-item').reverse().each(function () {</w:t>
            </w:r>
          </w:p>
          <w:p w:rsidR="00A35FED" w:rsidRDefault="00A35FED" w:rsidP="00A35FED">
            <w:r>
              <w:t xml:space="preserve">                $(this).velocity(</w:t>
            </w:r>
          </w:p>
          <w:p w:rsidR="00A35FED" w:rsidRDefault="00A35FED" w:rsidP="00A35FED">
            <w:r>
              <w:t xml:space="preserve">                    {opacity: "1", scaleX: "1", scaleY: "1", translateY: "0", translateX: '0'},</w:t>
            </w:r>
          </w:p>
          <w:p w:rsidR="00A35FED" w:rsidRDefault="00A35FED" w:rsidP="00A35FED">
            <w:r>
              <w:t xml:space="preserve">                    {duration: 80, delay: time});</w:t>
            </w:r>
          </w:p>
          <w:p w:rsidR="00A35FED" w:rsidRDefault="00A35FED" w:rsidP="00A35FED">
            <w:r>
              <w:t xml:space="preserve">                time += 40;</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var closeFABMenu = function (btn) {</w:t>
            </w:r>
          </w:p>
          <w:p w:rsidR="00A35FED" w:rsidRDefault="00A35FED" w:rsidP="00A35FED">
            <w:r>
              <w:lastRenderedPageBreak/>
              <w:t xml:space="preserve">        $this = btn;</w:t>
            </w:r>
          </w:p>
          <w:p w:rsidR="00A35FED" w:rsidRDefault="00A35FED" w:rsidP="00A35FED">
            <w:r>
              <w:t xml:space="preserve">        // Get direction option</w:t>
            </w:r>
          </w:p>
          <w:p w:rsidR="00A35FED" w:rsidRDefault="00A35FED" w:rsidP="00A35FED">
            <w:r>
              <w:t xml:space="preserve">        var horizontal = $this.hasClass('horizontal');</w:t>
            </w:r>
          </w:p>
          <w:p w:rsidR="00A35FED" w:rsidRDefault="00A35FED" w:rsidP="00A35FED">
            <w:r>
              <w:t xml:space="preserve">        var offsetY, offsetX;</w:t>
            </w:r>
          </w:p>
          <w:p w:rsidR="00A35FED" w:rsidRDefault="00A35FED" w:rsidP="00A35FED"/>
          <w:p w:rsidR="00A35FED" w:rsidRDefault="00A35FED" w:rsidP="00A35FED">
            <w:r>
              <w:t xml:space="preserve">        if (horizontal === true) {</w:t>
            </w:r>
          </w:p>
          <w:p w:rsidR="00A35FED" w:rsidRDefault="00A35FED" w:rsidP="00A35FED">
            <w:r>
              <w:t xml:space="preserve">            offsetX = 40;</w:t>
            </w:r>
          </w:p>
          <w:p w:rsidR="00A35FED" w:rsidRDefault="00A35FED" w:rsidP="00A35FED">
            <w:r>
              <w:t xml:space="preserve">        } else {</w:t>
            </w:r>
          </w:p>
          <w:p w:rsidR="00A35FED" w:rsidRDefault="00A35FED" w:rsidP="00A35FED">
            <w:r>
              <w:t xml:space="preserve">            offsetY = 40;</w:t>
            </w:r>
          </w:p>
          <w:p w:rsidR="00A35FED" w:rsidRDefault="00A35FED" w:rsidP="00A35FED">
            <w:r>
              <w:t xml:space="preserve">        }</w:t>
            </w:r>
          </w:p>
          <w:p w:rsidR="00A35FED" w:rsidRDefault="00A35FED" w:rsidP="00A35FED"/>
          <w:p w:rsidR="00A35FED" w:rsidRDefault="00A35FED" w:rsidP="00A35FED">
            <w:r>
              <w:t xml:space="preserve">        $this.removeClass('open');</w:t>
            </w:r>
          </w:p>
          <w:p w:rsidR="00A35FED" w:rsidRDefault="00A35FED" w:rsidP="00A35FED">
            <w:r>
              <w:t xml:space="preserve">        var time = 0;</w:t>
            </w:r>
          </w:p>
          <w:p w:rsidR="00A35FED" w:rsidRDefault="00A35FED" w:rsidP="00A35FED">
            <w:r>
              <w:t xml:space="preserve">        $this.find('ul .float-item').velocity("stop", true);</w:t>
            </w:r>
          </w:p>
          <w:p w:rsidR="00A35FED" w:rsidRDefault="00A35FED" w:rsidP="00A35FED">
            <w:r>
              <w:t xml:space="preserve">        $this.find('ul .float-item').velocity(</w:t>
            </w:r>
          </w:p>
          <w:p w:rsidR="00A35FED" w:rsidRDefault="00A35FED" w:rsidP="00A35FED">
            <w:r>
              <w:t xml:space="preserve">            {opacity: "0", scaleX: ".4", scaleY: ".4", translateY: offsetY + 'px', translateX: offsetX + 'px'},</w:t>
            </w:r>
          </w:p>
          <w:p w:rsidR="00A35FED" w:rsidRDefault="00A35FED" w:rsidP="00A35FED">
            <w:r>
              <w:t xml:space="preserve">            {duration: 80}</w:t>
            </w:r>
          </w:p>
          <w:p w:rsidR="00A35FED" w:rsidRDefault="00A35FED" w:rsidP="00A35FED">
            <w:r>
              <w:t xml:space="preserve">        );</w:t>
            </w:r>
          </w:p>
          <w:p w:rsidR="00A35FED" w:rsidRDefault="00A35FED" w:rsidP="00A35FED">
            <w:r>
              <w:t xml:space="preserve">    };</w:t>
            </w:r>
          </w:p>
          <w:p w:rsidR="00A35FED" w:rsidRDefault="00A35FED" w:rsidP="00A35FED">
            <w:r>
              <w:t>&lt;/script&gt;</w:t>
            </w:r>
          </w:p>
          <w:p w:rsidR="00A35FED" w:rsidRDefault="00A35FED" w:rsidP="00A35FED">
            <w:r>
              <w:t>&lt;!---------------floating widget ends------------------&gt;</w:t>
            </w:r>
          </w:p>
          <w:p w:rsidR="00A35FED" w:rsidRDefault="00A35FED" w:rsidP="00A35FED">
            <w:r>
              <w:t>&lt;div id="divLoader" class="loading-widget" align="center"&gt;</w:t>
            </w:r>
          </w:p>
          <w:p w:rsidR="00A35FED" w:rsidRDefault="00A35FED" w:rsidP="00A35FED">
            <w:r>
              <w:t xml:space="preserve">    &lt;br/&gt;</w:t>
            </w:r>
          </w:p>
          <w:p w:rsidR="00A35FED" w:rsidRDefault="00A35FED" w:rsidP="00A35FED">
            <w:r>
              <w:t xml:space="preserve">    &lt;p class="text-default"&gt;</w:t>
            </w:r>
          </w:p>
          <w:p w:rsidR="00A35FED" w:rsidRDefault="00A35FED" w:rsidP="00A35FED">
            <w:r>
              <w:t xml:space="preserve">        Loading, Please Wait for a while...</w:t>
            </w:r>
          </w:p>
          <w:p w:rsidR="00A35FED" w:rsidRDefault="00A35FED" w:rsidP="00A35FED">
            <w:r>
              <w:t xml:space="preserve">    &lt;/p&gt;</w:t>
            </w:r>
          </w:p>
          <w:p w:rsidR="00A35FED" w:rsidRDefault="00A35FED" w:rsidP="00A35FED">
            <w:r>
              <w:t xml:space="preserve">    &lt;br/&gt;</w:t>
            </w:r>
          </w:p>
          <w:p w:rsidR="00A35FED" w:rsidRDefault="00A35FED" w:rsidP="00A35FED">
            <w:r>
              <w:t>&lt;/div&gt;</w:t>
            </w:r>
          </w:p>
          <w:p w:rsidR="00A35FED" w:rsidRDefault="00A35FED" w:rsidP="00A35FED">
            <w:r>
              <w:t>&lt;div id="divOverlay" class="loading-overlay"&gt;&lt;/div&gt;</w:t>
            </w:r>
          </w:p>
          <w:p w:rsidR="00A35FED" w:rsidRDefault="00A35FED" w:rsidP="00A35FED">
            <w:r>
              <w:t>&lt;script type="text/javascript"&gt;</w:t>
            </w:r>
          </w:p>
          <w:p w:rsidR="00A35FED" w:rsidRDefault="00A35FED" w:rsidP="00A35FED">
            <w:r>
              <w:t xml:space="preserve">    window.loading = function (show, message) {</w:t>
            </w:r>
          </w:p>
          <w:p w:rsidR="00A35FED" w:rsidRDefault="00A35FED" w:rsidP="00A35FED">
            <w:r>
              <w:t xml:space="preserve">        let overlay = $(".loading-overlay");</w:t>
            </w:r>
          </w:p>
          <w:p w:rsidR="00A35FED" w:rsidRDefault="00A35FED" w:rsidP="00A35FED">
            <w:r>
              <w:t xml:space="preserve">        let loading = $(".loading-widget");</w:t>
            </w:r>
          </w:p>
          <w:p w:rsidR="00A35FED" w:rsidRDefault="00A35FED" w:rsidP="00A35FED">
            <w:r>
              <w:t xml:space="preserve">        $("p", loading).html(message);</w:t>
            </w:r>
          </w:p>
          <w:p w:rsidR="00A35FED" w:rsidRDefault="00A35FED" w:rsidP="00A35FED">
            <w:r>
              <w:t xml:space="preserve">        if (show) {</w:t>
            </w:r>
          </w:p>
          <w:p w:rsidR="00A35FED" w:rsidRDefault="00A35FED" w:rsidP="00A35FED">
            <w:r>
              <w:t xml:space="preserve">            let top = Math.max($(window).height() / 2 - loading[0].offsetHeight / 2 - 50, 0);</w:t>
            </w:r>
          </w:p>
          <w:p w:rsidR="00A35FED" w:rsidRDefault="00A35FED" w:rsidP="00A35FED">
            <w:r>
              <w:t xml:space="preserve">            overlay.fadeIn();</w:t>
            </w:r>
          </w:p>
          <w:p w:rsidR="00A35FED" w:rsidRDefault="00A35FED" w:rsidP="00A35FED">
            <w:r>
              <w:t xml:space="preserve">            loading.fadeIn();</w:t>
            </w:r>
          </w:p>
          <w:p w:rsidR="00A35FED" w:rsidRDefault="00A35FED" w:rsidP="00A35FED">
            <w:r>
              <w:t xml:space="preserve">            loading.css({</w:t>
            </w:r>
          </w:p>
          <w:p w:rsidR="00A35FED" w:rsidRDefault="00A35FED" w:rsidP="00A35FED">
            <w:r>
              <w:t xml:space="preserve">                top: top</w:t>
            </w:r>
          </w:p>
          <w:p w:rsidR="00A35FED" w:rsidRDefault="00A35FED" w:rsidP="00A35FED">
            <w:r>
              <w:t xml:space="preserve">            });</w:t>
            </w:r>
          </w:p>
          <w:p w:rsidR="00A35FED" w:rsidRDefault="00A35FED" w:rsidP="00A35FED">
            <w:r>
              <w:t xml:space="preserve">        } else {</w:t>
            </w:r>
          </w:p>
          <w:p w:rsidR="00A35FED" w:rsidRDefault="00A35FED" w:rsidP="00A35FED">
            <w:r>
              <w:t xml:space="preserve">            overlay.fadeOut();</w:t>
            </w:r>
          </w:p>
          <w:p w:rsidR="00A35FED" w:rsidRDefault="00A35FED" w:rsidP="00A35FED">
            <w:r>
              <w:t xml:space="preserve">            loading.fadeOut();</w:t>
            </w:r>
          </w:p>
          <w:p w:rsidR="00A35FED" w:rsidRDefault="00A35FED" w:rsidP="00A35FED">
            <w:r>
              <w:t xml:space="preserve">        }</w:t>
            </w:r>
          </w:p>
          <w:p w:rsidR="00A35FED" w:rsidRDefault="00A35FED" w:rsidP="00A35FED">
            <w:r>
              <w:t xml:space="preserve">    }</w:t>
            </w:r>
          </w:p>
          <w:p w:rsidR="00A35FED" w:rsidRDefault="00A35FED" w:rsidP="00A35FED">
            <w:r>
              <w:t>&lt;/script&gt;</w:t>
            </w:r>
          </w:p>
          <w:p w:rsidR="00A35FED" w:rsidRDefault="00A35FED" w:rsidP="00A35FED">
            <w:r>
              <w:t>&lt;style type="text/css"&gt;</w:t>
            </w:r>
          </w:p>
          <w:p w:rsidR="00A35FED" w:rsidRDefault="00A35FED" w:rsidP="00A35FED">
            <w:r>
              <w:lastRenderedPageBreak/>
              <w:t xml:space="preserve">    .loading-overlay {</w:t>
            </w:r>
          </w:p>
          <w:p w:rsidR="00A35FED" w:rsidRDefault="00A35FED" w:rsidP="00A35FED">
            <w:r>
              <w:t xml:space="preserve">        display: none;</w:t>
            </w:r>
          </w:p>
          <w:p w:rsidR="00A35FED" w:rsidRDefault="00A35FED" w:rsidP="00A35FED">
            <w:r>
              <w:t xml:space="preserve">        position: fixed;</w:t>
            </w:r>
          </w:p>
          <w:p w:rsidR="00A35FED" w:rsidRDefault="00A35FED" w:rsidP="00A35FED">
            <w:r>
              <w:t xml:space="preserve">        top: 0;</w:t>
            </w:r>
          </w:p>
          <w:p w:rsidR="00A35FED" w:rsidRDefault="00A35FED" w:rsidP="00A35FED">
            <w:r>
              <w:t xml:space="preserve">        left: 0;</w:t>
            </w:r>
          </w:p>
          <w:p w:rsidR="00A35FED" w:rsidRDefault="00A35FED" w:rsidP="00A35FED">
            <w:r>
              <w:t xml:space="preserve">        background-color: #FFFFFF;</w:t>
            </w:r>
          </w:p>
          <w:p w:rsidR="00A35FED" w:rsidRDefault="00A35FED" w:rsidP="00A35FED">
            <w:r>
              <w:t xml:space="preserve">        z-index: 10060;</w:t>
            </w:r>
          </w:p>
          <w:p w:rsidR="00A35FED" w:rsidRDefault="00A35FED" w:rsidP="00A35FED">
            <w:r>
              <w:t xml:space="preserve">        opacity: 0.8;</w:t>
            </w:r>
          </w:p>
          <w:p w:rsidR="00A35FED" w:rsidRDefault="00A35FED" w:rsidP="00A35FED">
            <w:r>
              <w:t xml:space="preserve">        filter: alpha(opacity=80);</w:t>
            </w:r>
          </w:p>
          <w:p w:rsidR="00A35FED" w:rsidRDefault="00A35FED" w:rsidP="00A35FED">
            <w:r>
              <w:t xml:space="preserve">        -moz-opacity: 0.8;</w:t>
            </w:r>
          </w:p>
          <w:p w:rsidR="00A35FED" w:rsidRDefault="00A35FED" w:rsidP="00A35FED">
            <w:r>
              <w:t xml:space="preserve">        min-height: 100%;</w:t>
            </w:r>
          </w:p>
          <w:p w:rsidR="00A35FED" w:rsidRDefault="00A35FED" w:rsidP="00A35FED">
            <w:r>
              <w:t xml:space="preserve">        width: 100%;</w:t>
            </w:r>
          </w:p>
          <w:p w:rsidR="00A35FED" w:rsidRDefault="00A35FED" w:rsidP="00A35FED">
            <w:r>
              <w:t xml:space="preserve">    }</w:t>
            </w:r>
          </w:p>
          <w:p w:rsidR="00A35FED" w:rsidRDefault="00A35FED" w:rsidP="00A35FED">
            <w:r>
              <w:t xml:space="preserve">    .loading-widget {</w:t>
            </w:r>
          </w:p>
          <w:p w:rsidR="00A35FED" w:rsidRDefault="00A35FED" w:rsidP="00A35FED">
            <w:r>
              <w:t xml:space="preserve">        font-family: Arial;</w:t>
            </w:r>
          </w:p>
          <w:p w:rsidR="00A35FED" w:rsidRDefault="00A35FED" w:rsidP="00A35FED">
            <w:r>
              <w:t xml:space="preserve">        font-size: 10pt;</w:t>
            </w:r>
          </w:p>
          <w:p w:rsidR="00A35FED" w:rsidRDefault="00A35FED" w:rsidP="00A35FED">
            <w:r>
              <w:t xml:space="preserve">        width: 350px;</w:t>
            </w:r>
          </w:p>
          <w:p w:rsidR="00A35FED" w:rsidRDefault="00A35FED" w:rsidP="00A35FED">
            <w:r>
              <w:t xml:space="preserve">        height: 130px;</w:t>
            </w:r>
          </w:p>
          <w:p w:rsidR="00A35FED" w:rsidRDefault="00A35FED" w:rsidP="00A35FED">
            <w:r>
              <w:t xml:space="preserve">        display: none;</w:t>
            </w:r>
          </w:p>
          <w:p w:rsidR="00A35FED" w:rsidRDefault="00A35FED" w:rsidP="00A35FED">
            <w:r>
              <w:t xml:space="preserve">        position: fixed;</w:t>
            </w:r>
          </w:p>
          <w:p w:rsidR="00A35FED" w:rsidRDefault="00A35FED" w:rsidP="00A35FED">
            <w:r>
              <w:t xml:space="preserve">        background: transparent url("{{ url('frontend/img/loader.gif") 50% 50% no-repeat;</w:t>
            </w:r>
          </w:p>
          <w:p w:rsidR="00A35FED" w:rsidRDefault="00A35FED" w:rsidP="00A35FED">
            <w:r>
              <w:t xml:space="preserve">        z-index: 10080;</w:t>
            </w:r>
          </w:p>
          <w:p w:rsidR="00A35FED" w:rsidRDefault="00A35FED" w:rsidP="00A35FED">
            <w:r>
              <w:t xml:space="preserve">        left: 50%;</w:t>
            </w:r>
          </w:p>
          <w:p w:rsidR="00A35FED" w:rsidRDefault="00A35FED" w:rsidP="00A35FED">
            <w:r>
              <w:t xml:space="preserve">        margin-left: -175px;</w:t>
            </w:r>
          </w:p>
          <w:p w:rsidR="00A35FED" w:rsidRDefault="00A35FED" w:rsidP="00A35FED">
            <w:r>
              <w:t xml:space="preserve">    }</w:t>
            </w:r>
          </w:p>
          <w:p w:rsidR="00A35FED" w:rsidRDefault="00A35FED" w:rsidP="00A35FED">
            <w:r>
              <w:t xml:space="preserve">    .loading-widget p {</w:t>
            </w:r>
          </w:p>
          <w:p w:rsidR="00A35FED" w:rsidRDefault="00A35FED" w:rsidP="00A35FED">
            <w:r>
              <w:t xml:space="preserve">        margin-top: 130px;</w:t>
            </w:r>
          </w:p>
          <w:p w:rsidR="00A35FED" w:rsidRDefault="00A35FED" w:rsidP="00A35FED">
            <w:r>
              <w:t xml:space="preserve">        font-weight: bolder;</w:t>
            </w:r>
          </w:p>
          <w:p w:rsidR="00A35FED" w:rsidRDefault="00A35FED" w:rsidP="00A35FED">
            <w:r>
              <w:t xml:space="preserve">        color: #035b67;</w:t>
            </w:r>
          </w:p>
          <w:p w:rsidR="00A35FED" w:rsidRDefault="00A35FED" w:rsidP="00A35FED">
            <w:r>
              <w:t xml:space="preserve">        font-size: 18px;</w:t>
            </w:r>
          </w:p>
          <w:p w:rsidR="00A35FED" w:rsidRDefault="00A35FED" w:rsidP="00A35FED">
            <w:r>
              <w:t xml:space="preserve">    }</w:t>
            </w:r>
          </w:p>
          <w:p w:rsidR="00A35FED" w:rsidRDefault="00A35FED" w:rsidP="00A35FED">
            <w:r>
              <w:t>&lt;/style&gt;&lt;div id="toTop"&gt;&lt;/div&gt;</w:t>
            </w:r>
          </w:p>
          <w:p w:rsidR="00A35FED" w:rsidRDefault="00A35FED" w:rsidP="00A35FED"/>
          <w:p w:rsidR="00A35FED" w:rsidRDefault="00A35FED" w:rsidP="00A35FED">
            <w:r>
              <w:t>&lt;!---------------remove wishlist Starts------------------&gt;</w:t>
            </w:r>
          </w:p>
          <w:p w:rsidR="00A35FED" w:rsidRDefault="00A35FED" w:rsidP="00A35FED">
            <w:r>
              <w:t>&lt;!--theme.js --&gt;</w:t>
            </w:r>
          </w:p>
          <w:p w:rsidR="00A35FED" w:rsidRDefault="00A35FED" w:rsidP="00A35FED">
            <w:r>
              <w:t>&lt;script src="spf/js/theme.js"&gt;&lt;/script&gt;</w:t>
            </w:r>
          </w:p>
          <w:p w:rsidR="00A35FED" w:rsidRDefault="00A35FED" w:rsidP="00A35FED">
            <w:r>
              <w:t>&lt;!--lscache.js --&gt;</w:t>
            </w:r>
          </w:p>
          <w:p w:rsidR="00A35FED" w:rsidRDefault="00A35FED" w:rsidP="00A35FED">
            <w:r>
              <w:t>&lt;script src="js/lscache.js"&gt;&lt;/script&gt;</w:t>
            </w:r>
          </w:p>
          <w:p w:rsidR="00A35FED" w:rsidRDefault="00A35FED" w:rsidP="00A35FED">
            <w:r>
              <w:t>&lt;!--notify.js --&gt;</w:t>
            </w:r>
          </w:p>
          <w:p w:rsidR="00A35FED" w:rsidRDefault="00A35FED" w:rsidP="00A35FED">
            <w:r>
              <w:t>&lt;script src="js/notify.js"&gt;&lt;/script&gt;</w:t>
            </w:r>
          </w:p>
          <w:p w:rsidR="00A35FED" w:rsidRDefault="00A35FED" w:rsidP="00A35FED">
            <w:r>
              <w:t>&lt;!--js/common.js --&gt;</w:t>
            </w:r>
          </w:p>
          <w:p w:rsidR="00A35FED" w:rsidRDefault="00A35FED" w:rsidP="00A35FED">
            <w:r>
              <w:t>&lt;script src="js/common.js"&gt;&lt;/script&gt;</w:t>
            </w:r>
          </w:p>
          <w:p w:rsidR="00A35FED" w:rsidRDefault="00A35FED" w:rsidP="00A35FED">
            <w:r>
              <w:t>&lt;!--animated_canvas.js --&gt;</w:t>
            </w:r>
          </w:p>
          <w:p w:rsidR="00A35FED" w:rsidRDefault="00A35FED" w:rsidP="00A35FED">
            <w:r>
              <w:t xml:space="preserve">    &lt;script src="spf/js/animated_canvas.js"&gt;&lt;/script&gt;</w:t>
            </w:r>
          </w:p>
          <w:p w:rsidR="00A35FED" w:rsidRDefault="00A35FED" w:rsidP="00A35FED">
            <w:r>
              <w:t xml:space="preserve">    &lt;!--selectize.js --&gt;</w:t>
            </w:r>
          </w:p>
          <w:p w:rsidR="00A35FED" w:rsidRDefault="00A35FED" w:rsidP="00A35FED">
            <w:r>
              <w:t xml:space="preserve">    &lt;script src="js/selectize.js"&gt;&lt;/script&gt;</w:t>
            </w:r>
          </w:p>
          <w:p w:rsidR="00A35FED" w:rsidRDefault="00A35FED" w:rsidP="00A35FED">
            <w:r>
              <w:t xml:space="preserve">    &lt;!--googleapis --&gt;</w:t>
            </w:r>
          </w:p>
          <w:p w:rsidR="00A35FED" w:rsidRDefault="00A35FED" w:rsidP="00A35FED">
            <w:r>
              <w:t xml:space="preserve">    &lt;script</w:t>
            </w:r>
          </w:p>
          <w:p w:rsidR="00A35FED" w:rsidRDefault="00A35FED" w:rsidP="00A35FED">
            <w:r>
              <w:lastRenderedPageBreak/>
              <w:t xml:space="preserve">            src="https://maps.googleapis.com/maps/api/js?key=AIzaSyCjN2knZ92ZcETe2mNF2t5l_j21ZTvTnIY&amp;amp;libraries=places&amp;amp;callback=initAutocomplete"</w:t>
            </w:r>
          </w:p>
          <w:p w:rsidR="00A35FED" w:rsidRDefault="00A35FED" w:rsidP="00A35FED">
            <w:r>
              <w:t xml:space="preserve">            async defer&gt;&lt;/script&gt;</w:t>
            </w:r>
          </w:p>
          <w:p w:rsidR="00A35FED" w:rsidRDefault="00A35FED" w:rsidP="00A35FED">
            <w:r>
              <w:t xml:space="preserve">            &lt;!-- velocity.js--&gt;</w:t>
            </w:r>
          </w:p>
          <w:p w:rsidR="00A35FED" w:rsidRDefault="00A35FED" w:rsidP="00A35FED">
            <w:r>
              <w:t>&lt;script src="js/velocity.js"&gt;&lt;/script&gt;</w:t>
            </w:r>
          </w:p>
          <w:p w:rsidR="00A35FED" w:rsidRDefault="00A35FED" w:rsidP="00A35FED">
            <w:r>
              <w:t>&lt;!-- init.js--&gt;</w:t>
            </w:r>
          </w:p>
          <w:p w:rsidR="00A35FED" w:rsidRDefault="00A35FED" w:rsidP="00A35FED">
            <w:r>
              <w:t>&lt;script src="spf/js/init.js"&gt;&lt;/script&gt;</w:t>
            </w:r>
          </w:p>
          <w:p w:rsidR="00A35FED" w:rsidRDefault="00A35FED" w:rsidP="00A35FED">
            <w:r>
              <w:t>&lt;script type="text/javascript"&gt;</w:t>
            </w:r>
          </w:p>
          <w:p w:rsidR="00A35FED" w:rsidRDefault="00A35FED" w:rsidP="00A35FED">
            <w:r>
              <w:t xml:space="preserve">    $(document).ready(function () {</w:t>
            </w:r>
          </w:p>
          <w:p w:rsidR="00A35FED" w:rsidRDefault="00A35FED" w:rsidP="00A35FED">
            <w:r>
              <w:t xml:space="preserve">        /*if (document.referrer !== "" &amp;&amp;</w:t>
            </w:r>
          </w:p>
          <w:p w:rsidR="00A35FED" w:rsidRDefault="00A35FED" w:rsidP="00A35FED">
            <w:r>
              <w:t xml:space="preserve">            (new URL(document.referrer)).origin !== window.location.origin &amp;&amp;</w:t>
            </w:r>
          </w:p>
          <w:p w:rsidR="00A35FED" w:rsidRDefault="00A35FED" w:rsidP="00A35FED">
            <w:r>
              <w:t xml:space="preserve">            lscache.get("last_visited")) {</w:t>
            </w:r>
          </w:p>
          <w:p w:rsidR="00A35FED" w:rsidRDefault="00A35FED" w:rsidP="00A35FED">
            <w:r>
              <w:t xml:space="preserve">            var lastVisited = lscache.get("last_visited");</w:t>
            </w:r>
          </w:p>
          <w:p w:rsidR="00A35FED" w:rsidRDefault="00A35FED" w:rsidP="00A35FED">
            <w:r>
              <w:t xml:space="preserve">            lscache.remove("last_visited");</w:t>
            </w:r>
          </w:p>
          <w:p w:rsidR="00A35FED" w:rsidRDefault="00A35FED" w:rsidP="00A35FED">
            <w:r>
              <w:t xml:space="preserve">            window.location.href = lastVisited;</w:t>
            </w:r>
          </w:p>
          <w:p w:rsidR="00A35FED" w:rsidRDefault="00A35FED" w:rsidP="00A35FED">
            <w:r>
              <w:t xml:space="preserve">        } else {</w:t>
            </w:r>
          </w:p>
          <w:p w:rsidR="00A35FED" w:rsidRDefault="00A35FED" w:rsidP="00A35FED">
            <w:r>
              <w:t xml:space="preserve">            //lscache.set("last_visited", window.location.href);</w:t>
            </w:r>
          </w:p>
          <w:p w:rsidR="00A35FED" w:rsidRDefault="00A35FED" w:rsidP="00A35FED">
            <w:r>
              <w:t xml:space="preserve">        }*/</w:t>
            </w:r>
          </w:p>
          <w:p w:rsidR="00A35FED" w:rsidRDefault="00A35FED" w:rsidP="00A35FED">
            <w:r>
              <w:t xml:space="preserve">        /*window.onbeforeunload = function() {</w:t>
            </w:r>
          </w:p>
          <w:p w:rsidR="00A35FED" w:rsidRDefault="00A35FED" w:rsidP="00A35FED">
            <w:r>
              <w:t xml:space="preserve">            lscache.set("last_visited", window.location.href);</w:t>
            </w:r>
          </w:p>
          <w:p w:rsidR="00A35FED" w:rsidRDefault="00A35FED" w:rsidP="00A35FED">
            <w:r>
              <w:t xml:space="preserve">            return;</w:t>
            </w:r>
          </w:p>
          <w:p w:rsidR="00A35FED" w:rsidRDefault="00A35FED" w:rsidP="00A35FED">
            <w:r>
              <w:t xml:space="preserve">        }*/</w:t>
            </w:r>
          </w:p>
          <w:p w:rsidR="00A35FED" w:rsidRDefault="00A35FED" w:rsidP="00A35FED">
            <w:r>
              <w:t xml:space="preserve">        fnUpdateWishFlag();</w:t>
            </w:r>
          </w:p>
          <w:p w:rsidR="00A35FED" w:rsidRDefault="00A35FED" w:rsidP="00A35FED">
            <w:r>
              <w:t xml:space="preserve">        $(document.body).on("click", ".btn-wishlist", function (e) {</w:t>
            </w:r>
          </w:p>
          <w:p w:rsidR="00A35FED" w:rsidRDefault="00A35FED" w:rsidP="00A35FED">
            <w:r>
              <w:t xml:space="preserve">            e.preventDefault();</w:t>
            </w:r>
          </w:p>
          <w:p w:rsidR="00A35FED" w:rsidRDefault="00A35FED" w:rsidP="00A35FED">
            <w:r>
              <w:t xml:space="preserve">            var that = this;</w:t>
            </w:r>
          </w:p>
          <w:p w:rsidR="00A35FED" w:rsidRDefault="00A35FED" w:rsidP="00A35FED">
            <w:r>
              <w:t xml:space="preserve">            let href = $(that).data("href");</w:t>
            </w:r>
          </w:p>
          <w:p w:rsidR="00A35FED" w:rsidRDefault="00A35FED" w:rsidP="00A35FED">
            <w:r>
              <w:t xml:space="preserve">            let rid = $(that).data("id");</w:t>
            </w:r>
          </w:p>
          <w:p w:rsidR="00A35FED" w:rsidRDefault="00A35FED" w:rsidP="00A35FED">
            <w:r>
              <w:t xml:space="preserve">            if (href) {</w:t>
            </w:r>
          </w:p>
          <w:p w:rsidR="00A35FED" w:rsidRDefault="00A35FED" w:rsidP="00A35FED">
            <w:r>
              <w:t xml:space="preserve">                $.ajax({</w:t>
            </w:r>
          </w:p>
          <w:p w:rsidR="00A35FED" w:rsidRDefault="00A35FED" w:rsidP="00A35FED">
            <w:r>
              <w:t xml:space="preserve">                    type: "get",</w:t>
            </w:r>
          </w:p>
          <w:p w:rsidR="00A35FED" w:rsidRDefault="00A35FED" w:rsidP="00A35FED">
            <w:r>
              <w:t xml:space="preserve">                    url: href,</w:t>
            </w:r>
          </w:p>
          <w:p w:rsidR="00A35FED" w:rsidRDefault="00A35FED" w:rsidP="00A35FED">
            <w:r>
              <w:t xml:space="preserve">                    beforeSend: function () {</w:t>
            </w:r>
          </w:p>
          <w:p w:rsidR="00A35FED" w:rsidRDefault="00A35FED" w:rsidP="00A35FED">
            <w:r>
              <w:t xml:space="preserve">                        $(that).addClass("block-loader");</w:t>
            </w:r>
          </w:p>
          <w:p w:rsidR="00A35FED" w:rsidRDefault="00A35FED" w:rsidP="00A35FED">
            <w:r>
              <w:t xml:space="preserve">                    },</w:t>
            </w:r>
          </w:p>
          <w:p w:rsidR="00A35FED" w:rsidRDefault="00A35FED" w:rsidP="00A35FED">
            <w:r>
              <w:t xml:space="preserve">                    success: function (response) {</w:t>
            </w:r>
          </w:p>
          <w:p w:rsidR="00A35FED" w:rsidRDefault="00A35FED" w:rsidP="00A35FED">
            <w:r>
              <w:t xml:space="preserve">                        $(that).removeClass("block-loader");</w:t>
            </w:r>
          </w:p>
          <w:p w:rsidR="00A35FED" w:rsidRDefault="00A35FED" w:rsidP="00A35FED">
            <w:r>
              <w:t xml:space="preserve">                        $(that).toggleClass("liked");</w:t>
            </w:r>
          </w:p>
          <w:p w:rsidR="00A35FED" w:rsidRDefault="00A35FED" w:rsidP="00A35FED">
            <w:r>
              <w:t xml:space="preserve">                        $("span", that).text($(that).hasClass("liked") ? "In Your List" : "Add To My List");</w:t>
            </w:r>
          </w:p>
          <w:p w:rsidR="00A35FED" w:rsidRDefault="00A35FED" w:rsidP="00A35FED">
            <w:r>
              <w:t xml:space="preserve">                        $(that).attr("data-original-title", $(that).hasClass("liked") ? "Remove From Your List" : "Add To My List").tooltip('show');</w:t>
            </w:r>
          </w:p>
          <w:p w:rsidR="00A35FED" w:rsidRDefault="00A35FED" w:rsidP="00A35FED">
            <w:r>
              <w:t xml:space="preserve">                    }</w:t>
            </w:r>
          </w:p>
          <w:p w:rsidR="00A35FED" w:rsidRDefault="00A35FED" w:rsidP="00A35FED">
            <w:r>
              <w:t xml:space="preserve">                });</w:t>
            </w:r>
          </w:p>
          <w:p w:rsidR="00A35FED" w:rsidRDefault="00A35FED" w:rsidP="00A35FED">
            <w:r>
              <w:t xml:space="preserve">            } else {</w:t>
            </w:r>
          </w:p>
          <w:p w:rsidR="00A35FED" w:rsidRDefault="00A35FED" w:rsidP="00A35FED">
            <w:r>
              <w:t xml:space="preserve">                let wishList = lscache.get("wishlist") || [];</w:t>
            </w:r>
          </w:p>
          <w:p w:rsidR="00A35FED" w:rsidRDefault="00A35FED" w:rsidP="00A35FED">
            <w:r>
              <w:t xml:space="preserve">                if (wishList.includes(rid)) {</w:t>
            </w:r>
          </w:p>
          <w:p w:rsidR="00A35FED" w:rsidRDefault="00A35FED" w:rsidP="00A35FED">
            <w:r>
              <w:t xml:space="preserve">                    wishList = _.without(wishList, rid);</w:t>
            </w:r>
          </w:p>
          <w:p w:rsidR="00A35FED" w:rsidRDefault="00A35FED" w:rsidP="00A35FED">
            <w:r>
              <w:lastRenderedPageBreak/>
              <w:t xml:space="preserve">                } else {</w:t>
            </w:r>
          </w:p>
          <w:p w:rsidR="00A35FED" w:rsidRDefault="00A35FED" w:rsidP="00A35FED">
            <w:r>
              <w:t xml:space="preserve">                    wishList.push(rid);</w:t>
            </w:r>
          </w:p>
          <w:p w:rsidR="00A35FED" w:rsidRDefault="00A35FED" w:rsidP="00A35FED">
            <w:r>
              <w:t xml:space="preserve">                }</w:t>
            </w:r>
          </w:p>
          <w:p w:rsidR="00A35FED" w:rsidRDefault="00A35FED" w:rsidP="00A35FED">
            <w:r>
              <w:t xml:space="preserve">                lscache.set("wishlist", wishList);</w:t>
            </w:r>
          </w:p>
          <w:p w:rsidR="00A35FED" w:rsidRDefault="00A35FED" w:rsidP="00A35FED">
            <w:r>
              <w:t xml:space="preserve">                $(this).toggleClass("liked");</w:t>
            </w:r>
          </w:p>
          <w:p w:rsidR="00A35FED" w:rsidRDefault="00A35FED" w:rsidP="00A35FED">
            <w:r>
              <w:t xml:space="preserve">                $("span", this).text($(this).hasClass("liked") ? "In Your List" : "Add To My List");</w:t>
            </w:r>
          </w:p>
          <w:p w:rsidR="00A35FED" w:rsidRDefault="00A35FED" w:rsidP="00A35FED">
            <w:r>
              <w:t xml:space="preserve">                $(this).attr("data-original-title", $(this).hasClass("liked") ? "Remove From Your List" : "Add To My List").tooltip('show');</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window.fnUpdateWishFlag = function () {</w:t>
            </w:r>
          </w:p>
          <w:p w:rsidR="00A35FED" w:rsidRDefault="00A35FED" w:rsidP="00A35FED">
            <w:r>
              <w:t xml:space="preserve">        let wishList = lscache.get("wishlist") || [];</w:t>
            </w:r>
          </w:p>
          <w:p w:rsidR="00A35FED" w:rsidRDefault="00A35FED" w:rsidP="00A35FED">
            <w:r>
              <w:t xml:space="preserve">        wishList.forEach(function (item) {</w:t>
            </w:r>
          </w:p>
          <w:p w:rsidR="00A35FED" w:rsidRDefault="00A35FED" w:rsidP="00A35FED">
            <w:r>
              <w:t xml:space="preserve">            $(".btn-wishlist[data-id='" + item + "']").addClass("liked");</w:t>
            </w:r>
          </w:p>
          <w:p w:rsidR="00A35FED" w:rsidRDefault="00A35FED" w:rsidP="00A35FED">
            <w:r>
              <w:t xml:space="preserve">            $(".btn-wishlist[data-id='" + item + "'].liked span").text("In Your List");</w:t>
            </w:r>
          </w:p>
          <w:p w:rsidR="00A35FED" w:rsidRDefault="00A35FED" w:rsidP="00A35FED">
            <w:r>
              <w:t xml:space="preserve">            $(".btn-wishlist[data-id='" + item + "'].liked").attr("title", "Remove From Your List");</w:t>
            </w:r>
          </w:p>
          <w:p w:rsidR="00A35FED" w:rsidRDefault="00A35FED" w:rsidP="00A35FED">
            <w:r>
              <w:t xml:space="preserve">        });</w:t>
            </w:r>
          </w:p>
          <w:p w:rsidR="00A35FED" w:rsidRDefault="00A35FED" w:rsidP="00A35FED">
            <w:r>
              <w:t xml:space="preserve">    };</w:t>
            </w:r>
          </w:p>
          <w:p w:rsidR="00A35FED" w:rsidRDefault="00A35FED" w:rsidP="00A35FED">
            <w:r>
              <w:t xml:space="preserve">    &lt;/script&gt;</w:t>
            </w:r>
          </w:p>
          <w:p w:rsidR="00A35FED" w:rsidRDefault="00A35FED" w:rsidP="00A35FED">
            <w:r>
              <w:t xml:space="preserve">    &lt;!---------------remove wishlist ends------------------&gt;</w:t>
            </w:r>
          </w:p>
          <w:p w:rsidR="00A35FED" w:rsidRDefault="00A35FED" w:rsidP="00A35FED">
            <w:r>
              <w:t xml:space="preserve">    &lt;script src="spf/js/theme.js"&gt;&lt;/script&gt;</w:t>
            </w:r>
          </w:p>
          <w:p w:rsidR="00A35FED" w:rsidRDefault="00A35FED" w:rsidP="00A35FED">
            <w:r>
              <w:t xml:space="preserve">    &lt;script src="js/lscache.js"&gt;&lt;/script&gt;</w:t>
            </w:r>
          </w:p>
          <w:p w:rsidR="00A35FED" w:rsidRDefault="00A35FED" w:rsidP="00A35FED">
            <w:r>
              <w:t xml:space="preserve">    &lt;script src="js/notify.js"&gt;&lt;/script&gt;</w:t>
            </w:r>
          </w:p>
          <w:p w:rsidR="00A35FED" w:rsidRDefault="00A35FED" w:rsidP="00A35FED">
            <w:r>
              <w:t xml:space="preserve">    &lt;script src="js/common.js"&gt;&lt;/script&gt;</w:t>
            </w:r>
          </w:p>
          <w:p w:rsidR="00A35FED" w:rsidRDefault="00A35FED" w:rsidP="00A35FED">
            <w:r>
              <w:t xml:space="preserve">        &lt;script src="js/selectize.js"&gt;&lt;/script&gt;</w:t>
            </w:r>
          </w:p>
          <w:p w:rsidR="00A35FED" w:rsidRDefault="00A35FED" w:rsidP="00A35FED">
            <w:r>
              <w:t xml:space="preserve">        &lt;script src="js/nouislider.js"&gt;&lt;/script&gt;</w:t>
            </w:r>
          </w:p>
          <w:p w:rsidR="00A35FED" w:rsidRDefault="00A35FED" w:rsidP="00A35FED">
            <w:r>
              <w:t xml:space="preserve">        &lt;script</w:t>
            </w:r>
          </w:p>
          <w:p w:rsidR="00A35FED" w:rsidRDefault="00A35FED" w:rsidP="00A35FED">
            <w:r>
              <w:t xml:space="preserve">                src="https://maps.googleapis.com/maps/api/js?key=AIzaSyCjN2knZ92ZcETe2mNF2t5l_j21ZTvTnIY&amp;amp;libraries=places&amp;amp;callback=initAutocomplete"</w:t>
            </w:r>
          </w:p>
          <w:p w:rsidR="00A35FED" w:rsidRDefault="00A35FED" w:rsidP="00A35FED">
            <w:r>
              <w:t xml:space="preserve">                async defer&gt;&lt;/script&gt;</w:t>
            </w:r>
          </w:p>
          <w:p w:rsidR="00A35FED" w:rsidRDefault="00A35FED" w:rsidP="00A35FED">
            <w:r>
              <w:t xml:space="preserve">    &lt;script src="js/velocity.js"&gt;&lt;/script&gt;</w:t>
            </w:r>
          </w:p>
          <w:p w:rsidR="00A35FED" w:rsidRDefault="00A35FED" w:rsidP="00A35FED">
            <w:r>
              <w:t xml:space="preserve">    &lt;script src="spf/js/init.js"&gt;&lt;/script&gt;</w:t>
            </w:r>
          </w:p>
          <w:p w:rsidR="00A35FED" w:rsidRDefault="00A35FED" w:rsidP="00A35FED">
            <w:r>
              <w:t xml:space="preserve">        &lt;script type="text/javascript"&gt;</w:t>
            </w:r>
          </w:p>
          <w:p w:rsidR="00A35FED" w:rsidRDefault="00A35FED" w:rsidP="00A35FED">
            <w:r>
              <w:t xml:space="preserve">        &lt;/script&gt;</w:t>
            </w:r>
          </w:p>
          <w:p w:rsidR="00A35FED" w:rsidRDefault="00A35FED" w:rsidP="00A35FED">
            <w:r>
              <w:t>&lt;script type="text/javascript"&gt;</w:t>
            </w:r>
          </w:p>
          <w:p w:rsidR="00A35FED" w:rsidRDefault="00A35FED" w:rsidP="00A35FED">
            <w:r>
              <w:t>//$(document).ready(function () {</w:t>
            </w:r>
          </w:p>
          <w:p w:rsidR="00A35FED" w:rsidRDefault="00A35FED" w:rsidP="00A35FED">
            <w:r>
              <w:t>function getResidence() {</w:t>
            </w:r>
          </w:p>
          <w:p w:rsidR="00A35FED" w:rsidRDefault="00A35FED" w:rsidP="00A35FED">
            <w:r>
              <w:t xml:space="preserve">    //alert(1);</w:t>
            </w:r>
          </w:p>
          <w:p w:rsidR="00A35FED" w:rsidRDefault="00A35FED" w:rsidP="00A35FED">
            <w:r>
              <w:t xml:space="preserve">    const residence_type = &lt;?php echo json_encode(residence_type); ?&gt;;</w:t>
            </w:r>
          </w:p>
          <w:p w:rsidR="00A35FED" w:rsidRDefault="00A35FED" w:rsidP="00A35FED">
            <w:r>
              <w:t xml:space="preserve">    var url = new URL(window.location.href);</w:t>
            </w:r>
          </w:p>
          <w:p w:rsidR="00A35FED" w:rsidRDefault="00A35FED" w:rsidP="00A35FED">
            <w:r>
              <w:t xml:space="preserve">    var filter = url.searchParams.get("filter");</w:t>
            </w:r>
          </w:p>
          <w:p w:rsidR="00A35FED" w:rsidRDefault="00A35FED" w:rsidP="00A35FED">
            <w:r>
              <w:t xml:space="preserve">    let filterQuery = fnGetSearchQuery();</w:t>
            </w:r>
          </w:p>
          <w:p w:rsidR="00A35FED" w:rsidRDefault="00A35FED" w:rsidP="00A35FED">
            <w:r>
              <w:tab/>
              <w:t xml:space="preserve">var q </w:t>
            </w:r>
            <w:r>
              <w:tab/>
              <w:t>=</w:t>
            </w:r>
            <w:r>
              <w:tab/>
              <w:t>$("#txtSearchText").val()</w:t>
            </w:r>
          </w:p>
          <w:p w:rsidR="00A35FED" w:rsidRDefault="00A35FED" w:rsidP="00A35FED">
            <w:r>
              <w:t xml:space="preserve">    // console.log("Hello"+q);</w:t>
            </w:r>
          </w:p>
          <w:p w:rsidR="00A35FED" w:rsidRDefault="00A35FED" w:rsidP="00A35FED">
            <w:r>
              <w:t xml:space="preserve">    // console.log(filterQuery, 'filterQuery');</w:t>
            </w:r>
          </w:p>
          <w:p w:rsidR="00A35FED" w:rsidRDefault="00A35FED" w:rsidP="00A35FED">
            <w:r>
              <w:t xml:space="preserve">    $.post("get_residence.php", {</w:t>
            </w:r>
          </w:p>
          <w:p w:rsidR="00A35FED" w:rsidRDefault="00A35FED" w:rsidP="00A35FED">
            <w:r>
              <w:lastRenderedPageBreak/>
              <w:t xml:space="preserve">            "filter": btoa(fnStringifyObject(filterQuery)),</w:t>
            </w:r>
          </w:p>
          <w:p w:rsidR="00A35FED" w:rsidRDefault="00A35FED" w:rsidP="00A35FED">
            <w:r>
              <w:t xml:space="preserve">            "q": q,</w:t>
            </w:r>
          </w:p>
          <w:p w:rsidR="00A35FED" w:rsidRDefault="00A35FED" w:rsidP="00A35FED">
            <w:r>
              <w:t xml:space="preserve">            "filter2": filter,</w:t>
            </w:r>
          </w:p>
          <w:p w:rsidR="00A35FED" w:rsidRDefault="00A35FED" w:rsidP="00A35FED">
            <w:r>
              <w:t xml:space="preserve">            'residence_type': 'respite'</w:t>
            </w:r>
          </w:p>
          <w:p w:rsidR="00A35FED" w:rsidRDefault="00A35FED" w:rsidP="00A35FED"/>
          <w:p w:rsidR="00A35FED" w:rsidRDefault="00A35FED" w:rsidP="00A35FED">
            <w:r>
              <w:t xml:space="preserve">        },</w:t>
            </w:r>
          </w:p>
          <w:p w:rsidR="00A35FED" w:rsidRDefault="00A35FED" w:rsidP="00A35FED">
            <w:r>
              <w:t xml:space="preserve">        function(data, status) {</w:t>
            </w:r>
          </w:p>
          <w:p w:rsidR="00A35FED" w:rsidRDefault="00A35FED" w:rsidP="00A35FED">
            <w:r>
              <w:tab/>
            </w:r>
            <w:r>
              <w:tab/>
            </w:r>
            <w:r>
              <w:tab/>
              <w:t>// console.log(data);</w:t>
            </w:r>
          </w:p>
          <w:p w:rsidR="00A35FED" w:rsidRDefault="00A35FED" w:rsidP="00A35FED">
            <w:r>
              <w:t xml:space="preserve">            let residence_data = JSON.parse(data);</w:t>
            </w:r>
          </w:p>
          <w:p w:rsidR="00A35FED" w:rsidRDefault="00A35FED" w:rsidP="00A35FED"/>
          <w:p w:rsidR="00A35FED" w:rsidRDefault="00A35FED" w:rsidP="00A35FED"/>
          <w:p w:rsidR="00A35FED" w:rsidRDefault="00A35FED" w:rsidP="00A35FED">
            <w:r>
              <w:t xml:space="preserve">            let residence_list = ''; let col_cls = 'col-md-6';</w:t>
            </w:r>
          </w:p>
          <w:p w:rsidR="00A35FED" w:rsidRDefault="00A35FED" w:rsidP="00A35FED">
            <w:r>
              <w:t xml:space="preserve">            if (residence_data['data'].length == 1) {</w:t>
            </w:r>
          </w:p>
          <w:p w:rsidR="00A35FED" w:rsidRDefault="00A35FED" w:rsidP="00A35FED">
            <w:r>
              <w:t xml:space="preserve">                col_cls = 'col-md-12';</w:t>
            </w:r>
          </w:p>
          <w:p w:rsidR="00A35FED" w:rsidRDefault="00A35FED" w:rsidP="00A35FED">
            <w:r>
              <w:t xml:space="preserve">            }</w:t>
            </w:r>
          </w:p>
          <w:p w:rsidR="00A35FED" w:rsidRDefault="00A35FED" w:rsidP="00A35FED">
            <w:r>
              <w:t xml:space="preserve">            residence_data['data'].forEach(function(item) {</w:t>
            </w:r>
          </w:p>
          <w:p w:rsidR="00A35FED" w:rsidRDefault="00A35FED" w:rsidP="00A35FED">
            <w:r>
              <w:t xml:space="preserve">                let residence_types = '';</w:t>
            </w:r>
          </w:p>
          <w:p w:rsidR="00A35FED" w:rsidRDefault="00A35FED" w:rsidP="00A35FED">
            <w:r>
              <w:t xml:space="preserve">                let residence = String(item.residence);</w:t>
            </w:r>
          </w:p>
          <w:p w:rsidR="00A35FED" w:rsidRDefault="00A35FED" w:rsidP="00A35FED">
            <w:r>
              <w:t xml:space="preserve">                residence_split = residence.split(',');</w:t>
            </w:r>
          </w:p>
          <w:p w:rsidR="00A35FED" w:rsidRDefault="00A35FED" w:rsidP="00A35FED">
            <w:r>
              <w:t xml:space="preserve">                residence_split.forEach(function(res) {</w:t>
            </w:r>
          </w:p>
          <w:p w:rsidR="00A35FED" w:rsidRDefault="00A35FED" w:rsidP="00A35FED">
            <w:r>
              <w:t xml:space="preserve">                    residence_types += "&lt;small&gt;" + residence_type[res] +</w:t>
            </w:r>
          </w:p>
          <w:p w:rsidR="00A35FED" w:rsidRDefault="00A35FED" w:rsidP="00A35FED">
            <w:r>
              <w:t xml:space="preserve">                        "&lt;/small&gt;";</w:t>
            </w:r>
          </w:p>
          <w:p w:rsidR="00A35FED" w:rsidRDefault="00A35FED" w:rsidP="00A35FED">
            <w:r>
              <w:t xml:space="preserve">                });</w:t>
            </w:r>
          </w:p>
          <w:p w:rsidR="00A35FED" w:rsidRDefault="00A35FED" w:rsidP="00A35FED">
            <w:r>
              <w:t xml:space="preserve">                var id = item.id; </w:t>
            </w:r>
          </w:p>
          <w:p w:rsidR="00A35FED" w:rsidRDefault="00A35FED" w:rsidP="00A35FED">
            <w:r>
              <w:tab/>
            </w:r>
            <w:r>
              <w:tab/>
            </w:r>
            <w:r>
              <w:tab/>
            </w:r>
            <w:r>
              <w:tab/>
              <w:t>var url = "https://reachseniors.com";</w:t>
            </w:r>
          </w:p>
          <w:p w:rsidR="00A35FED" w:rsidRDefault="00A35FED" w:rsidP="00A35FED">
            <w:r>
              <w:tab/>
            </w:r>
            <w:r>
              <w:tab/>
            </w:r>
            <w:r>
              <w:tab/>
            </w:r>
            <w:r>
              <w:tab/>
              <w:t>if (item.photo1) {</w:t>
            </w:r>
          </w:p>
          <w:p w:rsidR="00A35FED" w:rsidRDefault="00A35FED" w:rsidP="00A35FED">
            <w:r>
              <w:tab/>
            </w:r>
            <w:r>
              <w:tab/>
            </w:r>
            <w:r>
              <w:tab/>
            </w:r>
            <w:r>
              <w:tab/>
            </w:r>
            <w:r>
              <w:tab/>
              <w:t>var photo1 = item.photo1;</w:t>
            </w:r>
          </w:p>
          <w:p w:rsidR="00A35FED" w:rsidRDefault="00A35FED" w:rsidP="00A35FED">
            <w:r>
              <w:tab/>
            </w:r>
            <w:r>
              <w:tab/>
            </w:r>
            <w:r>
              <w:tab/>
            </w:r>
            <w:r>
              <w:tab/>
              <w:t xml:space="preserve">}else{ </w:t>
            </w:r>
          </w:p>
          <w:p w:rsidR="00A35FED" w:rsidRDefault="00A35FED" w:rsidP="00A35FED">
            <w:r>
              <w:tab/>
            </w:r>
            <w:r>
              <w:tab/>
            </w:r>
            <w:r>
              <w:tab/>
            </w:r>
            <w:r>
              <w:tab/>
            </w:r>
            <w:r>
              <w:tab/>
              <w:t>var photo1 = "no-image.jpg";</w:t>
            </w:r>
          </w:p>
          <w:p w:rsidR="00A35FED" w:rsidRDefault="00A35FED" w:rsidP="00A35FED">
            <w:r>
              <w:tab/>
            </w:r>
            <w:r>
              <w:tab/>
            </w:r>
            <w:r>
              <w:tab/>
            </w:r>
            <w:r>
              <w:tab/>
              <w:t>}</w:t>
            </w:r>
          </w:p>
          <w:p w:rsidR="00A35FED" w:rsidRDefault="00A35FED" w:rsidP="00A35FED"/>
          <w:p w:rsidR="00A35FED" w:rsidRDefault="00A35FED" w:rsidP="00A35FED">
            <w:r>
              <w:t xml:space="preserve">                residence_list +=</w:t>
            </w:r>
          </w:p>
          <w:p w:rsidR="00A35FED" w:rsidRDefault="00A35FED" w:rsidP="00A35FED">
            <w:r>
              <w:t xml:space="preserve">                    '&lt;div class="'+col_cls+' residence wow bounceInUp 0" data-wow-duration="1.5s" data-wow-delay="0.1s" id="100184"&gt;&lt;div class="strip grid"&gt;&lt;figure&gt; &lt;a class="wish_bt btn-wishlist " href="javascript:" title="Add To My List" data-toggle="tooltip" data-id="100184" &gt;&lt;/a&gt;&lt;a href="property-details.php?id='+id+'"&gt;&lt;img alt="" title="" class="img-fluid" height="266" width="400" src="'+url+"/uploads/slg/properties/"+</w:t>
            </w:r>
          </w:p>
          <w:p w:rsidR="00A35FED" w:rsidRDefault="00A35FED" w:rsidP="00A35FED">
            <w:r>
              <w:t xml:space="preserve">                    photo1 +</w:t>
            </w:r>
          </w:p>
          <w:p w:rsidR="00A35FED" w:rsidRDefault="00A35FED" w:rsidP="00A35FED">
            <w:r>
              <w:t xml:space="preserve">                    '"/&gt;&lt;div class="read_more"&gt;&lt;span&gt;View Residence&lt;/span&gt;&lt;/div&gt;&lt;/a&gt;' +</w:t>
            </w:r>
          </w:p>
          <w:p w:rsidR="00A35FED" w:rsidRDefault="00A35FED" w:rsidP="00A35FED">
            <w:r>
              <w:t xml:space="preserve">                    residence_types +</w:t>
            </w:r>
          </w:p>
          <w:p w:rsidR="00A35FED" w:rsidRDefault="00A35FED" w:rsidP="00A35FED">
            <w:r>
              <w:t xml:space="preserve">                    '&lt;/figure&gt;&lt;div class="wrapper"&gt;&lt;h3&gt;&lt;a href="property-details.php?id='+id+'"&gt;' +</w:t>
            </w:r>
          </w:p>
          <w:p w:rsidR="00A35FED" w:rsidRDefault="00A35FED" w:rsidP="00A35FED">
            <w:r>
              <w:t xml:space="preserve">                    item.title +</w:t>
            </w:r>
          </w:p>
          <w:p w:rsidR="00A35FED" w:rsidRDefault="00A35FED" w:rsidP="00A35FED">
            <w:r>
              <w:t xml:space="preserve">                    '&lt;/a&gt;&lt;/h3&gt;&lt;p&gt;Independent / Adult Active 55+ Community Residence&lt;/p&gt;&lt;/div&gt;&lt;ul&gt;&lt;li&gt;&lt;div class="score"&gt;&lt;span&gt;Total&lt;em&gt;Views&lt;/em&gt;&lt;/span&gt;&lt;strong&gt;' +</w:t>
            </w:r>
          </w:p>
          <w:p w:rsidR="00A35FED" w:rsidRDefault="00A35FED" w:rsidP="00A35FED">
            <w:r>
              <w:t xml:space="preserve">                    item.views +</w:t>
            </w:r>
          </w:p>
          <w:p w:rsidR="00A35FED" w:rsidRDefault="00A35FED" w:rsidP="00A35FED">
            <w:r>
              <w:t xml:space="preserve">                    '&lt;/strong&gt;&lt;/div&gt;&lt;/li&gt;&lt;li&gt;&lt;a class="btn btn-sm btn-success rounded-pill" href="property-details.php?id='+id+'"&gt;&lt;i class="fas fa-map-marker-alt mr-1"&gt;&lt;/i&gt;View More&lt;/a&gt;&lt;/li&gt;&lt;/ul&gt;&lt;/div&gt;&lt;/div&gt;';</w:t>
            </w:r>
          </w:p>
          <w:p w:rsidR="00A35FED" w:rsidRDefault="00A35FED" w:rsidP="00A35FED">
            <w:r>
              <w:lastRenderedPageBreak/>
              <w:t xml:space="preserve">            });</w:t>
            </w:r>
          </w:p>
          <w:p w:rsidR="00A35FED" w:rsidRDefault="00A35FED" w:rsidP="00A35FED">
            <w:r>
              <w:t xml:space="preserve">            $("#residence_list").html(residence_list);</w:t>
            </w:r>
          </w:p>
          <w:p w:rsidR="00A35FED" w:rsidRDefault="00A35FED" w:rsidP="00A35FED">
            <w:r>
              <w:tab/>
            </w:r>
            <w:r>
              <w:tab/>
            </w:r>
            <w:r>
              <w:tab/>
              <w:t>$("#res_count").html(residence_data['data'].length);</w:t>
            </w:r>
          </w:p>
          <w:p w:rsidR="00A35FED" w:rsidRDefault="00A35FED" w:rsidP="00A35FED">
            <w:r>
              <w:tab/>
            </w:r>
            <w:r>
              <w:tab/>
            </w:r>
            <w:r>
              <w:tab/>
              <w:t>console.log(residence_data['data'].length );</w:t>
            </w:r>
          </w:p>
          <w:p w:rsidR="00A35FED" w:rsidRDefault="00A35FED" w:rsidP="00A35FED">
            <w:r>
              <w:t xml:space="preserve">            if (residence_data['data'].length == 0) {</w:t>
            </w:r>
          </w:p>
          <w:p w:rsidR="00A35FED" w:rsidRDefault="00A35FED" w:rsidP="00A35FED">
            <w:r>
              <w:t xml:space="preserve">                $(".no-records").show();</w:t>
            </w:r>
          </w:p>
          <w:p w:rsidR="00A35FED" w:rsidRDefault="00A35FED" w:rsidP="00A35FED">
            <w:r>
              <w:t xml:space="preserve">            } else {</w:t>
            </w:r>
          </w:p>
          <w:p w:rsidR="00A35FED" w:rsidRDefault="00A35FED" w:rsidP="00A35FED">
            <w:r>
              <w:t xml:space="preserve">                $(".no-records").hide();</w:t>
            </w:r>
          </w:p>
          <w:p w:rsidR="00A35FED" w:rsidRDefault="00A35FED" w:rsidP="00A35FED">
            <w:r>
              <w:t xml:space="preserve">            }</w:t>
            </w:r>
          </w:p>
          <w:p w:rsidR="00A35FED" w:rsidRDefault="00A35FED" w:rsidP="00A35FED"/>
          <w:p w:rsidR="00A35FED" w:rsidRDefault="00A35FED" w:rsidP="00A35FED">
            <w:r>
              <w:t xml:space="preserve">            let residenceTypes = residence_data['search_data'];</w:t>
            </w:r>
          </w:p>
          <w:p w:rsidR="00A35FED" w:rsidRDefault="00A35FED" w:rsidP="00A35FED"/>
          <w:p w:rsidR="00A35FED" w:rsidRDefault="00A35FED" w:rsidP="00A35FED"/>
          <w:p w:rsidR="00A35FED" w:rsidRDefault="00A35FED" w:rsidP="00A35FED"/>
          <w:p w:rsidR="00A35FED" w:rsidRDefault="00A35FED" w:rsidP="00A35FED">
            <w:r>
              <w:t xml:space="preserve">        });</w:t>
            </w:r>
          </w:p>
          <w:p w:rsidR="00A35FED" w:rsidRDefault="00A35FED" w:rsidP="00A35FED">
            <w:r>
              <w:t>}</w:t>
            </w:r>
          </w:p>
          <w:p w:rsidR="00A35FED" w:rsidRDefault="00A35FED" w:rsidP="00A35FED">
            <w:r>
              <w:t>// });</w:t>
            </w:r>
          </w:p>
          <w:p w:rsidR="00A35FED" w:rsidRDefault="00A35FED" w:rsidP="00A35FED">
            <w:r>
              <w:t>getResidence();</w:t>
            </w:r>
          </w:p>
          <w:p w:rsidR="00A35FED" w:rsidRDefault="00A35FED" w:rsidP="00A35FED">
            <w:r>
              <w:t>&lt;/script&gt;</w:t>
            </w:r>
          </w:p>
          <w:p w:rsidR="00A35FED" w:rsidRDefault="00A35FED" w:rsidP="00A35FED">
            <w:r>
              <w:t>&lt;style&gt;</w:t>
            </w:r>
          </w:p>
          <w:p w:rsidR="00A35FED" w:rsidRDefault="00A35FED" w:rsidP="00A35FED">
            <w:r>
              <w:t>#residence_list {</w:t>
            </w:r>
          </w:p>
          <w:p w:rsidR="00A35FED" w:rsidRDefault="00A35FED" w:rsidP="00A35FED">
            <w:r>
              <w:t xml:space="preserve">    margin-left: 0px;</w:t>
            </w:r>
          </w:p>
          <w:p w:rsidR="00A35FED" w:rsidRDefault="00A35FED" w:rsidP="00A35FED">
            <w:r>
              <w:t xml:space="preserve">    margin-right: 0px;</w:t>
            </w:r>
          </w:p>
          <w:p w:rsidR="00A35FED" w:rsidRDefault="00A35FED" w:rsidP="00A35FED">
            <w:r>
              <w:t>}</w:t>
            </w:r>
          </w:p>
          <w:p w:rsidR="00A35FED" w:rsidRDefault="00A35FED" w:rsidP="00A35FED">
            <w:r>
              <w:t>&lt;/style&gt;</w:t>
            </w:r>
          </w:p>
          <w:p w:rsidR="00A35FED" w:rsidRDefault="00A35FED" w:rsidP="00A35FED"/>
          <w:p w:rsidR="00A35FED" w:rsidRDefault="00A35FED" w:rsidP="00A35FED">
            <w:r>
              <w:t>&lt;div id = "myModalContainer"&gt;</w:t>
            </w:r>
          </w:p>
          <w:p w:rsidR="00A35FED" w:rsidRDefault="00A35FED" w:rsidP="00A35FED">
            <w:r>
              <w:t xml:space="preserve">                &lt;div class="modal fade" id="myModal" style="max-height: 800px !important; margin-top: 20px;"&gt;</w:t>
            </w:r>
          </w:p>
          <w:p w:rsidR="00A35FED" w:rsidRDefault="00A35FED" w:rsidP="00A35FED">
            <w:r>
              <w:t xml:space="preserve">                    &lt;div class="modal-dialog modal-dialog-scrollable modal-lg" style="height: 846px; width:1000;"&gt;</w:t>
            </w:r>
          </w:p>
          <w:p w:rsidR="00A35FED" w:rsidRDefault="00A35FED" w:rsidP="00A35FED">
            <w:r>
              <w:t xml:space="preserve">                      &lt;div class="modal-content"&gt;</w:t>
            </w:r>
          </w:p>
          <w:p w:rsidR="00A35FED" w:rsidRDefault="00A35FED" w:rsidP="00A35FED"/>
          <w:p w:rsidR="00A35FED" w:rsidRDefault="00A35FED" w:rsidP="00A35FED">
            <w:r>
              <w:t xml:space="preserve">                        &lt;!-- Modal Header --&gt;</w:t>
            </w:r>
          </w:p>
          <w:p w:rsidR="00A35FED" w:rsidRDefault="00A35FED" w:rsidP="00A35FED">
            <w:r>
              <w:t xml:space="preserve">                        &lt;div class="modal-header"&gt;</w:t>
            </w:r>
          </w:p>
          <w:p w:rsidR="00A35FED" w:rsidRDefault="00A35FED" w:rsidP="00A35FED">
            <w:r>
              <w:t xml:space="preserve">                            &lt;h4 class="modal-title"&gt;Your Senior Place Living -  Desires and Needs&lt;/h4&gt;</w:t>
            </w:r>
          </w:p>
          <w:p w:rsidR="00A35FED" w:rsidRDefault="00A35FED" w:rsidP="00A35FED">
            <w:r>
              <w:t xml:space="preserve">                          &lt;button type="button" class="close" data-dismiss="modal"&gt;&amp;#x274C;&lt;/button&gt;</w:t>
            </w:r>
          </w:p>
          <w:p w:rsidR="00A35FED" w:rsidRDefault="00A35FED" w:rsidP="00A35FED">
            <w:r>
              <w:t xml:space="preserve">                        &lt;/div&gt;</w:t>
            </w:r>
          </w:p>
          <w:p w:rsidR="00A35FED" w:rsidRDefault="00A35FED" w:rsidP="00A35FED">
            <w:r>
              <w:t xml:space="preserve">                        </w:t>
            </w:r>
          </w:p>
          <w:p w:rsidR="00A35FED" w:rsidRDefault="00A35FED" w:rsidP="00A35FED">
            <w:r>
              <w:t xml:space="preserve">                        &lt;!-- Modal body --&gt;</w:t>
            </w:r>
          </w:p>
          <w:p w:rsidR="00A35FED" w:rsidRDefault="00A35FED" w:rsidP="00A35FED">
            <w:r>
              <w:t xml:space="preserve">                        &lt;div class="text-left" style= "height: 600px; overflow-y: scroll;"&gt;</w:t>
            </w:r>
          </w:p>
          <w:p w:rsidR="00A35FED" w:rsidRDefault="00A35FED" w:rsidP="00A35FED">
            <w:r>
              <w:t xml:space="preserve">                            &lt;br&gt;</w:t>
            </w:r>
          </w:p>
          <w:p w:rsidR="00A35FED" w:rsidRDefault="00A35FED" w:rsidP="00A35FED">
            <w:r>
              <w:t xml:space="preserve">                            &lt;span style="position:relative;left:50px;" text-align="center;"&gt; We suggest that you take a moment to enter your information and further convey your needs and desires&lt;br&gt; for senior living.&lt;/span&gt;</w:t>
            </w:r>
          </w:p>
          <w:p w:rsidR="00A35FED" w:rsidRDefault="00A35FED" w:rsidP="00A35FED">
            <w:r>
              <w:t xml:space="preserve">                            </w:t>
            </w:r>
          </w:p>
          <w:p w:rsidR="00A35FED" w:rsidRDefault="00A35FED" w:rsidP="00A35FED">
            <w:r>
              <w:t xml:space="preserve">                            &lt;div class="modal-body"&gt;</w:t>
            </w:r>
          </w:p>
          <w:p w:rsidR="00A35FED" w:rsidRDefault="00A35FED" w:rsidP="00A35FED">
            <w:r>
              <w:t xml:space="preserve">                            &lt;form action="" method="post" id="newPropertForm"&gt;</w:t>
            </w:r>
          </w:p>
          <w:p w:rsidR="00A35FED" w:rsidRDefault="00A35FED" w:rsidP="00A35FED"/>
          <w:p w:rsidR="00A35FED" w:rsidRDefault="00A35FED" w:rsidP="00A35FED">
            <w:r>
              <w:t xml:space="preserve">                                &lt;input type="hidden" name="userTempId" value="&lt;?php echo $userTempId ; ?&gt;" /&gt;</w:t>
            </w:r>
          </w:p>
          <w:p w:rsidR="00A35FED" w:rsidRDefault="00A35FED" w:rsidP="00A35FED">
            <w:r>
              <w:t xml:space="preserve">                              </w:t>
            </w:r>
          </w:p>
          <w:p w:rsidR="00A35FED" w:rsidRDefault="00A35FED" w:rsidP="00A35FED">
            <w:r>
              <w:t xml:space="preserve">                                &lt;div class="mb-3 row"&gt;</w:t>
            </w:r>
          </w:p>
          <w:p w:rsidR="00A35FED" w:rsidRDefault="00A35FED" w:rsidP="00A35FED">
            <w:r>
              <w:t xml:space="preserve">                                    &lt;br/&gt;</w:t>
            </w:r>
          </w:p>
          <w:p w:rsidR="00A35FED" w:rsidRDefault="00A35FED" w:rsidP="00A35FED">
            <w:r>
              <w:t xml:space="preserve">                                    &lt;br/&gt;</w:t>
            </w:r>
          </w:p>
          <w:p w:rsidR="00A35FED" w:rsidRDefault="00A35FED" w:rsidP="00A35FED">
            <w:r>
              <w:t xml:space="preserve">                                    &lt;label class="col-sm-5 col-form-label text-end"&gt;&lt;b&gt;City/ State/Zipcode* of Senior Residence looking for&lt;/b&gt;&lt;/label&gt;</w:t>
            </w:r>
          </w:p>
          <w:p w:rsidR="00A35FED" w:rsidRDefault="00A35FED" w:rsidP="00A35FED">
            <w:r>
              <w:t xml:space="preserve">                                    &lt;div class="col-sm-6"&gt;</w:t>
            </w:r>
          </w:p>
          <w:p w:rsidR="00A35FED" w:rsidRDefault="00A35FED" w:rsidP="00A35FED">
            <w:r>
              <w:t xml:space="preserve">                                        &lt;select name="cityStateZip" id="cityStateZip" class="form-control" placeholder="Search city, state, zipcode" required="" &gt;</w:t>
            </w:r>
          </w:p>
          <w:p w:rsidR="00A35FED" w:rsidRDefault="00A35FED" w:rsidP="00A35FED">
            <w:r>
              <w:t xml:space="preserve">                                            &lt;option value="&lt;?php echo $SCZ ; ?&gt;"&gt;&lt;?php //echo $SCZ ; ?&gt;&lt;/option&gt;</w:t>
            </w:r>
          </w:p>
          <w:p w:rsidR="00A35FED" w:rsidRDefault="00A35FED" w:rsidP="00A35FED">
            <w:r>
              <w:t xml:space="preserve">                                        &lt;/select&gt;</w:t>
            </w:r>
          </w:p>
          <w:p w:rsidR="00A35FED" w:rsidRDefault="00A35FED" w:rsidP="00A35FED">
            <w:r>
              <w:t xml:space="preserve">                                    &lt;/div&gt;</w:t>
            </w:r>
          </w:p>
          <w:p w:rsidR="00A35FED" w:rsidRDefault="00A35FED" w:rsidP="00A35FED">
            <w:r>
              <w:t xml:space="preserve">                                &lt;/div&gt; </w:t>
            </w:r>
          </w:p>
          <w:p w:rsidR="00A35FED" w:rsidRDefault="00A35FED" w:rsidP="00A35FED">
            <w:r>
              <w:t xml:space="preserve">                                </w:t>
            </w:r>
          </w:p>
          <w:p w:rsidR="00A35FED" w:rsidRDefault="00A35FED" w:rsidP="00A35FED">
            <w:r>
              <w:t xml:space="preserve">                                &lt;div class="mb-3 row"&gt;</w:t>
            </w:r>
          </w:p>
          <w:p w:rsidR="00A35FED" w:rsidRDefault="00A35FED" w:rsidP="00A35FED">
            <w:r>
              <w:t xml:space="preserve">                                </w:t>
            </w:r>
          </w:p>
          <w:p w:rsidR="00A35FED" w:rsidRDefault="00A35FED" w:rsidP="00A35FED">
            <w:r>
              <w:t xml:space="preserve">                                &lt;?php </w:t>
            </w:r>
          </w:p>
          <w:p w:rsidR="00A35FED" w:rsidRDefault="00A35FED" w:rsidP="00A35FED">
            <w:r>
              <w:t xml:space="preserve">                                 </w:t>
            </w:r>
          </w:p>
          <w:p w:rsidR="00A35FED" w:rsidRDefault="00A35FED" w:rsidP="00A35FED">
            <w:r>
              <w:t xml:space="preserve">                            foreach($propertyAttributes as $propertyAttributeCode=&gt;$propertyAttribute){ ?&gt;</w:t>
            </w:r>
          </w:p>
          <w:p w:rsidR="00A35FED" w:rsidRDefault="00A35FED" w:rsidP="00A35FED">
            <w:r>
              <w:t xml:space="preserve">                            &lt;div class="col-sm-4"&gt; </w:t>
            </w:r>
          </w:p>
          <w:p w:rsidR="00A35FED" w:rsidRDefault="00A35FED" w:rsidP="00A35FED">
            <w:r>
              <w:t xml:space="preserve">                                </w:t>
            </w:r>
          </w:p>
          <w:p w:rsidR="00A35FED" w:rsidRDefault="00A35FED" w:rsidP="00A35FED">
            <w:r>
              <w:t xml:space="preserve">                            &lt;label class="col-sm-2 col-form-label text-end"&gt; &lt;strong&gt;&lt;?php echo $propertyAttribute['label']; ?&gt; &lt;/strong&gt; &lt;/label&gt; </w:t>
            </w:r>
          </w:p>
          <w:p w:rsidR="00A35FED" w:rsidRDefault="00A35FED" w:rsidP="00A35FED">
            <w:r>
              <w:t xml:space="preserve">                            </w:t>
            </w:r>
          </w:p>
          <w:p w:rsidR="00A35FED" w:rsidRDefault="00A35FED" w:rsidP="00A35FED">
            <w:r>
              <w:t xml:space="preserve">                                &lt;div class="col-sm-12" class="form-control"&gt;</w:t>
            </w:r>
          </w:p>
          <w:p w:rsidR="00A35FED" w:rsidRDefault="00A35FED" w:rsidP="00A35FED">
            <w:r>
              <w:t xml:space="preserve">                                &lt;!--&lt;fieldset&gt; --&gt;</w:t>
            </w:r>
          </w:p>
          <w:p w:rsidR="00A35FED" w:rsidRDefault="00A35FED" w:rsidP="00A35FED">
            <w:r>
              <w:t xml:space="preserve">                                &lt;?php foreach($propertyAttribute['options'] as $option){ ?&gt;</w:t>
            </w:r>
          </w:p>
          <w:p w:rsidR="00A35FED" w:rsidRDefault="00A35FED" w:rsidP="00A35FED">
            <w:r>
              <w:t xml:space="preserve">                                </w:t>
            </w:r>
          </w:p>
          <w:p w:rsidR="00A35FED" w:rsidRDefault="00A35FED" w:rsidP="00A35FED">
            <w:r>
              <w:t xml:space="preserve">                                &lt;?php </w:t>
            </w:r>
          </w:p>
          <w:p w:rsidR="00A35FED" w:rsidRDefault="00A35FED" w:rsidP="00A35FED">
            <w:r>
              <w:t xml:space="preserve">                                    $priceBox = false;</w:t>
            </w:r>
          </w:p>
          <w:p w:rsidR="00A35FED" w:rsidRDefault="00A35FED" w:rsidP="00A35FED">
            <w:r>
              <w:t xml:space="preserve">                                    $onclick = '';</w:t>
            </w:r>
          </w:p>
          <w:p w:rsidR="00A35FED" w:rsidRDefault="00A35FED" w:rsidP="00A35FED">
            <w:r>
              <w:t xml:space="preserve">                                    if(isset($propertyAttribute['price']) &amp;&amp;  $propertyAttribute['price']){ </w:t>
            </w:r>
          </w:p>
          <w:p w:rsidR="00A35FED" w:rsidRDefault="00A35FED" w:rsidP="00A35FED">
            <w:r>
              <w:t xml:space="preserve">                                        $priceBox = true;</w:t>
            </w:r>
          </w:p>
          <w:p w:rsidR="00A35FED" w:rsidRDefault="00A35FED" w:rsidP="00A35FED">
            <w:r>
              <w:t xml:space="preserve">                                        $onclick = 'onclick="priceBoxShow(\''.$propertyAttributeCode.'_'.$option['value'].'\',\''.$propertyAttributeCode.'_'.$option['value'].'_price\')"';</w:t>
            </w:r>
          </w:p>
          <w:p w:rsidR="00A35FED" w:rsidRDefault="00A35FED" w:rsidP="00A35FED">
            <w:r>
              <w:t xml:space="preserve">                                    }</w:t>
            </w:r>
          </w:p>
          <w:p w:rsidR="00A35FED" w:rsidRDefault="00A35FED" w:rsidP="00A35FED">
            <w:r>
              <w:t xml:space="preserve">                                    ?&gt;</w:t>
            </w:r>
          </w:p>
          <w:p w:rsidR="00A35FED" w:rsidRDefault="00A35FED" w:rsidP="00A35FED">
            <w:r>
              <w:t xml:space="preserve">                                 &lt;label for="&lt;?php echo $option['value']?&gt;"&gt;</w:t>
            </w:r>
          </w:p>
          <w:p w:rsidR="00A35FED" w:rsidRDefault="00A35FED" w:rsidP="00A35FED">
            <w:r>
              <w:t xml:space="preserve">                                  &lt;input &lt;?php echo $onclick ?&gt; type="checkbox" name="&lt;?php echo $propertyAttributeCode?&gt;[]" id="&lt;?php echo$propertyAttributeCode.'_'.$option['value'] ?&gt;" value="&lt;?php echo $option['value']?&gt;" &gt;</w:t>
            </w:r>
          </w:p>
          <w:p w:rsidR="00A35FED" w:rsidRDefault="00A35FED" w:rsidP="00A35FED">
            <w:r>
              <w:t xml:space="preserve">                                  &lt;?php echo $option['label']?&gt;&lt;/label&gt;</w:t>
            </w:r>
          </w:p>
          <w:p w:rsidR="00A35FED" w:rsidRDefault="00A35FED" w:rsidP="00A35FED">
            <w:r>
              <w:t xml:space="preserve">                      </w:t>
            </w:r>
          </w:p>
          <w:p w:rsidR="00A35FED" w:rsidRDefault="00A35FED" w:rsidP="00A35FED">
            <w:r>
              <w:t xml:space="preserve">                                  &lt;?php if($priceBox){ ?&gt;</w:t>
            </w:r>
          </w:p>
          <w:p w:rsidR="00A35FED" w:rsidRDefault="00A35FED" w:rsidP="00A35FED">
            <w:r>
              <w:t xml:space="preserve">                                 &lt;div style="display:none" id="&lt;?php echo </w:t>
            </w:r>
            <w:r>
              <w:lastRenderedPageBreak/>
              <w:t>$propertyAttributeCode.'_'.$option['value']?&gt;_price"&gt;Monthly Price ($)</w:t>
            </w:r>
          </w:p>
          <w:p w:rsidR="00A35FED" w:rsidRDefault="00A35FED" w:rsidP="00A35FED">
            <w:r>
              <w:t xml:space="preserve">                                  &lt;input type="text" name="&lt;?php echo $propertyAttributeCode.'_'.$option['value']?&gt;_price" id="&lt;?php echo $propertyAttributeCode.'_'.$option['value']?&gt;_price" value="" size="10" maxlength="5" placeholder="Numbers only" &gt;</w:t>
            </w:r>
          </w:p>
          <w:p w:rsidR="00A35FED" w:rsidRDefault="00A35FED" w:rsidP="00A35FED">
            <w:r>
              <w:t xml:space="preserve">                                  &lt;/div&gt;</w:t>
            </w:r>
          </w:p>
          <w:p w:rsidR="00A35FED" w:rsidRDefault="00A35FED" w:rsidP="00A35FED">
            <w:r>
              <w:t xml:space="preserve">                                </w:t>
            </w:r>
          </w:p>
          <w:p w:rsidR="00A35FED" w:rsidRDefault="00A35FED" w:rsidP="00A35FED">
            <w:r>
              <w:t xml:space="preserve">                                &lt;?php  }  ?&gt;</w:t>
            </w:r>
          </w:p>
          <w:p w:rsidR="00A35FED" w:rsidRDefault="00A35FED" w:rsidP="00A35FED">
            <w:r>
              <w:t xml:space="preserve">                                &lt;br /&gt; </w:t>
            </w:r>
          </w:p>
          <w:p w:rsidR="00A35FED" w:rsidRDefault="00A35FED" w:rsidP="00A35FED">
            <w:r>
              <w:t xml:space="preserve">                                </w:t>
            </w:r>
          </w:p>
          <w:p w:rsidR="00A35FED" w:rsidRDefault="00A35FED" w:rsidP="00A35FED">
            <w:r>
              <w:t xml:space="preserve">                                &lt;?php  }  ?&gt;</w:t>
            </w:r>
          </w:p>
          <w:p w:rsidR="00A35FED" w:rsidRDefault="00A35FED" w:rsidP="00A35FED">
            <w:r>
              <w:t xml:space="preserve">                                </w:t>
            </w:r>
          </w:p>
          <w:p w:rsidR="00A35FED" w:rsidRDefault="00A35FED" w:rsidP="00A35FED">
            <w:r>
              <w:t xml:space="preserve">                                  &lt;!--&lt;/fieldset&gt; --&gt;</w:t>
            </w:r>
          </w:p>
          <w:p w:rsidR="00A35FED" w:rsidRDefault="00A35FED" w:rsidP="00A35FED">
            <w:r>
              <w:t xml:space="preserve">                                &lt;/div&gt;</w:t>
            </w:r>
          </w:p>
          <w:p w:rsidR="00A35FED" w:rsidRDefault="00A35FED" w:rsidP="00A35FED">
            <w:r>
              <w:t xml:space="preserve">                            &lt;/div&gt;</w:t>
            </w:r>
          </w:p>
          <w:p w:rsidR="00A35FED" w:rsidRDefault="00A35FED" w:rsidP="00A35FED">
            <w:r>
              <w:t xml:space="preserve">                          &lt;?php  }</w:t>
            </w:r>
          </w:p>
          <w:p w:rsidR="00A35FED" w:rsidRDefault="00A35FED" w:rsidP="00A35FED">
            <w:r>
              <w:t xml:space="preserve">                            ?&gt;</w:t>
            </w:r>
          </w:p>
          <w:p w:rsidR="00A35FED" w:rsidRDefault="00A35FED" w:rsidP="00A35FED">
            <w:r>
              <w:t xml:space="preserve">                        &lt;/div&gt;    </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lt;script&gt;</w:t>
            </w:r>
          </w:p>
          <w:p w:rsidR="00A35FED" w:rsidRDefault="00A35FED" w:rsidP="00A35FED">
            <w:r>
              <w:t>function priceBoxShow(checkboxid, divid) {</w:t>
            </w:r>
          </w:p>
          <w:p w:rsidR="00A35FED" w:rsidRDefault="00A35FED" w:rsidP="00A35FED">
            <w:r>
              <w:t xml:space="preserve">      var checkBox = document.getElementById(checkboxid);</w:t>
            </w:r>
          </w:p>
          <w:p w:rsidR="00A35FED" w:rsidRDefault="00A35FED" w:rsidP="00A35FED">
            <w:r>
              <w:t xml:space="preserve">  const pricebox = document.getElementById(divid);</w:t>
            </w:r>
          </w:p>
          <w:p w:rsidR="00A35FED" w:rsidRDefault="00A35FED" w:rsidP="00A35FED">
            <w:r>
              <w:t xml:space="preserve">  if (checkBox.checked == true){</w:t>
            </w:r>
          </w:p>
          <w:p w:rsidR="00A35FED" w:rsidRDefault="00A35FED" w:rsidP="00A35FED">
            <w:r>
              <w:t xml:space="preserve">   pricebox.style.display = 'block';</w:t>
            </w:r>
          </w:p>
          <w:p w:rsidR="00A35FED" w:rsidRDefault="00A35FED" w:rsidP="00A35FED">
            <w:r>
              <w:t xml:space="preserve">  } else {</w:t>
            </w:r>
          </w:p>
          <w:p w:rsidR="00A35FED" w:rsidRDefault="00A35FED" w:rsidP="00A35FED">
            <w:r>
              <w:t xml:space="preserve">    pricebox.style.display = 'none';</w:t>
            </w:r>
          </w:p>
          <w:p w:rsidR="00A35FED" w:rsidRDefault="00A35FED" w:rsidP="00A35FED">
            <w:r>
              <w:t xml:space="preserve">  }</w:t>
            </w:r>
          </w:p>
          <w:p w:rsidR="00A35FED" w:rsidRDefault="00A35FED" w:rsidP="00A35FED">
            <w:r>
              <w:t xml:space="preserve"> </w:t>
            </w:r>
          </w:p>
          <w:p w:rsidR="00A35FED" w:rsidRDefault="00A35FED" w:rsidP="00A35FED">
            <w:r>
              <w:t>}</w:t>
            </w:r>
          </w:p>
          <w:p w:rsidR="00A35FED" w:rsidRDefault="00A35FED" w:rsidP="00A35FED">
            <w:r>
              <w:t>&lt;/script&gt;</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lt;script&gt;</w:t>
            </w:r>
          </w:p>
          <w:p w:rsidR="00A35FED" w:rsidRDefault="00A35FED" w:rsidP="00A35FED">
            <w:r>
              <w:t>$('#cityStateZip').selectize({</w:t>
            </w:r>
          </w:p>
          <w:p w:rsidR="00A35FED" w:rsidRDefault="00A35FED" w:rsidP="00A35FED">
            <w:r>
              <w:t xml:space="preserve">    valueField: 'zipcode',</w:t>
            </w:r>
          </w:p>
          <w:p w:rsidR="00A35FED" w:rsidRDefault="00A35FED" w:rsidP="00A35FED">
            <w:r>
              <w:t xml:space="preserve">    labelField: 'display_text',</w:t>
            </w:r>
          </w:p>
          <w:p w:rsidR="00A35FED" w:rsidRDefault="00A35FED" w:rsidP="00A35FED">
            <w:r>
              <w:t xml:space="preserve">    searchField: 'display_text',</w:t>
            </w:r>
          </w:p>
          <w:p w:rsidR="00A35FED" w:rsidRDefault="00A35FED" w:rsidP="00A35FED">
            <w:r>
              <w:t xml:space="preserve">    options: [],</w:t>
            </w:r>
          </w:p>
          <w:p w:rsidR="00A35FED" w:rsidRDefault="00A35FED" w:rsidP="00A35FED">
            <w:r>
              <w:t xml:space="preserve">  create: false,</w:t>
            </w:r>
          </w:p>
          <w:p w:rsidR="00A35FED" w:rsidRDefault="00A35FED" w:rsidP="00A35FED">
            <w:r>
              <w:t xml:space="preserve">  load: function(query, callback) {</w:t>
            </w:r>
          </w:p>
          <w:p w:rsidR="00A35FED" w:rsidRDefault="00A35FED" w:rsidP="00A35FED">
            <w:r>
              <w:t xml:space="preserve">    if (!query.length) return callback();</w:t>
            </w:r>
          </w:p>
          <w:p w:rsidR="00A35FED" w:rsidRDefault="00A35FED" w:rsidP="00A35FED">
            <w:r>
              <w:t xml:space="preserve">    </w:t>
            </w:r>
          </w:p>
          <w:p w:rsidR="00A35FED" w:rsidRDefault="00A35FED" w:rsidP="00A35FED">
            <w:r>
              <w:t xml:space="preserve">    //var countryId = document.getElementById("countryId").value ;</w:t>
            </w:r>
          </w:p>
          <w:p w:rsidR="00A35FED" w:rsidRDefault="00A35FED" w:rsidP="00A35FED">
            <w:r>
              <w:t xml:space="preserve">    //var selectedCountry = "United States" ; // document.querySelector('#select-country </w:t>
            </w:r>
            <w:r>
              <w:lastRenderedPageBreak/>
              <w:t>option:checked').text ;</w:t>
            </w:r>
          </w:p>
          <w:p w:rsidR="00A35FED" w:rsidRDefault="00A35FED" w:rsidP="00A35FED">
            <w:r>
              <w:t xml:space="preserve">    </w:t>
            </w:r>
          </w:p>
          <w:p w:rsidR="00A35FED" w:rsidRDefault="00A35FED" w:rsidP="00A35FED">
            <w:r>
              <w:t xml:space="preserve">    //alert(countryId) ;</w:t>
            </w:r>
          </w:p>
          <w:p w:rsidR="00A35FED" w:rsidRDefault="00A35FED" w:rsidP="00A35FED">
            <w:r>
              <w:t xml:space="preserve">    $.ajax({</w:t>
            </w:r>
          </w:p>
          <w:p w:rsidR="00A35FED" w:rsidRDefault="00A35FED" w:rsidP="00A35FED">
            <w:r>
              <w:t xml:space="preserve">      url: '&lt;?php echo SITE_URL_PROFILE ; ?&gt;/selectize/country_usa_state_city_zipcode.php',</w:t>
            </w:r>
          </w:p>
          <w:p w:rsidR="00A35FED" w:rsidRDefault="00A35FED" w:rsidP="00A35FED">
            <w:r>
              <w:t xml:space="preserve">      type: 'GET',</w:t>
            </w:r>
          </w:p>
          <w:p w:rsidR="00A35FED" w:rsidRDefault="00A35FED" w:rsidP="00A35FED">
            <w:r>
              <w:t xml:space="preserve">      dataType: 'json',</w:t>
            </w:r>
          </w:p>
          <w:p w:rsidR="00A35FED" w:rsidRDefault="00A35FED" w:rsidP="00A35FED">
            <w:r>
              <w:t xml:space="preserve">      data: {</w:t>
            </w:r>
          </w:p>
          <w:p w:rsidR="00A35FED" w:rsidRDefault="00A35FED" w:rsidP="00A35FED">
            <w:r>
              <w:t xml:space="preserve">        //countryid: countryId,</w:t>
            </w:r>
          </w:p>
          <w:p w:rsidR="00A35FED" w:rsidRDefault="00A35FED" w:rsidP="00A35FED">
            <w:r>
              <w:t xml:space="preserve">        //countryname: selectedCountry,</w:t>
            </w:r>
          </w:p>
          <w:p w:rsidR="00A35FED" w:rsidRDefault="00A35FED" w:rsidP="00A35FED">
            <w:r>
              <w:t xml:space="preserve">        query: query,</w:t>
            </w:r>
          </w:p>
          <w:p w:rsidR="00A35FED" w:rsidRDefault="00A35FED" w:rsidP="00A35FED">
            <w:r>
              <w:t xml:space="preserve">      },</w:t>
            </w:r>
          </w:p>
          <w:p w:rsidR="00A35FED" w:rsidRDefault="00A35FED" w:rsidP="00A35FED">
            <w:r>
              <w:t xml:space="preserve">      error: function() {</w:t>
            </w:r>
          </w:p>
          <w:p w:rsidR="00A35FED" w:rsidRDefault="00A35FED" w:rsidP="00A35FED">
            <w:r>
              <w:t xml:space="preserve">        callback();</w:t>
            </w:r>
          </w:p>
          <w:p w:rsidR="00A35FED" w:rsidRDefault="00A35FED" w:rsidP="00A35FED">
            <w:r>
              <w:t xml:space="preserve">      },</w:t>
            </w:r>
          </w:p>
          <w:p w:rsidR="00A35FED" w:rsidRDefault="00A35FED" w:rsidP="00A35FED">
            <w:r>
              <w:t xml:space="preserve">      success: function(res) {</w:t>
            </w:r>
          </w:p>
          <w:p w:rsidR="00A35FED" w:rsidRDefault="00A35FED" w:rsidP="00A35FED">
            <w:r>
              <w:t xml:space="preserve">        callback(res);</w:t>
            </w:r>
          </w:p>
          <w:p w:rsidR="00A35FED" w:rsidRDefault="00A35FED" w:rsidP="00A35FED">
            <w:r>
              <w:t xml:space="preserve">        //document.getElementById('cityDiv').style.display = 'block';</w:t>
            </w:r>
          </w:p>
          <w:p w:rsidR="00A35FED" w:rsidRDefault="00A35FED" w:rsidP="00A35FED">
            <w:r>
              <w:t xml:space="preserve">        //alert(res) ;</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w:t>
            </w:r>
          </w:p>
          <w:p w:rsidR="00A35FED" w:rsidRDefault="00A35FED" w:rsidP="00A35FED">
            <w:r>
              <w:t>&lt;/script&gt;</w:t>
            </w:r>
          </w:p>
          <w:p w:rsidR="00A35FED" w:rsidRDefault="00A35FED" w:rsidP="00A35FED">
            <w:r>
              <w:t xml:space="preserve">            &lt;div class="mb-3 row"&gt;</w:t>
            </w:r>
          </w:p>
          <w:p w:rsidR="00A35FED" w:rsidRDefault="00A35FED" w:rsidP="00A35FED">
            <w:r>
              <w:t xml:space="preserve">                &lt;label class="col-sm-3 col-form-label text-end"&gt;&lt;b&gt;You are the  *&lt;/b&gt;&lt;/label&gt;</w:t>
            </w:r>
          </w:p>
          <w:p w:rsidR="00A35FED" w:rsidRDefault="00A35FED" w:rsidP="00A35FED">
            <w:r>
              <w:t xml:space="preserve">                &lt;div class="col-sm-9"&gt;</w:t>
            </w:r>
          </w:p>
          <w:p w:rsidR="00A35FED" w:rsidRDefault="00A35FED" w:rsidP="00A35FED">
            <w:r>
              <w:t xml:space="preserve">                    &lt;div class="you"&gt;</w:t>
            </w:r>
          </w:p>
          <w:p w:rsidR="00A35FED" w:rsidRDefault="00A35FED" w:rsidP="00A35FED">
            <w:r>
              <w:t xml:space="preserve">                      &lt;input type = "radio" name = "Seniors"</w:t>
            </w:r>
          </w:p>
          <w:p w:rsidR="00A35FED" w:rsidRDefault="00A35FED" w:rsidP="00A35FED">
            <w:r>
              <w:t xml:space="preserve">                        id = "Senior" value = "Senior"</w:t>
            </w:r>
          </w:p>
          <w:p w:rsidR="00A35FED" w:rsidRDefault="00A35FED" w:rsidP="00A35FED">
            <w:r>
              <w:t xml:space="preserve">                         checked = "checked" /&gt;</w:t>
            </w:r>
          </w:p>
          <w:p w:rsidR="00A35FED" w:rsidRDefault="00A35FED" w:rsidP="00A35FED">
            <w:r>
              <w:t xml:space="preserve">                        &lt;label for = "sizeSmall"&gt;Senior&lt;/label&gt;</w:t>
            </w:r>
          </w:p>
          <w:p w:rsidR="00A35FED" w:rsidRDefault="00A35FED" w:rsidP="00A35FED">
            <w:r>
              <w:t xml:space="preserve">                    &lt;/div&gt;</w:t>
            </w:r>
          </w:p>
          <w:p w:rsidR="00A35FED" w:rsidRDefault="00A35FED" w:rsidP="00A35FED">
            <w:r>
              <w:t xml:space="preserve">                    &lt;div class="you"&gt;</w:t>
            </w:r>
          </w:p>
          <w:p w:rsidR="00A35FED" w:rsidRDefault="00A35FED" w:rsidP="00A35FED">
            <w:r>
              <w:t xml:space="preserve">                        &lt;input type = "radio" name = "Seniors"</w:t>
            </w:r>
          </w:p>
          <w:p w:rsidR="00A35FED" w:rsidRDefault="00A35FED" w:rsidP="00A35FED">
            <w:r>
              <w:t xml:space="preserve">                         id = "sizeMed" value = "Adult Child" /&gt;</w:t>
            </w:r>
          </w:p>
          <w:p w:rsidR="00A35FED" w:rsidRDefault="00A35FED" w:rsidP="00A35FED">
            <w:r>
              <w:t xml:space="preserve">                        &lt;label for = "Adult Child"&gt;Adult Child&lt;/label&gt;</w:t>
            </w:r>
          </w:p>
          <w:p w:rsidR="00A35FED" w:rsidRDefault="00A35FED" w:rsidP="00A35FED">
            <w:r>
              <w:t xml:space="preserve">                    &lt;/div&gt;</w:t>
            </w:r>
          </w:p>
          <w:p w:rsidR="00A35FED" w:rsidRDefault="00A35FED" w:rsidP="00A35FED">
            <w:r>
              <w:t xml:space="preserve">                    &lt;div class="you"&gt;    </w:t>
            </w:r>
          </w:p>
          <w:p w:rsidR="00A35FED" w:rsidRDefault="00A35FED" w:rsidP="00A35FED">
            <w:r>
              <w:t xml:space="preserve">                        &lt;input type = "radio" name = "Seniors"</w:t>
            </w:r>
          </w:p>
          <w:p w:rsidR="00A35FED" w:rsidRDefault="00A35FED" w:rsidP="00A35FED">
            <w:r>
              <w:t xml:space="preserve">                         id = "sizeLarge" value = "Family Member" /&gt;</w:t>
            </w:r>
          </w:p>
          <w:p w:rsidR="00A35FED" w:rsidRDefault="00A35FED" w:rsidP="00A35FED">
            <w:r>
              <w:t xml:space="preserve">                        &lt;label for = "Family Member"&gt;Family Member&lt;/label&gt;</w:t>
            </w:r>
          </w:p>
          <w:p w:rsidR="00A35FED" w:rsidRDefault="00A35FED" w:rsidP="00A35FED">
            <w:r>
              <w:t xml:space="preserve">                    &lt;/div&gt;</w:t>
            </w:r>
          </w:p>
          <w:p w:rsidR="00A35FED" w:rsidRDefault="00A35FED" w:rsidP="00A35FED">
            <w:r>
              <w:t xml:space="preserve">                    &lt;div class="you"&gt;    </w:t>
            </w:r>
          </w:p>
          <w:p w:rsidR="00A35FED" w:rsidRDefault="00A35FED" w:rsidP="00A35FED">
            <w:r>
              <w:t xml:space="preserve">                        &lt;input type = "radio" name = "Seniors"</w:t>
            </w:r>
          </w:p>
          <w:p w:rsidR="00A35FED" w:rsidRDefault="00A35FED" w:rsidP="00A35FED">
            <w:r>
              <w:t xml:space="preserve">                        id = "sizeLarge" value = "Friend" /&gt;</w:t>
            </w:r>
          </w:p>
          <w:p w:rsidR="00A35FED" w:rsidRDefault="00A35FED" w:rsidP="00A35FED">
            <w:r>
              <w:t xml:space="preserve">                        &lt;label for = "Friend"&gt;Friend&lt;/label&gt;</w:t>
            </w:r>
          </w:p>
          <w:p w:rsidR="00A35FED" w:rsidRDefault="00A35FED" w:rsidP="00A35FED">
            <w:r>
              <w:t xml:space="preserve">                    &lt;/div&gt;</w:t>
            </w:r>
          </w:p>
          <w:p w:rsidR="00A35FED" w:rsidRDefault="00A35FED" w:rsidP="00A35FED">
            <w:r>
              <w:lastRenderedPageBreak/>
              <w:t xml:space="preserve">                    &lt;div class="you"&gt;    </w:t>
            </w:r>
          </w:p>
          <w:p w:rsidR="00A35FED" w:rsidRDefault="00A35FED" w:rsidP="00A35FED">
            <w:r>
              <w:t xml:space="preserve">                        &lt;input type = "radio" name = "Seniors"</w:t>
            </w:r>
          </w:p>
          <w:p w:rsidR="00A35FED" w:rsidRDefault="00A35FED" w:rsidP="00A35FED">
            <w:r>
              <w:t xml:space="preserve">                         id = "Advisor" value = "Advisor" /&gt;</w:t>
            </w:r>
          </w:p>
          <w:p w:rsidR="00A35FED" w:rsidRDefault="00A35FED" w:rsidP="00A35FED">
            <w:r>
              <w:t xml:space="preserve">                        &lt;label for = "Advisore"&gt;Advisor&lt;/label&gt;</w:t>
            </w:r>
          </w:p>
          <w:p w:rsidR="00A35FED" w:rsidRDefault="00A35FED" w:rsidP="00A35FED">
            <w:r>
              <w:t xml:space="preserve">                    &lt;/div&gt;</w:t>
            </w:r>
          </w:p>
          <w:p w:rsidR="00A35FED" w:rsidRDefault="00A35FED" w:rsidP="00A35FED">
            <w:r>
              <w:t xml:space="preserve">                    &lt;div class="you"&gt;    </w:t>
            </w:r>
          </w:p>
          <w:p w:rsidR="00A35FED" w:rsidRDefault="00A35FED" w:rsidP="00A35FED">
            <w:r>
              <w:t xml:space="preserve">                        &lt;input type = "radio" name = "Seniors"</w:t>
            </w:r>
          </w:p>
          <w:p w:rsidR="00A35FED" w:rsidRDefault="00A35FED" w:rsidP="00A35FED">
            <w:r>
              <w:t xml:space="preserve">                         id = "POA" value = "POA" /&gt;</w:t>
            </w:r>
          </w:p>
          <w:p w:rsidR="00A35FED" w:rsidRDefault="00A35FED" w:rsidP="00A35FED">
            <w:r>
              <w:t xml:space="preserve">                        &lt;label for = "POA"&gt;POA&lt;/label&gt;</w:t>
            </w:r>
          </w:p>
          <w:p w:rsidR="00A35FED" w:rsidRDefault="00A35FED" w:rsidP="00A35FED">
            <w:r>
              <w:t xml:space="preserve">                    &lt;/div&gt;</w:t>
            </w:r>
          </w:p>
          <w:p w:rsidR="00A35FED" w:rsidRDefault="00A35FED" w:rsidP="00A35FED">
            <w:r>
              <w:t xml:space="preserve">                    &lt;div class="you"&gt;    </w:t>
            </w:r>
          </w:p>
          <w:p w:rsidR="00A35FED" w:rsidRDefault="00A35FED" w:rsidP="00A35FED">
            <w:r>
              <w:t xml:space="preserve">                        &lt;input type = "radio" name = "Seniors"</w:t>
            </w:r>
          </w:p>
          <w:p w:rsidR="00A35FED" w:rsidRDefault="00A35FED" w:rsidP="00A35FED">
            <w:r>
              <w:t xml:space="preserve">                         id = "other" value = "Other" /&gt;</w:t>
            </w:r>
          </w:p>
          <w:p w:rsidR="00A35FED" w:rsidRDefault="00A35FED" w:rsidP="00A35FED">
            <w:r>
              <w:t xml:space="preserve">                        &lt;label for = "Other"&gt;Other&lt;/label&gt;</w:t>
            </w:r>
          </w:p>
          <w:p w:rsidR="00A35FED" w:rsidRDefault="00A35FED" w:rsidP="00A35FED">
            <w:r>
              <w:t xml:space="preserve">                    &lt;/div&gt;</w:t>
            </w:r>
          </w:p>
          <w:p w:rsidR="00A35FED" w:rsidRDefault="00A35FED" w:rsidP="00A35FED">
            <w:r>
              <w:t xml:space="preserve">                    &lt;div&gt;</w:t>
            </w:r>
          </w:p>
          <w:p w:rsidR="00A35FED" w:rsidRDefault="00A35FED" w:rsidP="00A35FED">
            <w:r>
              <w:t xml:space="preserve">                       &lt;input type="text" id="dist" name="txtbox"&gt; &lt;label&gt;&lt;/label&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 start of enable text box when radio button is selected --&gt;</w:t>
            </w:r>
          </w:p>
          <w:p w:rsidR="00A35FED" w:rsidRDefault="00A35FED" w:rsidP="00A35FED">
            <w:r>
              <w:t xml:space="preserve">                    &lt;script type="text/javascript"&gt;</w:t>
            </w:r>
          </w:p>
          <w:p w:rsidR="00A35FED" w:rsidRDefault="00A35FED" w:rsidP="00A35FED">
            <w:r>
              <w:t xml:space="preserve">                        $(document).ready(function () {</w:t>
            </w:r>
          </w:p>
          <w:p w:rsidR="00A35FED" w:rsidRDefault="00A35FED" w:rsidP="00A35FED">
            <w:r>
              <w:t xml:space="preserve">                            $("#dist").prop('disabled', true);</w:t>
            </w:r>
          </w:p>
          <w:p w:rsidR="00A35FED" w:rsidRDefault="00A35FED" w:rsidP="00A35FED">
            <w:r>
              <w:t xml:space="preserve">                            $("#other").click(function () {</w:t>
            </w:r>
          </w:p>
          <w:p w:rsidR="00A35FED" w:rsidRDefault="00A35FED" w:rsidP="00A35FED">
            <w:r>
              <w:t xml:space="preserve">                                $("#dist").prop('disabled', false);</w:t>
            </w:r>
          </w:p>
          <w:p w:rsidR="00A35FED" w:rsidRDefault="00A35FED" w:rsidP="00A35FED">
            <w:r>
              <w:t xml:space="preserve">                            });</w:t>
            </w:r>
          </w:p>
          <w:p w:rsidR="00A35FED" w:rsidRDefault="00A35FED" w:rsidP="00A35FED">
            <w:r>
              <w:t xml:space="preserve">                    }); </w:t>
            </w:r>
          </w:p>
          <w:p w:rsidR="00A35FED" w:rsidRDefault="00A35FED" w:rsidP="00A35FED">
            <w:r>
              <w:t xml:space="preserve">                    &lt;/script&gt;</w:t>
            </w:r>
          </w:p>
          <w:p w:rsidR="00A35FED" w:rsidRDefault="00A35FED" w:rsidP="00A35FED">
            <w:r>
              <w:t xml:space="preserve">                    &lt;!--&lt;script type="text/javascript"&gt;</w:t>
            </w:r>
          </w:p>
          <w:p w:rsidR="00A35FED" w:rsidRDefault="00A35FED" w:rsidP="00A35FED">
            <w:r>
              <w:t xml:space="preserve">                    $(document).ready(function () {</w:t>
            </w:r>
          </w:p>
          <w:p w:rsidR="00A35FED" w:rsidRDefault="00A35FED" w:rsidP="00A35FED">
            <w:r>
              <w:t xml:space="preserve">                        $("#dist").attr("disabled","disabled");</w:t>
            </w:r>
          </w:p>
          <w:p w:rsidR="00A35FED" w:rsidRDefault="00A35FED" w:rsidP="00A35FED">
            <w:r>
              <w:t xml:space="preserve">                        $("#other").click(function () {</w:t>
            </w:r>
          </w:p>
          <w:p w:rsidR="00A35FED" w:rsidRDefault="00A35FED" w:rsidP="00A35FED">
            <w:r>
              <w:t xml:space="preserve">                            $("#dist").removeAttr("disabled");</w:t>
            </w:r>
          </w:p>
          <w:p w:rsidR="00A35FED" w:rsidRDefault="00A35FED" w:rsidP="00A35FED">
            <w:r>
              <w:t xml:space="preserve">                        });</w:t>
            </w:r>
          </w:p>
          <w:p w:rsidR="00A35FED" w:rsidRDefault="00A35FED" w:rsidP="00A35FED">
            <w:r>
              <w:t xml:space="preserve">                    });</w:t>
            </w:r>
          </w:p>
          <w:p w:rsidR="00A35FED" w:rsidRDefault="00A35FED" w:rsidP="00A35FED">
            <w:r>
              <w:t xml:space="preserve">                    &lt;/script&gt; --&gt;</w:t>
            </w:r>
          </w:p>
          <w:p w:rsidR="00A35FED" w:rsidRDefault="00A35FED" w:rsidP="00A35FED">
            <w:r>
              <w:t xml:space="preserve">                &lt;!-- end of enable text box when radio button is selected --&gt;</w:t>
            </w:r>
          </w:p>
          <w:p w:rsidR="00A35FED" w:rsidRDefault="00A35FED" w:rsidP="00A35FED"/>
          <w:p w:rsidR="00A35FED" w:rsidRDefault="00A35FED" w:rsidP="00A35FED">
            <w:r>
              <w:t xml:space="preserve">            &lt;div class="mb-3 row"&gt;</w:t>
            </w:r>
          </w:p>
          <w:p w:rsidR="00A35FED" w:rsidRDefault="00A35FED" w:rsidP="00A35FED">
            <w:r>
              <w:t xml:space="preserve">                &lt;label class="col-sm-3 col-form-label text-end"&gt;&lt;b&gt;Birthdate of &lt;br&gt; Prospective Resident*  &lt;/b&gt;&lt;/label&gt;</w:t>
            </w:r>
          </w:p>
          <w:p w:rsidR="00A35FED" w:rsidRDefault="00A35FED" w:rsidP="00A35FED">
            <w:r>
              <w:t xml:space="preserve">                &lt;div class="col-sm-9"&gt;</w:t>
            </w:r>
          </w:p>
          <w:p w:rsidR="00A35FED" w:rsidRDefault="00A35FED" w:rsidP="00A35FED">
            <w:r>
              <w:t xml:space="preserve">                    &lt;input type="date" id="start" name="trip-start"</w:t>
            </w:r>
          </w:p>
          <w:p w:rsidR="00A35FED" w:rsidRDefault="00A35FED" w:rsidP="00A35FED">
            <w:r>
              <w:t xml:space="preserve">                       value="2004-12-31"</w:t>
            </w:r>
          </w:p>
          <w:p w:rsidR="00A35FED" w:rsidRDefault="00A35FED" w:rsidP="00A35FED">
            <w:r>
              <w:t xml:space="preserve">                       min="1922-01-01" max="2004-12-31"&gt;</w:t>
            </w:r>
          </w:p>
          <w:p w:rsidR="00A35FED" w:rsidRDefault="00A35FED" w:rsidP="00A35FED">
            <w:r>
              <w:t xml:space="preserve">                &lt;/div&gt;</w:t>
            </w:r>
          </w:p>
          <w:p w:rsidR="00A35FED" w:rsidRDefault="00A35FED" w:rsidP="00A35FED">
            <w:r>
              <w:t xml:space="preserve">            &lt;/div&gt;</w:t>
            </w:r>
          </w:p>
          <w:p w:rsidR="00A35FED" w:rsidRDefault="00A35FED" w:rsidP="00A35FED">
            <w:r>
              <w:lastRenderedPageBreak/>
              <w:t xml:space="preserve">            &lt;br&gt;</w:t>
            </w:r>
          </w:p>
          <w:p w:rsidR="00A35FED" w:rsidRDefault="00A35FED" w:rsidP="00A35FED">
            <w:r>
              <w:t xml:space="preserve">            &lt;div class="mb-12 row"&gt;</w:t>
            </w:r>
          </w:p>
          <w:p w:rsidR="00A35FED" w:rsidRDefault="00A35FED" w:rsidP="00A35FED">
            <w:r>
              <w:t xml:space="preserve">                &lt;p class="offset-1"&gt;By entering your name, email and password, you are  able to set-up a free account on Senior Place Finder &lt;br/&gt;and view and manage your profile from your dashboard&lt;/p&gt;</w:t>
            </w:r>
          </w:p>
          <w:p w:rsidR="00A35FED" w:rsidRDefault="00A35FED" w:rsidP="00A35FED">
            <w:r>
              <w:t xml:space="preserve">                </w:t>
            </w:r>
          </w:p>
          <w:p w:rsidR="00A35FED" w:rsidRDefault="00A35FED" w:rsidP="00A35FED">
            <w:r>
              <w:t xml:space="preserve">            &lt;/div&gt;</w:t>
            </w:r>
          </w:p>
          <w:p w:rsidR="00A35FED" w:rsidRDefault="00A35FED" w:rsidP="00A35FED">
            <w:r>
              <w:t xml:space="preserve">            </w:t>
            </w:r>
          </w:p>
          <w:p w:rsidR="00A35FED" w:rsidRDefault="00A35FED" w:rsidP="00A35FED">
            <w:r>
              <w:t xml:space="preserve">            &lt;div class="mb-3 row"&gt;</w:t>
            </w:r>
          </w:p>
          <w:p w:rsidR="00A35FED" w:rsidRDefault="00A35FED" w:rsidP="00A35FED">
            <w:r>
              <w:t xml:space="preserve">                &lt;label class="col-sm-3 col-form-label text-end"&gt;&lt;b&gt;Name*&lt;/b&gt;&lt;/label&gt;</w:t>
            </w:r>
          </w:p>
          <w:p w:rsidR="00A35FED" w:rsidRDefault="00A35FED" w:rsidP="00A35FED">
            <w:r>
              <w:t xml:space="preserve">                &lt;div class="col-sm-9"&gt;</w:t>
            </w:r>
          </w:p>
          <w:p w:rsidR="00A35FED" w:rsidRDefault="00A35FED" w:rsidP="00A35FED">
            <w:r>
              <w:t xml:space="preserve">                    &lt;input type="text" name="title" class="form-control" placeholder="Name" required="" maxlength="50" /&gt;</w:t>
            </w:r>
          </w:p>
          <w:p w:rsidR="00A35FED" w:rsidRDefault="00A35FED" w:rsidP="00A35FED">
            <w:r>
              <w:t xml:space="preserve">                &lt;/div&gt;</w:t>
            </w:r>
          </w:p>
          <w:p w:rsidR="00A35FED" w:rsidRDefault="00A35FED" w:rsidP="00A35FED">
            <w:r>
              <w:t xml:space="preserve">            &lt;/div&gt;</w:t>
            </w:r>
          </w:p>
          <w:p w:rsidR="00A35FED" w:rsidRDefault="00A35FED" w:rsidP="00A35FED"/>
          <w:p w:rsidR="00A35FED" w:rsidRDefault="00A35FED" w:rsidP="00A35FED"/>
          <w:p w:rsidR="00A35FED" w:rsidRDefault="00A35FED" w:rsidP="00A35FED">
            <w:r>
              <w:t xml:space="preserve">            &lt;div class="mb-3 row"&gt;</w:t>
            </w:r>
          </w:p>
          <w:p w:rsidR="00A35FED" w:rsidRDefault="00A35FED" w:rsidP="00A35FED">
            <w:r>
              <w:t xml:space="preserve">                &lt;label class="col-sm-3 col-form-label text-end"&gt;&lt;b&gt;Email*&lt;/b&gt;&lt;/label&gt;</w:t>
            </w:r>
          </w:p>
          <w:p w:rsidR="00A35FED" w:rsidRDefault="00A35FED" w:rsidP="00A35FED">
            <w:r>
              <w:t xml:space="preserve">                &lt;div class="col-sm-9"&gt;</w:t>
            </w:r>
          </w:p>
          <w:p w:rsidR="00A35FED" w:rsidRDefault="00A35FED" w:rsidP="00A35FED">
            <w:r>
              <w:t xml:space="preserve">                    &lt;input type="text" name="title" class="form-control" placeholder="Your email id" required="" maxlength="50" /&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mb-3 row"&gt;</w:t>
            </w:r>
          </w:p>
          <w:p w:rsidR="00A35FED" w:rsidRDefault="00A35FED" w:rsidP="00A35FED">
            <w:r>
              <w:t xml:space="preserve">                &lt;label class="col-sm-3 col-form-label text-end"&gt;&lt;b&gt;Email*&lt;/b&gt;&lt;/label&gt;</w:t>
            </w:r>
          </w:p>
          <w:p w:rsidR="00A35FED" w:rsidRDefault="00A35FED" w:rsidP="00A35FED">
            <w:r>
              <w:t xml:space="preserve">                &lt;div class="col-sm-9"&gt;</w:t>
            </w:r>
          </w:p>
          <w:p w:rsidR="00A35FED" w:rsidRDefault="00A35FED" w:rsidP="00A35FED">
            <w:r>
              <w:t xml:space="preserve">                    &lt;input type="text" name="title" class="form-control" placeholder="Password" required="" maxlength="50" /&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mb-3 row"&gt;</w:t>
            </w:r>
          </w:p>
          <w:p w:rsidR="00A35FED" w:rsidRDefault="00A35FED" w:rsidP="00A35FED">
            <w:r>
              <w:t xml:space="preserve">                &lt;label class="col-sm-3 col-form-label text-end"&gt;&lt;b&gt;Confirm Password*&lt;/b&gt;&lt;/label&gt;</w:t>
            </w:r>
          </w:p>
          <w:p w:rsidR="00A35FED" w:rsidRDefault="00A35FED" w:rsidP="00A35FED">
            <w:r>
              <w:t xml:space="preserve">                &lt;div class="col-sm-9"&gt;</w:t>
            </w:r>
          </w:p>
          <w:p w:rsidR="00A35FED" w:rsidRDefault="00A35FED" w:rsidP="00A35FED">
            <w:r>
              <w:t xml:space="preserve">                    &lt;input type="text" name="title" class="form-control" placeholder="Confirm Password" required="" maxlength="50" /&gt;</w:t>
            </w:r>
          </w:p>
          <w:p w:rsidR="00A35FED" w:rsidRDefault="00A35FED" w:rsidP="00A35FED">
            <w:r>
              <w:t xml:space="preserve">                &lt;/div&gt;</w:t>
            </w:r>
          </w:p>
          <w:p w:rsidR="00A35FED" w:rsidRDefault="00A35FED" w:rsidP="00A35FED">
            <w:r>
              <w:t xml:space="preserve">            &lt;/div&gt;</w:t>
            </w:r>
          </w:p>
          <w:p w:rsidR="00A35FED" w:rsidRDefault="00A35FED" w:rsidP="00A35FED"/>
          <w:p w:rsidR="00A35FED" w:rsidRDefault="00A35FED" w:rsidP="00A35FED"/>
          <w:p w:rsidR="00A35FED" w:rsidRDefault="00A35FED" w:rsidP="00A35FED">
            <w:r>
              <w:t xml:space="preserve">            &lt;div class="text-end mt-3"&gt;</w:t>
            </w:r>
          </w:p>
          <w:p w:rsidR="00A35FED" w:rsidRDefault="00A35FED" w:rsidP="00A35FED">
            <w:r>
              <w:t xml:space="preserve">                    &lt;div class="collapse" id="processSpan"&gt;</w:t>
            </w:r>
          </w:p>
          <w:p w:rsidR="00A35FED" w:rsidRDefault="00A35FED" w:rsidP="00A35FED">
            <w:r>
              <w:t xml:space="preserve">                        &lt;div class="spinner-border text-primary" role="status"&gt;</w:t>
            </w:r>
          </w:p>
          <w:p w:rsidR="00A35FED" w:rsidRDefault="00A35FED" w:rsidP="00A35FED">
            <w:r>
              <w:t xml:space="preserve">                          &lt;span class="visually-hidden"&gt;Loading...&lt;/span&gt;</w:t>
            </w:r>
          </w:p>
          <w:p w:rsidR="00A35FED" w:rsidRDefault="00A35FED" w:rsidP="00A35FED">
            <w:r>
              <w:t xml:space="preserve">                        &lt;/div&gt; Processing please wait..</w:t>
            </w:r>
          </w:p>
          <w:p w:rsidR="00A35FED" w:rsidRDefault="00A35FED" w:rsidP="00A35FED">
            <w:r>
              <w:t xml:space="preserve">                    &lt;/div&gt;</w:t>
            </w:r>
          </w:p>
          <w:p w:rsidR="00A35FED" w:rsidRDefault="00A35FED" w:rsidP="00A35FED">
            <w:r>
              <w:t xml:space="preserve">                    &lt;span id="log_result"&gt;&lt;/span&gt;</w:t>
            </w:r>
          </w:p>
          <w:p w:rsidR="00A35FED" w:rsidRDefault="00A35FED" w:rsidP="00A35FED">
            <w:r>
              <w:t xml:space="preserve">                    &lt;div id="submitBtnsBox" style="text-align: right;"&gt;</w:t>
            </w:r>
          </w:p>
          <w:p w:rsidR="00A35FED" w:rsidRDefault="00A35FED" w:rsidP="00A35FED">
            <w:r>
              <w:t xml:space="preserve">                        &lt;button name="submit" type="submit" class="btn btn-success" &gt;&lt;i class="fas fa-2x fa-pen-</w:t>
            </w:r>
            <w:r>
              <w:lastRenderedPageBreak/>
              <w:t xml:space="preserve">to-square"&gt;&lt;/i&gt; SUBMIT&lt;/button&gt; </w:t>
            </w:r>
          </w:p>
          <w:p w:rsidR="00A35FED" w:rsidRDefault="00A35FED" w:rsidP="00A35FED">
            <w:r>
              <w:t xml:space="preserve">                        </w:t>
            </w:r>
          </w:p>
          <w:p w:rsidR="00A35FED" w:rsidRDefault="00A35FED" w:rsidP="00A35FED">
            <w:r>
              <w:t xml:space="preserve">                    &lt;/div&gt;</w:t>
            </w:r>
          </w:p>
          <w:p w:rsidR="00A35FED" w:rsidRDefault="00A35FED" w:rsidP="00A35FED">
            <w:r>
              <w:t xml:space="preserve">                &lt;/div&gt;</w:t>
            </w:r>
          </w:p>
          <w:p w:rsidR="00A35FED" w:rsidRDefault="00A35FED" w:rsidP="00A35FED"/>
          <w:p w:rsidR="00A35FED" w:rsidRDefault="00A35FED" w:rsidP="00A35FED">
            <w:r>
              <w:t xml:space="preserve">        &lt;/form&gt;</w:t>
            </w:r>
          </w:p>
          <w:p w:rsidR="00A35FED" w:rsidRDefault="00A35FED" w:rsidP="00A35FED">
            <w:r>
              <w:t xml:space="preserve">                        &lt;/div&gt;</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lt;/div&gt;</w:t>
            </w:r>
          </w:p>
          <w:p w:rsidR="00A35FED" w:rsidRDefault="00A35FED" w:rsidP="00A35FED">
            <w:r>
              <w:t xml:space="preserve">                        </w:t>
            </w:r>
          </w:p>
          <w:p w:rsidR="00A35FED" w:rsidRDefault="00A35FED" w:rsidP="00A35FED">
            <w:r>
              <w:t xml:space="preserve">                        &lt;!-- Modal footer --&gt;</w:t>
            </w:r>
          </w:p>
          <w:p w:rsidR="00A35FED" w:rsidRDefault="00A35FED" w:rsidP="00A35FED">
            <w:r>
              <w:t xml:space="preserve">                        </w:t>
            </w:r>
          </w:p>
          <w:p w:rsidR="00A35FED" w:rsidRDefault="00A35FED" w:rsidP="00A35FED">
            <w:r>
              <w:t xml:space="preserve">                        &lt;div class="modal-footer"&gt;</w:t>
            </w:r>
          </w:p>
          <w:p w:rsidR="00A35FED" w:rsidRDefault="00A35FED" w:rsidP="00A35FED">
            <w:r>
              <w:t xml:space="preserve">                            &lt;button type="button" class="btn btn-danger" data-dismiss="modal"&gt;Close&lt;/button&gt;</w:t>
            </w:r>
          </w:p>
          <w:p w:rsidR="00A35FED" w:rsidRDefault="00A35FED" w:rsidP="00A35FED">
            <w:r>
              <w:t xml:space="preserve">                        &lt;/div&gt;</w:t>
            </w:r>
          </w:p>
          <w:p w:rsidR="00A35FED" w:rsidRDefault="00A35FED" w:rsidP="00A35FED"/>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w:t>
            </w:r>
          </w:p>
          <w:p w:rsidR="00A35FED" w:rsidRDefault="00A35FED" w:rsidP="00A35FED">
            <w:r>
              <w:t xml:space="preserve">      &lt;/div&gt;</w:t>
            </w:r>
          </w:p>
          <w:p w:rsidR="00A35FED" w:rsidRDefault="00A35FED" w:rsidP="00A35FED">
            <w:r>
              <w:t xml:space="preserve">            &lt;/div&gt;</w:t>
            </w:r>
          </w:p>
          <w:p w:rsidR="00A35FED" w:rsidRDefault="00A35FED" w:rsidP="00A35FED"/>
          <w:p w:rsidR="00A35FED" w:rsidRDefault="00A35FED" w:rsidP="00A35FED">
            <w:r>
              <w:t>&lt;script type="text/javascript"&gt;</w:t>
            </w:r>
          </w:p>
          <w:p w:rsidR="00A35FED" w:rsidRDefault="00A35FED" w:rsidP="00A35FED"/>
          <w:p w:rsidR="00A35FED" w:rsidRDefault="00A35FED" w:rsidP="00A35FED">
            <w:r>
              <w:t xml:space="preserve">    $("#myBtn").click(function(){</w:t>
            </w:r>
          </w:p>
          <w:p w:rsidR="00A35FED" w:rsidRDefault="00A35FED" w:rsidP="00A35FED">
            <w:r>
              <w:t xml:space="preserve">        $("#myModal").modal();</w:t>
            </w:r>
          </w:p>
          <w:p w:rsidR="00A35FED" w:rsidRDefault="00A35FED" w:rsidP="00A35FED">
            <w:r>
              <w:t xml:space="preserve">        $(".modal-backdrop").addClass("modal fade show");</w:t>
            </w:r>
          </w:p>
          <w:p w:rsidR="00A35FED" w:rsidRDefault="00A35FED" w:rsidP="00A35FED">
            <w:r>
              <w:t xml:space="preserve">    });</w:t>
            </w:r>
          </w:p>
          <w:p w:rsidR="0048012D" w:rsidRDefault="00A35FED" w:rsidP="00A35FED">
            <w:r>
              <w:t xml:space="preserve">&lt;/script&gt;    </w:t>
            </w:r>
          </w:p>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A35FED" w:rsidP="0048012D">
            <w:r w:rsidRPr="00A35FED">
              <w:rPr>
                <w:highlight w:val="yellow"/>
              </w:rPr>
              <w:t>Property -details.php</w:t>
            </w:r>
          </w:p>
        </w:tc>
      </w:tr>
      <w:tr w:rsidR="0048012D" w:rsidTr="0048012D">
        <w:tc>
          <w:tcPr>
            <w:tcW w:w="9576" w:type="dxa"/>
          </w:tcPr>
          <w:p w:rsidR="0048012D" w:rsidRPr="00A35FED" w:rsidRDefault="00A35FED" w:rsidP="0048012D">
            <w:pPr>
              <w:rPr>
                <w:b/>
              </w:rPr>
            </w:pPr>
            <w:r>
              <w:object w:dxaOrig="4320" w:dyaOrig="2369">
                <v:shape id="_x0000_i1049" type="#_x0000_t75" style="width:436.8pt;height:118.4pt" o:ole="">
                  <v:imagedata r:id="rId54" o:title=""/>
                </v:shape>
                <o:OLEObject Type="Embed" ProgID="PBrush" ShapeID="_x0000_i1049" DrawAspect="Content" ObjectID="_1729694207" r:id="rId55"/>
              </w:object>
            </w:r>
            <w:r>
              <w:object w:dxaOrig="4320" w:dyaOrig="3284">
                <v:shape id="_x0000_i1050" type="#_x0000_t75" style="width:440.8pt;height:164pt" o:ole="">
                  <v:imagedata r:id="rId56" o:title=""/>
                </v:shape>
                <o:OLEObject Type="Embed" ProgID="PBrush" ShapeID="_x0000_i1050" DrawAspect="Content" ObjectID="_1729694208" r:id="rId57"/>
              </w:object>
            </w:r>
          </w:p>
        </w:tc>
      </w:tr>
      <w:tr w:rsidR="0048012D" w:rsidTr="0048012D">
        <w:tc>
          <w:tcPr>
            <w:tcW w:w="9576" w:type="dxa"/>
          </w:tcPr>
          <w:p w:rsidR="00A35FED" w:rsidRDefault="00A35FED" w:rsidP="00A35FED">
            <w:r>
              <w:lastRenderedPageBreak/>
              <w:t>&lt;?php</w:t>
            </w:r>
          </w:p>
          <w:p w:rsidR="00A35FED" w:rsidRDefault="00A35FED" w:rsidP="00A35FED">
            <w:r>
              <w:t xml:space="preserve">require_once('config.php') ;    </w:t>
            </w:r>
          </w:p>
          <w:p w:rsidR="00A35FED" w:rsidRDefault="00A35FED" w:rsidP="00A35FED">
            <w:r>
              <w:t xml:space="preserve">include_once ('attribute.php'); </w:t>
            </w:r>
          </w:p>
          <w:p w:rsidR="00A35FED" w:rsidRDefault="00A35FED" w:rsidP="00A35FED">
            <w:r>
              <w:t xml:space="preserve"> ?&gt; </w:t>
            </w:r>
          </w:p>
          <w:p w:rsidR="00A35FED" w:rsidRDefault="00A35FED" w:rsidP="00A35FED"/>
          <w:p w:rsidR="00A35FED" w:rsidRDefault="00A35FED" w:rsidP="00A35FED">
            <w:r>
              <w:t xml:space="preserve">&lt;?php </w:t>
            </w:r>
          </w:p>
          <w:p w:rsidR="00A35FED" w:rsidRDefault="00A35FED" w:rsidP="00A35FED">
            <w:r>
              <w:t xml:space="preserve">//header("Access-Control-Allow-Origin: http://accounts.reachseniors.com"); ?&gt; </w:t>
            </w:r>
          </w:p>
          <w:p w:rsidR="00A35FED" w:rsidRDefault="00A35FED" w:rsidP="00A35FED">
            <w:r>
              <w:t xml:space="preserve"> </w:t>
            </w:r>
          </w:p>
          <w:p w:rsidR="00A35FED" w:rsidRDefault="00A35FED" w:rsidP="00A35FED">
            <w:r>
              <w:t xml:space="preserve"> &lt;?php </w:t>
            </w:r>
          </w:p>
          <w:p w:rsidR="00A35FED" w:rsidRDefault="00A35FED" w:rsidP="00A35FED">
            <w:r>
              <w:t xml:space="preserve">$id = $_GET['id'];  </w:t>
            </w:r>
          </w:p>
          <w:p w:rsidR="00A35FED" w:rsidRDefault="00A35FED" w:rsidP="00A35FED"/>
          <w:p w:rsidR="00A35FED" w:rsidRDefault="00A35FED" w:rsidP="00A35FED">
            <w:r>
              <w:t xml:space="preserve">if($id=='' || $id&lt;=0){ </w:t>
            </w:r>
          </w:p>
          <w:p w:rsidR="00A35FED" w:rsidRDefault="00A35FED" w:rsidP="00A35FED">
            <w:r>
              <w:tab/>
              <w:t>echo '&lt;script type="text/javascript"&gt;window.location = "home.php"&lt;/script&gt;';</w:t>
            </w:r>
          </w:p>
          <w:p w:rsidR="00A35FED" w:rsidRDefault="00A35FED" w:rsidP="00A35FED">
            <w:r>
              <w:t>}</w:t>
            </w:r>
          </w:p>
          <w:p w:rsidR="00A35FED" w:rsidRDefault="00A35FED" w:rsidP="00A35FED"/>
          <w:p w:rsidR="00A35FED" w:rsidRDefault="00A35FED" w:rsidP="00A35FED"/>
          <w:p w:rsidR="00A35FED" w:rsidRDefault="00A35FED" w:rsidP="00A35FED">
            <w:r>
              <w:t>$reqid</w:t>
            </w:r>
            <w:r>
              <w:tab/>
              <w:t xml:space="preserve"> = $_GET['reqid'];   </w:t>
            </w:r>
          </w:p>
          <w:p w:rsidR="00A35FED" w:rsidRDefault="00A35FED" w:rsidP="00A35FED">
            <w:r>
              <w:t>$type</w:t>
            </w:r>
            <w:r>
              <w:tab/>
              <w:t xml:space="preserve"> = $_GET['type'];   </w:t>
            </w:r>
          </w:p>
          <w:p w:rsidR="00A35FED" w:rsidRDefault="00A35FED" w:rsidP="00A35FED">
            <w:r>
              <w:t xml:space="preserve">$newip   = $_SERVER['REMOTE_ADDR']; </w:t>
            </w:r>
          </w:p>
          <w:p w:rsidR="00A35FED" w:rsidRDefault="00A35FED" w:rsidP="00A35FED">
            <w:r>
              <w:t xml:space="preserve">if($reqid!='' || $reqid&lt;0){  </w:t>
            </w:r>
          </w:p>
          <w:p w:rsidR="00A35FED" w:rsidRDefault="00A35FED" w:rsidP="00A35FED"/>
          <w:p w:rsidR="00A35FED" w:rsidRDefault="00A35FED" w:rsidP="00A35FED">
            <w:r>
              <w:tab/>
              <w:t xml:space="preserve">if($type==1){  //users_contact_temp requested id </w:t>
            </w:r>
          </w:p>
          <w:p w:rsidR="00A35FED" w:rsidRDefault="00A35FED" w:rsidP="00A35FED">
            <w:r>
              <w:tab/>
            </w:r>
          </w:p>
          <w:p w:rsidR="00A35FED" w:rsidRDefault="00A35FED" w:rsidP="00A35FED">
            <w:r>
              <w:tab/>
            </w:r>
            <w:r>
              <w:tab/>
              <w:t>$SQL    = "SELECT * FROM users_contact_temp where status =0 and id = $reqid" ; // status =0 Not verified</w:t>
            </w:r>
          </w:p>
          <w:p w:rsidR="00A35FED" w:rsidRDefault="00A35FED" w:rsidP="00A35FED">
            <w:r>
              <w:tab/>
            </w:r>
            <w:r>
              <w:tab/>
              <w:t>$stmt   = $db-&gt;prepare($SQL);</w:t>
            </w:r>
          </w:p>
          <w:p w:rsidR="00A35FED" w:rsidRDefault="00A35FED" w:rsidP="00A35FED">
            <w:r>
              <w:tab/>
            </w:r>
            <w:r>
              <w:tab/>
              <w:t>$stmt-&gt;execute();</w:t>
            </w:r>
          </w:p>
          <w:p w:rsidR="00A35FED" w:rsidRDefault="00A35FED" w:rsidP="00A35FED">
            <w:r>
              <w:tab/>
            </w:r>
            <w:r>
              <w:tab/>
              <w:t xml:space="preserve">$rowCount = $stmt-&gt;rowCount(); </w:t>
            </w:r>
          </w:p>
          <w:p w:rsidR="00A35FED" w:rsidRDefault="00A35FED" w:rsidP="00A35FED">
            <w:r>
              <w:tab/>
            </w:r>
            <w:r>
              <w:tab/>
            </w:r>
          </w:p>
          <w:p w:rsidR="00A35FED" w:rsidRDefault="00A35FED" w:rsidP="00A35FED">
            <w:r>
              <w:tab/>
            </w:r>
            <w:r>
              <w:tab/>
              <w:t>if ( $rowCount == 1 ) {</w:t>
            </w:r>
          </w:p>
          <w:p w:rsidR="00A35FED" w:rsidRDefault="00A35FED" w:rsidP="00A35FED">
            <w:r>
              <w:tab/>
            </w:r>
            <w:r>
              <w:tab/>
            </w:r>
            <w:r>
              <w:tab/>
              <w:t xml:space="preserve">while ($row = $stmt-&gt;fetch(PDO::FETCH_ASSOC)) {  </w:t>
            </w:r>
          </w:p>
          <w:p w:rsidR="00A35FED" w:rsidRDefault="00A35FED" w:rsidP="00A35FED">
            <w:r>
              <w:tab/>
            </w:r>
            <w:r>
              <w:tab/>
            </w:r>
            <w:r>
              <w:tab/>
            </w:r>
            <w:r>
              <w:tab/>
              <w:t>$userName</w:t>
            </w:r>
            <w:r>
              <w:tab/>
            </w:r>
            <w:r>
              <w:tab/>
              <w:t>=</w:t>
            </w:r>
            <w:r>
              <w:tab/>
              <w:t xml:space="preserve">$row['name']; </w:t>
            </w:r>
          </w:p>
          <w:p w:rsidR="00A35FED" w:rsidRDefault="00A35FED" w:rsidP="00A35FED">
            <w:r>
              <w:tab/>
            </w:r>
            <w:r>
              <w:tab/>
            </w:r>
            <w:r>
              <w:tab/>
            </w:r>
            <w:r>
              <w:tab/>
              <w:t>$email</w:t>
            </w:r>
            <w:r>
              <w:tab/>
            </w:r>
            <w:r>
              <w:tab/>
            </w:r>
            <w:r>
              <w:tab/>
              <w:t>=</w:t>
            </w:r>
            <w:r>
              <w:tab/>
              <w:t xml:space="preserve">$row['email']; </w:t>
            </w:r>
          </w:p>
          <w:p w:rsidR="00A35FED" w:rsidRDefault="00A35FED" w:rsidP="00A35FED">
            <w:r>
              <w:tab/>
            </w:r>
            <w:r>
              <w:tab/>
            </w:r>
            <w:r>
              <w:tab/>
            </w:r>
            <w:r>
              <w:tab/>
              <w:t>$ip</w:t>
            </w:r>
            <w:r>
              <w:tab/>
            </w:r>
            <w:r>
              <w:tab/>
            </w:r>
            <w:r>
              <w:tab/>
            </w:r>
            <w:r>
              <w:tab/>
              <w:t>=</w:t>
            </w:r>
            <w:r>
              <w:tab/>
              <w:t xml:space="preserve">$row['ip']; </w:t>
            </w:r>
          </w:p>
          <w:p w:rsidR="00A35FED" w:rsidRDefault="00A35FED" w:rsidP="00A35FED">
            <w:r>
              <w:tab/>
            </w:r>
            <w:r>
              <w:tab/>
            </w:r>
            <w:r>
              <w:tab/>
            </w:r>
            <w:r>
              <w:tab/>
              <w:t>$id</w:t>
            </w:r>
            <w:r>
              <w:tab/>
            </w:r>
            <w:r>
              <w:tab/>
            </w:r>
            <w:r>
              <w:tab/>
            </w:r>
            <w:r>
              <w:tab/>
              <w:t>=</w:t>
            </w:r>
            <w:r>
              <w:tab/>
              <w:t xml:space="preserve">$row['p_id']; </w:t>
            </w:r>
          </w:p>
          <w:p w:rsidR="00A35FED" w:rsidRDefault="00A35FED" w:rsidP="00A35FED">
            <w:r>
              <w:lastRenderedPageBreak/>
              <w:tab/>
            </w:r>
            <w:r>
              <w:tab/>
            </w:r>
            <w:r>
              <w:tab/>
              <w:t xml:space="preserve">}   </w:t>
            </w:r>
          </w:p>
          <w:p w:rsidR="00A35FED" w:rsidRDefault="00A35FED" w:rsidP="00A35FED">
            <w:r>
              <w:tab/>
            </w:r>
            <w:r>
              <w:tab/>
            </w:r>
            <w:r>
              <w:tab/>
              <w:t>$SQL    = "SELECT * FROM slg_properties where id = $id" ;</w:t>
            </w:r>
          </w:p>
          <w:p w:rsidR="00A35FED" w:rsidRDefault="00A35FED" w:rsidP="00A35FED">
            <w:r>
              <w:tab/>
            </w:r>
            <w:r>
              <w:tab/>
            </w:r>
            <w:r>
              <w:tab/>
              <w:t>$stmt   = $db-&gt;prepare($SQL);</w:t>
            </w:r>
          </w:p>
          <w:p w:rsidR="00A35FED" w:rsidRDefault="00A35FED" w:rsidP="00A35FED">
            <w:r>
              <w:tab/>
            </w:r>
            <w:r>
              <w:tab/>
            </w:r>
            <w:r>
              <w:tab/>
              <w:t>$stmt-&gt;execute();</w:t>
            </w:r>
          </w:p>
          <w:p w:rsidR="00A35FED" w:rsidRDefault="00A35FED" w:rsidP="00A35FED">
            <w:r>
              <w:tab/>
            </w:r>
            <w:r>
              <w:tab/>
            </w:r>
            <w:r>
              <w:tab/>
              <w:t xml:space="preserve">$rowCount = $stmt-&gt;rowCount() ;  </w:t>
            </w:r>
          </w:p>
          <w:p w:rsidR="00A35FED" w:rsidRDefault="00A35FED" w:rsidP="00A35FED">
            <w:r>
              <w:tab/>
            </w:r>
            <w:r>
              <w:tab/>
            </w:r>
            <w:r>
              <w:tab/>
              <w:t xml:space="preserve">$zipcode = '';  </w:t>
            </w:r>
          </w:p>
          <w:p w:rsidR="00A35FED" w:rsidRDefault="00A35FED" w:rsidP="00A35FED">
            <w:r>
              <w:tab/>
            </w:r>
            <w:r>
              <w:tab/>
            </w:r>
            <w:r>
              <w:tab/>
              <w:t xml:space="preserve">while ($row = $stmt-&gt;fetch(PDO::FETCH_ASSOC)) {  </w:t>
            </w:r>
          </w:p>
          <w:p w:rsidR="00A35FED" w:rsidRDefault="00A35FED" w:rsidP="00A35FED">
            <w:r>
              <w:tab/>
            </w:r>
            <w:r>
              <w:tab/>
            </w:r>
            <w:r>
              <w:tab/>
            </w:r>
            <w:r>
              <w:tab/>
              <w:t>$id</w:t>
            </w:r>
            <w:r>
              <w:tab/>
            </w:r>
            <w:r>
              <w:tab/>
            </w:r>
            <w:r>
              <w:tab/>
            </w:r>
            <w:r>
              <w:tab/>
              <w:t>=</w:t>
            </w:r>
            <w:r>
              <w:tab/>
              <w:t>$row['id'];</w:t>
            </w:r>
          </w:p>
          <w:p w:rsidR="00A35FED" w:rsidRDefault="00A35FED" w:rsidP="00A35FED">
            <w:r>
              <w:tab/>
            </w:r>
            <w:r>
              <w:tab/>
            </w:r>
            <w:r>
              <w:tab/>
            </w:r>
            <w:r>
              <w:tab/>
              <w:t>$memberId</w:t>
            </w:r>
            <w:r>
              <w:tab/>
            </w:r>
            <w:r>
              <w:tab/>
              <w:t>=</w:t>
            </w:r>
            <w:r>
              <w:tab/>
              <w:t>$row['userId'];</w:t>
            </w:r>
          </w:p>
          <w:p w:rsidR="00A35FED" w:rsidRDefault="00A35FED" w:rsidP="00A35FED">
            <w:r>
              <w:tab/>
            </w:r>
            <w:r>
              <w:tab/>
            </w:r>
            <w:r>
              <w:tab/>
            </w:r>
            <w:r>
              <w:tab/>
              <w:t>$title</w:t>
            </w:r>
            <w:r>
              <w:tab/>
            </w:r>
            <w:r>
              <w:tab/>
              <w:t xml:space="preserve">    =</w:t>
            </w:r>
            <w:r>
              <w:tab/>
              <w:t>$row['title'];</w:t>
            </w:r>
          </w:p>
          <w:p w:rsidR="00A35FED" w:rsidRDefault="00A35FED" w:rsidP="00A35FED">
            <w:r>
              <w:tab/>
            </w:r>
            <w:r>
              <w:tab/>
            </w:r>
            <w:r>
              <w:tab/>
            </w:r>
            <w:r>
              <w:tab/>
              <w:t>$zipcode</w:t>
            </w:r>
            <w:r>
              <w:tab/>
            </w:r>
            <w:r>
              <w:tab/>
              <w:t>=</w:t>
            </w:r>
            <w:r>
              <w:tab/>
              <w:t>$row['zipcode'];</w:t>
            </w:r>
          </w:p>
          <w:p w:rsidR="00A35FED" w:rsidRDefault="00A35FED" w:rsidP="00A35FED">
            <w:r>
              <w:tab/>
            </w:r>
            <w:r>
              <w:tab/>
            </w:r>
            <w:r>
              <w:tab/>
            </w:r>
            <w:r>
              <w:tab/>
              <w:t>$resaddress</w:t>
            </w:r>
            <w:r>
              <w:tab/>
            </w:r>
            <w:r>
              <w:tab/>
              <w:t>=</w:t>
            </w:r>
            <w:r>
              <w:tab/>
              <w:t>$row['address'];</w:t>
            </w:r>
          </w:p>
          <w:p w:rsidR="00A35FED" w:rsidRDefault="00A35FED" w:rsidP="00A35FED">
            <w:r>
              <w:tab/>
            </w:r>
            <w:r>
              <w:tab/>
            </w:r>
            <w:r>
              <w:tab/>
            </w:r>
            <w:r>
              <w:tab/>
              <w:t>$residence_str</w:t>
            </w:r>
            <w:r>
              <w:tab/>
              <w:t>=</w:t>
            </w:r>
            <w:r>
              <w:tab/>
              <w:t>$row['residence'];</w:t>
            </w:r>
          </w:p>
          <w:p w:rsidR="00A35FED" w:rsidRDefault="00A35FED" w:rsidP="00A35FED">
            <w:r>
              <w:tab/>
            </w:r>
            <w:r>
              <w:tab/>
            </w:r>
            <w:r>
              <w:tab/>
            </w:r>
            <w:r>
              <w:tab/>
              <w:t>$residence</w:t>
            </w:r>
            <w:r>
              <w:tab/>
            </w:r>
            <w:r>
              <w:tab/>
              <w:t>=</w:t>
            </w:r>
            <w:r>
              <w:tab/>
              <w:t>explode(",",$row['residence']);</w:t>
            </w:r>
          </w:p>
          <w:p w:rsidR="00A35FED" w:rsidRDefault="00A35FED" w:rsidP="00A35FED">
            <w:r>
              <w:tab/>
            </w:r>
            <w:r>
              <w:tab/>
            </w:r>
            <w:r>
              <w:tab/>
            </w:r>
            <w:r>
              <w:tab/>
              <w:t>$accomodation</w:t>
            </w:r>
            <w:r>
              <w:tab/>
              <w:t>=</w:t>
            </w:r>
            <w:r>
              <w:tab/>
              <w:t>explode(",",$row['accomodation']);</w:t>
            </w:r>
          </w:p>
          <w:p w:rsidR="00A35FED" w:rsidRDefault="00A35FED" w:rsidP="00A35FED">
            <w:r>
              <w:tab/>
            </w:r>
            <w:r>
              <w:tab/>
            </w:r>
            <w:r>
              <w:tab/>
            </w:r>
            <w:r>
              <w:tab/>
              <w:t>$services</w:t>
            </w:r>
            <w:r>
              <w:tab/>
            </w:r>
            <w:r>
              <w:tab/>
              <w:t>=</w:t>
            </w:r>
            <w:r>
              <w:tab/>
              <w:t>explode(",",$row['services']);</w:t>
            </w:r>
          </w:p>
          <w:p w:rsidR="00A35FED" w:rsidRDefault="00A35FED" w:rsidP="00A35FED">
            <w:r>
              <w:tab/>
            </w:r>
            <w:r>
              <w:tab/>
            </w:r>
            <w:r>
              <w:tab/>
            </w:r>
            <w:r>
              <w:tab/>
              <w:t>$care</w:t>
            </w:r>
            <w:r>
              <w:tab/>
            </w:r>
            <w:r>
              <w:tab/>
            </w:r>
            <w:r>
              <w:tab/>
              <w:t>=</w:t>
            </w:r>
            <w:r>
              <w:tab/>
              <w:t>explode(",",$row['care']);</w:t>
            </w:r>
          </w:p>
          <w:p w:rsidR="00A35FED" w:rsidRDefault="00A35FED" w:rsidP="00A35FED">
            <w:r>
              <w:tab/>
            </w:r>
            <w:r>
              <w:tab/>
            </w:r>
            <w:r>
              <w:tab/>
            </w:r>
            <w:r>
              <w:tab/>
              <w:t>$amenities</w:t>
            </w:r>
            <w:r>
              <w:tab/>
            </w:r>
            <w:r>
              <w:tab/>
              <w:t>=</w:t>
            </w:r>
            <w:r>
              <w:tab/>
              <w:t>explode(",",$row['amenities']);</w:t>
            </w:r>
          </w:p>
          <w:p w:rsidR="00A35FED" w:rsidRDefault="00A35FED" w:rsidP="00A35FED">
            <w:r>
              <w:tab/>
            </w:r>
            <w:r>
              <w:tab/>
            </w:r>
            <w:r>
              <w:tab/>
            </w:r>
            <w:r>
              <w:tab/>
              <w:t>$entertainment</w:t>
            </w:r>
            <w:r>
              <w:tab/>
              <w:t>=</w:t>
            </w:r>
            <w:r>
              <w:tab/>
              <w:t>explode(",",$row['entertainment']);</w:t>
            </w:r>
          </w:p>
          <w:p w:rsidR="00A35FED" w:rsidRDefault="00A35FED" w:rsidP="00A35FED">
            <w:r>
              <w:tab/>
            </w:r>
            <w:r>
              <w:tab/>
            </w:r>
            <w:r>
              <w:tab/>
            </w:r>
            <w:r>
              <w:tab/>
              <w:t>$religion</w:t>
            </w:r>
            <w:r>
              <w:tab/>
            </w:r>
            <w:r>
              <w:tab/>
              <w:t>=</w:t>
            </w:r>
            <w:r>
              <w:tab/>
              <w:t>explode(",",$row['religion']);</w:t>
            </w:r>
          </w:p>
          <w:p w:rsidR="00A35FED" w:rsidRDefault="00A35FED" w:rsidP="00A35FED">
            <w:r>
              <w:tab/>
            </w:r>
            <w:r>
              <w:tab/>
            </w:r>
            <w:r>
              <w:tab/>
            </w:r>
            <w:r>
              <w:tab/>
              <w:t>$meals</w:t>
            </w:r>
            <w:r>
              <w:tab/>
            </w:r>
            <w:r>
              <w:tab/>
            </w:r>
            <w:r>
              <w:tab/>
              <w:t>=</w:t>
            </w:r>
            <w:r>
              <w:tab/>
              <w:t>explode(",",$row['meals']);</w:t>
            </w:r>
          </w:p>
          <w:p w:rsidR="00A35FED" w:rsidRDefault="00A35FED" w:rsidP="00A35FED">
            <w:r>
              <w:tab/>
            </w:r>
            <w:r>
              <w:tab/>
            </w:r>
            <w:r>
              <w:tab/>
            </w:r>
            <w:r>
              <w:tab/>
              <w:t>$diet</w:t>
            </w:r>
            <w:r>
              <w:tab/>
            </w:r>
            <w:r>
              <w:tab/>
            </w:r>
            <w:r>
              <w:tab/>
              <w:t>=</w:t>
            </w:r>
            <w:r>
              <w:tab/>
              <w:t>explode(",",$row['diet']);</w:t>
            </w:r>
          </w:p>
          <w:p w:rsidR="00A35FED" w:rsidRDefault="00A35FED" w:rsidP="00A35FED">
            <w:r>
              <w:tab/>
            </w:r>
            <w:r>
              <w:tab/>
            </w:r>
            <w:r>
              <w:tab/>
            </w:r>
            <w:r>
              <w:tab/>
              <w:t>$features</w:t>
            </w:r>
            <w:r>
              <w:tab/>
            </w:r>
            <w:r>
              <w:tab/>
              <w:t>=</w:t>
            </w:r>
            <w:r>
              <w:tab/>
              <w:t xml:space="preserve">explode(",",$row['features']); </w:t>
            </w:r>
          </w:p>
          <w:p w:rsidR="00A35FED" w:rsidRDefault="00A35FED" w:rsidP="00A35FED">
            <w:r>
              <w:tab/>
            </w:r>
            <w:r>
              <w:tab/>
            </w:r>
            <w:r>
              <w:tab/>
              <w:t xml:space="preserve">} </w:t>
            </w:r>
          </w:p>
          <w:p w:rsidR="00A35FED" w:rsidRDefault="00A35FED" w:rsidP="00A35FED">
            <w:r>
              <w:tab/>
            </w:r>
            <w:r>
              <w:tab/>
            </w:r>
            <w:r>
              <w:tab/>
            </w:r>
          </w:p>
          <w:p w:rsidR="00A35FED" w:rsidRDefault="00A35FED" w:rsidP="00A35FED">
            <w:r>
              <w:tab/>
            </w:r>
            <w:r>
              <w:tab/>
            </w:r>
            <w:r>
              <w:tab/>
              <w:t>$stmt4 = $db-&gt;prepare("SELECT * FROM users as u join user_profile as uf on uf.userId =u.id WHERE u.id = ? ");</w:t>
            </w:r>
          </w:p>
          <w:p w:rsidR="00A35FED" w:rsidRDefault="00A35FED" w:rsidP="00A35FED">
            <w:r>
              <w:tab/>
            </w:r>
            <w:r>
              <w:tab/>
            </w:r>
            <w:r>
              <w:tab/>
              <w:t>$stmt4-&gt;execute(array( $memberId )) ;</w:t>
            </w:r>
          </w:p>
          <w:p w:rsidR="00A35FED" w:rsidRDefault="00A35FED" w:rsidP="00A35FED">
            <w:r>
              <w:tab/>
            </w:r>
            <w:r>
              <w:tab/>
            </w:r>
            <w:r>
              <w:tab/>
              <w:t>$result4 = $stmt4-&gt;fetch(PDO::FETCH_ASSOC);</w:t>
            </w:r>
          </w:p>
          <w:p w:rsidR="00A35FED" w:rsidRDefault="00A35FED" w:rsidP="00A35FED">
            <w:r>
              <w:tab/>
            </w:r>
            <w:r>
              <w:tab/>
            </w:r>
            <w:r>
              <w:tab/>
              <w:t xml:space="preserve">$rowCount </w:t>
            </w:r>
            <w:r>
              <w:tab/>
            </w:r>
            <w:r>
              <w:tab/>
              <w:t xml:space="preserve">= $stmt4-&gt;rowCount() ; </w:t>
            </w:r>
          </w:p>
          <w:p w:rsidR="00A35FED" w:rsidRDefault="00A35FED" w:rsidP="00A35FED">
            <w:r>
              <w:tab/>
            </w:r>
            <w:r>
              <w:tab/>
            </w:r>
            <w:r>
              <w:tab/>
              <w:t>$memberNameF</w:t>
            </w:r>
            <w:r>
              <w:tab/>
              <w:t xml:space="preserve">= $result4['nameF']." ".$result4['nameL'];  </w:t>
            </w:r>
          </w:p>
          <w:p w:rsidR="00A35FED" w:rsidRDefault="00A35FED" w:rsidP="00A35FED">
            <w:r>
              <w:tab/>
            </w:r>
            <w:r>
              <w:tab/>
            </w:r>
            <w:r>
              <w:tab/>
              <w:t>$memberEmail</w:t>
            </w:r>
            <w:r>
              <w:tab/>
              <w:t xml:space="preserve">= $result4['email']; </w:t>
            </w:r>
          </w:p>
          <w:p w:rsidR="00A35FED" w:rsidRDefault="00A35FED" w:rsidP="00A35FED">
            <w:r>
              <w:tab/>
            </w:r>
            <w:r>
              <w:tab/>
            </w:r>
            <w:r>
              <w:tab/>
              <w:t>$memberPhone</w:t>
            </w:r>
            <w:r>
              <w:tab/>
              <w:t xml:space="preserve">= $result4['mobile'];  </w:t>
            </w:r>
          </w:p>
          <w:p w:rsidR="00A35FED" w:rsidRDefault="00A35FED" w:rsidP="00A35FED">
            <w:r>
              <w:tab/>
            </w:r>
            <w:r>
              <w:tab/>
            </w:r>
            <w:r>
              <w:tab/>
              <w:t>$domain</w:t>
            </w:r>
            <w:r>
              <w:tab/>
            </w:r>
            <w:r>
              <w:tab/>
            </w:r>
            <w:r>
              <w:tab/>
              <w:t xml:space="preserve">= $result4['domain'];  </w:t>
            </w:r>
          </w:p>
          <w:p w:rsidR="00A35FED" w:rsidRDefault="00A35FED" w:rsidP="00A35FED">
            <w:r>
              <w:tab/>
            </w:r>
            <w:r>
              <w:tab/>
            </w:r>
            <w:r>
              <w:tab/>
              <w:t>$reqType</w:t>
            </w:r>
            <w:r>
              <w:tab/>
            </w:r>
            <w:r>
              <w:tab/>
              <w:t xml:space="preserve">= 'Get_Contact';  </w:t>
            </w:r>
          </w:p>
          <w:p w:rsidR="00A35FED" w:rsidRDefault="00A35FED" w:rsidP="00A35FED">
            <w:r>
              <w:tab/>
            </w:r>
            <w:r>
              <w:tab/>
            </w:r>
            <w:r>
              <w:tab/>
              <w:t>$reqGroupId</w:t>
            </w:r>
            <w:r>
              <w:tab/>
            </w:r>
            <w:r>
              <w:tab/>
              <w:t xml:space="preserve">= 1;  </w:t>
            </w:r>
          </w:p>
          <w:p w:rsidR="00A35FED" w:rsidRDefault="00A35FED" w:rsidP="00A35FED">
            <w:r>
              <w:tab/>
            </w:r>
            <w:r>
              <w:tab/>
            </w:r>
            <w:r>
              <w:tab/>
              <w:t>$hash</w:t>
            </w:r>
            <w:r>
              <w:tab/>
            </w:r>
            <w:r>
              <w:tab/>
            </w:r>
            <w:r>
              <w:tab/>
              <w:t xml:space="preserve">= 1;  </w:t>
            </w:r>
          </w:p>
          <w:p w:rsidR="00A35FED" w:rsidRDefault="00A35FED" w:rsidP="00A35FED">
            <w:r>
              <w:tab/>
            </w:r>
            <w:r>
              <w:tab/>
            </w:r>
            <w:r>
              <w:tab/>
              <w:t>$status</w:t>
            </w:r>
            <w:r>
              <w:tab/>
            </w:r>
            <w:r>
              <w:tab/>
            </w:r>
            <w:r>
              <w:tab/>
              <w:t xml:space="preserve">= 0;  </w:t>
            </w:r>
          </w:p>
          <w:p w:rsidR="00A35FED" w:rsidRDefault="00A35FED" w:rsidP="00A35FED">
            <w:r>
              <w:tab/>
            </w:r>
            <w:r>
              <w:tab/>
            </w:r>
            <w:r>
              <w:tab/>
            </w:r>
          </w:p>
          <w:p w:rsidR="00A35FED" w:rsidRDefault="00A35FED" w:rsidP="00A35FED">
            <w:r>
              <w:tab/>
            </w:r>
            <w:r>
              <w:tab/>
            </w:r>
            <w:r>
              <w:tab/>
            </w:r>
          </w:p>
          <w:p w:rsidR="00A35FED" w:rsidRDefault="00A35FED" w:rsidP="00A35FED">
            <w:r>
              <w:tab/>
            </w:r>
            <w:r>
              <w:tab/>
            </w:r>
            <w:r>
              <w:tab/>
            </w:r>
          </w:p>
          <w:p w:rsidR="00A35FED" w:rsidRDefault="00A35FED" w:rsidP="00A35FED">
            <w:r>
              <w:tab/>
            </w:r>
            <w:r>
              <w:tab/>
            </w:r>
            <w:r>
              <w:tab/>
            </w:r>
          </w:p>
          <w:p w:rsidR="00A35FED" w:rsidRDefault="00A35FED" w:rsidP="00A35FED">
            <w:r>
              <w:tab/>
            </w:r>
            <w:r>
              <w:tab/>
            </w:r>
            <w:r>
              <w:tab/>
              <w:t xml:space="preserve"> </w:t>
            </w:r>
          </w:p>
          <w:p w:rsidR="00A35FED" w:rsidRDefault="00A35FED" w:rsidP="00A35FED">
            <w:r>
              <w:tab/>
            </w:r>
            <w:r>
              <w:tab/>
            </w:r>
            <w:r>
              <w:tab/>
              <w:t>$SQL    =</w:t>
            </w:r>
            <w:r>
              <w:tab/>
              <w:t xml:space="preserve">"SELECT * FROM user_spf_choices where ip_address =" . "'" . $ip . "' order by id desc limit 1";  </w:t>
            </w:r>
          </w:p>
          <w:p w:rsidR="00A35FED" w:rsidRDefault="00A35FED" w:rsidP="00A35FED">
            <w:r>
              <w:tab/>
            </w:r>
            <w:r>
              <w:tab/>
            </w:r>
            <w:r>
              <w:tab/>
              <w:t>$stmt   = $db-&gt;prepare($SQL);</w:t>
            </w:r>
          </w:p>
          <w:p w:rsidR="00A35FED" w:rsidRDefault="00A35FED" w:rsidP="00A35FED">
            <w:r>
              <w:tab/>
            </w:r>
            <w:r>
              <w:tab/>
            </w:r>
            <w:r>
              <w:tab/>
              <w:t>$stmt-&gt;execute();</w:t>
            </w:r>
          </w:p>
          <w:p w:rsidR="00A35FED" w:rsidRDefault="00A35FED" w:rsidP="00A35FED">
            <w:r>
              <w:tab/>
            </w:r>
            <w:r>
              <w:tab/>
            </w:r>
            <w:r>
              <w:tab/>
              <w:t xml:space="preserve">$rowCount = $stmt-&gt;rowCount() ;  </w:t>
            </w:r>
          </w:p>
          <w:p w:rsidR="00A35FED" w:rsidRDefault="00A35FED" w:rsidP="00A35FED">
            <w:r>
              <w:lastRenderedPageBreak/>
              <w:tab/>
            </w:r>
            <w:r>
              <w:tab/>
            </w:r>
            <w:r>
              <w:tab/>
              <w:t xml:space="preserve">$zipcode = '';  </w:t>
            </w:r>
          </w:p>
          <w:p w:rsidR="00A35FED" w:rsidRDefault="00A35FED" w:rsidP="00A35FED">
            <w:r>
              <w:tab/>
            </w:r>
            <w:r>
              <w:tab/>
            </w:r>
            <w:r>
              <w:tab/>
              <w:t xml:space="preserve">while ($row = $stmt-&gt;fetch(PDO::FETCH_ASSOC)) {  </w:t>
            </w:r>
          </w:p>
          <w:p w:rsidR="00A35FED" w:rsidRDefault="00A35FED" w:rsidP="00A35FED">
            <w:r>
              <w:tab/>
            </w:r>
            <w:r>
              <w:tab/>
            </w:r>
            <w:r>
              <w:tab/>
            </w:r>
            <w:r>
              <w:tab/>
              <w:t>$ip_address</w:t>
            </w:r>
            <w:r>
              <w:tab/>
            </w:r>
            <w:r>
              <w:tab/>
              <w:t>=</w:t>
            </w:r>
            <w:r>
              <w:tab/>
              <w:t>$row['ip_address'];</w:t>
            </w:r>
          </w:p>
          <w:p w:rsidR="00A35FED" w:rsidRDefault="00A35FED" w:rsidP="00A35FED">
            <w:r>
              <w:tab/>
            </w:r>
            <w:r>
              <w:tab/>
            </w:r>
            <w:r>
              <w:tab/>
            </w:r>
            <w:r>
              <w:tab/>
              <w:t xml:space="preserve">$residence  </w:t>
            </w:r>
            <w:r>
              <w:tab/>
              <w:t>=</w:t>
            </w:r>
            <w:r>
              <w:tab/>
              <w:t>$row['residences'];</w:t>
            </w:r>
          </w:p>
          <w:p w:rsidR="00A35FED" w:rsidRDefault="00A35FED" w:rsidP="00A35FED">
            <w:r>
              <w:tab/>
            </w:r>
            <w:r>
              <w:tab/>
            </w:r>
            <w:r>
              <w:tab/>
            </w:r>
            <w:r>
              <w:tab/>
              <w:t>$cares</w:t>
            </w:r>
            <w:r>
              <w:tab/>
            </w:r>
            <w:r>
              <w:tab/>
            </w:r>
            <w:r>
              <w:tab/>
              <w:t>=</w:t>
            </w:r>
            <w:r>
              <w:tab/>
              <w:t>$row['cares'];</w:t>
            </w:r>
          </w:p>
          <w:p w:rsidR="00A35FED" w:rsidRDefault="00A35FED" w:rsidP="00A35FED">
            <w:r>
              <w:tab/>
            </w:r>
            <w:r>
              <w:tab/>
            </w:r>
            <w:r>
              <w:tab/>
            </w:r>
            <w:r>
              <w:tab/>
              <w:t>$accommodation  =</w:t>
            </w:r>
            <w:r>
              <w:tab/>
              <w:t xml:space="preserve">$row['accommodations']; </w:t>
            </w:r>
          </w:p>
          <w:p w:rsidR="00A35FED" w:rsidRDefault="00A35FED" w:rsidP="00A35FED">
            <w:r>
              <w:tab/>
            </w:r>
            <w:r>
              <w:tab/>
            </w:r>
            <w:r>
              <w:tab/>
            </w:r>
            <w:r>
              <w:tab/>
              <w:t>$amenities</w:t>
            </w:r>
            <w:r>
              <w:tab/>
            </w:r>
            <w:r>
              <w:tab/>
              <w:t>=</w:t>
            </w:r>
            <w:r>
              <w:tab/>
              <w:t>$row['amenities'];</w:t>
            </w:r>
          </w:p>
          <w:p w:rsidR="00A35FED" w:rsidRDefault="00A35FED" w:rsidP="00A35FED">
            <w:r>
              <w:tab/>
            </w:r>
            <w:r>
              <w:tab/>
            </w:r>
            <w:r>
              <w:tab/>
            </w:r>
            <w:r>
              <w:tab/>
              <w:t>$services      =</w:t>
            </w:r>
            <w:r>
              <w:tab/>
              <w:t xml:space="preserve">$row['services']; </w:t>
            </w:r>
          </w:p>
          <w:p w:rsidR="00A35FED" w:rsidRDefault="00A35FED" w:rsidP="00A35FED">
            <w:r>
              <w:tab/>
            </w:r>
            <w:r>
              <w:tab/>
            </w:r>
            <w:r>
              <w:tab/>
            </w:r>
            <w:r>
              <w:tab/>
              <w:t>$features       =</w:t>
            </w:r>
            <w:r>
              <w:tab/>
              <w:t>$row['features'];</w:t>
            </w:r>
          </w:p>
          <w:p w:rsidR="00A35FED" w:rsidRDefault="00A35FED" w:rsidP="00A35FED">
            <w:r>
              <w:tab/>
            </w:r>
            <w:r>
              <w:tab/>
            </w:r>
            <w:r>
              <w:tab/>
            </w:r>
            <w:r>
              <w:tab/>
              <w:t>$meals          =</w:t>
            </w:r>
            <w:r>
              <w:tab/>
              <w:t xml:space="preserve">$row['meals']; </w:t>
            </w:r>
          </w:p>
          <w:p w:rsidR="00A35FED" w:rsidRDefault="00A35FED" w:rsidP="00A35FED">
            <w:r>
              <w:tab/>
            </w:r>
            <w:r>
              <w:tab/>
            </w:r>
            <w:r>
              <w:tab/>
            </w:r>
            <w:r>
              <w:tab/>
              <w:t>$diet           =</w:t>
            </w:r>
            <w:r>
              <w:tab/>
              <w:t>$row['diet'];</w:t>
            </w:r>
          </w:p>
          <w:p w:rsidR="00A35FED" w:rsidRDefault="00A35FED" w:rsidP="00A35FED">
            <w:r>
              <w:tab/>
            </w:r>
            <w:r>
              <w:tab/>
            </w:r>
            <w:r>
              <w:tab/>
            </w:r>
            <w:r>
              <w:tab/>
              <w:t>$entertainment  =</w:t>
            </w:r>
            <w:r>
              <w:tab/>
              <w:t xml:space="preserve">$row['entertainment']; </w:t>
            </w:r>
          </w:p>
          <w:p w:rsidR="00A35FED" w:rsidRDefault="00A35FED" w:rsidP="00A35FED">
            <w:r>
              <w:tab/>
            </w:r>
            <w:r>
              <w:tab/>
            </w:r>
            <w:r>
              <w:tab/>
            </w:r>
            <w:r>
              <w:tab/>
              <w:t>$religion       =</w:t>
            </w:r>
            <w:r>
              <w:tab/>
              <w:t>$row['religion'];</w:t>
            </w:r>
          </w:p>
          <w:p w:rsidR="00A35FED" w:rsidRDefault="00A35FED" w:rsidP="00A35FED">
            <w:r>
              <w:tab/>
            </w:r>
            <w:r>
              <w:tab/>
            </w:r>
            <w:r>
              <w:tab/>
              <w:t xml:space="preserve">}  </w:t>
            </w:r>
          </w:p>
          <w:p w:rsidR="00A35FED" w:rsidRDefault="00A35FED" w:rsidP="00A35FED">
            <w:r>
              <w:tab/>
            </w:r>
            <w:r>
              <w:tab/>
            </w:r>
            <w:r>
              <w:tab/>
            </w:r>
          </w:p>
          <w:p w:rsidR="00A35FED" w:rsidRDefault="00A35FED" w:rsidP="00A35FED">
            <w:r>
              <w:tab/>
            </w:r>
            <w:r>
              <w:tab/>
            </w:r>
            <w:r>
              <w:tab/>
              <w:t xml:space="preserve">//////////////////////MAIL TO Member//////////// </w:t>
            </w:r>
          </w:p>
          <w:p w:rsidR="00A35FED" w:rsidRDefault="00A35FED" w:rsidP="00A35FED">
            <w:r>
              <w:tab/>
            </w:r>
            <w:r>
              <w:tab/>
            </w:r>
            <w:r>
              <w:tab/>
              <w:t xml:space="preserve">$fromName </w:t>
            </w:r>
            <w:r>
              <w:tab/>
            </w:r>
            <w:r>
              <w:tab/>
              <w:t xml:space="preserve">= 'Your Senior Team' ; </w:t>
            </w:r>
          </w:p>
          <w:p w:rsidR="00A35FED" w:rsidRDefault="00A35FED" w:rsidP="00A35FED">
            <w:r>
              <w:tab/>
            </w:r>
            <w:r>
              <w:tab/>
            </w:r>
            <w:r>
              <w:tab/>
              <w:t xml:space="preserve">$fromEmail </w:t>
            </w:r>
            <w:r>
              <w:tab/>
            </w:r>
            <w:r>
              <w:tab/>
              <w:t>= 'no-reply@'. DOMAIN_NAME ;</w:t>
            </w:r>
          </w:p>
          <w:p w:rsidR="00A35FED" w:rsidRDefault="00A35FED" w:rsidP="00A35FED"/>
          <w:p w:rsidR="00A35FED" w:rsidRDefault="00A35FED" w:rsidP="00A35FED">
            <w:r>
              <w:tab/>
            </w:r>
            <w:r>
              <w:tab/>
            </w:r>
            <w:r>
              <w:tab/>
              <w:t xml:space="preserve">$to </w:t>
            </w:r>
            <w:r>
              <w:tab/>
            </w:r>
            <w:r>
              <w:tab/>
            </w:r>
            <w:r>
              <w:tab/>
              <w:t>= $memberEmail ; //"@gmail.com" ;  // admin email</w:t>
            </w:r>
          </w:p>
          <w:p w:rsidR="00A35FED" w:rsidRDefault="00A35FED" w:rsidP="00A35FED">
            <w:r>
              <w:tab/>
            </w:r>
            <w:r>
              <w:tab/>
            </w:r>
            <w:r>
              <w:tab/>
              <w:t xml:space="preserve">// $to </w:t>
            </w:r>
            <w:r>
              <w:tab/>
            </w:r>
            <w:r>
              <w:tab/>
            </w:r>
            <w:r>
              <w:tab/>
              <w:t>= 'sbhaktavatsala@gmail.com' ; //"@gmail.com" ;  // admin email</w:t>
            </w:r>
          </w:p>
          <w:p w:rsidR="00A35FED" w:rsidRDefault="00A35FED" w:rsidP="00A35FED">
            <w:r>
              <w:tab/>
            </w:r>
            <w:r>
              <w:tab/>
            </w:r>
            <w:r>
              <w:tab/>
              <w:t>$subject = 'Contact Details Request Received for ' . $title . ' from new user '  . $userName    ;</w:t>
            </w:r>
          </w:p>
          <w:p w:rsidR="00A35FED" w:rsidRDefault="00A35FED" w:rsidP="00A35FED"/>
          <w:p w:rsidR="00A35FED" w:rsidRDefault="00A35FED" w:rsidP="00A35FED">
            <w:r>
              <w:tab/>
            </w:r>
            <w:r>
              <w:tab/>
            </w:r>
            <w:r>
              <w:tab/>
              <w:t>$message = '' ;</w:t>
            </w:r>
          </w:p>
          <w:p w:rsidR="00A35FED" w:rsidRDefault="00A35FED" w:rsidP="00A35FED">
            <w:r>
              <w:tab/>
            </w:r>
            <w:r>
              <w:tab/>
            </w:r>
            <w:r>
              <w:tab/>
              <w:t>$message .= '</w:t>
            </w:r>
          </w:p>
          <w:p w:rsidR="00A35FED" w:rsidRDefault="00A35FED" w:rsidP="00A35FED">
            <w:r>
              <w:tab/>
            </w:r>
            <w:r>
              <w:tab/>
            </w:r>
            <w:r>
              <w:tab/>
              <w:t>&lt;div style="background: lightgray; padding: 25px; font-family: sans-serif;"&gt;</w:t>
            </w:r>
          </w:p>
          <w:p w:rsidR="00A35FED" w:rsidRDefault="00A35FED" w:rsidP="00A35FED">
            <w:r>
              <w:tab/>
            </w:r>
            <w:r>
              <w:tab/>
            </w:r>
            <w:r>
              <w:tab/>
            </w:r>
            <w:r>
              <w:tab/>
              <w:t>&lt;br&gt;</w:t>
            </w:r>
          </w:p>
          <w:p w:rsidR="00A35FED" w:rsidRDefault="00A35FED" w:rsidP="00A35FED">
            <w:r>
              <w:tab/>
            </w:r>
            <w:r>
              <w:tab/>
            </w:r>
            <w:r>
              <w:tab/>
            </w:r>
            <w:r>
              <w:tab/>
              <w:t>&lt;img src="/img/icon/logo.png" width="250" style="display: block; margin: auto;" alt="" /&gt;</w:t>
            </w:r>
          </w:p>
          <w:p w:rsidR="00A35FED" w:rsidRDefault="00A35FED" w:rsidP="00A35FED">
            <w:r>
              <w:tab/>
            </w:r>
            <w:r>
              <w:tab/>
            </w:r>
            <w:r>
              <w:tab/>
            </w:r>
            <w:r>
              <w:tab/>
            </w:r>
          </w:p>
          <w:p w:rsidR="00A35FED" w:rsidRDefault="00A35FED" w:rsidP="00A35FED">
            <w:r>
              <w:tab/>
            </w:r>
            <w:r>
              <w:tab/>
            </w:r>
            <w:r>
              <w:tab/>
            </w:r>
            <w:r>
              <w:tab/>
              <w:t>&lt;div style="background: white; padding: 20px; max-width: 800px; margin: auto; border-radius: 8px; border: 1px solid silver;"&gt;</w:t>
            </w:r>
          </w:p>
          <w:p w:rsidR="00A35FED" w:rsidRDefault="00A35FED" w:rsidP="00A35FED">
            <w:r>
              <w:tab/>
            </w:r>
            <w:r>
              <w:tab/>
            </w:r>
            <w:r>
              <w:tab/>
            </w:r>
            <w:r>
              <w:tab/>
            </w:r>
            <w:r>
              <w:tab/>
              <w:t>&lt;br&gt;</w:t>
            </w:r>
          </w:p>
          <w:p w:rsidR="00A35FED" w:rsidRDefault="00A35FED" w:rsidP="00A35FED">
            <w:r>
              <w:tab/>
            </w:r>
            <w:r>
              <w:tab/>
            </w:r>
            <w:r>
              <w:tab/>
            </w:r>
            <w:r>
              <w:tab/>
            </w:r>
            <w:r>
              <w:tab/>
              <w:t>&lt;p&gt;Hello &lt;strong&gt; Admin, &lt;/strong&gt;,&lt;/p&gt;</w:t>
            </w:r>
          </w:p>
          <w:p w:rsidR="00A35FED" w:rsidRDefault="00A35FED" w:rsidP="00A35FED">
            <w:r>
              <w:tab/>
            </w:r>
            <w:r>
              <w:tab/>
            </w:r>
            <w:r>
              <w:tab/>
            </w:r>
            <w:r>
              <w:tab/>
            </w:r>
            <w:r>
              <w:tab/>
            </w:r>
          </w:p>
          <w:p w:rsidR="00A35FED" w:rsidRDefault="00A35FED" w:rsidP="00A35FED">
            <w:r>
              <w:tab/>
            </w:r>
            <w:r>
              <w:tab/>
            </w:r>
            <w:r>
              <w:tab/>
            </w:r>
            <w:r>
              <w:tab/>
            </w:r>
            <w:r>
              <w:tab/>
              <w:t xml:space="preserve">&lt;p&gt; A prospective Senior Place Finder ' . $userName . ' has requested Contact detail\'s  for ' . $title . '  and a email verification has sent for verifying his email before sharing the contact detail\'s  of ' . $title . '&lt;/p&gt; </w:t>
            </w:r>
          </w:p>
          <w:p w:rsidR="00A35FED" w:rsidRDefault="00A35FED" w:rsidP="00A35FED">
            <w:r>
              <w:tab/>
            </w:r>
            <w:r>
              <w:tab/>
            </w:r>
            <w:r>
              <w:tab/>
            </w:r>
            <w:r>
              <w:tab/>
            </w:r>
            <w:r>
              <w:tab/>
            </w:r>
          </w:p>
          <w:p w:rsidR="00A35FED" w:rsidRDefault="00A35FED" w:rsidP="00A35FED">
            <w:r>
              <w:tab/>
            </w:r>
            <w:r>
              <w:tab/>
            </w:r>
            <w:r>
              <w:tab/>
            </w:r>
            <w:r>
              <w:tab/>
            </w:r>
            <w:r>
              <w:tab/>
              <w:t>&lt;br&gt;</w:t>
            </w:r>
          </w:p>
          <w:p w:rsidR="00A35FED" w:rsidRDefault="00A35FED" w:rsidP="00A35FED">
            <w:r>
              <w:tab/>
            </w:r>
            <w:r>
              <w:tab/>
            </w:r>
            <w:r>
              <w:tab/>
            </w:r>
            <w:r>
              <w:tab/>
            </w:r>
            <w:r>
              <w:tab/>
              <w:t>&lt;p&gt;Residences' . $residences . '&lt;/p&gt; &lt;br&gt;</w:t>
            </w:r>
          </w:p>
          <w:p w:rsidR="00A35FED" w:rsidRDefault="00A35FED" w:rsidP="00A35FED">
            <w:r>
              <w:tab/>
            </w:r>
            <w:r>
              <w:tab/>
            </w:r>
            <w:r>
              <w:tab/>
            </w:r>
            <w:r>
              <w:tab/>
            </w:r>
            <w:r>
              <w:tab/>
              <w:t>&lt;p&gt;cares' . $cares . '&lt;/p&gt; &lt;br&gt;</w:t>
            </w:r>
          </w:p>
          <w:p w:rsidR="00A35FED" w:rsidRDefault="00A35FED" w:rsidP="00A35FED">
            <w:r>
              <w:tab/>
            </w:r>
            <w:r>
              <w:tab/>
            </w:r>
            <w:r>
              <w:tab/>
            </w:r>
            <w:r>
              <w:tab/>
            </w:r>
            <w:r>
              <w:tab/>
              <w:t>&lt;p&gt;accommodations' . $accommodations . '&lt;/p&gt; &lt;br&gt;</w:t>
            </w:r>
          </w:p>
          <w:p w:rsidR="00A35FED" w:rsidRDefault="00A35FED" w:rsidP="00A35FED">
            <w:r>
              <w:tab/>
            </w:r>
            <w:r>
              <w:tab/>
            </w:r>
            <w:r>
              <w:tab/>
            </w:r>
            <w:r>
              <w:tab/>
            </w:r>
            <w:r>
              <w:tab/>
            </w:r>
          </w:p>
          <w:p w:rsidR="00A35FED" w:rsidRDefault="00A35FED" w:rsidP="00A35FED">
            <w:r>
              <w:tab/>
            </w:r>
            <w:r>
              <w:tab/>
            </w:r>
            <w:r>
              <w:tab/>
            </w:r>
            <w:r>
              <w:tab/>
            </w:r>
            <w:r>
              <w:tab/>
            </w:r>
          </w:p>
          <w:p w:rsidR="00A35FED" w:rsidRDefault="00A35FED" w:rsidP="00A35FED">
            <w:r>
              <w:tab/>
            </w:r>
            <w:r>
              <w:tab/>
            </w:r>
            <w:r>
              <w:tab/>
            </w:r>
            <w:r>
              <w:tab/>
            </w:r>
            <w:r>
              <w:tab/>
              <w:t>&lt;br&gt;</w:t>
            </w:r>
          </w:p>
          <w:p w:rsidR="00A35FED" w:rsidRDefault="00A35FED" w:rsidP="00A35FED">
            <w:r>
              <w:lastRenderedPageBreak/>
              <w:tab/>
            </w:r>
            <w:r>
              <w:tab/>
            </w:r>
            <w:r>
              <w:tab/>
            </w:r>
            <w:r>
              <w:tab/>
            </w:r>
            <w:r>
              <w:tab/>
              <w:t xml:space="preserve">&lt;p&gt; Upon ' . $userName . ' email verification, the ' . $title . ' member detail\'s  will be forwarded to  ' . $userName . ' email id - ' . $email.'; </w:t>
            </w:r>
          </w:p>
          <w:p w:rsidR="00A35FED" w:rsidRDefault="00A35FED" w:rsidP="00A35FED">
            <w:r>
              <w:tab/>
            </w:r>
            <w:r>
              <w:tab/>
            </w:r>
            <w:r>
              <w:tab/>
            </w:r>
            <w:r>
              <w:tab/>
            </w:r>
            <w:r>
              <w:tab/>
              <w:t>&lt;/p&gt;</w:t>
            </w:r>
          </w:p>
          <w:p w:rsidR="00A35FED" w:rsidRDefault="00A35FED" w:rsidP="00A35FED">
            <w:r>
              <w:tab/>
            </w:r>
            <w:r>
              <w:tab/>
            </w:r>
            <w:r>
              <w:tab/>
            </w:r>
            <w:r>
              <w:tab/>
            </w:r>
            <w:r>
              <w:tab/>
              <w:t>&lt;br&gt;</w:t>
            </w:r>
          </w:p>
          <w:p w:rsidR="00A35FED" w:rsidRDefault="00A35FED" w:rsidP="00A35FED">
            <w:r>
              <w:tab/>
            </w:r>
            <w:r>
              <w:tab/>
            </w:r>
            <w:r>
              <w:tab/>
            </w:r>
            <w:r>
              <w:tab/>
            </w:r>
            <w:r>
              <w:tab/>
              <w:t>&lt;p&gt;Yours truly,&lt;/p&gt;</w:t>
            </w:r>
          </w:p>
          <w:p w:rsidR="00A35FED" w:rsidRDefault="00A35FED" w:rsidP="00A35FED">
            <w:r>
              <w:tab/>
            </w:r>
            <w:r>
              <w:tab/>
            </w:r>
            <w:r>
              <w:tab/>
            </w:r>
            <w:r>
              <w:tab/>
            </w:r>
            <w:r>
              <w:tab/>
              <w:t>&lt;br&gt;</w:t>
            </w:r>
          </w:p>
          <w:p w:rsidR="00A35FED" w:rsidRDefault="00A35FED" w:rsidP="00A35FED">
            <w:r>
              <w:tab/>
            </w:r>
            <w:r>
              <w:tab/>
            </w:r>
            <w:r>
              <w:tab/>
            </w:r>
            <w:r>
              <w:tab/>
            </w:r>
            <w:r>
              <w:tab/>
              <w:t>&lt;strong&gt;Steve T. Fecske&lt;/strong&gt;&lt;br /&gt;</w:t>
            </w:r>
          </w:p>
          <w:p w:rsidR="00A35FED" w:rsidRDefault="00A35FED" w:rsidP="00A35FED">
            <w:r>
              <w:tab/>
            </w:r>
            <w:r>
              <w:tab/>
            </w:r>
            <w:r>
              <w:tab/>
            </w:r>
            <w:r>
              <w:tab/>
            </w:r>
            <w:r>
              <w:tab/>
              <w:t>&lt;small&gt;Founder,&lt;/small&gt;</w:t>
            </w:r>
          </w:p>
          <w:p w:rsidR="00A35FED" w:rsidRDefault="00A35FED" w:rsidP="00A35FED">
            <w:r>
              <w:tab/>
            </w:r>
            <w:r>
              <w:tab/>
            </w:r>
            <w:r>
              <w:tab/>
            </w:r>
            <w:r>
              <w:tab/>
            </w:r>
            <w:r>
              <w:tab/>
              <w:t>&lt;h5&gt;Your Senior Team, Inc&lt;/h5&gt;</w:t>
            </w:r>
          </w:p>
          <w:p w:rsidR="00A35FED" w:rsidRDefault="00A35FED" w:rsidP="00A35FED">
            <w:r>
              <w:tab/>
            </w:r>
            <w:r>
              <w:tab/>
            </w:r>
            <w:r>
              <w:tab/>
            </w:r>
            <w:r>
              <w:tab/>
              <w:t>&lt;/div&gt;</w:t>
            </w:r>
          </w:p>
          <w:p w:rsidR="00A35FED" w:rsidRDefault="00A35FED" w:rsidP="00A35FED">
            <w:r>
              <w:tab/>
            </w:r>
            <w:r>
              <w:tab/>
            </w:r>
            <w:r>
              <w:tab/>
            </w:r>
            <w:r>
              <w:tab/>
            </w:r>
          </w:p>
          <w:p w:rsidR="00A35FED" w:rsidRDefault="00A35FED" w:rsidP="00A35FED">
            <w:r>
              <w:tab/>
            </w:r>
            <w:r>
              <w:tab/>
            </w:r>
            <w:r>
              <w:tab/>
              <w:t>&lt;/div&gt;</w:t>
            </w:r>
          </w:p>
          <w:p w:rsidR="00A35FED" w:rsidRDefault="00A35FED" w:rsidP="00A35FED">
            <w:r>
              <w:tab/>
            </w:r>
            <w:r>
              <w:tab/>
            </w:r>
            <w:r>
              <w:tab/>
              <w:t>' ;</w:t>
            </w:r>
          </w:p>
          <w:p w:rsidR="00A35FED" w:rsidRDefault="00A35FED" w:rsidP="00A35FED"/>
          <w:p w:rsidR="00A35FED" w:rsidRDefault="00A35FED" w:rsidP="00A35FED">
            <w:r>
              <w:tab/>
            </w:r>
            <w:r>
              <w:tab/>
            </w:r>
            <w:r>
              <w:tab/>
              <w:t>$message .= '';</w:t>
            </w:r>
          </w:p>
          <w:p w:rsidR="00A35FED" w:rsidRDefault="00A35FED" w:rsidP="00A35FED"/>
          <w:p w:rsidR="00A35FED" w:rsidRDefault="00A35FED" w:rsidP="00A35FED">
            <w:r>
              <w:tab/>
            </w:r>
            <w:r>
              <w:tab/>
            </w:r>
            <w:r>
              <w:tab/>
              <w:t>$hers = 'MIME-Version: 1.0' . "\r\n";</w:t>
            </w:r>
          </w:p>
          <w:p w:rsidR="00A35FED" w:rsidRDefault="00A35FED" w:rsidP="00A35FED">
            <w:r>
              <w:tab/>
            </w:r>
            <w:r>
              <w:tab/>
            </w:r>
            <w:r>
              <w:tab/>
              <w:t>$hers .= 'Content-type: text/html; charset=utf-8' . "\r\n";</w:t>
            </w:r>
          </w:p>
          <w:p w:rsidR="00A35FED" w:rsidRDefault="00A35FED" w:rsidP="00A35FED">
            <w:r>
              <w:tab/>
            </w:r>
            <w:r>
              <w:tab/>
            </w:r>
            <w:r>
              <w:tab/>
              <w:t>$hers .= 'From:  ' . $fromName . ' &lt;' . $fromEmail .'&gt;' . " \r\n" .</w:t>
            </w:r>
          </w:p>
          <w:p w:rsidR="00A35FED" w:rsidRDefault="00A35FED" w:rsidP="00A35FED">
            <w:r>
              <w:tab/>
            </w:r>
            <w:r>
              <w:tab/>
            </w:r>
            <w:r>
              <w:tab/>
            </w:r>
            <w:r>
              <w:tab/>
            </w:r>
            <w:r>
              <w:tab/>
            </w:r>
            <w:r>
              <w:tab/>
              <w:t>'X-Mailer: PHP/' . phpversion();</w:t>
            </w:r>
          </w:p>
          <w:p w:rsidR="00A35FED" w:rsidRDefault="00A35FED" w:rsidP="00A35FED">
            <w:r>
              <w:tab/>
            </w:r>
            <w:r>
              <w:tab/>
            </w:r>
            <w:r>
              <w:tab/>
              <w:t>$hers .= "Bcc: \n";</w:t>
            </w:r>
          </w:p>
          <w:p w:rsidR="00A35FED" w:rsidRDefault="00A35FED" w:rsidP="00A35FED">
            <w:r>
              <w:tab/>
            </w:r>
            <w:r>
              <w:tab/>
            </w:r>
            <w:r>
              <w:tab/>
              <w:t>$hers .= "Cc: \n";</w:t>
            </w:r>
          </w:p>
          <w:p w:rsidR="00A35FED" w:rsidRDefault="00A35FED" w:rsidP="00A35FED"/>
          <w:p w:rsidR="00A35FED" w:rsidRDefault="00A35FED" w:rsidP="00A35FED">
            <w:r>
              <w:tab/>
            </w:r>
            <w:r>
              <w:tab/>
            </w:r>
            <w:r>
              <w:tab/>
              <w:t xml:space="preserve">if ( mail($to, $subject, $message, $hers) ) { </w:t>
            </w:r>
          </w:p>
          <w:p w:rsidR="00A35FED" w:rsidRDefault="00A35FED" w:rsidP="00A35FED">
            <w:r>
              <w:tab/>
            </w:r>
            <w:r>
              <w:tab/>
            </w:r>
            <w:r>
              <w:tab/>
            </w:r>
            <w:r>
              <w:tab/>
              <w:t>//////////////////////MAIL TO USER////////////</w:t>
            </w:r>
          </w:p>
          <w:p w:rsidR="00A35FED" w:rsidRDefault="00A35FED" w:rsidP="00A35FED">
            <w:r>
              <w:tab/>
            </w:r>
            <w:r>
              <w:tab/>
            </w:r>
            <w:r>
              <w:tab/>
            </w:r>
            <w:r>
              <w:tab/>
              <w:t xml:space="preserve">$fromName </w:t>
            </w:r>
            <w:r>
              <w:tab/>
              <w:t>= 'Your Senior Team';</w:t>
            </w:r>
          </w:p>
          <w:p w:rsidR="00A35FED" w:rsidRDefault="00A35FED" w:rsidP="00A35FED">
            <w:r>
              <w:tab/>
            </w:r>
            <w:r>
              <w:tab/>
            </w:r>
            <w:r>
              <w:tab/>
            </w:r>
            <w:r>
              <w:tab/>
              <w:t>$fromEmail = 'no-reply@'. DOMAIN_NAME ;</w:t>
            </w:r>
          </w:p>
          <w:p w:rsidR="00A35FED" w:rsidRDefault="00A35FED" w:rsidP="00A35FED"/>
          <w:p w:rsidR="00A35FED" w:rsidRDefault="00A35FED" w:rsidP="00A35FED">
            <w:r>
              <w:tab/>
            </w:r>
            <w:r>
              <w:tab/>
            </w:r>
            <w:r>
              <w:tab/>
            </w:r>
            <w:r>
              <w:tab/>
              <w:t xml:space="preserve">$to </w:t>
            </w:r>
            <w:r>
              <w:tab/>
            </w:r>
            <w:r>
              <w:tab/>
              <w:t>= $email ; //"@gmail.com" ;  //</w:t>
            </w:r>
          </w:p>
          <w:p w:rsidR="00A35FED" w:rsidRDefault="00A35FED" w:rsidP="00A35FED">
            <w:r>
              <w:tab/>
            </w:r>
            <w:r>
              <w:tab/>
            </w:r>
            <w:r>
              <w:tab/>
            </w:r>
            <w:r>
              <w:tab/>
              <w:t xml:space="preserve">$subject </w:t>
            </w:r>
            <w:r>
              <w:tab/>
              <w:t>= 'Email Verification Required- Residence Location Contact Details for ' . $title  ;</w:t>
            </w:r>
          </w:p>
          <w:p w:rsidR="00A35FED" w:rsidRDefault="00A35FED" w:rsidP="00A35FED">
            <w:r>
              <w:t xml:space="preserve"> </w:t>
            </w:r>
          </w:p>
          <w:p w:rsidR="00A35FED" w:rsidRDefault="00A35FED" w:rsidP="00A35FED">
            <w:r>
              <w:tab/>
            </w:r>
            <w:r>
              <w:tab/>
            </w:r>
            <w:r>
              <w:tab/>
            </w:r>
            <w:r>
              <w:tab/>
              <w:t xml:space="preserve">$message </w:t>
            </w:r>
            <w:r>
              <w:tab/>
              <w:t>= '' ;</w:t>
            </w:r>
          </w:p>
          <w:p w:rsidR="00A35FED" w:rsidRDefault="00A35FED" w:rsidP="00A35FED">
            <w:r>
              <w:tab/>
            </w:r>
            <w:r>
              <w:tab/>
            </w:r>
            <w:r>
              <w:tab/>
            </w:r>
            <w:r>
              <w:tab/>
              <w:t xml:space="preserve">$message </w:t>
            </w:r>
            <w:r>
              <w:tab/>
              <w:t>.= '</w:t>
            </w:r>
          </w:p>
          <w:p w:rsidR="00A35FED" w:rsidRDefault="00A35FED" w:rsidP="00A35FED">
            <w:r>
              <w:tab/>
            </w:r>
            <w:r>
              <w:tab/>
            </w:r>
            <w:r>
              <w:tab/>
            </w:r>
            <w:r>
              <w:tab/>
              <w:t>&lt;div style="background: lightgray; padding: 25px; font-family: sans-serif;"&gt;</w:t>
            </w:r>
          </w:p>
          <w:p w:rsidR="00A35FED" w:rsidRDefault="00A35FED" w:rsidP="00A35FED">
            <w:r>
              <w:tab/>
            </w:r>
            <w:r>
              <w:tab/>
            </w:r>
            <w:r>
              <w:tab/>
            </w:r>
            <w:r>
              <w:tab/>
            </w:r>
            <w:r>
              <w:tab/>
              <w:t>&lt;div style="background: white; padding: 20px; max-width: 800px; margin: auto; border-radius: 8px; border: 1px solid silver;" &gt;</w:t>
            </w:r>
          </w:p>
          <w:p w:rsidR="00A35FED" w:rsidRDefault="00A35FED" w:rsidP="00A35FED">
            <w:r>
              <w:tab/>
            </w:r>
            <w:r>
              <w:tab/>
            </w:r>
            <w:r>
              <w:tab/>
            </w:r>
            <w:r>
              <w:tab/>
            </w:r>
            <w:r>
              <w:tab/>
            </w:r>
            <w:r>
              <w:tab/>
              <w:t>&lt;br&gt;</w:t>
            </w:r>
          </w:p>
          <w:p w:rsidR="00A35FED" w:rsidRDefault="00A35FED" w:rsidP="00A35FED">
            <w:r>
              <w:tab/>
            </w:r>
            <w:r>
              <w:tab/>
            </w:r>
            <w:r>
              <w:tab/>
            </w:r>
            <w:r>
              <w:tab/>
            </w:r>
            <w:r>
              <w:tab/>
            </w:r>
            <w:r>
              <w:tab/>
              <w:t>&lt;img src="/img/icon/logo.png" width="250"style="display: block; margin: auto;" alt="" /&gt;</w:t>
            </w:r>
          </w:p>
          <w:p w:rsidR="00A35FED" w:rsidRDefault="00A35FED" w:rsidP="00A35FED">
            <w:r>
              <w:tab/>
            </w:r>
            <w:r>
              <w:tab/>
            </w:r>
            <w:r>
              <w:tab/>
            </w:r>
            <w:r>
              <w:tab/>
            </w:r>
            <w:r>
              <w:tab/>
            </w:r>
            <w:r>
              <w:tab/>
            </w:r>
          </w:p>
          <w:p w:rsidR="00A35FED" w:rsidRDefault="00A35FED" w:rsidP="00A35FED">
            <w:r>
              <w:tab/>
            </w:r>
            <w:r>
              <w:tab/>
            </w:r>
            <w:r>
              <w:tab/>
            </w:r>
            <w:r>
              <w:tab/>
            </w:r>
            <w:r>
              <w:tab/>
            </w:r>
            <w:r>
              <w:tab/>
              <w:t>&lt;div style="background: white; padding: 20px; max-width: 800px; margin: auto; border-radius: 8px; border: 1px solid silver;"&gt;</w:t>
            </w:r>
          </w:p>
          <w:p w:rsidR="00A35FED" w:rsidRDefault="00A35FED" w:rsidP="00A35FED">
            <w:r>
              <w:tab/>
            </w:r>
            <w:r>
              <w:tab/>
            </w:r>
            <w:r>
              <w:tab/>
            </w:r>
            <w:r>
              <w:tab/>
            </w:r>
            <w:r>
              <w:tab/>
            </w:r>
            <w:r>
              <w:tab/>
            </w:r>
            <w:r>
              <w:tab/>
              <w:t>&lt;br&gt;</w:t>
            </w:r>
          </w:p>
          <w:p w:rsidR="00A35FED" w:rsidRDefault="00A35FED" w:rsidP="00A35FED">
            <w:r>
              <w:tab/>
            </w:r>
            <w:r>
              <w:tab/>
            </w:r>
            <w:r>
              <w:tab/>
            </w:r>
            <w:r>
              <w:tab/>
            </w:r>
            <w:r>
              <w:tab/>
            </w:r>
            <w:r>
              <w:tab/>
            </w:r>
            <w:r>
              <w:tab/>
              <w:t>&lt;p&gt;Hello &lt;strong&gt;' . $userName . '&lt;/strong&gt;,&lt;/p&gt;</w:t>
            </w:r>
          </w:p>
          <w:p w:rsidR="00A35FED" w:rsidRDefault="00A35FED" w:rsidP="00A35FED">
            <w:r>
              <w:tab/>
            </w:r>
            <w:r>
              <w:tab/>
            </w:r>
            <w:r>
              <w:tab/>
            </w:r>
            <w:r>
              <w:tab/>
            </w:r>
            <w:r>
              <w:tab/>
            </w:r>
            <w:r>
              <w:tab/>
            </w:r>
            <w:r>
              <w:tab/>
              <w:t>&lt;br&gt;</w:t>
            </w:r>
          </w:p>
          <w:p w:rsidR="00A35FED" w:rsidRDefault="00A35FED" w:rsidP="00A35FED">
            <w:r>
              <w:lastRenderedPageBreak/>
              <w:tab/>
            </w:r>
            <w:r>
              <w:tab/>
            </w:r>
            <w:r>
              <w:tab/>
            </w:r>
            <w:r>
              <w:tab/>
            </w:r>
            <w:r>
              <w:tab/>
            </w:r>
            <w:r>
              <w:tab/>
            </w:r>
            <w:r>
              <w:tab/>
            </w:r>
          </w:p>
          <w:p w:rsidR="00A35FED" w:rsidRDefault="00A35FED" w:rsidP="00A35FED">
            <w:r>
              <w:tab/>
            </w:r>
            <w:r>
              <w:tab/>
            </w:r>
            <w:r>
              <w:tab/>
            </w:r>
            <w:r>
              <w:tab/>
            </w:r>
            <w:r>
              <w:tab/>
            </w:r>
            <w:r>
              <w:tab/>
            </w:r>
            <w:r>
              <w:tab/>
              <w:t>&lt;p&gt;Residences' . $residences . '&lt;/p&gt; &lt;br&gt;</w:t>
            </w:r>
          </w:p>
          <w:p w:rsidR="00A35FED" w:rsidRDefault="00A35FED" w:rsidP="00A35FED">
            <w:r>
              <w:tab/>
            </w:r>
            <w:r>
              <w:tab/>
            </w:r>
            <w:r>
              <w:tab/>
            </w:r>
            <w:r>
              <w:tab/>
            </w:r>
            <w:r>
              <w:tab/>
            </w:r>
            <w:r>
              <w:tab/>
            </w:r>
            <w:r>
              <w:tab/>
              <w:t>&lt;p&gt;cares' . $cares . '&lt;/p&gt; &lt;br&gt;</w:t>
            </w:r>
          </w:p>
          <w:p w:rsidR="00A35FED" w:rsidRDefault="00A35FED" w:rsidP="00A35FED">
            <w:r>
              <w:tab/>
            </w:r>
            <w:r>
              <w:tab/>
            </w:r>
            <w:r>
              <w:tab/>
            </w:r>
            <w:r>
              <w:tab/>
            </w:r>
            <w:r>
              <w:tab/>
            </w:r>
            <w:r>
              <w:tab/>
            </w:r>
            <w:r>
              <w:tab/>
              <w:t>&lt;p&gt;accommodations' . $accommodations . '&lt;/p&gt; &lt;br&gt;</w:t>
            </w:r>
          </w:p>
          <w:p w:rsidR="00A35FED" w:rsidRDefault="00A35FED" w:rsidP="00A35FED">
            <w:r>
              <w:tab/>
            </w:r>
            <w:r>
              <w:tab/>
            </w:r>
            <w:r>
              <w:tab/>
            </w:r>
            <w:r>
              <w:tab/>
            </w:r>
            <w:r>
              <w:tab/>
            </w:r>
            <w:r>
              <w:tab/>
            </w:r>
            <w:r>
              <w:tab/>
            </w:r>
          </w:p>
          <w:p w:rsidR="00A35FED" w:rsidRDefault="00A35FED" w:rsidP="00A35FED">
            <w:r>
              <w:tab/>
            </w:r>
            <w:r>
              <w:tab/>
            </w:r>
            <w:r>
              <w:tab/>
            </w:r>
            <w:r>
              <w:tab/>
            </w:r>
            <w:r>
              <w:tab/>
            </w:r>
            <w:r>
              <w:tab/>
            </w:r>
            <w:r>
              <w:tab/>
            </w:r>
          </w:p>
          <w:p w:rsidR="00A35FED" w:rsidRDefault="00A35FED" w:rsidP="00A35FED">
            <w:r>
              <w:tab/>
            </w:r>
            <w:r>
              <w:tab/>
            </w:r>
            <w:r>
              <w:tab/>
            </w:r>
            <w:r>
              <w:tab/>
            </w:r>
            <w:r>
              <w:tab/>
            </w:r>
            <w:r>
              <w:tab/>
            </w:r>
            <w:r>
              <w:tab/>
              <w:t xml:space="preserve">&lt;p&gt;Thanks for doing search on Senior Place Finder, please verify your email, to share the contact  detail\'s of ' . $title.'. .&lt;/p&gt; </w:t>
            </w:r>
          </w:p>
          <w:p w:rsidR="00A35FED" w:rsidRDefault="00A35FED" w:rsidP="00A35FED">
            <w:r>
              <w:tab/>
            </w:r>
            <w:r>
              <w:tab/>
            </w:r>
            <w:r>
              <w:tab/>
            </w:r>
            <w:r>
              <w:tab/>
            </w:r>
            <w:r>
              <w:tab/>
            </w:r>
            <w:r>
              <w:tab/>
            </w:r>
            <w:r>
              <w:tab/>
              <w:t>&lt;p&gt;Yours truly,&lt;/p&gt;</w:t>
            </w:r>
          </w:p>
          <w:p w:rsidR="00A35FED" w:rsidRDefault="00A35FED" w:rsidP="00A35FED">
            <w:r>
              <w:tab/>
            </w:r>
            <w:r>
              <w:tab/>
            </w:r>
            <w:r>
              <w:tab/>
            </w:r>
            <w:r>
              <w:tab/>
            </w:r>
            <w:r>
              <w:tab/>
            </w:r>
            <w:r>
              <w:tab/>
            </w:r>
            <w:r>
              <w:tab/>
              <w:t>&lt;br&gt;</w:t>
            </w:r>
          </w:p>
          <w:p w:rsidR="00A35FED" w:rsidRDefault="00A35FED" w:rsidP="00A35FED">
            <w:r>
              <w:tab/>
            </w:r>
            <w:r>
              <w:tab/>
            </w:r>
            <w:r>
              <w:tab/>
            </w:r>
            <w:r>
              <w:tab/>
            </w:r>
            <w:r>
              <w:tab/>
            </w:r>
            <w:r>
              <w:tab/>
            </w:r>
            <w:r>
              <w:tab/>
              <w:t>&lt;strong&gt;Steve T. Fecske&lt;/strong&gt;&lt;br /&gt;</w:t>
            </w:r>
          </w:p>
          <w:p w:rsidR="00A35FED" w:rsidRDefault="00A35FED" w:rsidP="00A35FED">
            <w:r>
              <w:tab/>
            </w:r>
            <w:r>
              <w:tab/>
            </w:r>
            <w:r>
              <w:tab/>
            </w:r>
            <w:r>
              <w:tab/>
            </w:r>
            <w:r>
              <w:tab/>
            </w:r>
            <w:r>
              <w:tab/>
            </w:r>
            <w:r>
              <w:tab/>
              <w:t>&lt;small&gt;Founder,&lt;/small&gt;</w:t>
            </w:r>
          </w:p>
          <w:p w:rsidR="00A35FED" w:rsidRDefault="00A35FED" w:rsidP="00A35FED">
            <w:r>
              <w:tab/>
            </w:r>
            <w:r>
              <w:tab/>
            </w:r>
            <w:r>
              <w:tab/>
            </w:r>
            <w:r>
              <w:tab/>
            </w:r>
            <w:r>
              <w:tab/>
            </w:r>
            <w:r>
              <w:tab/>
            </w:r>
            <w:r>
              <w:tab/>
              <w:t>&lt;h5&gt;Your Senior Team, Inc&lt;/h5&gt;</w:t>
            </w:r>
          </w:p>
          <w:p w:rsidR="00A35FED" w:rsidRDefault="00A35FED" w:rsidP="00A35FED">
            <w:r>
              <w:tab/>
            </w:r>
            <w:r>
              <w:tab/>
            </w:r>
            <w:r>
              <w:tab/>
            </w:r>
            <w:r>
              <w:tab/>
            </w:r>
            <w:r>
              <w:tab/>
            </w:r>
            <w:r>
              <w:tab/>
              <w:t>&lt;/div&gt;</w:t>
            </w:r>
          </w:p>
          <w:p w:rsidR="00A35FED" w:rsidRDefault="00A35FED" w:rsidP="00A35FED">
            <w:r>
              <w:tab/>
            </w:r>
            <w:r>
              <w:tab/>
            </w:r>
            <w:r>
              <w:tab/>
            </w:r>
            <w:r>
              <w:tab/>
            </w:r>
          </w:p>
          <w:p w:rsidR="00A35FED" w:rsidRDefault="00A35FED" w:rsidP="00A35FED">
            <w:r>
              <w:tab/>
            </w:r>
            <w:r>
              <w:tab/>
            </w:r>
            <w:r>
              <w:tab/>
            </w:r>
            <w:r>
              <w:tab/>
            </w:r>
            <w:r>
              <w:tab/>
              <w:t>&lt;/div&gt;</w:t>
            </w:r>
          </w:p>
          <w:p w:rsidR="00A35FED" w:rsidRDefault="00A35FED" w:rsidP="00A35FED">
            <w:r>
              <w:tab/>
            </w:r>
            <w:r>
              <w:tab/>
            </w:r>
            <w:r>
              <w:tab/>
            </w:r>
            <w:r>
              <w:tab/>
              <w:t>&lt;/div&gt;</w:t>
            </w:r>
          </w:p>
          <w:p w:rsidR="00A35FED" w:rsidRDefault="00A35FED" w:rsidP="00A35FED">
            <w:r>
              <w:tab/>
            </w:r>
            <w:r>
              <w:tab/>
            </w:r>
            <w:r>
              <w:tab/>
            </w:r>
            <w:r>
              <w:tab/>
              <w:t>' ;</w:t>
            </w:r>
          </w:p>
          <w:p w:rsidR="00A35FED" w:rsidRDefault="00A35FED" w:rsidP="00A35FED"/>
          <w:p w:rsidR="00A35FED" w:rsidRDefault="00A35FED" w:rsidP="00A35FED">
            <w:r>
              <w:tab/>
            </w:r>
            <w:r>
              <w:tab/>
            </w:r>
            <w:r>
              <w:tab/>
            </w:r>
            <w:r>
              <w:tab/>
              <w:t>$message .= '';</w:t>
            </w:r>
          </w:p>
          <w:p w:rsidR="00A35FED" w:rsidRDefault="00A35FED" w:rsidP="00A35FED"/>
          <w:p w:rsidR="00A35FED" w:rsidRDefault="00A35FED" w:rsidP="00A35FED">
            <w:r>
              <w:tab/>
            </w:r>
            <w:r>
              <w:tab/>
            </w:r>
            <w:r>
              <w:tab/>
            </w:r>
            <w:r>
              <w:tab/>
              <w:t>$hers = 'MIME-Version: 1.0' . "\r\n";</w:t>
            </w:r>
          </w:p>
          <w:p w:rsidR="00A35FED" w:rsidRDefault="00A35FED" w:rsidP="00A35FED">
            <w:r>
              <w:tab/>
            </w:r>
            <w:r>
              <w:tab/>
            </w:r>
            <w:r>
              <w:tab/>
            </w:r>
            <w:r>
              <w:tab/>
              <w:t>$hers .= 'Content-type: text/html; charset=utf-8' . "\r\n";</w:t>
            </w:r>
          </w:p>
          <w:p w:rsidR="00A35FED" w:rsidRDefault="00A35FED" w:rsidP="00A35FED">
            <w:r>
              <w:tab/>
            </w:r>
            <w:r>
              <w:tab/>
            </w:r>
            <w:r>
              <w:tab/>
            </w:r>
            <w:r>
              <w:tab/>
              <w:t>$hers .= 'From:  ' . $fromName . ' &lt;' . $fromEmail .'&gt;' . " \r\n" .</w:t>
            </w:r>
          </w:p>
          <w:p w:rsidR="00A35FED" w:rsidRDefault="00A35FED" w:rsidP="00A35FED">
            <w:r>
              <w:tab/>
            </w:r>
            <w:r>
              <w:tab/>
            </w:r>
            <w:r>
              <w:tab/>
            </w:r>
            <w:r>
              <w:tab/>
            </w:r>
            <w:r>
              <w:tab/>
            </w:r>
            <w:r>
              <w:tab/>
            </w:r>
            <w:r>
              <w:tab/>
              <w:t>'X-Mailer: PHP/' . phpversion();</w:t>
            </w:r>
          </w:p>
          <w:p w:rsidR="00A35FED" w:rsidRDefault="00A35FED" w:rsidP="00A35FED"/>
          <w:p w:rsidR="00A35FED" w:rsidRDefault="00A35FED" w:rsidP="00A35FED">
            <w:r>
              <w:tab/>
            </w:r>
            <w:r>
              <w:tab/>
            </w:r>
            <w:r>
              <w:tab/>
            </w:r>
            <w:r>
              <w:tab/>
              <w:t>$hers .= "Bcc: \n";</w:t>
            </w:r>
          </w:p>
          <w:p w:rsidR="00A35FED" w:rsidRDefault="00A35FED" w:rsidP="00A35FED">
            <w:r>
              <w:tab/>
            </w:r>
            <w:r>
              <w:tab/>
            </w:r>
            <w:r>
              <w:tab/>
            </w:r>
            <w:r>
              <w:tab/>
              <w:t>$hers .= "Cc: \n";</w:t>
            </w:r>
          </w:p>
          <w:p w:rsidR="00A35FED" w:rsidRDefault="00A35FED" w:rsidP="00A35FED"/>
          <w:p w:rsidR="00A35FED" w:rsidRDefault="00A35FED" w:rsidP="00A35FED">
            <w:r>
              <w:tab/>
            </w:r>
            <w:r>
              <w:tab/>
            </w:r>
            <w:r>
              <w:tab/>
            </w:r>
            <w:r>
              <w:tab/>
              <w:t>if ( mail($to, $subject, $message, $hers) ) {</w:t>
            </w:r>
          </w:p>
          <w:p w:rsidR="00A35FED" w:rsidRDefault="00A35FED" w:rsidP="00A35FED">
            <w:r>
              <w:tab/>
            </w:r>
            <w:r>
              <w:tab/>
            </w:r>
            <w:r>
              <w:tab/>
            </w:r>
            <w:r>
              <w:tab/>
            </w:r>
            <w:r>
              <w:tab/>
              <w:t>$stmt3 = $db-&gt;prepare("UPDATE users_contact_temp SET status = ? WHERE id = ? ") ;</w:t>
            </w:r>
          </w:p>
          <w:p w:rsidR="00A35FED" w:rsidRDefault="00A35FED" w:rsidP="00A35FED">
            <w:r>
              <w:tab/>
            </w:r>
            <w:r>
              <w:tab/>
            </w:r>
            <w:r>
              <w:tab/>
            </w:r>
            <w:r>
              <w:tab/>
            </w:r>
            <w:r>
              <w:tab/>
              <w:t>$stmt3-&gt;execute(array( 1, $reqid ));</w:t>
            </w:r>
          </w:p>
          <w:p w:rsidR="00A35FED" w:rsidRDefault="00A35FED" w:rsidP="00A35FED">
            <w:r>
              <w:tab/>
            </w:r>
            <w:r>
              <w:tab/>
            </w:r>
            <w:r>
              <w:tab/>
            </w:r>
            <w:r>
              <w:tab/>
              <w:t xml:space="preserve">}  </w:t>
            </w:r>
          </w:p>
          <w:p w:rsidR="00A35FED" w:rsidRDefault="00A35FED" w:rsidP="00A35FED">
            <w:r>
              <w:tab/>
            </w:r>
            <w:r>
              <w:tab/>
            </w:r>
            <w:r>
              <w:tab/>
              <w:t xml:space="preserve">} </w:t>
            </w:r>
          </w:p>
          <w:p w:rsidR="00A35FED" w:rsidRDefault="00A35FED" w:rsidP="00A35FED">
            <w:r>
              <w:tab/>
            </w:r>
            <w:r>
              <w:tab/>
            </w:r>
            <w:r>
              <w:tab/>
            </w:r>
          </w:p>
          <w:p w:rsidR="00A35FED" w:rsidRDefault="00A35FED" w:rsidP="00A35FED">
            <w:r>
              <w:tab/>
            </w:r>
            <w:r>
              <w:tab/>
            </w:r>
            <w:r>
              <w:tab/>
            </w:r>
          </w:p>
          <w:p w:rsidR="00A35FED" w:rsidRDefault="00A35FED" w:rsidP="00A35FED">
            <w:r>
              <w:tab/>
            </w:r>
            <w:r>
              <w:tab/>
            </w:r>
            <w:r>
              <w:tab/>
            </w:r>
          </w:p>
          <w:p w:rsidR="00A35FED" w:rsidRDefault="00A35FED" w:rsidP="00A35FED">
            <w:r>
              <w:tab/>
            </w:r>
            <w:r>
              <w:tab/>
            </w:r>
            <w:r>
              <w:tab/>
              <w:t>$stmt3 = $db-&gt;prepare("SELECT * FROM users as u join user_contact as uc on uc.userId = u.id join user_profile as up on up.userId=u.id WHERE u.email = ? ");</w:t>
            </w:r>
          </w:p>
          <w:p w:rsidR="00A35FED" w:rsidRDefault="00A35FED" w:rsidP="00A35FED">
            <w:r>
              <w:tab/>
            </w:r>
            <w:r>
              <w:tab/>
            </w:r>
            <w:r>
              <w:tab/>
              <w:t>$stmt3-&gt;execute(array( $email )) ;</w:t>
            </w:r>
          </w:p>
          <w:p w:rsidR="00A35FED" w:rsidRDefault="00A35FED" w:rsidP="00A35FED">
            <w:r>
              <w:tab/>
            </w:r>
            <w:r>
              <w:tab/>
            </w:r>
            <w:r>
              <w:tab/>
              <w:t>$result3 = $stmt3-&gt;fetch(PDO::FETCH_ASSOC);</w:t>
            </w:r>
          </w:p>
          <w:p w:rsidR="00A35FED" w:rsidRDefault="00A35FED" w:rsidP="00A35FED">
            <w:r>
              <w:tab/>
            </w:r>
            <w:r>
              <w:tab/>
            </w:r>
            <w:r>
              <w:tab/>
              <w:t>$rowCount = $stmt3-&gt;rowCount();</w:t>
            </w:r>
          </w:p>
          <w:p w:rsidR="00A35FED" w:rsidRDefault="00A35FED" w:rsidP="00A35FED">
            <w:r>
              <w:tab/>
              <w:t xml:space="preserve"> </w:t>
            </w:r>
          </w:p>
          <w:p w:rsidR="00A35FED" w:rsidRDefault="00A35FED" w:rsidP="00A35FED">
            <w:r>
              <w:tab/>
            </w:r>
            <w:r>
              <w:tab/>
            </w:r>
            <w:r>
              <w:tab/>
              <w:t xml:space="preserve">if ( $rowCount == 0 ) { </w:t>
            </w:r>
          </w:p>
          <w:p w:rsidR="00A35FED" w:rsidRDefault="00A35FED" w:rsidP="00A35FED">
            <w:r>
              <w:tab/>
            </w:r>
            <w:r>
              <w:tab/>
            </w:r>
            <w:r>
              <w:tab/>
            </w:r>
            <w:r>
              <w:tab/>
              <w:t>//insert user data</w:t>
            </w:r>
          </w:p>
          <w:p w:rsidR="00A35FED" w:rsidRDefault="00A35FED" w:rsidP="00A35FED">
            <w:r>
              <w:tab/>
            </w:r>
            <w:r>
              <w:tab/>
            </w:r>
            <w:r>
              <w:tab/>
            </w:r>
            <w:r>
              <w:tab/>
              <w:t xml:space="preserve">$nameM </w:t>
            </w:r>
            <w:r>
              <w:tab/>
            </w:r>
            <w:r>
              <w:tab/>
              <w:t>= '' ;</w:t>
            </w:r>
          </w:p>
          <w:p w:rsidR="00A35FED" w:rsidRDefault="00A35FED" w:rsidP="00A35FED">
            <w:r>
              <w:lastRenderedPageBreak/>
              <w:tab/>
            </w:r>
            <w:r>
              <w:tab/>
            </w:r>
            <w:r>
              <w:tab/>
            </w:r>
            <w:r>
              <w:tab/>
              <w:t xml:space="preserve">$nameL </w:t>
            </w:r>
            <w:r>
              <w:tab/>
            </w:r>
            <w:r>
              <w:tab/>
              <w:t>= '' ;</w:t>
            </w:r>
          </w:p>
          <w:p w:rsidR="00A35FED" w:rsidRDefault="00A35FED" w:rsidP="00A35FED">
            <w:r>
              <w:tab/>
            </w:r>
            <w:r>
              <w:tab/>
            </w:r>
            <w:r>
              <w:tab/>
            </w:r>
            <w:r>
              <w:tab/>
              <w:t xml:space="preserve">$gender </w:t>
            </w:r>
            <w:r>
              <w:tab/>
              <w:t xml:space="preserve">= 'U' ; //unknown </w:t>
            </w:r>
          </w:p>
          <w:p w:rsidR="00A35FED" w:rsidRDefault="00A35FED" w:rsidP="00A35FED">
            <w:r>
              <w:tab/>
            </w:r>
            <w:r>
              <w:tab/>
            </w:r>
            <w:r>
              <w:tab/>
            </w:r>
            <w:r>
              <w:tab/>
              <w:t xml:space="preserve">$status </w:t>
            </w:r>
            <w:r>
              <w:tab/>
              <w:t>= 1 ;</w:t>
            </w:r>
          </w:p>
          <w:p w:rsidR="00A35FED" w:rsidRDefault="00A35FED" w:rsidP="00A35FED">
            <w:r>
              <w:tab/>
            </w:r>
            <w:r>
              <w:tab/>
            </w:r>
            <w:r>
              <w:tab/>
            </w:r>
            <w:r>
              <w:tab/>
              <w:t xml:space="preserve">$mobile </w:t>
            </w:r>
            <w:r>
              <w:tab/>
              <w:t>= '' ;</w:t>
            </w:r>
          </w:p>
          <w:p w:rsidR="00A35FED" w:rsidRDefault="00A35FED" w:rsidP="00A35FED">
            <w:r>
              <w:tab/>
            </w:r>
            <w:r>
              <w:tab/>
            </w:r>
            <w:r>
              <w:tab/>
            </w:r>
            <w:r>
              <w:tab/>
              <w:t xml:space="preserve">$password1 </w:t>
            </w:r>
            <w:r>
              <w:tab/>
              <w:t>= md5(123456);</w:t>
            </w:r>
          </w:p>
          <w:p w:rsidR="00A35FED" w:rsidRDefault="00A35FED" w:rsidP="00A35FED">
            <w:r>
              <w:tab/>
            </w:r>
            <w:r>
              <w:tab/>
            </w:r>
            <w:r>
              <w:tab/>
            </w:r>
            <w:r>
              <w:tab/>
              <w:t xml:space="preserve">$stmt5 = $db-&gt;prepare("INSERT INTO users ( nameF, nameM, nameL, email, mobile, gender, password, status, time ) </w:t>
            </w:r>
          </w:p>
          <w:p w:rsidR="00A35FED" w:rsidRDefault="00A35FED" w:rsidP="00A35FED">
            <w:r>
              <w:tab/>
            </w:r>
            <w:r>
              <w:tab/>
            </w:r>
            <w:r>
              <w:tab/>
            </w:r>
            <w:r>
              <w:tab/>
              <w:t>VALUES ( :nameF, :nameM, :nameL, :email, :mobile, :gender, :password, :status, :time ) ") ;</w:t>
            </w:r>
          </w:p>
          <w:p w:rsidR="00A35FED" w:rsidRDefault="00A35FED" w:rsidP="00A35FED">
            <w:r>
              <w:tab/>
            </w:r>
            <w:r>
              <w:tab/>
            </w:r>
            <w:r>
              <w:tab/>
            </w:r>
            <w:r>
              <w:tab/>
              <w:t xml:space="preserve">$stmt5-&gt;execute(array( ':nameF' =&gt; $name, ':nameM'=&gt;$nameM, ':nameL'=&gt;$nameL, ':email' =&gt; $email, ':mobile' =&gt; $mobile, ':gender' =&gt; $gender, ':password' =&gt; $password1, </w:t>
            </w:r>
          </w:p>
          <w:p w:rsidR="00A35FED" w:rsidRDefault="00A35FED" w:rsidP="00A35FED">
            <w:r>
              <w:tab/>
            </w:r>
            <w:r>
              <w:tab/>
            </w:r>
            <w:r>
              <w:tab/>
            </w:r>
            <w:r>
              <w:tab/>
              <w:t>':status' =&gt; $status, ':time'=&gt; TIME_NOW )) ;</w:t>
            </w:r>
          </w:p>
          <w:p w:rsidR="00A35FED" w:rsidRDefault="00A35FED" w:rsidP="00A35FED">
            <w:r>
              <w:tab/>
            </w:r>
            <w:r>
              <w:tab/>
            </w:r>
            <w:r>
              <w:tab/>
            </w:r>
            <w:r>
              <w:tab/>
              <w:t>$userId = $db-&gt;lastInsertId() ;</w:t>
            </w:r>
          </w:p>
          <w:p w:rsidR="00A35FED" w:rsidRDefault="00A35FED" w:rsidP="00A35FED"/>
          <w:p w:rsidR="00A35FED" w:rsidRDefault="00A35FED" w:rsidP="00A35FED">
            <w:r>
              <w:tab/>
            </w:r>
            <w:r>
              <w:tab/>
            </w:r>
            <w:r>
              <w:tab/>
            </w:r>
            <w:r>
              <w:tab/>
              <w:t xml:space="preserve">//insert user profile row </w:t>
            </w:r>
          </w:p>
          <w:p w:rsidR="00A35FED" w:rsidRDefault="00A35FED" w:rsidP="00A35FED">
            <w:r>
              <w:tab/>
            </w:r>
            <w:r>
              <w:tab/>
            </w:r>
            <w:r>
              <w:tab/>
            </w:r>
            <w:r>
              <w:tab/>
              <w:t xml:space="preserve">$dob </w:t>
            </w:r>
            <w:r>
              <w:tab/>
            </w:r>
            <w:r>
              <w:tab/>
              <w:t>= '0000-00-00' ;</w:t>
            </w:r>
          </w:p>
          <w:p w:rsidR="00A35FED" w:rsidRDefault="00A35FED" w:rsidP="00A35FED">
            <w:r>
              <w:tab/>
            </w:r>
            <w:r>
              <w:tab/>
            </w:r>
            <w:r>
              <w:tab/>
            </w:r>
            <w:r>
              <w:tab/>
              <w:t xml:space="preserve">$domain </w:t>
            </w:r>
            <w:r>
              <w:tab/>
              <w:t>= 'spf' ;</w:t>
            </w:r>
          </w:p>
          <w:p w:rsidR="00A35FED" w:rsidRDefault="00A35FED" w:rsidP="00A35FED">
            <w:r>
              <w:tab/>
            </w:r>
            <w:r>
              <w:tab/>
            </w:r>
            <w:r>
              <w:tab/>
            </w:r>
            <w:r>
              <w:tab/>
              <w:t xml:space="preserve">$about </w:t>
            </w:r>
            <w:r>
              <w:tab/>
            </w:r>
            <w:r>
              <w:tab/>
              <w:t>= '' ;</w:t>
            </w:r>
          </w:p>
          <w:p w:rsidR="00A35FED" w:rsidRDefault="00A35FED" w:rsidP="00A35FED">
            <w:r>
              <w:tab/>
            </w:r>
            <w:r>
              <w:tab/>
            </w:r>
            <w:r>
              <w:tab/>
            </w:r>
            <w:r>
              <w:tab/>
              <w:t>$iam</w:t>
            </w:r>
            <w:r>
              <w:tab/>
              <w:t xml:space="preserve"> </w:t>
            </w:r>
            <w:r>
              <w:tab/>
              <w:t>= 0 ;</w:t>
            </w:r>
          </w:p>
          <w:p w:rsidR="00A35FED" w:rsidRDefault="00A35FED" w:rsidP="00A35FED"/>
          <w:p w:rsidR="00A35FED" w:rsidRDefault="00A35FED" w:rsidP="00A35FED">
            <w:r>
              <w:tab/>
            </w:r>
            <w:r>
              <w:tab/>
            </w:r>
            <w:r>
              <w:tab/>
            </w:r>
            <w:r>
              <w:tab/>
              <w:t>//insert profile</w:t>
            </w:r>
          </w:p>
          <w:p w:rsidR="00A35FED" w:rsidRDefault="00A35FED" w:rsidP="00A35FED">
            <w:r>
              <w:tab/>
            </w:r>
            <w:r>
              <w:tab/>
            </w:r>
            <w:r>
              <w:tab/>
            </w:r>
            <w:r>
              <w:tab/>
              <w:t xml:space="preserve">$stmt7 = $db-&gt;prepare("INSERT INTO user_profile ( userId, domain, dob, iam, about ) </w:t>
            </w:r>
          </w:p>
          <w:p w:rsidR="00A35FED" w:rsidRDefault="00A35FED" w:rsidP="00A35FED">
            <w:r>
              <w:tab/>
            </w:r>
            <w:r>
              <w:tab/>
            </w:r>
            <w:r>
              <w:tab/>
            </w:r>
            <w:r>
              <w:tab/>
              <w:t>VALUES ( :userId, :domain, :dob, :iam, :about ) ") ;</w:t>
            </w:r>
          </w:p>
          <w:p w:rsidR="00A35FED" w:rsidRDefault="00A35FED" w:rsidP="00A35FED">
            <w:r>
              <w:tab/>
            </w:r>
            <w:r>
              <w:tab/>
            </w:r>
            <w:r>
              <w:tab/>
            </w:r>
            <w:r>
              <w:tab/>
              <w:t>$stmt7-&gt;execute(array( ':userId' =&gt; $userId, ':domain' =&gt; $domain, ':dob' =&gt; $dob, ':iam' =&gt; $iam, ':about' =&gt; $about )) ;</w:t>
            </w:r>
          </w:p>
          <w:p w:rsidR="00A35FED" w:rsidRDefault="00A35FED" w:rsidP="00A35FED"/>
          <w:p w:rsidR="00A35FED" w:rsidRDefault="00A35FED" w:rsidP="00A35FED">
            <w:r>
              <w:tab/>
            </w:r>
            <w:r>
              <w:tab/>
            </w:r>
            <w:r>
              <w:tab/>
            </w:r>
            <w:r>
              <w:tab/>
              <w:t>//insert profile contact</w:t>
            </w:r>
          </w:p>
          <w:p w:rsidR="00A35FED" w:rsidRDefault="00A35FED" w:rsidP="00A35FED">
            <w:r>
              <w:tab/>
            </w:r>
            <w:r>
              <w:tab/>
            </w:r>
            <w:r>
              <w:tab/>
            </w:r>
            <w:r>
              <w:tab/>
              <w:t>$stmt8 = $db-&gt;prepare("INSERT INTO user_contact ( userId ) VALUES ( :userId ) ") ;</w:t>
            </w:r>
          </w:p>
          <w:p w:rsidR="00A35FED" w:rsidRDefault="00A35FED" w:rsidP="00A35FED">
            <w:r>
              <w:tab/>
            </w:r>
            <w:r>
              <w:tab/>
            </w:r>
            <w:r>
              <w:tab/>
            </w:r>
            <w:r>
              <w:tab/>
              <w:t>$stmt8-&gt;execute(array( ':userId' =&gt; $userId )) ;</w:t>
            </w:r>
          </w:p>
          <w:p w:rsidR="00A35FED" w:rsidRDefault="00A35FED" w:rsidP="00A35FED"/>
          <w:p w:rsidR="00A35FED" w:rsidRDefault="00A35FED" w:rsidP="00A35FED">
            <w:r>
              <w:tab/>
            </w:r>
            <w:r>
              <w:tab/>
            </w:r>
            <w:r>
              <w:tab/>
            </w:r>
            <w:r>
              <w:tab/>
              <w:t xml:space="preserve">//insert user activity </w:t>
            </w:r>
          </w:p>
          <w:p w:rsidR="00A35FED" w:rsidRDefault="00A35FED" w:rsidP="00A35FED">
            <w:r>
              <w:tab/>
            </w:r>
            <w:r>
              <w:tab/>
            </w:r>
            <w:r>
              <w:tab/>
            </w:r>
            <w:r>
              <w:tab/>
              <w:t>$activity = 'New signup' ;</w:t>
            </w:r>
          </w:p>
          <w:p w:rsidR="00A35FED" w:rsidRDefault="00A35FED" w:rsidP="00A35FED">
            <w:r>
              <w:tab/>
            </w:r>
            <w:r>
              <w:tab/>
            </w:r>
            <w:r>
              <w:tab/>
            </w:r>
            <w:r>
              <w:tab/>
              <w:t>$item = 'Self' ;</w:t>
            </w:r>
          </w:p>
          <w:p w:rsidR="00A35FED" w:rsidRDefault="00A35FED" w:rsidP="00A35FED">
            <w:r>
              <w:tab/>
            </w:r>
            <w:r>
              <w:tab/>
            </w:r>
            <w:r>
              <w:tab/>
            </w:r>
            <w:r>
              <w:tab/>
              <w:t>$itemid = 0 ;</w:t>
            </w:r>
          </w:p>
          <w:p w:rsidR="00A35FED" w:rsidRDefault="00A35FED" w:rsidP="00A35FED">
            <w:r>
              <w:tab/>
            </w:r>
            <w:r>
              <w:tab/>
            </w:r>
            <w:r>
              <w:tab/>
            </w:r>
            <w:r>
              <w:tab/>
              <w:t>$stmt6 = $db-&gt;prepare("INSERT INTO user_activities ( userId, activity, ip, item, itemId, time ) VALUES ( :userId, :activity, :ip, :item, :itemId, :time ) ") ;</w:t>
            </w:r>
          </w:p>
          <w:p w:rsidR="00A35FED" w:rsidRDefault="00A35FED" w:rsidP="00A35FED">
            <w:r>
              <w:tab/>
            </w:r>
            <w:r>
              <w:tab/>
            </w:r>
            <w:r>
              <w:tab/>
            </w:r>
            <w:r>
              <w:tab/>
              <w:t>$stmt6-&gt;execute(array( ':userId' =&gt; $userId, ':activity' =&gt; $activity, ':ip'=&gt;get_client_ip(), ':item'=&gt;$item, ':itemId' =&gt; $itemid, ':time'=&gt; TIME_NOW )) ;</w:t>
            </w:r>
          </w:p>
          <w:p w:rsidR="00A35FED" w:rsidRDefault="00A35FED" w:rsidP="00A35FED">
            <w:r>
              <w:tab/>
            </w:r>
            <w:r>
              <w:tab/>
            </w:r>
            <w:r>
              <w:tab/>
              <w:t>}else{</w:t>
            </w:r>
          </w:p>
          <w:p w:rsidR="00A35FED" w:rsidRDefault="00A35FED" w:rsidP="00A35FED">
            <w:r>
              <w:tab/>
            </w:r>
            <w:r>
              <w:tab/>
            </w:r>
            <w:r>
              <w:tab/>
            </w:r>
            <w:r>
              <w:tab/>
              <w:t>echo '&lt;script&gt;alert("Its looks like you have already registered, Please login to see contact information.")&lt;/script&gt;';</w:t>
            </w:r>
          </w:p>
          <w:p w:rsidR="00A35FED" w:rsidRDefault="00A35FED" w:rsidP="00A35FED">
            <w:r>
              <w:tab/>
            </w:r>
            <w:r>
              <w:tab/>
            </w:r>
            <w:r>
              <w:tab/>
              <w:t xml:space="preserve">} </w:t>
            </w:r>
          </w:p>
          <w:p w:rsidR="00A35FED" w:rsidRDefault="00A35FED" w:rsidP="00A35FED">
            <w:r>
              <w:tab/>
            </w:r>
            <w:r>
              <w:tab/>
              <w:t xml:space="preserve">}else{ </w:t>
            </w:r>
          </w:p>
          <w:p w:rsidR="00A35FED" w:rsidRDefault="00A35FED" w:rsidP="00A35FED">
            <w:r>
              <w:tab/>
            </w:r>
            <w:r>
              <w:tab/>
            </w:r>
            <w:r>
              <w:tab/>
              <w:t>$stmt3 = $db-&gt;prepare("UPDATE users_contact_temp SET status = ? WHERE id = ? ") ;</w:t>
            </w:r>
          </w:p>
          <w:p w:rsidR="00A35FED" w:rsidRDefault="00A35FED" w:rsidP="00A35FED">
            <w:r>
              <w:lastRenderedPageBreak/>
              <w:t xml:space="preserve">            $stmt3-&gt;execute(array( 1, $reqid ));</w:t>
            </w:r>
          </w:p>
          <w:p w:rsidR="00A35FED" w:rsidRDefault="00A35FED" w:rsidP="00A35FED">
            <w:r>
              <w:tab/>
            </w:r>
            <w:r>
              <w:tab/>
            </w:r>
            <w:r>
              <w:tab/>
              <w:t>echo '&lt;script&gt;alert("Its looks like you have already registered, Please login to see contact information.")&lt;/script&gt;';</w:t>
            </w:r>
          </w:p>
          <w:p w:rsidR="00A35FED" w:rsidRDefault="00A35FED" w:rsidP="00A35FED">
            <w:r>
              <w:tab/>
            </w:r>
            <w:r>
              <w:tab/>
              <w:t>}</w:t>
            </w:r>
          </w:p>
          <w:p w:rsidR="00A35FED" w:rsidRDefault="00A35FED" w:rsidP="00A35FED">
            <w:r>
              <w:tab/>
            </w:r>
            <w:r>
              <w:tab/>
            </w:r>
          </w:p>
          <w:p w:rsidR="00A35FED" w:rsidRDefault="00A35FED" w:rsidP="00A35FED">
            <w:r>
              <w:tab/>
            </w:r>
            <w:r>
              <w:tab/>
            </w:r>
          </w:p>
          <w:p w:rsidR="00A35FED" w:rsidRDefault="00A35FED" w:rsidP="00A35FED">
            <w:r>
              <w:tab/>
              <w:t>}else{</w:t>
            </w:r>
          </w:p>
          <w:p w:rsidR="00A35FED" w:rsidRDefault="00A35FED" w:rsidP="00A35FED">
            <w:r>
              <w:tab/>
            </w:r>
            <w:r>
              <w:tab/>
              <w:t>echo '&lt;script&gt;alert("Its looks like you have already registered, Please login to see contact information.")&lt;/script&gt;';</w:t>
            </w:r>
          </w:p>
          <w:p w:rsidR="00A35FED" w:rsidRDefault="00A35FED" w:rsidP="00A35FED">
            <w:r>
              <w:tab/>
              <w:t xml:space="preserve">}   </w:t>
            </w:r>
          </w:p>
          <w:p w:rsidR="00A35FED" w:rsidRDefault="00A35FED" w:rsidP="00A35FED">
            <w:r>
              <w:t>}</w:t>
            </w:r>
          </w:p>
          <w:p w:rsidR="00A35FED" w:rsidRDefault="00A35FED" w:rsidP="00A35FED"/>
          <w:p w:rsidR="00A35FED" w:rsidRDefault="00A35FED" w:rsidP="00A35FED">
            <w:r>
              <w:t xml:space="preserve"> </w:t>
            </w:r>
          </w:p>
          <w:p w:rsidR="00A35FED" w:rsidRDefault="00A35FED" w:rsidP="00A35FED">
            <w:r>
              <w:t xml:space="preserve">$stmt1 = $db-&gt;prepare("INSERT INTO slg_properties_visitors ( spv_ref_p_id, spv_time ) VALUES ( :spv_ref_p_id, :spv_time ) ") ;  </w:t>
            </w:r>
          </w:p>
          <w:p w:rsidR="00A35FED" w:rsidRDefault="00A35FED" w:rsidP="00A35FED">
            <w:r>
              <w:t>$stmt1-&gt;execute(array( ':spv_ref_p_id' =&gt; $id, ':spv_time' =&gt; TIME_NOW )) ;</w:t>
            </w:r>
          </w:p>
          <w:p w:rsidR="00A35FED" w:rsidRDefault="00A35FED" w:rsidP="00A35FED">
            <w:r>
              <w:t xml:space="preserve"> $reqType = 'Contact'</w:t>
            </w:r>
          </w:p>
          <w:p w:rsidR="00A35FED" w:rsidRDefault="00A35FED" w:rsidP="00A35FED">
            <w:r>
              <w:t xml:space="preserve"> ?&gt; </w:t>
            </w:r>
          </w:p>
          <w:p w:rsidR="00A35FED" w:rsidRDefault="00A35FED" w:rsidP="00A35FED"/>
          <w:p w:rsidR="00A35FED" w:rsidRDefault="00A35FED" w:rsidP="00A35FED"/>
          <w:p w:rsidR="00A35FED" w:rsidRDefault="00A35FED" w:rsidP="00A35FED">
            <w:r>
              <w:t>&lt;head&gt;</w:t>
            </w:r>
          </w:p>
          <w:p w:rsidR="00A35FED" w:rsidRDefault="00A35FED" w:rsidP="00A35FED">
            <w:r>
              <w:t xml:space="preserve">    &lt;meta charset="utf-8"/&gt;</w:t>
            </w:r>
          </w:p>
          <w:p w:rsidR="00A35FED" w:rsidRDefault="00A35FED" w:rsidP="00A35FED">
            <w:r>
              <w:t xml:space="preserve">    &lt;meta http-equiv="Content-Type" content="text/html; charset=UTF-8"/&gt;</w:t>
            </w:r>
          </w:p>
          <w:p w:rsidR="00A35FED" w:rsidRDefault="00A35FED" w:rsidP="00A35FED">
            <w:r>
              <w:t xml:space="preserve">    &lt;meta http-equiv="X-UA-Compatible" content="IE=edge"/&gt;</w:t>
            </w:r>
          </w:p>
          <w:p w:rsidR="00A35FED" w:rsidRDefault="00A35FED" w:rsidP="00A35FED">
            <w:r>
              <w:t xml:space="preserve">    &lt;meta name="viewport" content="width=device-width, initial-scale=1.0, user-scalable=0, minimal-ui"/&gt;</w:t>
            </w:r>
          </w:p>
          <w:p w:rsidR="00A35FED" w:rsidRDefault="00A35FED" w:rsidP="00A35FED">
            <w:r>
              <w:t xml:space="preserve">    &lt;!--  Logo on Browser window--&gt;</w:t>
            </w:r>
          </w:p>
          <w:p w:rsidR="00A35FED" w:rsidRDefault="00A35FED" w:rsidP="00A35FED">
            <w:r>
              <w:t xml:space="preserve">    &lt;link href="spf/img/tablogo.png" rel="shortcut icon" type="image/x-icon"&gt;</w:t>
            </w:r>
          </w:p>
          <w:p w:rsidR="00A35FED" w:rsidRDefault="00A35FED" w:rsidP="00A35FED">
            <w:r>
              <w:t xml:space="preserve">    </w:t>
            </w:r>
          </w:p>
          <w:p w:rsidR="00A35FED" w:rsidRDefault="00A35FED" w:rsidP="00A35FED">
            <w:r>
              <w:t xml:space="preserve">    </w:t>
            </w:r>
          </w:p>
          <w:p w:rsidR="00A35FED" w:rsidRDefault="00A35FED" w:rsidP="00A35FED">
            <w:r>
              <w:t xml:space="preserve">    &lt;link rel="stylesheet" href="https://fonts.googleapis.com/css2?family=Material+Symbols+Outlined:opsz,wght,FILL,GRAD@20..48,100..700,0..1,-50..200" /&gt;</w:t>
            </w:r>
          </w:p>
          <w:p w:rsidR="00A35FED" w:rsidRDefault="00A35FED" w:rsidP="00A35FED">
            <w:r>
              <w:t xml:space="preserve">    </w:t>
            </w:r>
          </w:p>
          <w:p w:rsidR="00A35FED" w:rsidRDefault="00A35FED" w:rsidP="00A35FED">
            <w:r>
              <w:t xml:space="preserve">    </w:t>
            </w:r>
          </w:p>
          <w:p w:rsidR="00A35FED" w:rsidRDefault="00A35FED" w:rsidP="00A35FED">
            <w:r>
              <w:t xml:space="preserve">    &lt;link rel="dns-prefetch" href="http://fonts.gstatic.com/"/&gt;</w:t>
            </w:r>
          </w:p>
          <w:p w:rsidR="00A35FED" w:rsidRDefault="00A35FED" w:rsidP="00A35FED">
            <w:r>
              <w:t xml:space="preserve">    &lt;link rel="dns-prefetch" href="http://www.googletagmanager.com/"/&gt;</w:t>
            </w:r>
          </w:p>
          <w:p w:rsidR="00A35FED" w:rsidRDefault="00A35FED" w:rsidP="00A35FED">
            <w:r>
              <w:t xml:space="preserve">    &lt;link rel="dns-prefetch" href="http://www.google-analytics.com/"/&gt;</w:t>
            </w:r>
          </w:p>
          <w:p w:rsidR="00A35FED" w:rsidRDefault="00A35FED" w:rsidP="00A35FED">
            <w:r>
              <w:t xml:space="preserve">    &lt;link rel="dns-prefetch" href="http://pagead2.googlesyndication.com/"/&gt;</w:t>
            </w:r>
          </w:p>
          <w:p w:rsidR="00A35FED" w:rsidRDefault="00A35FED" w:rsidP="00A35FED">
            <w:r>
              <w:t xml:space="preserve">    &lt;link rel="preconnect" href="http://fonts.gstatic.com/"/&gt;</w:t>
            </w:r>
          </w:p>
          <w:p w:rsidR="00A35FED" w:rsidRDefault="00A35FED" w:rsidP="00A35FED">
            <w:r>
              <w:t xml:space="preserve">    &lt;link rel="preconnect" href="http://www.googletagmanager.com/"/&gt;</w:t>
            </w:r>
          </w:p>
          <w:p w:rsidR="00A35FED" w:rsidRDefault="00A35FED" w:rsidP="00A35FED">
            <w:r>
              <w:t xml:space="preserve">    &lt;link rel="preconnect" href="http://www.google-analytics.com/"/&gt;</w:t>
            </w:r>
          </w:p>
          <w:p w:rsidR="00A35FED" w:rsidRDefault="00A35FED" w:rsidP="00A35FED">
            <w:r>
              <w:t xml:space="preserve">    &lt;link rel="preconnect" href="http://pagead2.googlesyndication.com/"/&gt;</w:t>
            </w:r>
          </w:p>
          <w:p w:rsidR="00A35FED" w:rsidRDefault="00A35FED" w:rsidP="00A35FED">
            <w:r>
              <w:t xml:space="preserve">    &lt;meta name="apple-mobile-web-app-title" content="Senior Services | Senior Place Finder | VABF | ISF | ELF | EIFLF | ESPMF"/&gt;</w:t>
            </w:r>
          </w:p>
          <w:p w:rsidR="00A35FED" w:rsidRDefault="00A35FED" w:rsidP="00A35FED">
            <w:r>
              <w:t xml:space="preserve">    &lt;meta name="apple-mobile-web-app-capable" content="yes"/&gt;</w:t>
            </w:r>
          </w:p>
          <w:p w:rsidR="00A35FED" w:rsidRDefault="00A35FED" w:rsidP="00A35FED">
            <w:r>
              <w:t xml:space="preserve">    &lt;meta name="apple-touch-fullscreen" content="yes"/&gt;</w:t>
            </w:r>
          </w:p>
          <w:p w:rsidR="00A35FED" w:rsidRDefault="00A35FED" w:rsidP="00A35FED">
            <w:r>
              <w:t xml:space="preserve">    &lt;meta name="apple-mobile-web-app-status-bar-style" content="default"/&gt;</w:t>
            </w:r>
          </w:p>
          <w:p w:rsidR="00A35FED" w:rsidRDefault="00A35FED" w:rsidP="00A35FED">
            <w:r>
              <w:lastRenderedPageBreak/>
              <w:t xml:space="preserve">    &lt;meta name="google" content="notranslate"/&gt;</w:t>
            </w:r>
          </w:p>
          <w:p w:rsidR="00A35FED" w:rsidRDefault="00A35FED" w:rsidP="00A35FED">
            <w:r>
              <w:t xml:space="preserve">    &lt;meta property="fb:app_id" content="442299370000163"/&gt;</w:t>
            </w:r>
          </w:p>
          <w:p w:rsidR="00A35FED" w:rsidRDefault="00A35FED" w:rsidP="00A35FED">
            <w:r>
              <w:t xml:space="preserve">    &lt;link rel="shortcut icon" href="spf/img/favicon.ico" type="image/x-icon"&gt;</w:t>
            </w:r>
          </w:p>
          <w:p w:rsidR="00A35FED" w:rsidRDefault="00A35FED" w:rsidP="00A35FED">
            <w:r>
              <w:t xml:space="preserve">    &lt;link rel="apple-touch-icon" href="spf/img/apple-touch-icon-60x60.html"&gt;</w:t>
            </w:r>
          </w:p>
          <w:p w:rsidR="00A35FED" w:rsidRDefault="00A35FED" w:rsidP="00A35FED">
            <w:r>
              <w:t xml:space="preserve">    &lt;link rel="apple-touch-icon" sizes="76x76" href="spf/img/apple-touch-icon-76x76.html"&gt;</w:t>
            </w:r>
          </w:p>
          <w:p w:rsidR="00A35FED" w:rsidRDefault="00A35FED" w:rsidP="00A35FED">
            <w:r>
              <w:t xml:space="preserve">    &lt;link rel="apple-touch-icon" sizes="120x120" href="spf/img/apple-touch-icon-120x120.html"&gt;</w:t>
            </w:r>
          </w:p>
          <w:p w:rsidR="00A35FED" w:rsidRDefault="00A35FED" w:rsidP="00A35FED">
            <w:r>
              <w:t xml:space="preserve">    &lt;link rel="apple-touch-icon" sizes="152x152" href="spf/img/apple-touch-icon-152x152.html"&gt;</w:t>
            </w:r>
          </w:p>
          <w:p w:rsidR="00A35FED" w:rsidRDefault="00A35FED" w:rsidP="00A35FED">
            <w:r>
              <w:t xml:space="preserve">    &lt;title&gt;Senior Services | Senior Place Finder | VABF | ISF | ELF | EIFLF | ESPMF&lt;/title&gt;</w:t>
            </w:r>
          </w:p>
          <w:p w:rsidR="00A35FED" w:rsidRDefault="00A35FED" w:rsidP="00A35FED">
            <w:r>
              <w:t xml:space="preserve">    &lt;meta name="keywords" content="Senior Place Finder, VABF, ISF, ELF, EIFLF, ESPMF"/&gt;</w:t>
            </w:r>
          </w:p>
          <w:p w:rsidR="00A35FED" w:rsidRDefault="00A35FED" w:rsidP="00A35FED">
            <w:r>
              <w:t xml:space="preserve">    &lt;meta name="description" content="Find specialist for any service related to the seniors."&gt;</w:t>
            </w:r>
          </w:p>
          <w:p w:rsidR="00A35FED" w:rsidRDefault="00A35FED" w:rsidP="00A35FED">
            <w:r>
              <w:t xml:space="preserve">    &lt;meta property="og:type" content="website"/&gt;</w:t>
            </w:r>
          </w:p>
          <w:p w:rsidR="00A35FED" w:rsidRDefault="00A35FED" w:rsidP="00A35FED">
            <w:r>
              <w:t xml:space="preserve">    &lt;meta property="og:title" content="Senior Services | Senior Place Finder | VABF | ISF | ELF | EIFLF | ESPMF"/&gt;</w:t>
            </w:r>
          </w:p>
          <w:p w:rsidR="00A35FED" w:rsidRDefault="00A35FED" w:rsidP="00A35FED">
            <w:r>
              <w:t xml:space="preserve">    &lt;meta property="og:description" content="Find specialist for any service related to the seniors."/&gt;</w:t>
            </w:r>
          </w:p>
          <w:p w:rsidR="00A35FED" w:rsidRDefault="00A35FED" w:rsidP="00A35FED">
            <w:r>
              <w:t xml:space="preserve">    &lt;meta property="og:url" content="https://theseniorteam.net/"/&gt;</w:t>
            </w:r>
          </w:p>
          <w:p w:rsidR="00A35FED" w:rsidRDefault="00A35FED" w:rsidP="00A35FED">
            <w:r>
              <w:t xml:space="preserve">    &lt;meta property="og:site_name" content="Senior Team"/&gt;</w:t>
            </w:r>
          </w:p>
          <w:p w:rsidR="00A35FED" w:rsidRDefault="00A35FED" w:rsidP="00A35FED">
            <w:r>
              <w:t xml:space="preserve">    &lt;meta property="og:image" content="https://assets.elite.dev/img/portal/rect/ssp.svg"/&gt;</w:t>
            </w:r>
          </w:p>
          <w:p w:rsidR="00A35FED" w:rsidRDefault="00A35FED" w:rsidP="00A35FED">
            <w:r>
              <w:t xml:space="preserve">    &lt;meta name="twitter:card" content="summary_large_image"/&gt;</w:t>
            </w:r>
          </w:p>
          <w:p w:rsidR="00A35FED" w:rsidRDefault="00A35FED" w:rsidP="00A35FED">
            <w:r>
              <w:t xml:space="preserve">    &lt;meta name="twitter:title" content="Senior Services | Senior Place Finder | VABF | ISF | ELF | EIFLF | ESPMF"/&gt;</w:t>
            </w:r>
          </w:p>
          <w:p w:rsidR="00A35FED" w:rsidRDefault="00A35FED" w:rsidP="00A35FED">
            <w:r>
              <w:t xml:space="preserve">    &lt;meta name="twitter:description" content="Find specialist for any service related to the seniors."/&gt;</w:t>
            </w:r>
          </w:p>
          <w:p w:rsidR="00A35FED" w:rsidRDefault="00A35FED" w:rsidP="00A35FED">
            <w:r>
              <w:t xml:space="preserve">    &lt;meta name="twitter:site" content="@seniorteam"/&gt;</w:t>
            </w:r>
          </w:p>
          <w:p w:rsidR="00A35FED" w:rsidRDefault="00A35FED" w:rsidP="00A35FED">
            <w:r>
              <w:t xml:space="preserve">    &lt;meta name="twitter:image" content="https://assets.elite.dev/img/portal/rect/ssp.svg"/&gt;</w:t>
            </w:r>
          </w:p>
          <w:p w:rsidR="00A35FED" w:rsidRDefault="00A35FED" w:rsidP="00A35FED">
            <w:r>
              <w:t xml:space="preserve"> </w:t>
            </w:r>
          </w:p>
          <w:p w:rsidR="00A35FED" w:rsidRDefault="00A35FED" w:rsidP="00A35FED">
            <w:r>
              <w:t xml:space="preserve">    &lt;meta name="csrf-token" content="dgqJnlX1u9TY9MEkfnEcAOPCkhA13RV7pHlBGUUg"/&gt;</w:t>
            </w:r>
          </w:p>
          <w:p w:rsidR="00A35FED" w:rsidRDefault="00A35FED" w:rsidP="00A35FED">
            <w:r>
              <w:t xml:space="preserve">    &lt;link media="all" type="text/css" rel="stylesheet" href="spf/css/app.css"&gt;</w:t>
            </w:r>
          </w:p>
          <w:p w:rsidR="00A35FED" w:rsidRDefault="00A35FED" w:rsidP="00A35FED">
            <w:r>
              <w:t xml:space="preserve">    &lt;link media="all" type="text/css" rel="stylesheet" href="css/icons.css"&gt;</w:t>
            </w:r>
          </w:p>
          <w:p w:rsidR="00A35FED" w:rsidRDefault="00A35FED" w:rsidP="00A35FED">
            <w:r>
              <w:t xml:space="preserve">    &lt;link media="all" type="text/css" rel="stylesheet" href="css/notify.css"&gt;</w:t>
            </w:r>
          </w:p>
          <w:p w:rsidR="00A35FED" w:rsidRDefault="00A35FED" w:rsidP="00A35FED">
            <w:r>
              <w:t xml:space="preserve">    &lt;link media="all" type="text/css" rel="stylesheet" href="css/floater.css"&gt;</w:t>
            </w:r>
          </w:p>
          <w:p w:rsidR="00A35FED" w:rsidRDefault="00A35FED" w:rsidP="00A35FED">
            <w:r>
              <w:t xml:space="preserve">    &lt;link media="all" type="text/css" rel="stylesheet" href="css/selectize.css"&gt;</w:t>
            </w:r>
          </w:p>
          <w:p w:rsidR="00A35FED" w:rsidRDefault="00A35FED" w:rsidP="00A35FED">
            <w:r>
              <w:t xml:space="preserve">    &lt;link media="all" type="text/css" rel="stylesheet" href="css/lightgallery.css"&gt;</w:t>
            </w:r>
          </w:p>
          <w:p w:rsidR="00A35FED" w:rsidRDefault="00A35FED" w:rsidP="00A35FED">
            <w:r>
              <w:t xml:space="preserve">    &lt;link media="all" type="text/css" rel="stylesheet" href="spf/css/theme.css"&gt;</w:t>
            </w:r>
          </w:p>
          <w:p w:rsidR="00A35FED" w:rsidRDefault="00A35FED" w:rsidP="00A35FED">
            <w:r>
              <w:t xml:space="preserve">    &lt;link rel="stylesheet" href="https://use.fontawesome.com/releases/v5.6.3/css/all.css"&gt;</w:t>
            </w:r>
          </w:p>
          <w:p w:rsidR="00A35FED" w:rsidRDefault="00A35FED" w:rsidP="00A35FED">
            <w:r>
              <w:t xml:space="preserve">    </w:t>
            </w:r>
          </w:p>
          <w:p w:rsidR="00A35FED" w:rsidRDefault="00A35FED" w:rsidP="00A35FED">
            <w:r>
              <w:t xml:space="preserve">   &lt;!-- &lt;link rel="stylesheet" href="&lt;?php echo SITE_URL_SPF ; ?&gt;/bootstrap-5.0.2-dist/css/bootstrap.min.css" type="text/css" media="screen" /&gt;</w:t>
            </w:r>
          </w:p>
          <w:p w:rsidR="00A35FED" w:rsidRDefault="00A35FED" w:rsidP="00A35FED">
            <w:r>
              <w:t xml:space="preserve">    &lt;script type="text/javascript" src="&lt;?php echo SITE_URL_SPF ; ?&gt;/bootstrap-5.0.2-dist/js/bootstrap.min.js"&gt;&lt;/script&gt;</w:t>
            </w:r>
          </w:p>
          <w:p w:rsidR="00A35FED" w:rsidRDefault="00A35FED" w:rsidP="00A35FED">
            <w:r>
              <w:t>--&gt;</w:t>
            </w:r>
          </w:p>
          <w:p w:rsidR="00A35FED" w:rsidRDefault="00A35FED" w:rsidP="00A35FED"/>
          <w:p w:rsidR="00A35FED" w:rsidRDefault="00A35FED" w:rsidP="00A35FED">
            <w:r>
              <w:t>&lt;link href="https://maxcdn.bootstrapcdn.com/bootstrap/4.0.0-alpha.6/css/bootstrap.min.css" rel="stylesheet"/&gt;</w:t>
            </w:r>
          </w:p>
          <w:p w:rsidR="00A35FED" w:rsidRDefault="00A35FED" w:rsidP="00A35FED">
            <w:r>
              <w:t>&lt;script src="https://cdnjs.cloudflare.com/ajax/libs/jquery/3.3.1/jquery.min.js"&gt;&lt;/script&gt;</w:t>
            </w:r>
          </w:p>
          <w:p w:rsidR="00A35FED" w:rsidRDefault="00A35FED" w:rsidP="00A35FED">
            <w:r>
              <w:t>&lt;script src="https://maxcdn.bootstrapcdn.com/bootstrap/4.0.0-alpha.6/js/bootstrap.min.js"&gt;&lt;/script&gt;</w:t>
            </w:r>
          </w:p>
          <w:p w:rsidR="00A35FED" w:rsidRDefault="00A35FED" w:rsidP="00A35FED"/>
          <w:p w:rsidR="00A35FED" w:rsidRDefault="00A35FED" w:rsidP="00A35FED"/>
          <w:p w:rsidR="00A35FED" w:rsidRDefault="00A35FED" w:rsidP="00A35FED"/>
          <w:p w:rsidR="00A35FED" w:rsidRDefault="00A35FED" w:rsidP="00A35FED"/>
          <w:p w:rsidR="00A35FED" w:rsidRDefault="00A35FED" w:rsidP="00A35FED">
            <w:r>
              <w:lastRenderedPageBreak/>
              <w:t xml:space="preserve">    &lt;script src="js/app.js"&gt;&lt;/script&gt;</w:t>
            </w:r>
          </w:p>
          <w:p w:rsidR="00A35FED" w:rsidRDefault="00A35FED" w:rsidP="00A35FED">
            <w:r>
              <w:t xml:space="preserve">    &lt;script src="js/jquery.js"&gt;&lt;/script&gt;</w:t>
            </w:r>
          </w:p>
          <w:p w:rsidR="00A35FED" w:rsidRDefault="00A35FED" w:rsidP="00A35FED">
            <w:r>
              <w:t xml:space="preserve">    &lt;script src="js/popper.js"&gt;&lt;/script&gt;</w:t>
            </w:r>
          </w:p>
          <w:p w:rsidR="00A35FED" w:rsidRDefault="00A35FED" w:rsidP="00A35FED">
            <w:r>
              <w:t xml:space="preserve">    &lt;script src="js/bootstrap.js"&gt;&lt;/script&gt;</w:t>
            </w:r>
          </w:p>
          <w:p w:rsidR="00A35FED" w:rsidRDefault="00A35FED" w:rsidP="00A35FED"/>
          <w:p w:rsidR="00A35FED" w:rsidRDefault="00A35FED" w:rsidP="00A35FED">
            <w:r>
              <w:t xml:space="preserve">    &lt;!-- Global site tag (gtag.js) - Google Analytics --&gt;</w:t>
            </w:r>
          </w:p>
          <w:p w:rsidR="00A35FED" w:rsidRDefault="00A35FED" w:rsidP="00A35FED">
            <w:r>
              <w:t xml:space="preserve">    &lt;script async src="https://www.googletagmanager.com/gtag/js?id="&gt;&lt;/script&gt;</w:t>
            </w:r>
          </w:p>
          <w:p w:rsidR="00A35FED" w:rsidRDefault="00A35FED" w:rsidP="00A35FED">
            <w:r>
              <w:t xml:space="preserve">    &lt;script&gt;</w:t>
            </w:r>
          </w:p>
          <w:p w:rsidR="00A35FED" w:rsidRDefault="00A35FED" w:rsidP="00A35FED">
            <w:r>
              <w:t xml:space="preserve">        window.dataLayer = window.dataLayer || [];</w:t>
            </w:r>
          </w:p>
          <w:p w:rsidR="00A35FED" w:rsidRDefault="00A35FED" w:rsidP="00A35FED">
            <w:r>
              <w:t xml:space="preserve">        function gtag() {</w:t>
            </w:r>
          </w:p>
          <w:p w:rsidR="00A35FED" w:rsidRDefault="00A35FED" w:rsidP="00A35FED">
            <w:r>
              <w:t xml:space="preserve">            dataLayer.push(arguments);</w:t>
            </w:r>
          </w:p>
          <w:p w:rsidR="00A35FED" w:rsidRDefault="00A35FED" w:rsidP="00A35FED">
            <w:r>
              <w:t xml:space="preserve">        }</w:t>
            </w:r>
          </w:p>
          <w:p w:rsidR="00A35FED" w:rsidRDefault="00A35FED" w:rsidP="00A35FED">
            <w:r>
              <w:t xml:space="preserve">        gtag('js', new Date());</w:t>
            </w:r>
          </w:p>
          <w:p w:rsidR="00A35FED" w:rsidRDefault="00A35FED" w:rsidP="00A35FED">
            <w:r>
              <w:t xml:space="preserve">        gtag('config', '');</w:t>
            </w:r>
          </w:p>
          <w:p w:rsidR="00A35FED" w:rsidRDefault="00A35FED" w:rsidP="00A35FED">
            <w:r>
              <w:t xml:space="preserve">    &lt;/script&gt;</w:t>
            </w:r>
          </w:p>
          <w:p w:rsidR="00A35FED" w:rsidRDefault="00A35FED" w:rsidP="00A35FED">
            <w:r>
              <w:t xml:space="preserve">    &lt;script src="js/fingerprint2.js"&gt;&lt;/script&gt;</w:t>
            </w:r>
          </w:p>
          <w:p w:rsidR="00A35FED" w:rsidRDefault="00A35FED" w:rsidP="00A35FED">
            <w:r>
              <w:t xml:space="preserve">    &lt;script src="js/ua-parser.js"&gt;&lt;/script&gt;</w:t>
            </w:r>
          </w:p>
          <w:p w:rsidR="00A35FED" w:rsidRDefault="00A35FED" w:rsidP="00A35FED">
            <w:r>
              <w:t xml:space="preserve">    &lt;script&gt;</w:t>
            </w:r>
          </w:p>
          <w:p w:rsidR="00A35FED" w:rsidRDefault="00A35FED" w:rsidP="00A35FED">
            <w:r>
              <w:t xml:space="preserve">    let fpCookie = getCookie("FP_UUID");</w:t>
            </w:r>
          </w:p>
          <w:p w:rsidR="00A35FED" w:rsidRDefault="00A35FED" w:rsidP="00A35FED">
            <w:r>
              <w:t xml:space="preserve">    let getFingerPrint = function () {</w:t>
            </w:r>
          </w:p>
          <w:p w:rsidR="00A35FED" w:rsidRDefault="00A35FED" w:rsidP="00A35FED">
            <w:r>
              <w:t xml:space="preserve">        let d1 = new Date();</w:t>
            </w:r>
          </w:p>
          <w:p w:rsidR="00A35FED" w:rsidRDefault="00A35FED" w:rsidP="00A35FED">
            <w:r>
              <w:t xml:space="preserve">        let options = {/*</w:t>
            </w:r>
          </w:p>
          <w:p w:rsidR="00A35FED" w:rsidRDefault="00A35FED" w:rsidP="00A35FED">
            <w:r>
              <w:t xml:space="preserve">            excludes: {</w:t>
            </w:r>
          </w:p>
          <w:p w:rsidR="00A35FED" w:rsidRDefault="00A35FED" w:rsidP="00A35FED">
            <w:r>
              <w:t xml:space="preserve">                enumerateDevices: true,</w:t>
            </w:r>
          </w:p>
          <w:p w:rsidR="00A35FED" w:rsidRDefault="00A35FED" w:rsidP="00A35FED">
            <w:r>
              <w:t xml:space="preserve">                pixelRatio: true,</w:t>
            </w:r>
          </w:p>
          <w:p w:rsidR="00A35FED" w:rsidRDefault="00A35FED" w:rsidP="00A35FED">
            <w:r>
              <w:t xml:space="preserve">                doNotTrack: true,</w:t>
            </w:r>
          </w:p>
          <w:p w:rsidR="00A35FED" w:rsidRDefault="00A35FED" w:rsidP="00A35FED">
            <w:r>
              <w:t xml:space="preserve">                fontsFlash: true/!*,</w:t>
            </w:r>
          </w:p>
          <w:p w:rsidR="00A35FED" w:rsidRDefault="00A35FED" w:rsidP="00A35FED">
            <w:r>
              <w:t xml:space="preserve">                plugins: true*!/</w:t>
            </w:r>
          </w:p>
          <w:p w:rsidR="00A35FED" w:rsidRDefault="00A35FED" w:rsidP="00A35FED">
            <w:r>
              <w:t xml:space="preserve">            },</w:t>
            </w:r>
          </w:p>
          <w:p w:rsidR="00A35FED" w:rsidRDefault="00A35FED" w:rsidP="00A35FED">
            <w:r>
              <w:t xml:space="preserve">            extraComponents: [</w:t>
            </w:r>
          </w:p>
          <w:p w:rsidR="00A35FED" w:rsidRDefault="00A35FED" w:rsidP="00A35FED">
            <w:r>
              <w:t xml:space="preserve">                {</w:t>
            </w:r>
          </w:p>
          <w:p w:rsidR="00A35FED" w:rsidRDefault="00A35FED" w:rsidP="00A35FED">
            <w:r>
              <w:t xml:space="preserve">                    key: 'domain',</w:t>
            </w:r>
          </w:p>
          <w:p w:rsidR="00A35FED" w:rsidRDefault="00A35FED" w:rsidP="00A35FED">
            <w:r>
              <w:t xml:space="preserve">                    getData: function (done, options) {</w:t>
            </w:r>
          </w:p>
          <w:p w:rsidR="00A35FED" w:rsidRDefault="00A35FED" w:rsidP="00A35FED">
            <w:r>
              <w:t xml:space="preserve">                        done(window.location.hostname);</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key: 'domain',</w:t>
            </w:r>
          </w:p>
          <w:p w:rsidR="00A35FED" w:rsidRDefault="00A35FED" w:rsidP="00A35FED">
            <w:r>
              <w:t xml:space="preserve">                    getData: function (done, options) {</w:t>
            </w:r>
          </w:p>
          <w:p w:rsidR="00A35FED" w:rsidRDefault="00A35FED" w:rsidP="00A35FED">
            <w:r>
              <w:t xml:space="preserve">                        done(window.location.hostname);</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preprocessor: function (key, value) {</w:t>
            </w:r>
          </w:p>
          <w:p w:rsidR="00A35FED" w:rsidRDefault="00A35FED" w:rsidP="00A35FED">
            <w:r>
              <w:t xml:space="preserve">                if (key === "userAgent") {</w:t>
            </w:r>
          </w:p>
          <w:p w:rsidR="00A35FED" w:rsidRDefault="00A35FED" w:rsidP="00A35FED">
            <w:r>
              <w:t xml:space="preserve">                    let parser = new UAParser(value);</w:t>
            </w:r>
          </w:p>
          <w:p w:rsidR="00A35FED" w:rsidRDefault="00A35FED" w:rsidP="00A35FED">
            <w:r>
              <w:t xml:space="preserve">                    let userAgentMinusVersion = parser.getOS().name + ' ' + parser.getBrowser().name;</w:t>
            </w:r>
          </w:p>
          <w:p w:rsidR="00A35FED" w:rsidRDefault="00A35FED" w:rsidP="00A35FED">
            <w:r>
              <w:t xml:space="preserve">                    return userAgentMinusVersion;</w:t>
            </w:r>
          </w:p>
          <w:p w:rsidR="00A35FED" w:rsidRDefault="00A35FED" w:rsidP="00A35FED">
            <w:r>
              <w:lastRenderedPageBreak/>
              <w:t xml:space="preserve">                }</w:t>
            </w:r>
          </w:p>
          <w:p w:rsidR="00A35FED" w:rsidRDefault="00A35FED" w:rsidP="00A35FED">
            <w:r>
              <w:t xml:space="preserve">                return value;</w:t>
            </w:r>
          </w:p>
          <w:p w:rsidR="00A35FED" w:rsidRDefault="00A35FED" w:rsidP="00A35FED">
            <w:r>
              <w:t xml:space="preserve">            }</w:t>
            </w:r>
          </w:p>
          <w:p w:rsidR="00A35FED" w:rsidRDefault="00A35FED" w:rsidP="00A35FED">
            <w:r>
              <w:t xml:space="preserve">        };</w:t>
            </w:r>
          </w:p>
          <w:p w:rsidR="00A35FED" w:rsidRDefault="00A35FED" w:rsidP="00A35FED">
            <w:r>
              <w:t xml:space="preserve">        Fingerprint2.get(options, function (components) {</w:t>
            </w:r>
          </w:p>
          <w:p w:rsidR="00A35FED" w:rsidRDefault="00A35FED" w:rsidP="00A35FED">
            <w:r>
              <w:t xml:space="preserve">            let fp = Fingerprint2.x64hash128(components.map(function (pair) {</w:t>
            </w:r>
          </w:p>
          <w:p w:rsidR="00A35FED" w:rsidRDefault="00A35FED" w:rsidP="00A35FED">
            <w:r>
              <w:t xml:space="preserve">                return pair.value</w:t>
            </w:r>
          </w:p>
          <w:p w:rsidR="00A35FED" w:rsidRDefault="00A35FED" w:rsidP="00A35FED">
            <w:r>
              <w:t xml:space="preserve">            }).join(), 31);</w:t>
            </w:r>
          </w:p>
          <w:p w:rsidR="00A35FED" w:rsidRDefault="00A35FED" w:rsidP="00A35FED">
            <w:r>
              <w:t xml:space="preserve">            setCookie("FP_UUID", fp, 30);</w:t>
            </w:r>
          </w:p>
          <w:p w:rsidR="00A35FED" w:rsidRDefault="00A35FED" w:rsidP="00A35FED">
            <w:r>
              <w:t xml:space="preserve">            fpCookie = getCookie("FP_UUID");</w:t>
            </w:r>
          </w:p>
          <w:p w:rsidR="00A35FED" w:rsidRDefault="00A35FED" w:rsidP="00A35FED">
            <w:r>
              <w:t xml:space="preserve">            console.log("FP_UUID: ", fpCookie);</w:t>
            </w:r>
          </w:p>
          <w:p w:rsidR="00A35FED" w:rsidRDefault="00A35FED" w:rsidP="00A35FED">
            <w:r>
              <w:t xml:space="preserve">            let d2 = new Date();</w:t>
            </w:r>
          </w:p>
          <w:p w:rsidR="00A35FED" w:rsidRDefault="00A35FED" w:rsidP="00A35FED">
            <w:r>
              <w:t xml:space="preserve">            let tt = d2 - d1;</w:t>
            </w:r>
          </w:p>
          <w:p w:rsidR="00A35FED" w:rsidRDefault="00A35FED" w:rsidP="00A35FED">
            <w:r>
              <w:t xml:space="preserve">            let details = "";</w:t>
            </w:r>
          </w:p>
          <w:p w:rsidR="00A35FED" w:rsidRDefault="00A35FED" w:rsidP="00A35FED">
            <w:r>
              <w:t xml:space="preserve">            console.log("Time Taken : ", tt);</w:t>
            </w:r>
          </w:p>
          <w:p w:rsidR="00A35FED" w:rsidRDefault="00A35FED" w:rsidP="00A35FED">
            <w:r>
              <w:t xml:space="preserve">            console.log("Finger Print : ", fp);</w:t>
            </w:r>
          </w:p>
          <w:p w:rsidR="00A35FED" w:rsidRDefault="00A35FED" w:rsidP="00A35FED">
            <w:r>
              <w:t xml:space="preserve">            for (let index in components) {</w:t>
            </w:r>
          </w:p>
          <w:p w:rsidR="00A35FED" w:rsidRDefault="00A35FED" w:rsidP="00A35FED">
            <w:r>
              <w:t xml:space="preserve">                let obj = components[index];</w:t>
            </w:r>
          </w:p>
          <w:p w:rsidR="00A35FED" w:rsidRDefault="00A35FED" w:rsidP="00A35FED">
            <w:r>
              <w:t xml:space="preserve">                let line = obj.key + " = " + String(obj.value).substr(0, 100);</w:t>
            </w:r>
          </w:p>
          <w:p w:rsidR="00A35FED" w:rsidRDefault="00A35FED" w:rsidP="00A35FED">
            <w:r>
              <w:t xml:space="preserve">                details += line + "\n";</w:t>
            </w:r>
          </w:p>
          <w:p w:rsidR="00A35FED" w:rsidRDefault="00A35FED" w:rsidP="00A35FED">
            <w:r>
              <w:t xml:space="preserve">            }</w:t>
            </w:r>
          </w:p>
          <w:p w:rsidR="00A35FED" w:rsidRDefault="00A35FED" w:rsidP="00A35FED">
            <w:r>
              <w:t xml:space="preserve">            console.log(details);</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if (fpCookie === null) {</w:t>
            </w:r>
          </w:p>
          <w:p w:rsidR="00A35FED" w:rsidRDefault="00A35FED" w:rsidP="00A35FED">
            <w:r>
              <w:t xml:space="preserve">        let cancelId;</w:t>
            </w:r>
          </w:p>
          <w:p w:rsidR="00A35FED" w:rsidRDefault="00A35FED" w:rsidP="00A35FED">
            <w:r>
              <w:t xml:space="preserve">        let cancelFunction;</w:t>
            </w:r>
          </w:p>
          <w:p w:rsidR="00A35FED" w:rsidRDefault="00A35FED" w:rsidP="00A35FED">
            <w:r>
              <w:t xml:space="preserve">        if (window.requestIdleCallback) {</w:t>
            </w:r>
          </w:p>
          <w:p w:rsidR="00A35FED" w:rsidRDefault="00A35FED" w:rsidP="00A35FED">
            <w:r>
              <w:t xml:space="preserve">            cancelId = requestIdleCallback(getFingerPrint);</w:t>
            </w:r>
          </w:p>
          <w:p w:rsidR="00A35FED" w:rsidRDefault="00A35FED" w:rsidP="00A35FED">
            <w:r>
              <w:t xml:space="preserve">            cancelFunction = cancelIdleCallback;</w:t>
            </w:r>
          </w:p>
          <w:p w:rsidR="00A35FED" w:rsidRDefault="00A35FED" w:rsidP="00A35FED">
            <w:r>
              <w:t xml:space="preserve">        } else {</w:t>
            </w:r>
          </w:p>
          <w:p w:rsidR="00A35FED" w:rsidRDefault="00A35FED" w:rsidP="00A35FED">
            <w:r>
              <w:t xml:space="preserve">            cancelId = setTimeout(getFingerPrint, 500);</w:t>
            </w:r>
          </w:p>
          <w:p w:rsidR="00A35FED" w:rsidRDefault="00A35FED" w:rsidP="00A35FED">
            <w:r>
              <w:t xml:space="preserve">            cancelFunction = clearTimeout;</w:t>
            </w:r>
          </w:p>
          <w:p w:rsidR="00A35FED" w:rsidRDefault="00A35FED" w:rsidP="00A35FED">
            <w:r>
              <w:t xml:space="preserve">        }</w:t>
            </w:r>
          </w:p>
          <w:p w:rsidR="00A35FED" w:rsidRDefault="00A35FED" w:rsidP="00A35FED">
            <w:r>
              <w:t xml:space="preserve">    }</w:t>
            </w:r>
          </w:p>
          <w:p w:rsidR="00A35FED" w:rsidRDefault="00A35FED" w:rsidP="00A35FED">
            <w:r>
              <w:t>&lt;/script&gt;</w:t>
            </w:r>
          </w:p>
          <w:p w:rsidR="00A35FED" w:rsidRDefault="00A35FED" w:rsidP="00A35FED">
            <w:r>
              <w:t xml:space="preserve">    &lt;!--&lt;script type="application/ld+json"&gt;</w:t>
            </w:r>
          </w:p>
          <w:p w:rsidR="00A35FED" w:rsidRDefault="00A35FED" w:rsidP="00A35FED">
            <w:r>
              <w:t xml:space="preserve">    {"@context":"http:\/\/schema.org","@type":"WebPage","name":"Senior Services","url":"https:\/\/theseniorteam.net","logo":"https:\/\/assets.elite.dev\/img\/portal\/rect\/ssp.svg","sameAs":["https:\/\/theseniorteam.net"]}</w:t>
            </w:r>
          </w:p>
          <w:p w:rsidR="00A35FED" w:rsidRDefault="00A35FED" w:rsidP="00A35FED">
            <w:r>
              <w:t xml:space="preserve">&lt;/script&gt; --&gt;   </w:t>
            </w:r>
          </w:p>
          <w:p w:rsidR="00A35FED" w:rsidRDefault="00A35FED" w:rsidP="00A35FED"/>
          <w:p w:rsidR="00A35FED" w:rsidRDefault="00A35FED" w:rsidP="00A35FED">
            <w:r>
              <w:t>&lt;!-- Meta Pixel Code --&gt;</w:t>
            </w:r>
          </w:p>
          <w:p w:rsidR="00A35FED" w:rsidRDefault="00A35FED" w:rsidP="00A35FED">
            <w:r>
              <w:t>&lt;script&gt;</w:t>
            </w:r>
          </w:p>
          <w:p w:rsidR="00A35FED" w:rsidRDefault="00A35FED" w:rsidP="00A35FED">
            <w:r>
              <w:t>!function(f,b,e,v,n,t,s)</w:t>
            </w:r>
          </w:p>
          <w:p w:rsidR="00A35FED" w:rsidRDefault="00A35FED" w:rsidP="00A35FED">
            <w:r>
              <w:t>{if(f.fbq)return;n=f.fbq=function(){n.callMethod?</w:t>
            </w:r>
          </w:p>
          <w:p w:rsidR="00A35FED" w:rsidRDefault="00A35FED" w:rsidP="00A35FED">
            <w:r>
              <w:t>n.callMethod.apply(n,arguments):n.queue.push(arguments)};</w:t>
            </w:r>
          </w:p>
          <w:p w:rsidR="00A35FED" w:rsidRDefault="00A35FED" w:rsidP="00A35FED">
            <w:r>
              <w:lastRenderedPageBreak/>
              <w:t>if(!f._fbq)f._fbq=n;n.push=n;n.loaded=!0;n.version='2.0';</w:t>
            </w:r>
          </w:p>
          <w:p w:rsidR="00A35FED" w:rsidRDefault="00A35FED" w:rsidP="00A35FED">
            <w:r>
              <w:t>n.queue=[];t=b.createElement(e);t.async=!0;</w:t>
            </w:r>
          </w:p>
          <w:p w:rsidR="00A35FED" w:rsidRDefault="00A35FED" w:rsidP="00A35FED">
            <w:r>
              <w:t>t.src=v;s=b.getElementsByTagName(e)[0];</w:t>
            </w:r>
          </w:p>
          <w:p w:rsidR="00A35FED" w:rsidRDefault="00A35FED" w:rsidP="00A35FED">
            <w:r>
              <w:t>s.parentNode.insertBefore(t,s)}(window, document,'script',</w:t>
            </w:r>
          </w:p>
          <w:p w:rsidR="00A35FED" w:rsidRDefault="00A35FED" w:rsidP="00A35FED">
            <w:r>
              <w:t>'https://connect.facebook.net/en_US/fbevents.js');</w:t>
            </w:r>
          </w:p>
          <w:p w:rsidR="00A35FED" w:rsidRDefault="00A35FED" w:rsidP="00A35FED">
            <w:r>
              <w:t>fbq('init', '1380363135826732');</w:t>
            </w:r>
          </w:p>
          <w:p w:rsidR="00A35FED" w:rsidRDefault="00A35FED" w:rsidP="00A35FED">
            <w:r>
              <w:t>fbq('track', 'PageView');</w:t>
            </w:r>
          </w:p>
          <w:p w:rsidR="00A35FED" w:rsidRDefault="00A35FED" w:rsidP="00A35FED">
            <w:r>
              <w:t>&lt;/script&gt;</w:t>
            </w:r>
          </w:p>
          <w:p w:rsidR="00A35FED" w:rsidRDefault="00A35FED" w:rsidP="00A35FED">
            <w:r>
              <w:t>&lt;noscript&gt;&lt;img height="1" width="1" style="display:none"</w:t>
            </w:r>
          </w:p>
          <w:p w:rsidR="00A35FED" w:rsidRDefault="00A35FED" w:rsidP="00A35FED">
            <w:r>
              <w:t>src="https://www.facebook.com/tr?id=1380363135826732&amp;ev=PageView&amp;noscript=1"</w:t>
            </w:r>
          </w:p>
          <w:p w:rsidR="00A35FED" w:rsidRDefault="00A35FED" w:rsidP="00A35FED">
            <w:r>
              <w:t>/&gt;&lt;/noscript&gt;</w:t>
            </w:r>
          </w:p>
          <w:p w:rsidR="00A35FED" w:rsidRDefault="00A35FED" w:rsidP="00A35FED">
            <w:r>
              <w:t>&lt;!-- End Meta Pixel Code --&gt;</w:t>
            </w:r>
          </w:p>
          <w:p w:rsidR="00A35FED" w:rsidRDefault="00A35FED" w:rsidP="00A35FED"/>
          <w:p w:rsidR="00A35FED" w:rsidRDefault="00A35FED" w:rsidP="00A35FED"/>
          <w:p w:rsidR="00A35FED" w:rsidRDefault="00A35FED" w:rsidP="00A35FED">
            <w:r>
              <w:t>&lt;style&gt;</w:t>
            </w:r>
          </w:p>
          <w:p w:rsidR="00A35FED" w:rsidRDefault="00A35FED" w:rsidP="00A35FED">
            <w:r>
              <w:t>.required{</w:t>
            </w:r>
          </w:p>
          <w:p w:rsidR="00A35FED" w:rsidRDefault="00A35FED" w:rsidP="00A35FED">
            <w:r>
              <w:t xml:space="preserve">  color:red;</w:t>
            </w:r>
          </w:p>
          <w:p w:rsidR="00A35FED" w:rsidRDefault="00A35FED" w:rsidP="00A35FED">
            <w:r>
              <w:t xml:space="preserve">  font-size:12px;</w:t>
            </w:r>
          </w:p>
          <w:p w:rsidR="00A35FED" w:rsidRDefault="00A35FED" w:rsidP="00A35FED">
            <w:r>
              <w:t>}</w:t>
            </w:r>
          </w:p>
          <w:p w:rsidR="00A35FED" w:rsidRDefault="00A35FED" w:rsidP="00A35FED">
            <w:r>
              <w:t>.error{</w:t>
            </w:r>
          </w:p>
          <w:p w:rsidR="00A35FED" w:rsidRDefault="00A35FED" w:rsidP="00A35FED">
            <w:r>
              <w:t xml:space="preserve">  color:red;</w:t>
            </w:r>
          </w:p>
          <w:p w:rsidR="00A35FED" w:rsidRDefault="00A35FED" w:rsidP="00A35FED">
            <w:r>
              <w:t xml:space="preserve">  font-size:12px;</w:t>
            </w:r>
          </w:p>
          <w:p w:rsidR="00A35FED" w:rsidRDefault="00A35FED" w:rsidP="00A35FED">
            <w:r>
              <w:t xml:space="preserve">  text-align: left;</w:t>
            </w:r>
          </w:p>
          <w:p w:rsidR="00A35FED" w:rsidRDefault="00A35FED" w:rsidP="00A35FED">
            <w:r>
              <w:t xml:space="preserve">} </w:t>
            </w:r>
          </w:p>
          <w:p w:rsidR="00A35FED" w:rsidRDefault="00A35FED" w:rsidP="00A35FED"/>
          <w:p w:rsidR="00A35FED" w:rsidRDefault="00A35FED" w:rsidP="00A35FED">
            <w:r>
              <w:t>&lt;/style&gt;</w:t>
            </w:r>
          </w:p>
          <w:p w:rsidR="00A35FED" w:rsidRDefault="00A35FED" w:rsidP="00A35FED"/>
          <w:p w:rsidR="00A35FED" w:rsidRDefault="00A35FED" w:rsidP="00A35FED"/>
          <w:p w:rsidR="00A35FED" w:rsidRDefault="00A35FED" w:rsidP="00A35FED"/>
          <w:p w:rsidR="00A35FED" w:rsidRDefault="00A35FED" w:rsidP="00A35FED">
            <w:r>
              <w:t>&lt;/head&gt;</w:t>
            </w:r>
          </w:p>
          <w:p w:rsidR="00A35FED" w:rsidRDefault="00A35FED" w:rsidP="00A35FED">
            <w:r>
              <w:t>&lt;body&gt;</w:t>
            </w:r>
          </w:p>
          <w:p w:rsidR="00A35FED" w:rsidRDefault="00A35FED" w:rsidP="00A35FED">
            <w:r>
              <w:t>&lt;div class="loading"&gt;</w:t>
            </w:r>
          </w:p>
          <w:p w:rsidR="00A35FED" w:rsidRDefault="00A35FED" w:rsidP="00A35FED">
            <w:r>
              <w:t xml:space="preserve">    &lt;div class="loader"&gt;&lt;/div&gt;</w:t>
            </w:r>
          </w:p>
          <w:p w:rsidR="00A35FED" w:rsidRDefault="00A35FED" w:rsidP="00A35FED">
            <w:r>
              <w:t>&lt;/div&gt;</w:t>
            </w:r>
          </w:p>
          <w:p w:rsidR="00A35FED" w:rsidRDefault="00A35FED" w:rsidP="00A35FED">
            <w:r>
              <w:t>&lt;div id="divVueContainer"&gt;</w:t>
            </w:r>
          </w:p>
          <w:p w:rsidR="00A35FED" w:rsidRDefault="00A35FED" w:rsidP="00A35FED">
            <w:r>
              <w:t xml:space="preserve">    &lt;div id="page"&gt;</w:t>
            </w:r>
          </w:p>
          <w:p w:rsidR="00A35FED" w:rsidRDefault="00A35FED" w:rsidP="00A35FED">
            <w:r>
              <w:t xml:space="preserve">        &lt;header class=" header_in is_sticky  menu_fixed"&gt;</w:t>
            </w:r>
          </w:p>
          <w:p w:rsidR="00A35FED" w:rsidRDefault="00A35FED" w:rsidP="00A35FED">
            <w:r>
              <w:t xml:space="preserve">            &lt;div class="container"&gt;</w:t>
            </w:r>
          </w:p>
          <w:p w:rsidR="00A35FED" w:rsidRDefault="00A35FED" w:rsidP="00A35FED">
            <w:r>
              <w:t xml:space="preserve">                        &lt;div id="logo"&gt;</w:t>
            </w:r>
          </w:p>
          <w:p w:rsidR="00A35FED" w:rsidRDefault="00A35FED" w:rsidP="00A35FED">
            <w:r>
              <w:t xml:space="preserve">                &lt;a href="home.php"</w:t>
            </w:r>
          </w:p>
          <w:p w:rsidR="00A35FED" w:rsidRDefault="00A35FED" w:rsidP="00A35FED">
            <w:r>
              <w:t xml:space="preserve">                   title="Senior Place Finder - A bridge between seniors and senior living gateway."&gt;</w:t>
            </w:r>
          </w:p>
          <w:p w:rsidR="00A35FED" w:rsidRDefault="00A35FED" w:rsidP="00A35FED">
            <w:r>
              <w:t xml:space="preserve">                                        &lt;img alt="" class="logo_sticky" src="spf/img/logo_sticky.png" width="" height="75"/&gt;</w:t>
            </w:r>
          </w:p>
          <w:p w:rsidR="00A35FED" w:rsidRDefault="00A35FED" w:rsidP="00A35FED">
            <w:r>
              <w:t xml:space="preserve">                &lt;/a&gt;</w:t>
            </w:r>
          </w:p>
          <w:p w:rsidR="00A35FED" w:rsidRDefault="00A35FED" w:rsidP="00A35FED">
            <w:r>
              <w:t xml:space="preserve">            &lt;/div&gt;</w:t>
            </w:r>
          </w:p>
          <w:p w:rsidR="00A35FED" w:rsidRDefault="00A35FED" w:rsidP="00A35FED">
            <w:r>
              <w:t xml:space="preserve">             &lt;ul id="top_menu"&gt;</w:t>
            </w:r>
          </w:p>
          <w:p w:rsidR="00A35FED" w:rsidRDefault="00A35FED" w:rsidP="00A35FED">
            <w:r>
              <w:t xml:space="preserve">                    &lt;?php if ( LOGGED_STATUS == 0) { ?&gt; </w:t>
            </w:r>
          </w:p>
          <w:p w:rsidR="00A35FED" w:rsidRDefault="00A35FED" w:rsidP="00A35FED">
            <w:r>
              <w:t xml:space="preserve">            </w:t>
            </w:r>
          </w:p>
          <w:p w:rsidR="00A35FED" w:rsidRDefault="00A35FED" w:rsidP="00A35FED">
            <w:r>
              <w:lastRenderedPageBreak/>
              <w:t xml:space="preserve">                &lt;li&gt;&lt;br/&gt;</w:t>
            </w:r>
          </w:p>
          <w:p w:rsidR="00A35FED" w:rsidRDefault="00A35FED" w:rsidP="00A35FED">
            <w:r>
              <w:t xml:space="preserve">                    &lt;a class="btn_add" href="&lt;?php echo SITE_URL_SPF ; ?&gt;/login.php" title="Sign In"&gt; Sign In &lt;/a&gt; </w:t>
            </w:r>
          </w:p>
          <w:p w:rsidR="00A35FED" w:rsidRDefault="00A35FED" w:rsidP="00A35FED">
            <w:r>
              <w:t xml:space="preserve">                &lt;/li&gt;</w:t>
            </w:r>
          </w:p>
          <w:p w:rsidR="00A35FED" w:rsidRDefault="00A35FED" w:rsidP="00A35FED"/>
          <w:p w:rsidR="00A35FED" w:rsidRDefault="00A35FED" w:rsidP="00A35FED">
            <w:r>
              <w:t xml:space="preserve">                &lt;li&gt;&lt;br/&gt;</w:t>
            </w:r>
          </w:p>
          <w:p w:rsidR="00A35FED" w:rsidRDefault="00A35FED" w:rsidP="00A35FED">
            <w:r>
              <w:t xml:space="preserve">                    &lt;a class="btn_add" href="&lt;?php echo SITE_URL_SPF; ?&gt;/register.php" title="Register"&gt; Register&lt;/a&gt;</w:t>
            </w:r>
          </w:p>
          <w:p w:rsidR="00A35FED" w:rsidRDefault="00A35FED" w:rsidP="00A35FED">
            <w:r>
              <w:t xml:space="preserve">                &lt;/li&gt;</w:t>
            </w:r>
          </w:p>
          <w:p w:rsidR="00A35FED" w:rsidRDefault="00A35FED" w:rsidP="00A35FED">
            <w:r>
              <w:t xml:space="preserve">                &lt;?php } else { ?&gt;</w:t>
            </w:r>
          </w:p>
          <w:p w:rsidR="00A35FED" w:rsidRDefault="00A35FED" w:rsidP="00A35FED">
            <w:r>
              <w:t xml:space="preserve">                &lt;li&gt;&lt;br/&gt;</w:t>
            </w:r>
          </w:p>
          <w:p w:rsidR="00A35FED" w:rsidRDefault="00A35FED" w:rsidP="00A35FED">
            <w:r>
              <w:t xml:space="preserve">                    &lt;a class="btn_add" href="&lt;?php echo SITE_URL_SPF ; ?&gt;/dashboard/?domain=spf" title="dashboard"&gt; &lt;?php echo $userName ; ?&gt;&lt;/a&gt;</w:t>
            </w:r>
          </w:p>
          <w:p w:rsidR="00A35FED" w:rsidRDefault="00A35FED" w:rsidP="00A35FED">
            <w:r>
              <w:t xml:space="preserve">                &lt;/li&gt;</w:t>
            </w:r>
          </w:p>
          <w:p w:rsidR="00A35FED" w:rsidRDefault="00A35FED" w:rsidP="00A35FED">
            <w:r>
              <w:t xml:space="preserve">                &lt;li&gt;&lt;br/&gt;</w:t>
            </w:r>
          </w:p>
          <w:p w:rsidR="00A35FED" w:rsidRDefault="00A35FED" w:rsidP="00A35FED">
            <w:r>
              <w:t xml:space="preserve">                    &lt;a class="btn_add" href="&lt;?php echo SITE_URL_PROFILE ; ?&gt;/profile/?sort=login" title="dashboard"&gt;Dashboard &lt;/a&gt;</w:t>
            </w:r>
          </w:p>
          <w:p w:rsidR="00A35FED" w:rsidRDefault="00A35FED" w:rsidP="00A35FED">
            <w:r>
              <w:t xml:space="preserve">                &lt;/li&gt;</w:t>
            </w:r>
          </w:p>
          <w:p w:rsidR="00A35FED" w:rsidRDefault="00A35FED" w:rsidP="00A35FED">
            <w:r>
              <w:tab/>
            </w:r>
            <w:r>
              <w:tab/>
            </w:r>
            <w:r>
              <w:tab/>
            </w:r>
            <w:r>
              <w:tab/>
              <w:t>&lt;li&gt;&lt;br/&gt;</w:t>
            </w:r>
          </w:p>
          <w:p w:rsidR="00A35FED" w:rsidRDefault="00A35FED" w:rsidP="00A35FED">
            <w:r>
              <w:t xml:space="preserve">                    &lt;a class="btn_add" href="&lt;?php echo SITE_URL_SPF ; ?&gt;/logout.php" title="Logout"&gt; Logout&lt;/a&gt;</w:t>
            </w:r>
          </w:p>
          <w:p w:rsidR="00A35FED" w:rsidRDefault="00A35FED" w:rsidP="00A35FED">
            <w:r>
              <w:t xml:space="preserve">                &lt;/li&gt;</w:t>
            </w:r>
          </w:p>
          <w:p w:rsidR="00A35FED" w:rsidRDefault="00A35FED" w:rsidP="00A35FED">
            <w:r>
              <w:t xml:space="preserve">                &lt;?php } ?&gt;</w:t>
            </w:r>
          </w:p>
          <w:p w:rsidR="00A35FED" w:rsidRDefault="00A35FED" w:rsidP="00A35FED">
            <w:r>
              <w:t xml:space="preserve">            &lt;/ul&gt;</w:t>
            </w:r>
          </w:p>
          <w:p w:rsidR="00A35FED" w:rsidRDefault="00A35FED" w:rsidP="00A35FED">
            <w:r>
              <w:t xml:space="preserve">            &lt;a class="btn_mobile" href="#menu"&gt;</w:t>
            </w:r>
          </w:p>
          <w:p w:rsidR="00A35FED" w:rsidRDefault="00A35FED" w:rsidP="00A35FED">
            <w:r>
              <w:t xml:space="preserve">                &lt;div class="hamburger hamburger--spin" id="hamburger"&gt;</w:t>
            </w:r>
          </w:p>
          <w:p w:rsidR="00A35FED" w:rsidRDefault="00A35FED" w:rsidP="00A35FED">
            <w:r>
              <w:t xml:space="preserve">                    &lt;div class="hamburger-box"&gt;</w:t>
            </w:r>
          </w:p>
          <w:p w:rsidR="00A35FED" w:rsidRDefault="00A35FED" w:rsidP="00A35FED">
            <w:r>
              <w:t xml:space="preserve">                        &lt;div class="hamburger-inner"&gt;&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a&gt;</w:t>
            </w:r>
          </w:p>
          <w:p w:rsidR="00A35FED" w:rsidRDefault="00A35FED" w:rsidP="00A35FED">
            <w:r>
              <w:t xml:space="preserve">            &lt;nav class="main-menu" id="menu"&gt;</w:t>
            </w:r>
          </w:p>
          <w:p w:rsidR="00A35FED" w:rsidRDefault="00A35FED" w:rsidP="00A35FED">
            <w:r>
              <w:t xml:space="preserve">                &lt;ul&gt;</w:t>
            </w:r>
          </w:p>
          <w:p w:rsidR="00A35FED" w:rsidRDefault="00A35FED" w:rsidP="00A35FED">
            <w:r>
              <w:t xml:space="preserve">                    &lt;li&gt;</w:t>
            </w:r>
          </w:p>
          <w:p w:rsidR="00A35FED" w:rsidRDefault="00A35FED" w:rsidP="00A35FED">
            <w:r>
              <w:t xml:space="preserve">                    &lt;span&gt;</w:t>
            </w:r>
          </w:p>
          <w:p w:rsidR="00A35FED" w:rsidRDefault="00A35FED" w:rsidP="00A35FED">
            <w:r>
              <w:t xml:space="preserve">                        &lt;a href="home.php"</w:t>
            </w:r>
          </w:p>
          <w:p w:rsidR="00A35FED" w:rsidRDefault="00A35FED" w:rsidP="00A35FED">
            <w:r>
              <w:t xml:space="preserve">                           class="" style="font-size: 1.1rem; color: #007BCE;"&gt;</w:t>
            </w:r>
          </w:p>
          <w:p w:rsidR="00A35FED" w:rsidRDefault="00A35FED" w:rsidP="00A35FED">
            <w:r>
              <w:t xml:space="preserve">                            Home</w:t>
            </w:r>
          </w:p>
          <w:p w:rsidR="00A35FED" w:rsidRDefault="00A35FED" w:rsidP="00A35FED">
            <w:r>
              <w:t xml:space="preserve">                        &lt;/a&gt;</w:t>
            </w:r>
          </w:p>
          <w:p w:rsidR="00A35FED" w:rsidRDefault="00A35FED" w:rsidP="00A35FED">
            <w:r>
              <w:t xml:space="preserve">                    &lt;/span&gt;</w:t>
            </w:r>
          </w:p>
          <w:p w:rsidR="00A35FED" w:rsidRDefault="00A35FED" w:rsidP="00A35FED">
            <w:r>
              <w:t xml:space="preserve">                    &lt;li&gt;</w:t>
            </w:r>
          </w:p>
          <w:p w:rsidR="00A35FED" w:rsidRDefault="00A35FED" w:rsidP="00A35FED">
            <w:r>
              <w:t xml:space="preserve">                    &lt;li&gt;</w:t>
            </w:r>
          </w:p>
          <w:p w:rsidR="00A35FED" w:rsidRDefault="00A35FED" w:rsidP="00A35FED">
            <w:r>
              <w:t xml:space="preserve">                    &lt;span&gt;</w:t>
            </w:r>
          </w:p>
          <w:p w:rsidR="00A35FED" w:rsidRDefault="00A35FED" w:rsidP="00A35FED">
            <w:r>
              <w:t xml:space="preserve">                        &lt;a href="aboutus.php"</w:t>
            </w:r>
          </w:p>
          <w:p w:rsidR="00A35FED" w:rsidRDefault="00A35FED" w:rsidP="00A35FED">
            <w:r>
              <w:t xml:space="preserve">                           class="" style="font-size: 1.1rem; color: #007BCE;"&gt;</w:t>
            </w:r>
          </w:p>
          <w:p w:rsidR="00A35FED" w:rsidRDefault="00A35FED" w:rsidP="00A35FED">
            <w:r>
              <w:t xml:space="preserve">                            About us</w:t>
            </w:r>
          </w:p>
          <w:p w:rsidR="00A35FED" w:rsidRDefault="00A35FED" w:rsidP="00A35FED">
            <w:r>
              <w:t xml:space="preserve">                        &lt;/a&gt;</w:t>
            </w:r>
          </w:p>
          <w:p w:rsidR="00A35FED" w:rsidRDefault="00A35FED" w:rsidP="00A35FED">
            <w:r>
              <w:t xml:space="preserve">                    &lt;/span&gt;</w:t>
            </w:r>
          </w:p>
          <w:p w:rsidR="00A35FED" w:rsidRDefault="00A35FED" w:rsidP="00A35FED">
            <w:r>
              <w:lastRenderedPageBreak/>
              <w:t xml:space="preserve">                    &lt;li&gt;</w:t>
            </w:r>
          </w:p>
          <w:p w:rsidR="00A35FED" w:rsidRDefault="00A35FED" w:rsidP="00A35FED">
            <w:r>
              <w:t xml:space="preserve">                    &lt;li&gt;</w:t>
            </w:r>
          </w:p>
          <w:p w:rsidR="00A35FED" w:rsidRDefault="00A35FED" w:rsidP="00A35FED">
            <w:r>
              <w:t xml:space="preserve">                    &lt;span&gt;</w:t>
            </w:r>
          </w:p>
          <w:p w:rsidR="00A35FED" w:rsidRDefault="00A35FED" w:rsidP="00A35FED">
            <w:r>
              <w:t xml:space="preserve">                        &lt;a href="contactus.php"</w:t>
            </w:r>
          </w:p>
          <w:p w:rsidR="00A35FED" w:rsidRDefault="00A35FED" w:rsidP="00A35FED">
            <w:r>
              <w:t xml:space="preserve">                           class="" style="font-size: 1.1rem; color: #007BCE;"&gt;</w:t>
            </w:r>
          </w:p>
          <w:p w:rsidR="00A35FED" w:rsidRDefault="00A35FED" w:rsidP="00A35FED">
            <w:r>
              <w:t xml:space="preserve">                            Contact us</w:t>
            </w:r>
          </w:p>
          <w:p w:rsidR="00A35FED" w:rsidRDefault="00A35FED" w:rsidP="00A35FED">
            <w:r>
              <w:t xml:space="preserve">                        &lt;/a&gt;</w:t>
            </w:r>
          </w:p>
          <w:p w:rsidR="00A35FED" w:rsidRDefault="00A35FED" w:rsidP="00A35FED">
            <w:r>
              <w:t xml:space="preserve">                    &lt;/span&gt;</w:t>
            </w:r>
          </w:p>
          <w:p w:rsidR="00A35FED" w:rsidRDefault="00A35FED" w:rsidP="00A35FED">
            <w:r>
              <w:t xml:space="preserve">                    &lt;li&gt;</w:t>
            </w:r>
          </w:p>
          <w:p w:rsidR="00A35FED" w:rsidRDefault="00A35FED" w:rsidP="00A35FED">
            <w:r>
              <w:t xml:space="preserve">                    &lt;li&gt;</w:t>
            </w:r>
          </w:p>
          <w:p w:rsidR="00A35FED" w:rsidRDefault="00A35FED" w:rsidP="00A35FED">
            <w:r>
              <w:t xml:space="preserve">                    &lt;span&gt;</w:t>
            </w:r>
          </w:p>
          <w:p w:rsidR="00A35FED" w:rsidRDefault="00A35FED" w:rsidP="00A35FED">
            <w:r>
              <w:t xml:space="preserve">                        &lt;a href="howitworks.php"</w:t>
            </w:r>
          </w:p>
          <w:p w:rsidR="00A35FED" w:rsidRDefault="00A35FED" w:rsidP="00A35FED">
            <w:r>
              <w:t xml:space="preserve">                        class="" style="font-size: 1.1rem; color: #007BCE;"&gt;How it works</w:t>
            </w:r>
          </w:p>
          <w:p w:rsidR="00A35FED" w:rsidRDefault="00A35FED" w:rsidP="00A35FED">
            <w:r>
              <w:t xml:space="preserve">                        &lt;/a&gt;</w:t>
            </w:r>
          </w:p>
          <w:p w:rsidR="00A35FED" w:rsidRDefault="00A35FED" w:rsidP="00A35FED">
            <w:r>
              <w:t xml:space="preserve">                    &lt;/span&gt;</w:t>
            </w:r>
          </w:p>
          <w:p w:rsidR="00A35FED" w:rsidRDefault="00A35FED" w:rsidP="00A35FED">
            <w:r>
              <w:t xml:space="preserve">                    &lt;li&gt;</w:t>
            </w:r>
          </w:p>
          <w:p w:rsidR="00A35FED" w:rsidRDefault="00A35FED" w:rsidP="00A35FED">
            <w:r>
              <w:t xml:space="preserve">                &lt;/ul&gt;</w:t>
            </w:r>
          </w:p>
          <w:p w:rsidR="00A35FED" w:rsidRDefault="00A35FED" w:rsidP="00A35FED">
            <w:r>
              <w:t xml:space="preserve">            &lt;/nav&gt;</w:t>
            </w:r>
          </w:p>
          <w:p w:rsidR="00A35FED" w:rsidRDefault="00A35FED" w:rsidP="00A35FED">
            <w:r>
              <w:t xml:space="preserve">                    &lt;/div&gt;</w:t>
            </w:r>
          </w:p>
          <w:p w:rsidR="00A35FED" w:rsidRDefault="00A35FED" w:rsidP="00A35FED">
            <w:r>
              <w:t xml:space="preserve">    &lt;/header&gt;</w:t>
            </w:r>
          </w:p>
          <w:p w:rsidR="00A35FED" w:rsidRDefault="00A35FED" w:rsidP="00A35FED">
            <w:r>
              <w:t xml:space="preserve">    </w:t>
            </w:r>
          </w:p>
          <w:p w:rsidR="00A35FED" w:rsidRDefault="00A35FED" w:rsidP="00A35FED">
            <w:r>
              <w:t xml:space="preserve">    &lt;?php </w:t>
            </w:r>
          </w:p>
          <w:p w:rsidR="00A35FED" w:rsidRDefault="00A35FED" w:rsidP="00A35FED">
            <w:r>
              <w:tab/>
            </w:r>
            <w:r>
              <w:tab/>
            </w:r>
          </w:p>
          <w:p w:rsidR="00A35FED" w:rsidRDefault="00A35FED" w:rsidP="00A35FED">
            <w:r>
              <w:tab/>
            </w:r>
            <w:r>
              <w:tab/>
              <w:t>//Get the count</w:t>
            </w:r>
          </w:p>
          <w:p w:rsidR="00A35FED" w:rsidRDefault="00A35FED" w:rsidP="00A35FED">
            <w:r>
              <w:tab/>
            </w:r>
            <w:r>
              <w:tab/>
              <w:t>$SQL    = "SELECT spv_id FROM slg_properties_visitors where spv_ref_p_id = $id" ;</w:t>
            </w:r>
          </w:p>
          <w:p w:rsidR="00A35FED" w:rsidRDefault="00A35FED" w:rsidP="00A35FED">
            <w:r>
              <w:tab/>
            </w:r>
            <w:r>
              <w:tab/>
              <w:t>$stmt   = $db-&gt;prepare($SQL);</w:t>
            </w:r>
          </w:p>
          <w:p w:rsidR="00A35FED" w:rsidRDefault="00A35FED" w:rsidP="00A35FED">
            <w:r>
              <w:tab/>
            </w:r>
            <w:r>
              <w:tab/>
              <w:t>$stmt-&gt;execute();</w:t>
            </w:r>
          </w:p>
          <w:p w:rsidR="00A35FED" w:rsidRDefault="00A35FED" w:rsidP="00A35FED">
            <w:r>
              <w:tab/>
            </w:r>
            <w:r>
              <w:tab/>
              <w:t xml:space="preserve">$vistorCount = $stmt-&gt;rowCount() ;  </w:t>
            </w:r>
          </w:p>
          <w:p w:rsidR="00A35FED" w:rsidRDefault="00A35FED" w:rsidP="00A35FED">
            <w:r>
              <w:tab/>
              <w:t xml:space="preserve">  </w:t>
            </w:r>
          </w:p>
          <w:p w:rsidR="00A35FED" w:rsidRDefault="00A35FED" w:rsidP="00A35FED">
            <w:r>
              <w:tab/>
              <w:t xml:space="preserve">    $stmt4 = $db-&gt;prepare("SELECT * FROM users as u join user_profile as uf on uf.userId =u.id WHERE u.id = ? ");</w:t>
            </w:r>
          </w:p>
          <w:p w:rsidR="00A35FED" w:rsidRDefault="00A35FED" w:rsidP="00A35FED">
            <w:r>
              <w:tab/>
            </w:r>
            <w:r>
              <w:tab/>
            </w:r>
            <w:r>
              <w:tab/>
              <w:t>$stmt4-&gt;execute(array( $memberId )) ;</w:t>
            </w:r>
          </w:p>
          <w:p w:rsidR="00A35FED" w:rsidRDefault="00A35FED" w:rsidP="00A35FED">
            <w:r>
              <w:tab/>
            </w:r>
            <w:r>
              <w:tab/>
            </w:r>
            <w:r>
              <w:tab/>
              <w:t>$result4 = $stmt4-&gt;fetch(PDO::FETCH_ASSOC);</w:t>
            </w:r>
          </w:p>
          <w:p w:rsidR="00A35FED" w:rsidRDefault="00A35FED" w:rsidP="00A35FED">
            <w:r>
              <w:tab/>
            </w:r>
            <w:r>
              <w:tab/>
            </w:r>
            <w:r>
              <w:tab/>
              <w:t xml:space="preserve">$rowCount </w:t>
            </w:r>
            <w:r>
              <w:tab/>
            </w:r>
            <w:r>
              <w:tab/>
              <w:t xml:space="preserve">= $stmt4-&gt;rowCount() ; </w:t>
            </w:r>
          </w:p>
          <w:p w:rsidR="00A35FED" w:rsidRDefault="00A35FED" w:rsidP="00A35FED">
            <w:r>
              <w:tab/>
            </w:r>
            <w:r>
              <w:tab/>
            </w:r>
            <w:r>
              <w:tab/>
              <w:t>$memberNameF</w:t>
            </w:r>
            <w:r>
              <w:tab/>
              <w:t xml:space="preserve">= $result4['nameF']." ".$result4['nameL'];  </w:t>
            </w:r>
          </w:p>
          <w:p w:rsidR="00A35FED" w:rsidRDefault="00A35FED" w:rsidP="00A35FED">
            <w:r>
              <w:tab/>
            </w:r>
            <w:r>
              <w:tab/>
            </w:r>
            <w:r>
              <w:tab/>
              <w:t>$memberEmail</w:t>
            </w:r>
            <w:r>
              <w:tab/>
              <w:t xml:space="preserve">= $result4['email']; </w:t>
            </w:r>
          </w:p>
          <w:p w:rsidR="00A35FED" w:rsidRDefault="00A35FED" w:rsidP="00A35FED">
            <w:r>
              <w:tab/>
            </w:r>
            <w:r>
              <w:tab/>
            </w:r>
            <w:r>
              <w:tab/>
              <w:t>$memberPhone</w:t>
            </w:r>
            <w:r>
              <w:tab/>
              <w:t xml:space="preserve">= $result4['mobile'];  </w:t>
            </w:r>
          </w:p>
          <w:p w:rsidR="00A35FED" w:rsidRDefault="00A35FED" w:rsidP="00A35FED">
            <w:r>
              <w:tab/>
            </w:r>
            <w:r>
              <w:tab/>
            </w:r>
            <w:r>
              <w:tab/>
              <w:t>$domain</w:t>
            </w:r>
            <w:r>
              <w:tab/>
            </w:r>
            <w:r>
              <w:tab/>
            </w:r>
            <w:r>
              <w:tab/>
              <w:t xml:space="preserve">= $result4['domain'];  </w:t>
            </w:r>
          </w:p>
          <w:p w:rsidR="00A35FED" w:rsidRDefault="00A35FED" w:rsidP="00A35FED">
            <w:r>
              <w:tab/>
            </w:r>
            <w:r>
              <w:tab/>
            </w:r>
            <w:r>
              <w:tab/>
              <w:t>$reqType</w:t>
            </w:r>
            <w:r>
              <w:tab/>
            </w:r>
            <w:r>
              <w:tab/>
              <w:t xml:space="preserve">= 'Get_Contact';  </w:t>
            </w:r>
          </w:p>
          <w:p w:rsidR="00A35FED" w:rsidRDefault="00A35FED" w:rsidP="00A35FED">
            <w:r>
              <w:tab/>
            </w:r>
            <w:r>
              <w:tab/>
            </w:r>
            <w:r>
              <w:tab/>
              <w:t>$reqGroupId</w:t>
            </w:r>
            <w:r>
              <w:tab/>
            </w:r>
            <w:r>
              <w:tab/>
              <w:t xml:space="preserve">= 1;  </w:t>
            </w:r>
          </w:p>
          <w:p w:rsidR="00A35FED" w:rsidRDefault="00A35FED" w:rsidP="00A35FED">
            <w:r>
              <w:tab/>
            </w:r>
            <w:r>
              <w:tab/>
            </w:r>
            <w:r>
              <w:tab/>
              <w:t>$hash</w:t>
            </w:r>
            <w:r>
              <w:tab/>
            </w:r>
            <w:r>
              <w:tab/>
            </w:r>
            <w:r>
              <w:tab/>
              <w:t xml:space="preserve">= 1;  </w:t>
            </w:r>
          </w:p>
          <w:p w:rsidR="00A35FED" w:rsidRDefault="00A35FED" w:rsidP="00A35FED">
            <w:r>
              <w:tab/>
            </w:r>
            <w:r>
              <w:tab/>
            </w:r>
            <w:r>
              <w:tab/>
              <w:t>$status</w:t>
            </w:r>
            <w:r>
              <w:tab/>
            </w:r>
            <w:r>
              <w:tab/>
            </w:r>
            <w:r>
              <w:tab/>
              <w:t xml:space="preserve">= 0;  </w:t>
            </w:r>
          </w:p>
          <w:p w:rsidR="00A35FED" w:rsidRDefault="00A35FED" w:rsidP="00A35FED">
            <w:r>
              <w:tab/>
            </w:r>
            <w:r>
              <w:tab/>
            </w:r>
            <w:r>
              <w:tab/>
            </w:r>
          </w:p>
          <w:p w:rsidR="00A35FED" w:rsidRDefault="00A35FED" w:rsidP="00A35FED">
            <w:r>
              <w:tab/>
            </w:r>
            <w:r>
              <w:tab/>
              <w:t>$SQL    = "SELECT * FROM slg_properties where id = $id" ;</w:t>
            </w:r>
          </w:p>
          <w:p w:rsidR="00A35FED" w:rsidRDefault="00A35FED" w:rsidP="00A35FED">
            <w:r>
              <w:tab/>
            </w:r>
            <w:r>
              <w:tab/>
              <w:t>$stmt   = $db-&gt;prepare($SQL);</w:t>
            </w:r>
          </w:p>
          <w:p w:rsidR="00A35FED" w:rsidRDefault="00A35FED" w:rsidP="00A35FED">
            <w:r>
              <w:tab/>
            </w:r>
            <w:r>
              <w:tab/>
              <w:t>$stmt-&gt;execute();</w:t>
            </w:r>
          </w:p>
          <w:p w:rsidR="00A35FED" w:rsidRDefault="00A35FED" w:rsidP="00A35FED">
            <w:r>
              <w:tab/>
            </w:r>
            <w:r>
              <w:tab/>
              <w:t xml:space="preserve">$rowCount = $stmt-&gt;rowCount() ;  </w:t>
            </w:r>
          </w:p>
          <w:p w:rsidR="00A35FED" w:rsidRDefault="00A35FED" w:rsidP="00A35FED">
            <w:r>
              <w:tab/>
            </w:r>
            <w:r>
              <w:tab/>
              <w:t xml:space="preserve">$zipcode = '';  </w:t>
            </w:r>
          </w:p>
          <w:p w:rsidR="00A35FED" w:rsidRDefault="00A35FED" w:rsidP="00A35FED">
            <w:r>
              <w:lastRenderedPageBreak/>
              <w:tab/>
            </w:r>
            <w:r>
              <w:tab/>
              <w:t xml:space="preserve">while ($row = $stmt-&gt;fetch(PDO::FETCH_ASSOC)) {  </w:t>
            </w:r>
          </w:p>
          <w:p w:rsidR="00A35FED" w:rsidRDefault="00A35FED" w:rsidP="00A35FED">
            <w:r>
              <w:tab/>
            </w:r>
            <w:r>
              <w:tab/>
            </w:r>
            <w:r>
              <w:tab/>
              <w:t>$zipcode</w:t>
            </w:r>
            <w:r>
              <w:tab/>
            </w:r>
            <w:r>
              <w:tab/>
            </w:r>
            <w:r>
              <w:tab/>
              <w:t>=</w:t>
            </w:r>
            <w:r>
              <w:tab/>
              <w:t>$row['zipcode'];</w:t>
            </w:r>
          </w:p>
          <w:p w:rsidR="00A35FED" w:rsidRDefault="00A35FED" w:rsidP="00A35FED">
            <w:r>
              <w:tab/>
            </w:r>
            <w:r>
              <w:tab/>
            </w:r>
            <w:r>
              <w:tab/>
              <w:t>$title</w:t>
            </w:r>
            <w:r>
              <w:tab/>
            </w:r>
            <w:r>
              <w:tab/>
            </w:r>
            <w:r>
              <w:tab/>
              <w:t>=</w:t>
            </w:r>
            <w:r>
              <w:tab/>
              <w:t>$row['title'];</w:t>
            </w:r>
          </w:p>
          <w:p w:rsidR="00A35FED" w:rsidRDefault="00A35FED" w:rsidP="00A35FED">
            <w:r>
              <w:tab/>
            </w:r>
            <w:r>
              <w:tab/>
            </w:r>
            <w:r>
              <w:tab/>
              <w:t>$residence_str</w:t>
            </w:r>
            <w:r>
              <w:tab/>
              <w:t>=</w:t>
            </w:r>
            <w:r>
              <w:tab/>
              <w:t>$row['residence'];</w:t>
            </w:r>
          </w:p>
          <w:p w:rsidR="00A35FED" w:rsidRDefault="00A35FED" w:rsidP="00A35FED">
            <w:r>
              <w:tab/>
            </w:r>
            <w:r>
              <w:tab/>
            </w:r>
            <w:r>
              <w:tab/>
              <w:t>$resaddress     =   $row['address'];</w:t>
            </w:r>
          </w:p>
          <w:p w:rsidR="00A35FED" w:rsidRDefault="00A35FED" w:rsidP="00A35FED">
            <w:r>
              <w:tab/>
            </w:r>
            <w:r>
              <w:tab/>
            </w:r>
            <w:r>
              <w:tab/>
              <w:t>$residence</w:t>
            </w:r>
            <w:r>
              <w:tab/>
            </w:r>
            <w:r>
              <w:tab/>
              <w:t>=</w:t>
            </w:r>
            <w:r>
              <w:tab/>
              <w:t>explode(",",$row['residence']);</w:t>
            </w:r>
          </w:p>
          <w:p w:rsidR="00A35FED" w:rsidRDefault="00A35FED" w:rsidP="00A35FED">
            <w:r>
              <w:tab/>
            </w:r>
            <w:r>
              <w:tab/>
            </w:r>
            <w:r>
              <w:tab/>
              <w:t>$accomodation</w:t>
            </w:r>
            <w:r>
              <w:tab/>
              <w:t>=</w:t>
            </w:r>
            <w:r>
              <w:tab/>
              <w:t>explode(",",$row['accomodation']);</w:t>
            </w:r>
          </w:p>
          <w:p w:rsidR="00A35FED" w:rsidRDefault="00A35FED" w:rsidP="00A35FED">
            <w:r>
              <w:tab/>
            </w:r>
            <w:r>
              <w:tab/>
            </w:r>
            <w:r>
              <w:tab/>
              <w:t>$services</w:t>
            </w:r>
            <w:r>
              <w:tab/>
              <w:t>=</w:t>
            </w:r>
            <w:r>
              <w:tab/>
              <w:t>explode(",",$row['services']);</w:t>
            </w:r>
          </w:p>
          <w:p w:rsidR="00A35FED" w:rsidRDefault="00A35FED" w:rsidP="00A35FED">
            <w:r>
              <w:tab/>
            </w:r>
            <w:r>
              <w:tab/>
            </w:r>
            <w:r>
              <w:tab/>
              <w:t>$care</w:t>
            </w:r>
            <w:r>
              <w:tab/>
              <w:t>=</w:t>
            </w:r>
            <w:r>
              <w:tab/>
              <w:t>explode(",",$row['care']);</w:t>
            </w:r>
          </w:p>
          <w:p w:rsidR="00A35FED" w:rsidRDefault="00A35FED" w:rsidP="00A35FED">
            <w:r>
              <w:tab/>
            </w:r>
            <w:r>
              <w:tab/>
            </w:r>
            <w:r>
              <w:tab/>
              <w:t>$amenities</w:t>
            </w:r>
            <w:r>
              <w:tab/>
              <w:t>=</w:t>
            </w:r>
            <w:r>
              <w:tab/>
              <w:t>explode(",",$row['amenities']);</w:t>
            </w:r>
          </w:p>
          <w:p w:rsidR="00A35FED" w:rsidRDefault="00A35FED" w:rsidP="00A35FED">
            <w:r>
              <w:tab/>
            </w:r>
            <w:r>
              <w:tab/>
            </w:r>
            <w:r>
              <w:tab/>
              <w:t>$entertainment</w:t>
            </w:r>
            <w:r>
              <w:tab/>
              <w:t>=</w:t>
            </w:r>
            <w:r>
              <w:tab/>
              <w:t>explode(",",$row['entertainment']);</w:t>
            </w:r>
          </w:p>
          <w:p w:rsidR="00A35FED" w:rsidRDefault="00A35FED" w:rsidP="00A35FED">
            <w:r>
              <w:tab/>
            </w:r>
            <w:r>
              <w:tab/>
            </w:r>
            <w:r>
              <w:tab/>
              <w:t>$religion</w:t>
            </w:r>
            <w:r>
              <w:tab/>
              <w:t>=</w:t>
            </w:r>
            <w:r>
              <w:tab/>
              <w:t>explode(",",$row['religion']);</w:t>
            </w:r>
          </w:p>
          <w:p w:rsidR="00A35FED" w:rsidRDefault="00A35FED" w:rsidP="00A35FED">
            <w:r>
              <w:tab/>
            </w:r>
            <w:r>
              <w:tab/>
            </w:r>
            <w:r>
              <w:tab/>
              <w:t>$meals</w:t>
            </w:r>
            <w:r>
              <w:tab/>
              <w:t>=</w:t>
            </w:r>
            <w:r>
              <w:tab/>
              <w:t>explode(",",$row['meals']);</w:t>
            </w:r>
          </w:p>
          <w:p w:rsidR="00A35FED" w:rsidRDefault="00A35FED" w:rsidP="00A35FED">
            <w:r>
              <w:tab/>
            </w:r>
            <w:r>
              <w:tab/>
            </w:r>
            <w:r>
              <w:tab/>
              <w:t>$diet</w:t>
            </w:r>
            <w:r>
              <w:tab/>
              <w:t>=</w:t>
            </w:r>
            <w:r>
              <w:tab/>
              <w:t>explode(",",$row['diet']);</w:t>
            </w:r>
          </w:p>
          <w:p w:rsidR="00A35FED" w:rsidRDefault="00A35FED" w:rsidP="00A35FED">
            <w:r>
              <w:tab/>
            </w:r>
            <w:r>
              <w:tab/>
            </w:r>
            <w:r>
              <w:tab/>
              <w:t>$features</w:t>
            </w:r>
            <w:r>
              <w:tab/>
              <w:t>=</w:t>
            </w:r>
            <w:r>
              <w:tab/>
              <w:t>explode(",",$row['features']);</w:t>
            </w:r>
          </w:p>
          <w:p w:rsidR="00A35FED" w:rsidRDefault="00A35FED" w:rsidP="00A35FED">
            <w:r>
              <w:tab/>
            </w:r>
            <w:r>
              <w:tab/>
            </w:r>
            <w:r>
              <w:tab/>
            </w:r>
          </w:p>
          <w:p w:rsidR="00A35FED" w:rsidRDefault="00A35FED" w:rsidP="00A35FED">
            <w:r>
              <w:tab/>
            </w:r>
            <w:r>
              <w:tab/>
            </w:r>
            <w:r>
              <w:tab/>
              <w:t>$photolength = strlen($row['photo1']);</w:t>
            </w:r>
          </w:p>
          <w:p w:rsidR="00A35FED" w:rsidRDefault="00A35FED" w:rsidP="00A35FED">
            <w:r>
              <w:tab/>
            </w:r>
            <w:r>
              <w:tab/>
            </w:r>
            <w:r>
              <w:tab/>
              <w:t>if ($photolength == 0) {</w:t>
            </w:r>
          </w:p>
          <w:p w:rsidR="00A35FED" w:rsidRDefault="00A35FED" w:rsidP="00A35FED">
            <w:r>
              <w:tab/>
            </w:r>
            <w:r>
              <w:tab/>
            </w:r>
            <w:r>
              <w:tab/>
            </w:r>
            <w:r>
              <w:tab/>
              <w:t>$photoUrl = SITE_URL_MAIN . '/uploads/slg/properties/no-image_No_Photo.png';</w:t>
            </w:r>
          </w:p>
          <w:p w:rsidR="00A35FED" w:rsidRDefault="00A35FED" w:rsidP="00A35FED">
            <w:r>
              <w:tab/>
            </w:r>
            <w:r>
              <w:tab/>
            </w:r>
            <w:r>
              <w:tab/>
              <w:t>} else if ($photolength &lt;= 15) {</w:t>
            </w:r>
          </w:p>
          <w:p w:rsidR="00A35FED" w:rsidRDefault="00A35FED" w:rsidP="00A35FED">
            <w:r>
              <w:tab/>
            </w:r>
            <w:r>
              <w:tab/>
            </w:r>
            <w:r>
              <w:tab/>
            </w:r>
            <w:r>
              <w:tab/>
              <w:t>$photoUrl = SITE_URL_MAIN . '/uploads/slg/properties/' .$row['photo1'];</w:t>
            </w:r>
          </w:p>
          <w:p w:rsidR="00A35FED" w:rsidRDefault="00A35FED" w:rsidP="00A35FED">
            <w:r>
              <w:tab/>
            </w:r>
            <w:r>
              <w:tab/>
            </w:r>
            <w:r>
              <w:tab/>
              <w:t>} else {</w:t>
            </w:r>
          </w:p>
          <w:p w:rsidR="00A35FED" w:rsidRDefault="00A35FED" w:rsidP="00A35FED">
            <w:r>
              <w:tab/>
            </w:r>
            <w:r>
              <w:tab/>
            </w:r>
            <w:r>
              <w:tab/>
            </w:r>
            <w:r>
              <w:tab/>
              <w:t>$photoUrl = $row['photo1'];</w:t>
            </w:r>
          </w:p>
          <w:p w:rsidR="00A35FED" w:rsidRDefault="00A35FED" w:rsidP="00A35FED">
            <w:r>
              <w:tab/>
            </w:r>
            <w:r>
              <w:tab/>
            </w:r>
            <w:r>
              <w:tab/>
              <w:t xml:space="preserve">}  </w:t>
            </w:r>
          </w:p>
          <w:p w:rsidR="00A35FED" w:rsidRDefault="00A35FED" w:rsidP="00A35FED">
            <w:r>
              <w:tab/>
            </w:r>
            <w:r>
              <w:tab/>
            </w:r>
            <w:r>
              <w:tab/>
            </w:r>
          </w:p>
          <w:p w:rsidR="00A35FED" w:rsidRDefault="00A35FED" w:rsidP="00A35FED">
            <w:r>
              <w:tab/>
            </w:r>
            <w:r>
              <w:tab/>
            </w:r>
            <w:r>
              <w:tab/>
            </w:r>
          </w:p>
          <w:p w:rsidR="00A35FED" w:rsidRDefault="00A35FED" w:rsidP="00A35FED">
            <w:r>
              <w:tab/>
            </w:r>
            <w:r>
              <w:tab/>
            </w:r>
            <w:r>
              <w:tab/>
            </w:r>
          </w:p>
          <w:p w:rsidR="00A35FED" w:rsidRDefault="00A35FED" w:rsidP="00A35FED">
            <w:r>
              <w:tab/>
            </w:r>
            <w:r>
              <w:tab/>
            </w:r>
            <w:r>
              <w:tab/>
              <w:t>$photo4length = strlen($row['photo4']);</w:t>
            </w:r>
          </w:p>
          <w:p w:rsidR="00A35FED" w:rsidRDefault="00A35FED" w:rsidP="00A35FED">
            <w:r>
              <w:tab/>
            </w:r>
            <w:r>
              <w:tab/>
            </w:r>
            <w:r>
              <w:tab/>
              <w:t>if ($photo4length == 0) {</w:t>
            </w:r>
          </w:p>
          <w:p w:rsidR="00A35FED" w:rsidRDefault="00A35FED" w:rsidP="00A35FED">
            <w:r>
              <w:tab/>
            </w:r>
            <w:r>
              <w:tab/>
            </w:r>
            <w:r>
              <w:tab/>
            </w:r>
            <w:r>
              <w:tab/>
              <w:t>$photo4 = SITE_URL_MAIN . '/uploads/slg/properties/no-image_No_Photo.png';</w:t>
            </w:r>
          </w:p>
          <w:p w:rsidR="00A35FED" w:rsidRDefault="00A35FED" w:rsidP="00A35FED">
            <w:r>
              <w:tab/>
            </w:r>
            <w:r>
              <w:tab/>
            </w:r>
            <w:r>
              <w:tab/>
              <w:t>} else if ($photolength &lt;= 15) {</w:t>
            </w:r>
          </w:p>
          <w:p w:rsidR="00A35FED" w:rsidRDefault="00A35FED" w:rsidP="00A35FED">
            <w:r>
              <w:tab/>
            </w:r>
            <w:r>
              <w:tab/>
            </w:r>
            <w:r>
              <w:tab/>
            </w:r>
            <w:r>
              <w:tab/>
              <w:t>$photo4 = SITE_URL_MAIN . '/uploads/slg/properties/' .$row['photo4'];</w:t>
            </w:r>
          </w:p>
          <w:p w:rsidR="00A35FED" w:rsidRDefault="00A35FED" w:rsidP="00A35FED">
            <w:r>
              <w:tab/>
            </w:r>
            <w:r>
              <w:tab/>
            </w:r>
            <w:r>
              <w:tab/>
              <w:t>} else {</w:t>
            </w:r>
          </w:p>
          <w:p w:rsidR="00A35FED" w:rsidRDefault="00A35FED" w:rsidP="00A35FED">
            <w:r>
              <w:tab/>
            </w:r>
            <w:r>
              <w:tab/>
            </w:r>
            <w:r>
              <w:tab/>
            </w:r>
            <w:r>
              <w:tab/>
              <w:t>$photo4 = $row['photo4'];</w:t>
            </w:r>
          </w:p>
          <w:p w:rsidR="00A35FED" w:rsidRDefault="00A35FED" w:rsidP="00A35FED">
            <w:r>
              <w:tab/>
            </w:r>
            <w:r>
              <w:tab/>
            </w:r>
            <w:r>
              <w:tab/>
              <w:t xml:space="preserve">} </w:t>
            </w:r>
          </w:p>
          <w:p w:rsidR="00A35FED" w:rsidRDefault="00A35FED" w:rsidP="00A35FED">
            <w:r>
              <w:tab/>
            </w:r>
            <w:r>
              <w:tab/>
            </w:r>
            <w:r>
              <w:tab/>
            </w:r>
          </w:p>
          <w:p w:rsidR="00A35FED" w:rsidRDefault="00A35FED" w:rsidP="00A35FED">
            <w:r>
              <w:tab/>
            </w:r>
            <w:r>
              <w:tab/>
              <w:t xml:space="preserve">} </w:t>
            </w:r>
          </w:p>
          <w:p w:rsidR="00A35FED" w:rsidRDefault="00A35FED" w:rsidP="00A35FED">
            <w:r>
              <w:tab/>
              <w:t>?&gt;</w:t>
            </w:r>
          </w:p>
          <w:p w:rsidR="00A35FED" w:rsidRDefault="00A35FED" w:rsidP="00A35FED">
            <w:r>
              <w:tab/>
            </w:r>
          </w:p>
          <w:p w:rsidR="00A35FED" w:rsidRDefault="00A35FED" w:rsidP="00A35FED">
            <w:r>
              <w:t xml:space="preserve">    &lt;!--#1ABC9C; --&gt;</w:t>
            </w:r>
          </w:p>
          <w:p w:rsidR="00A35FED" w:rsidRDefault="00A35FED" w:rsidP="00A35FED">
            <w:r>
              <w:t xml:space="preserve">    &lt;br&gt;</w:t>
            </w:r>
          </w:p>
          <w:p w:rsidR="00A35FED" w:rsidRDefault="00A35FED" w:rsidP="00A35FED">
            <w:r>
              <w:t xml:space="preserve">        &lt;main style="background-color:#FFFFF;"&gt;</w:t>
            </w:r>
          </w:p>
          <w:p w:rsidR="00A35FED" w:rsidRDefault="00A35FED" w:rsidP="00A35FED">
            <w:r>
              <w:t xml:space="preserve">            </w:t>
            </w:r>
          </w:p>
          <w:p w:rsidR="00A35FED" w:rsidRDefault="00A35FED" w:rsidP="00A35FED">
            <w:r>
              <w:t xml:space="preserve">                &lt;br&gt;&lt;br&gt;&lt;br&gt;</w:t>
            </w:r>
          </w:p>
          <w:p w:rsidR="00A35FED" w:rsidRDefault="00A35FED" w:rsidP="00A35FED">
            <w:r>
              <w:t xml:space="preserve"> </w:t>
            </w:r>
          </w:p>
          <w:p w:rsidR="00A35FED" w:rsidRDefault="00A35FED" w:rsidP="00A35FED">
            <w:r>
              <w:lastRenderedPageBreak/>
              <w:t xml:space="preserve">    </w:t>
            </w:r>
          </w:p>
          <w:p w:rsidR="00A35FED" w:rsidRDefault="00A35FED" w:rsidP="00A35FED">
            <w:r>
              <w:t xml:space="preserve">    &lt;/div&gt;</w:t>
            </w:r>
          </w:p>
          <w:p w:rsidR="00A35FED" w:rsidRDefault="00A35FED" w:rsidP="00A35FED">
            <w:r>
              <w:t xml:space="preserve">    &lt;/section &gt;</w:t>
            </w:r>
          </w:p>
          <w:p w:rsidR="00A35FED" w:rsidRDefault="00A35FED" w:rsidP="00A35FED">
            <w:r>
              <w:t xml:space="preserve">    &lt;nav class="secondary_nav" id="nav_details"&gt;</w:t>
            </w:r>
          </w:p>
          <w:p w:rsidR="00A35FED" w:rsidRDefault="00A35FED" w:rsidP="00A35FED">
            <w:r>
              <w:t xml:space="preserve">        &lt;div class="container"&gt;</w:t>
            </w:r>
          </w:p>
          <w:p w:rsidR="00A35FED" w:rsidRDefault="00A35FED" w:rsidP="00A35FED">
            <w:r>
              <w:t xml:space="preserve">            &lt;ul class="clearfix iconic-menu"&gt;</w:t>
            </w:r>
          </w:p>
          <w:p w:rsidR="00A35FED" w:rsidRDefault="00A35FED" w:rsidP="00A35FED">
            <w:r>
              <w:t xml:space="preserve">                &lt;li title="About Residence"&gt;</w:t>
            </w:r>
          </w:p>
          <w:p w:rsidR="00A35FED" w:rsidRDefault="00A35FED" w:rsidP="00A35FED">
            <w:r>
              <w:t xml:space="preserve">                    &lt;a class="active" href="#about"&gt;</w:t>
            </w:r>
          </w:p>
          <w:p w:rsidR="00A35FED" w:rsidRDefault="00A35FED" w:rsidP="00A35FED">
            <w:r>
              <w:t xml:space="preserve">                        &lt;i class="fas fa-2x fa-info-circle"&gt;&lt;/i&gt;</w:t>
            </w:r>
          </w:p>
          <w:p w:rsidR="00A35FED" w:rsidRDefault="00A35FED" w:rsidP="00A35FED">
            <w:r>
              <w:t xml:space="preserve">                        &lt;span&gt;About Residence&lt;/span&gt;</w:t>
            </w:r>
          </w:p>
          <w:p w:rsidR="00A35FED" w:rsidRDefault="00A35FED" w:rsidP="00A35FED">
            <w:r>
              <w:t xml:space="preserve">                    &lt;/a&gt;</w:t>
            </w:r>
          </w:p>
          <w:p w:rsidR="00A35FED" w:rsidRDefault="00A35FED" w:rsidP="00A35FED">
            <w:r>
              <w:t xml:space="preserve">                &lt;/li&gt;</w:t>
            </w:r>
          </w:p>
          <w:p w:rsidR="00A35FED" w:rsidRDefault="00A35FED" w:rsidP="00A35FED">
            <w:r>
              <w:t xml:space="preserve">                &lt;li title="Accommodations"&gt;</w:t>
            </w:r>
          </w:p>
          <w:p w:rsidR="00A35FED" w:rsidRDefault="00A35FED" w:rsidP="00A35FED">
            <w:r>
              <w:t xml:space="preserve">                    &lt;a href="#accommodations"&gt;</w:t>
            </w:r>
          </w:p>
          <w:p w:rsidR="00A35FED" w:rsidRDefault="00A35FED" w:rsidP="00A35FED">
            <w:r>
              <w:t xml:space="preserve">                        &lt;i class="fas fa-2x fa-home"&gt;&lt;/i&gt;</w:t>
            </w:r>
          </w:p>
          <w:p w:rsidR="00A35FED" w:rsidRDefault="00A35FED" w:rsidP="00A35FED">
            <w:r>
              <w:t xml:space="preserve">                        &lt;span&gt;Accommodations&lt;/span&gt;</w:t>
            </w:r>
          </w:p>
          <w:p w:rsidR="00A35FED" w:rsidRDefault="00A35FED" w:rsidP="00A35FED">
            <w:r>
              <w:t xml:space="preserve">                    &lt;/a&gt;</w:t>
            </w:r>
          </w:p>
          <w:p w:rsidR="00A35FED" w:rsidRDefault="00A35FED" w:rsidP="00A35FED">
            <w:r>
              <w:t xml:space="preserve">                &lt;/li&gt;</w:t>
            </w:r>
          </w:p>
          <w:p w:rsidR="00A35FED" w:rsidRDefault="00A35FED" w:rsidP="00A35FED">
            <w:r>
              <w:t xml:space="preserve">                &lt;li title="Rental Services"&gt;</w:t>
            </w:r>
          </w:p>
          <w:p w:rsidR="00A35FED" w:rsidRDefault="00A35FED" w:rsidP="00A35FED">
            <w:r>
              <w:t xml:space="preserve">                    &lt;a href="#rental_services"&gt;</w:t>
            </w:r>
          </w:p>
          <w:p w:rsidR="00A35FED" w:rsidRDefault="00A35FED" w:rsidP="00A35FED">
            <w:r>
              <w:t xml:space="preserve">                        &lt;i class="fas fa-2x fa-coins"&gt;&lt;/i&gt;</w:t>
            </w:r>
          </w:p>
          <w:p w:rsidR="00A35FED" w:rsidRDefault="00A35FED" w:rsidP="00A35FED">
            <w:r>
              <w:t xml:space="preserve">                        &lt;span&gt;Services&lt;/span&gt;</w:t>
            </w:r>
          </w:p>
          <w:p w:rsidR="00A35FED" w:rsidRDefault="00A35FED" w:rsidP="00A35FED">
            <w:r>
              <w:t xml:space="preserve">                    &lt;/a&gt;</w:t>
            </w:r>
          </w:p>
          <w:p w:rsidR="00A35FED" w:rsidRDefault="00A35FED" w:rsidP="00A35FED">
            <w:r>
              <w:t xml:space="preserve">                &lt;/li&gt;</w:t>
            </w:r>
          </w:p>
          <w:p w:rsidR="00A35FED" w:rsidRDefault="00A35FED" w:rsidP="00A35FED">
            <w:r>
              <w:t xml:space="preserve">                &lt;li title="Meal &amp; Diet Nutrition Plan"&gt;</w:t>
            </w:r>
          </w:p>
          <w:p w:rsidR="00A35FED" w:rsidRDefault="00A35FED" w:rsidP="00A35FED">
            <w:r>
              <w:t xml:space="preserve">                    &lt;a href="#meal_plan"&gt;</w:t>
            </w:r>
          </w:p>
          <w:p w:rsidR="00A35FED" w:rsidRDefault="00A35FED" w:rsidP="00A35FED">
            <w:r>
              <w:t xml:space="preserve">                        &lt;i class="fas fa-2x fa-utensils"&gt;&lt;/i&gt;</w:t>
            </w:r>
          </w:p>
          <w:p w:rsidR="00A35FED" w:rsidRDefault="00A35FED" w:rsidP="00A35FED">
            <w:r>
              <w:t xml:space="preserve">                        &lt;span&gt;Meal &amp; Diet&lt;/span&gt;</w:t>
            </w:r>
          </w:p>
          <w:p w:rsidR="00A35FED" w:rsidRDefault="00A35FED" w:rsidP="00A35FED">
            <w:r>
              <w:t xml:space="preserve">                    &lt;/a&gt;</w:t>
            </w:r>
          </w:p>
          <w:p w:rsidR="00A35FED" w:rsidRDefault="00A35FED" w:rsidP="00A35FED">
            <w:r>
              <w:t xml:space="preserve">                &lt;/li&gt;</w:t>
            </w:r>
          </w:p>
          <w:p w:rsidR="00A35FED" w:rsidRDefault="00A35FED" w:rsidP="00A35FED">
            <w:r>
              <w:t xml:space="preserve">                &lt;li title="Care Services"&gt;</w:t>
            </w:r>
          </w:p>
          <w:p w:rsidR="00A35FED" w:rsidRDefault="00A35FED" w:rsidP="00A35FED">
            <w:r>
              <w:t xml:space="preserve">                    &lt;a href="#care_services"&gt;</w:t>
            </w:r>
          </w:p>
          <w:p w:rsidR="00A35FED" w:rsidRDefault="00A35FED" w:rsidP="00A35FED">
            <w:r>
              <w:t xml:space="preserve">                        &lt;i class="fas fa-2x fa-hands"&gt;&lt;/i&gt;</w:t>
            </w:r>
          </w:p>
          <w:p w:rsidR="00A35FED" w:rsidRDefault="00A35FED" w:rsidP="00A35FED">
            <w:r>
              <w:t xml:space="preserve">                        &lt;span&gt;Care Services&lt;/span&gt;</w:t>
            </w:r>
          </w:p>
          <w:p w:rsidR="00A35FED" w:rsidRDefault="00A35FED" w:rsidP="00A35FED">
            <w:r>
              <w:t xml:space="preserve">                    &lt;/a&gt;</w:t>
            </w:r>
          </w:p>
          <w:p w:rsidR="00A35FED" w:rsidRDefault="00A35FED" w:rsidP="00A35FED">
            <w:r>
              <w:t xml:space="preserve">                &lt;/li&gt;</w:t>
            </w:r>
          </w:p>
          <w:p w:rsidR="00A35FED" w:rsidRDefault="00A35FED" w:rsidP="00A35FED">
            <w:r>
              <w:t xml:space="preserve">                &lt;li title="Amenities"&gt;</w:t>
            </w:r>
          </w:p>
          <w:p w:rsidR="00A35FED" w:rsidRDefault="00A35FED" w:rsidP="00A35FED">
            <w:r>
              <w:t xml:space="preserve">                    &lt;a href="#amenities"&gt;</w:t>
            </w:r>
          </w:p>
          <w:p w:rsidR="00A35FED" w:rsidRDefault="00A35FED" w:rsidP="00A35FED">
            <w:r>
              <w:t xml:space="preserve">                        &lt;i class="fas fa-2x fa-sitemap"&gt;&lt;/i&gt;</w:t>
            </w:r>
          </w:p>
          <w:p w:rsidR="00A35FED" w:rsidRDefault="00A35FED" w:rsidP="00A35FED">
            <w:r>
              <w:t xml:space="preserve">                        &lt;span&gt;Amenities&lt;/span&gt;</w:t>
            </w:r>
          </w:p>
          <w:p w:rsidR="00A35FED" w:rsidRDefault="00A35FED" w:rsidP="00A35FED">
            <w:r>
              <w:t xml:space="preserve">                    &lt;/a&gt;</w:t>
            </w:r>
          </w:p>
          <w:p w:rsidR="00A35FED" w:rsidRDefault="00A35FED" w:rsidP="00A35FED">
            <w:r>
              <w:t xml:space="preserve">                &lt;/li&gt;</w:t>
            </w:r>
          </w:p>
          <w:p w:rsidR="00A35FED" w:rsidRDefault="00A35FED" w:rsidP="00A35FED">
            <w:r>
              <w:t xml:space="preserve">                &lt;li title="Entertainment"&gt;</w:t>
            </w:r>
          </w:p>
          <w:p w:rsidR="00A35FED" w:rsidRDefault="00A35FED" w:rsidP="00A35FED">
            <w:r>
              <w:t xml:space="preserve">                    &lt;a href="#entertainment"&gt;</w:t>
            </w:r>
          </w:p>
          <w:p w:rsidR="00A35FED" w:rsidRDefault="00A35FED" w:rsidP="00A35FED">
            <w:r>
              <w:t xml:space="preserve">                        &lt;i class="fas fa-2x fa-icons"&gt;&lt;/i&gt;</w:t>
            </w:r>
          </w:p>
          <w:p w:rsidR="00A35FED" w:rsidRDefault="00A35FED" w:rsidP="00A35FED">
            <w:r>
              <w:t xml:space="preserve">                        &lt;span&gt;Entertainment&lt;/span&gt;</w:t>
            </w:r>
          </w:p>
          <w:p w:rsidR="00A35FED" w:rsidRDefault="00A35FED" w:rsidP="00A35FED">
            <w:r>
              <w:t xml:space="preserve">                    &lt;/a&gt;</w:t>
            </w:r>
          </w:p>
          <w:p w:rsidR="00A35FED" w:rsidRDefault="00A35FED" w:rsidP="00A35FED">
            <w:r>
              <w:t xml:space="preserve">                &lt;/li&gt;</w:t>
            </w:r>
          </w:p>
          <w:p w:rsidR="00A35FED" w:rsidRDefault="00A35FED" w:rsidP="00A35FED">
            <w:r>
              <w:lastRenderedPageBreak/>
              <w:t xml:space="preserve">                &lt;li title="Miscellaneous"&gt;</w:t>
            </w:r>
          </w:p>
          <w:p w:rsidR="00A35FED" w:rsidRDefault="00A35FED" w:rsidP="00A35FED">
            <w:r>
              <w:t xml:space="preserve">                    &lt;a href="#miscellaneous"&gt;</w:t>
            </w:r>
          </w:p>
          <w:p w:rsidR="00A35FED" w:rsidRDefault="00A35FED" w:rsidP="00A35FED">
            <w:r>
              <w:t xml:space="preserve">                        &lt;i class="fas fa-2x fa-asterisk"&gt;&lt;/i&gt;</w:t>
            </w:r>
          </w:p>
          <w:p w:rsidR="00A35FED" w:rsidRDefault="00A35FED" w:rsidP="00A35FED">
            <w:r>
              <w:t xml:space="preserve">                        &lt;span&gt;Miscellaneous&lt;/span&gt;</w:t>
            </w:r>
          </w:p>
          <w:p w:rsidR="00A35FED" w:rsidRDefault="00A35FED" w:rsidP="00A35FED">
            <w:r>
              <w:t xml:space="preserve">                    &lt;/a&gt;</w:t>
            </w:r>
          </w:p>
          <w:p w:rsidR="00A35FED" w:rsidRDefault="00A35FED" w:rsidP="00A35FED">
            <w:r>
              <w:t xml:space="preserve">                &lt;/li&gt;</w:t>
            </w:r>
          </w:p>
          <w:p w:rsidR="00A35FED" w:rsidRDefault="00A35FED" w:rsidP="00A35FED">
            <w:r>
              <w:t xml:space="preserve">                &lt;li title="Pets"&gt;</w:t>
            </w:r>
          </w:p>
          <w:p w:rsidR="00A35FED" w:rsidRDefault="00A35FED" w:rsidP="00A35FED">
            <w:r>
              <w:t xml:space="preserve">                    &lt;a href="#pets"&gt;</w:t>
            </w:r>
          </w:p>
          <w:p w:rsidR="00A35FED" w:rsidRDefault="00A35FED" w:rsidP="00A35FED">
            <w:r>
              <w:t xml:space="preserve">                        &lt;i class="fas fa-2x fa-paw"&gt;&lt;/i&gt;</w:t>
            </w:r>
          </w:p>
          <w:p w:rsidR="00A35FED" w:rsidRDefault="00A35FED" w:rsidP="00A35FED">
            <w:r>
              <w:t xml:space="preserve">                        &lt;span&gt;Pets&lt;/span&gt;</w:t>
            </w:r>
          </w:p>
          <w:p w:rsidR="00A35FED" w:rsidRDefault="00A35FED" w:rsidP="00A35FED">
            <w:r>
              <w:t xml:space="preserve">                    &lt;/a&gt;</w:t>
            </w:r>
          </w:p>
          <w:p w:rsidR="00A35FED" w:rsidRDefault="00A35FED" w:rsidP="00A35FED">
            <w:r>
              <w:t xml:space="preserve">                &lt;/li&gt;</w:t>
            </w:r>
          </w:p>
          <w:p w:rsidR="00A35FED" w:rsidRDefault="00A35FED" w:rsidP="00A35FED">
            <w:r>
              <w:t xml:space="preserve">                &lt;li title="Health Facilities"&gt;</w:t>
            </w:r>
          </w:p>
          <w:p w:rsidR="00A35FED" w:rsidRDefault="00A35FED" w:rsidP="00A35FED">
            <w:r>
              <w:t xml:space="preserve">                    &lt;a href="#health_care"&gt;</w:t>
            </w:r>
          </w:p>
          <w:p w:rsidR="00A35FED" w:rsidRDefault="00A35FED" w:rsidP="00A35FED">
            <w:r>
              <w:t xml:space="preserve">                        &lt;i class="fas fa-2x fa-hospital"&gt;&lt;/i&gt;</w:t>
            </w:r>
          </w:p>
          <w:p w:rsidR="00A35FED" w:rsidRDefault="00A35FED" w:rsidP="00A35FED">
            <w:r>
              <w:t xml:space="preserve">                        &lt;span&gt;Health Facilities&lt;/span&gt;</w:t>
            </w:r>
          </w:p>
          <w:p w:rsidR="00A35FED" w:rsidRDefault="00A35FED" w:rsidP="00A35FED">
            <w:r>
              <w:t xml:space="preserve">                    &lt;/a&gt;</w:t>
            </w:r>
          </w:p>
          <w:p w:rsidR="00A35FED" w:rsidRDefault="00A35FED" w:rsidP="00A35FED">
            <w:r>
              <w:t xml:space="preserve">                &lt;/li&gt;</w:t>
            </w:r>
          </w:p>
          <w:p w:rsidR="00A35FED" w:rsidRDefault="00A35FED" w:rsidP="00A35FED">
            <w:r>
              <w:t xml:space="preserve">                &lt;li title="Waiver Programs"&gt;</w:t>
            </w:r>
          </w:p>
          <w:p w:rsidR="00A35FED" w:rsidRDefault="00A35FED" w:rsidP="00A35FED">
            <w:r>
              <w:t xml:space="preserve">                    &lt;a href="#waivers"&gt;</w:t>
            </w:r>
          </w:p>
          <w:p w:rsidR="00A35FED" w:rsidRDefault="00A35FED" w:rsidP="00A35FED">
            <w:r>
              <w:t xml:space="preserve">                        &lt;i class="fas fa-2x fa-tags"&gt;&lt;/i&gt;</w:t>
            </w:r>
          </w:p>
          <w:p w:rsidR="00A35FED" w:rsidRDefault="00A35FED" w:rsidP="00A35FED">
            <w:r>
              <w:t xml:space="preserve">                        &lt;span&gt;Waiver Programs&lt;/span&gt;</w:t>
            </w:r>
          </w:p>
          <w:p w:rsidR="00A35FED" w:rsidRDefault="00A35FED" w:rsidP="00A35FED">
            <w:r>
              <w:t xml:space="preserve">                    &lt;/a&gt;</w:t>
            </w:r>
          </w:p>
          <w:p w:rsidR="00A35FED" w:rsidRDefault="00A35FED" w:rsidP="00A35FED">
            <w:r>
              <w:t xml:space="preserve">                &lt;/li&gt;</w:t>
            </w:r>
          </w:p>
          <w:p w:rsidR="00A35FED" w:rsidRDefault="00A35FED" w:rsidP="00A35FED">
            <w:r>
              <w:t xml:space="preserve">            &lt;/ul&gt;</w:t>
            </w:r>
          </w:p>
          <w:p w:rsidR="00A35FED" w:rsidRDefault="00A35FED" w:rsidP="00A35FED">
            <w:r>
              <w:t xml:space="preserve">        &lt;/div&gt;</w:t>
            </w:r>
          </w:p>
          <w:p w:rsidR="00A35FED" w:rsidRDefault="00A35FED" w:rsidP="00A35FED">
            <w:r>
              <w:t xml:space="preserve">    &lt;/nav&gt;</w:t>
            </w:r>
          </w:p>
          <w:p w:rsidR="00A35FED" w:rsidRDefault="00A35FED" w:rsidP="00A35FED">
            <w:r>
              <w:t xml:space="preserve">    &lt;div class="container margin_60_35"&gt;</w:t>
            </w:r>
          </w:p>
          <w:p w:rsidR="00A35FED" w:rsidRDefault="00A35FED" w:rsidP="00A35FED">
            <w:r>
              <w:t xml:space="preserve">        &lt;div class="row"&gt;</w:t>
            </w:r>
          </w:p>
          <w:p w:rsidR="00A35FED" w:rsidRDefault="00A35FED" w:rsidP="00A35FED">
            <w:r>
              <w:t xml:space="preserve">            &lt;div class="col-lg-8"&gt;</w:t>
            </w:r>
          </w:p>
          <w:p w:rsidR="00A35FED" w:rsidRDefault="00A35FED" w:rsidP="00A35FED">
            <w:r>
              <w:t xml:space="preserve">                &lt;section id="about" class="detail"&gt;</w:t>
            </w:r>
          </w:p>
          <w:p w:rsidR="00A35FED" w:rsidRDefault="00A35FED" w:rsidP="00A35FED">
            <w:r>
              <w:t xml:space="preserve">                    &lt;div class ="row"&gt;</w:t>
            </w:r>
          </w:p>
          <w:p w:rsidR="00A35FED" w:rsidRDefault="00A35FED" w:rsidP="00A35FED">
            <w:r>
              <w:t xml:space="preserve">                        &lt;div class ="col-9"&gt;</w:t>
            </w:r>
          </w:p>
          <w:p w:rsidR="00A35FED" w:rsidRDefault="00A35FED" w:rsidP="00A35FED">
            <w:r>
              <w:t xml:space="preserve">                            &lt;div class="detail_title_1"&gt;</w:t>
            </w:r>
          </w:p>
          <w:p w:rsidR="00A35FED" w:rsidRDefault="00A35FED" w:rsidP="00A35FED">
            <w:r>
              <w:t xml:space="preserve">                            &lt;h1&gt;</w:t>
            </w:r>
          </w:p>
          <w:p w:rsidR="00A35FED" w:rsidRDefault="00A35FED" w:rsidP="00A35FED">
            <w:r>
              <w:t xml:space="preserve">                                &lt;!--&lt;a href="property-details.php?id=&lt;?php echo $rowlist['id'];?&gt;"&gt;--&gt;</w:t>
            </w:r>
          </w:p>
          <w:p w:rsidR="00A35FED" w:rsidRDefault="00A35FED" w:rsidP="00A35FED">
            <w:r>
              <w:t xml:space="preserve">                                 &lt;a&gt;&lt;?php echo $title; ?&gt; &lt;/a&gt;</w:t>
            </w:r>
          </w:p>
          <w:p w:rsidR="00A35FED" w:rsidRDefault="00A35FED" w:rsidP="00A35FED">
            <w:r>
              <w:t xml:space="preserve">                            &lt;/h1&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 ="col-3"&gt;</w:t>
            </w:r>
          </w:p>
          <w:p w:rsidR="00A35FED" w:rsidRDefault="00A35FED" w:rsidP="00A35FED">
            <w:r>
              <w:t xml:space="preserve">                            &lt;div class="score" STYLE="font-size:120%"&gt;</w:t>
            </w:r>
          </w:p>
          <w:p w:rsidR="00A35FED" w:rsidRDefault="00A35FED" w:rsidP="00A35FED">
            <w:r>
              <w:t xml:space="preserve">                                &lt;span STYLE="font-size:100%" &gt;Total Views &lt;/span&gt;</w:t>
            </w:r>
          </w:p>
          <w:p w:rsidR="00A35FED" w:rsidRDefault="00A35FED" w:rsidP="00A35FED">
            <w:r>
              <w:t xml:space="preserve">                            &lt;strong&gt;&lt;?php echo $vistorCount;?&gt;&lt;/strong&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lt;div class ="col-6"&gt;</w:t>
            </w:r>
          </w:p>
          <w:p w:rsidR="00A35FED" w:rsidRDefault="00A35FED" w:rsidP="00A35FED">
            <w:r>
              <w:lastRenderedPageBreak/>
              <w:t xml:space="preserve">                                &lt;div class="box_detail" id="divSidebarWidget" style="background-color:#2e78d1;"&gt;</w:t>
            </w:r>
          </w:p>
          <w:p w:rsidR="00A35FED" w:rsidRDefault="00A35FED" w:rsidP="00A35FED">
            <w:r>
              <w:t xml:space="preserve">                            </w:t>
            </w:r>
          </w:p>
          <w:p w:rsidR="00A35FED" w:rsidRDefault="00A35FED" w:rsidP="00A35FED">
            <w:r>
              <w:t xml:space="preserve">                                &lt;span&gt;</w:t>
            </w:r>
          </w:p>
          <w:p w:rsidR="00A35FED" w:rsidRDefault="00A35FED" w:rsidP="00A35FED">
            <w:r>
              <w:t xml:space="preserve">                                &lt;a href="get-contact.php"&gt;</w:t>
            </w:r>
          </w:p>
          <w:p w:rsidR="00A35FED" w:rsidRDefault="00A35FED" w:rsidP="00A35FED">
            <w:r>
              <w:t xml:space="preserve">                                    &lt;h5 class="d-inline" style="color:white;"&gt;</w:t>
            </w:r>
          </w:p>
          <w:p w:rsidR="00A35FED" w:rsidRDefault="00A35FED" w:rsidP="00A35FED">
            <w:r>
              <w:t xml:space="preserve">                                    Get Contact Info </w:t>
            </w:r>
          </w:p>
          <w:p w:rsidR="00A35FED" w:rsidRDefault="00A35FED" w:rsidP="00A35FED">
            <w:r>
              <w:t xml:space="preserve">                                &lt;/h5&gt;</w:t>
            </w:r>
          </w:p>
          <w:p w:rsidR="00A35FED" w:rsidRDefault="00A35FED" w:rsidP="00A35FED">
            <w:r>
              <w:t xml:space="preserve">                                &lt;/a&gt;</w:t>
            </w:r>
          </w:p>
          <w:p w:rsidR="00A35FED" w:rsidRDefault="00A35FED" w:rsidP="00A35FED">
            <w:r>
              <w:t xml:space="preserve">                                &lt;/span&gt;</w:t>
            </w:r>
          </w:p>
          <w:p w:rsidR="00A35FED" w:rsidRDefault="00A35FED" w:rsidP="00A35FED">
            <w:r>
              <w:t xml:space="preserve">                                </w:t>
            </w:r>
          </w:p>
          <w:p w:rsidR="00A35FED" w:rsidRDefault="00A35FED" w:rsidP="00A35FED">
            <w:r>
              <w:t xml:space="preserve">                                &lt;!--&lt;a href="property-details.php?id=&lt;?php echo $rowlist['id'];?&gt;/get-contact.php"&gt; --&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lt;div class ="col-6"&gt;</w:t>
            </w:r>
          </w:p>
          <w:p w:rsidR="00A35FED" w:rsidRDefault="00A35FED" w:rsidP="00A35FED">
            <w:r>
              <w:t xml:space="preserve">                                &lt;div class="box_detail" id="divSidebarWidget" style="background-color:#e8a817;"&gt;</w:t>
            </w:r>
          </w:p>
          <w:p w:rsidR="00A35FED" w:rsidRDefault="00A35FED" w:rsidP="00A35FED">
            <w:r>
              <w:t xml:space="preserve">                           </w:t>
            </w:r>
          </w:p>
          <w:p w:rsidR="00A35FED" w:rsidRDefault="00A35FED" w:rsidP="00A35FED">
            <w:r>
              <w:t xml:space="preserve">                                &lt;span&gt;</w:t>
            </w:r>
          </w:p>
          <w:p w:rsidR="00A35FED" w:rsidRDefault="00A35FED" w:rsidP="00A35FED">
            <w:r>
              <w:t xml:space="preserve">                                  &lt;!--  &lt;a id="myBtn4" type="button" class="btn_1 full-width outline wishlist btn-wishlist mt-1" &gt; Add To Your List&lt;/a&gt;--&gt;</w:t>
            </w:r>
          </w:p>
          <w:p w:rsidR="00A35FED" w:rsidRDefault="00A35FED" w:rsidP="00A35FED">
            <w:r>
              <w:t xml:space="preserve">                                &lt;a href="add-to-saved-list.php"&gt;</w:t>
            </w:r>
          </w:p>
          <w:p w:rsidR="00A35FED" w:rsidRDefault="00A35FED" w:rsidP="00A35FED">
            <w:r>
              <w:t xml:space="preserve">                                    &lt;h5 class="d-inline" style="color:white;" &gt; Add To Your List&lt;/h5&gt;&lt;small&gt;Interest only, Contact later.&lt;/small&gt;</w:t>
            </w:r>
          </w:p>
          <w:p w:rsidR="00A35FED" w:rsidRDefault="00A35FED" w:rsidP="00A35FED">
            <w:r>
              <w:t xml:space="preserve">                                &lt;/a&gt;</w:t>
            </w:r>
          </w:p>
          <w:p w:rsidR="00A35FED" w:rsidRDefault="00A35FED" w:rsidP="00A35FED">
            <w:r>
              <w:t xml:space="preserve">                                &lt;/span&gt;</w:t>
            </w:r>
          </w:p>
          <w:p w:rsidR="00A35FED" w:rsidRDefault="00A35FED" w:rsidP="00A35FED">
            <w:r>
              <w:t xml:space="preserve">                                </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main_title_3 mb-2 mt-3"&gt;</w:t>
            </w:r>
          </w:p>
          <w:p w:rsidR="00A35FED" w:rsidRDefault="00A35FED" w:rsidP="00A35FED">
            <w:r>
              <w:t xml:space="preserve">        &lt;span&gt;&lt;/span&gt;</w:t>
            </w:r>
          </w:p>
          <w:p w:rsidR="00A35FED" w:rsidRDefault="00A35FED" w:rsidP="00A35FED">
            <w:r>
              <w:t xml:space="preserve">        &lt;h2&gt;Interior &amp; Exterior Photos&lt;/h2&gt;</w:t>
            </w:r>
          </w:p>
          <w:p w:rsidR="00A35FED" w:rsidRDefault="00A35FED" w:rsidP="00A35FED">
            <w:r>
              <w:t xml:space="preserve">        &lt;p&gt;of this Residence/Community&lt;/p&gt;</w:t>
            </w:r>
          </w:p>
          <w:p w:rsidR="00A35FED" w:rsidRDefault="00A35FED" w:rsidP="00A35FED">
            <w:r>
              <w:t xml:space="preserve">    &lt;/div&gt;</w:t>
            </w:r>
          </w:p>
          <w:p w:rsidR="00A35FED" w:rsidRDefault="00A35FED" w:rsidP="00A35FED">
            <w:r>
              <w:t xml:space="preserve">    &lt;div class="row"&gt;</w:t>
            </w:r>
          </w:p>
          <w:p w:rsidR="00A35FED" w:rsidRDefault="00A35FED" w:rsidP="00A35FED">
            <w:r>
              <w:t xml:space="preserve">        &lt;div class="col-12"&gt;</w:t>
            </w:r>
          </w:p>
          <w:p w:rsidR="00A35FED" w:rsidRDefault="00A35FED" w:rsidP="00A35FED">
            <w:r>
              <w:t xml:space="preserve">            &lt;div class="img-uploads"&gt;</w:t>
            </w:r>
          </w:p>
          <w:p w:rsidR="00A35FED" w:rsidRDefault="00A35FED" w:rsidP="00A35FED">
            <w:r>
              <w:t xml:space="preserve">                &lt;a href="&lt;?php echo $photoUrl;?&gt;" /&gt;</w:t>
            </w:r>
          </w:p>
          <w:p w:rsidR="00A35FED" w:rsidRDefault="00A35FED" w:rsidP="00A35FED">
            <w:r>
              <w:t xml:space="preserve">                &lt;img src="&lt;?php echo $photoUrl;?&gt;" </w:t>
            </w:r>
          </w:p>
          <w:p w:rsidR="00A35FED" w:rsidRDefault="00A35FED" w:rsidP="00A35FED">
            <w:r>
              <w:t xml:space="preserve">                 class="img-fluid" style="width: 450px;"</w:t>
            </w:r>
          </w:p>
          <w:p w:rsidR="00A35FED" w:rsidRDefault="00A35FED" w:rsidP="00A35FED">
            <w:r>
              <w:t xml:space="preserve">                     alt="&lt;?php echo $title;?&gt;"/&gt;</w:t>
            </w:r>
          </w:p>
          <w:p w:rsidR="00A35FED" w:rsidRDefault="00A35FED" w:rsidP="00A35FED">
            <w:r>
              <w:t xml:space="preserve">                 &lt;/a&gt;</w:t>
            </w:r>
          </w:p>
          <w:p w:rsidR="00A35FED" w:rsidRDefault="00A35FED" w:rsidP="00A35FED">
            <w:r>
              <w:t xml:space="preserve">                &lt;div id="divGallery" class="product-gallery"&gt;</w:t>
            </w:r>
          </w:p>
          <w:p w:rsidR="00A35FED" w:rsidRDefault="00A35FED" w:rsidP="00A35FED">
            <w:r>
              <w:t xml:space="preserve">                    &lt;a href="&lt;?php echo $photo4;?&gt;" /&gt;</w:t>
            </w:r>
          </w:p>
          <w:p w:rsidR="00A35FED" w:rsidRDefault="00A35FED" w:rsidP="00A35FED">
            <w:r>
              <w:t xml:space="preserve">                        &lt;img src="&lt;?php echo $photo4;?&gt;"/&gt;</w:t>
            </w:r>
          </w:p>
          <w:p w:rsidR="00A35FED" w:rsidRDefault="00A35FED" w:rsidP="00A35FED">
            <w:r>
              <w:t xml:space="preserve">                    &lt;/a&gt;</w:t>
            </w:r>
          </w:p>
          <w:p w:rsidR="00A35FED" w:rsidRDefault="00A35FED" w:rsidP="00A35FED">
            <w:r>
              <w:t xml:space="preserve">                &lt;/div&gt;</w:t>
            </w:r>
          </w:p>
          <w:p w:rsidR="00A35FED" w:rsidRDefault="00A35FED" w:rsidP="00A35FED">
            <w:r>
              <w:lastRenderedPageBreak/>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main_title_3 mb-5 mt-5"&gt;</w:t>
            </w:r>
          </w:p>
          <w:p w:rsidR="00A35FED" w:rsidRDefault="00A35FED" w:rsidP="00A35FED">
            <w:r>
              <w:t xml:space="preserve">        &lt;span&gt;&lt;/span&gt;</w:t>
            </w:r>
          </w:p>
          <w:p w:rsidR="00A35FED" w:rsidRDefault="00A35FED" w:rsidP="00A35FED">
            <w:r>
              <w:t xml:space="preserve">        &lt;h2&gt;Features &amp; Details&lt;/h2&gt;</w:t>
            </w:r>
          </w:p>
          <w:p w:rsidR="00A35FED" w:rsidRDefault="00A35FED" w:rsidP="00A35FED">
            <w:r>
              <w:t xml:space="preserve">        &lt;p&gt;of this Residence&lt;/p&gt;</w:t>
            </w:r>
          </w:p>
          <w:p w:rsidR="00A35FED" w:rsidRDefault="00A35FED" w:rsidP="00A35FED">
            <w:r>
              <w:t xml:space="preserve">    &lt;/div&gt;</w:t>
            </w:r>
          </w:p>
          <w:p w:rsidR="00A35FED" w:rsidRDefault="00A35FED" w:rsidP="00A35FED">
            <w:r>
              <w:t xml:space="preserve">    &lt;div class="feature-content"&gt;</w:t>
            </w:r>
          </w:p>
          <w:p w:rsidR="00A35FED" w:rsidRDefault="00A35FED" w:rsidP="00A35FED">
            <w:r>
              <w:t xml:space="preserve">        &lt;h5 class="feature-title"&gt;</w:t>
            </w:r>
          </w:p>
          <w:p w:rsidR="00A35FED" w:rsidRDefault="00A35FED" w:rsidP="00A35FED">
            <w:r>
              <w:t xml:space="preserve">            Residence Type</w:t>
            </w:r>
          </w:p>
          <w:p w:rsidR="00A35FED" w:rsidRDefault="00A35FED" w:rsidP="00A35FED">
            <w:r>
              <w:t xml:space="preserve">        &lt;/h5&gt;</w:t>
            </w:r>
          </w:p>
          <w:p w:rsidR="00A35FED" w:rsidRDefault="00A35FED" w:rsidP="00A35FED">
            <w:r>
              <w:t xml:space="preserve">        &lt;div class="col-md-12"&gt;</w:t>
            </w:r>
          </w:p>
          <w:p w:rsidR="00A35FED" w:rsidRDefault="00A35FED" w:rsidP="00A35FED">
            <w:r>
              <w:t xml:space="preserve">            &lt;ul class="bullets"&gt;</w:t>
            </w:r>
          </w:p>
          <w:p w:rsidR="00A35FED" w:rsidRDefault="00A35FED" w:rsidP="00A35FED">
            <w:r>
              <w:tab/>
            </w:r>
            <w:r>
              <w:tab/>
            </w:r>
            <w:r>
              <w:tab/>
              <w:t>&lt;?php if($residence){</w:t>
            </w:r>
          </w:p>
          <w:p w:rsidR="00A35FED" w:rsidRDefault="00A35FED" w:rsidP="00A35FED">
            <w:r>
              <w:tab/>
            </w:r>
            <w:r>
              <w:tab/>
            </w:r>
            <w:r>
              <w:tab/>
              <w:t xml:space="preserve">for($r=0;$r&lt;count($residence);$r++){ </w:t>
            </w:r>
          </w:p>
          <w:p w:rsidR="00A35FED" w:rsidRDefault="00A35FED" w:rsidP="00A35FED">
            <w:r>
              <w:tab/>
            </w:r>
            <w:r>
              <w:tab/>
            </w:r>
            <w:r>
              <w:tab/>
            </w:r>
            <w:r>
              <w:tab/>
              <w:t>if( $residence[$r]=='independent'){</w:t>
            </w:r>
          </w:p>
          <w:p w:rsidR="00A35FED" w:rsidRDefault="00A35FED" w:rsidP="00A35FED">
            <w:r>
              <w:tab/>
            </w:r>
            <w:r>
              <w:tab/>
            </w:r>
            <w:r>
              <w:tab/>
            </w:r>
            <w:r>
              <w:tab/>
            </w:r>
            <w:r>
              <w:tab/>
              <w:t>$labelresidence</w:t>
            </w:r>
            <w:r>
              <w:tab/>
              <w:t>=</w:t>
            </w:r>
            <w:r>
              <w:tab/>
              <w:t xml:space="preserve">"Independent 55+"; </w:t>
            </w:r>
          </w:p>
          <w:p w:rsidR="00A35FED" w:rsidRDefault="00A35FED" w:rsidP="00A35FED">
            <w:r>
              <w:tab/>
            </w:r>
            <w:r>
              <w:tab/>
            </w:r>
            <w:r>
              <w:tab/>
            </w:r>
            <w:r>
              <w:tab/>
              <w:t>}elseif( $residence[$r]=='assisted_living'){</w:t>
            </w:r>
          </w:p>
          <w:p w:rsidR="00A35FED" w:rsidRDefault="00A35FED" w:rsidP="00A35FED">
            <w:r>
              <w:tab/>
            </w:r>
            <w:r>
              <w:tab/>
            </w:r>
            <w:r>
              <w:tab/>
            </w:r>
            <w:r>
              <w:tab/>
            </w:r>
            <w:r>
              <w:tab/>
              <w:t xml:space="preserve">$labelresidence </w:t>
            </w:r>
            <w:r>
              <w:tab/>
              <w:t>=</w:t>
            </w:r>
            <w:r>
              <w:tab/>
              <w:t xml:space="preserve">"Assisted Living"; </w:t>
            </w:r>
          </w:p>
          <w:p w:rsidR="00A35FED" w:rsidRDefault="00A35FED" w:rsidP="00A35FED">
            <w:r>
              <w:tab/>
            </w:r>
            <w:r>
              <w:tab/>
            </w:r>
            <w:r>
              <w:tab/>
            </w:r>
            <w:r>
              <w:tab/>
              <w:t>}elseif( $residence[$r]=='memory_care'){</w:t>
            </w:r>
          </w:p>
          <w:p w:rsidR="00A35FED" w:rsidRDefault="00A35FED" w:rsidP="00A35FED">
            <w:r>
              <w:tab/>
            </w:r>
            <w:r>
              <w:tab/>
            </w:r>
            <w:r>
              <w:tab/>
            </w:r>
            <w:r>
              <w:tab/>
            </w:r>
            <w:r>
              <w:tab/>
              <w:t xml:space="preserve">$labelresidence </w:t>
            </w:r>
            <w:r>
              <w:tab/>
              <w:t>=</w:t>
            </w:r>
            <w:r>
              <w:tab/>
              <w:t xml:space="preserve">"Memory Care"; </w:t>
            </w:r>
          </w:p>
          <w:p w:rsidR="00A35FED" w:rsidRDefault="00A35FED" w:rsidP="00A35FED">
            <w:r>
              <w:tab/>
            </w:r>
            <w:r>
              <w:tab/>
            </w:r>
            <w:r>
              <w:tab/>
            </w:r>
            <w:r>
              <w:tab/>
              <w:t>}elseif( $residence[$r]=='board_care'){</w:t>
            </w:r>
          </w:p>
          <w:p w:rsidR="00A35FED" w:rsidRDefault="00A35FED" w:rsidP="00A35FED">
            <w:r>
              <w:tab/>
            </w:r>
            <w:r>
              <w:tab/>
            </w:r>
            <w:r>
              <w:tab/>
            </w:r>
            <w:r>
              <w:tab/>
            </w:r>
            <w:r>
              <w:tab/>
              <w:t>$labelresidence</w:t>
            </w:r>
            <w:r>
              <w:tab/>
              <w:t>=</w:t>
            </w:r>
            <w:r>
              <w:tab/>
              <w:t xml:space="preserve">"Board &amp; Care"; </w:t>
            </w:r>
          </w:p>
          <w:p w:rsidR="00A35FED" w:rsidRDefault="00A35FED" w:rsidP="00A35FED">
            <w:r>
              <w:tab/>
            </w:r>
            <w:r>
              <w:tab/>
            </w:r>
            <w:r>
              <w:tab/>
            </w:r>
            <w:r>
              <w:tab/>
              <w:t>}elseif( $residence[$r]=='ccrc'){</w:t>
            </w:r>
          </w:p>
          <w:p w:rsidR="00A35FED" w:rsidRDefault="00A35FED" w:rsidP="00A35FED">
            <w:r>
              <w:tab/>
            </w:r>
            <w:r>
              <w:tab/>
            </w:r>
            <w:r>
              <w:tab/>
            </w:r>
            <w:r>
              <w:tab/>
            </w:r>
            <w:r>
              <w:tab/>
              <w:t>$labelresidence</w:t>
            </w:r>
            <w:r>
              <w:tab/>
              <w:t>=</w:t>
            </w:r>
            <w:r>
              <w:tab/>
              <w:t xml:space="preserve">"CCRC"; </w:t>
            </w:r>
          </w:p>
          <w:p w:rsidR="00A35FED" w:rsidRDefault="00A35FED" w:rsidP="00A35FED">
            <w:r>
              <w:tab/>
            </w:r>
            <w:r>
              <w:tab/>
            </w:r>
            <w:r>
              <w:tab/>
            </w:r>
            <w:r>
              <w:tab/>
              <w:t>}elseif( $residence[$r]=='respite'){</w:t>
            </w:r>
          </w:p>
          <w:p w:rsidR="00A35FED" w:rsidRDefault="00A35FED" w:rsidP="00A35FED">
            <w:r>
              <w:tab/>
            </w:r>
            <w:r>
              <w:tab/>
            </w:r>
            <w:r>
              <w:tab/>
            </w:r>
            <w:r>
              <w:tab/>
            </w:r>
            <w:r>
              <w:tab/>
              <w:t>$labelresidence</w:t>
            </w:r>
            <w:r>
              <w:tab/>
              <w:t>=</w:t>
            </w:r>
            <w:r>
              <w:tab/>
              <w:t xml:space="preserve">"Respite"; </w:t>
            </w:r>
          </w:p>
          <w:p w:rsidR="00A35FED" w:rsidRDefault="00A35FED" w:rsidP="00A35FED">
            <w:r>
              <w:tab/>
            </w:r>
            <w:r>
              <w:tab/>
            </w:r>
            <w:r>
              <w:tab/>
            </w:r>
            <w:r>
              <w:tab/>
              <w:t xml:space="preserve">}  </w:t>
            </w:r>
          </w:p>
          <w:p w:rsidR="00A35FED" w:rsidRDefault="00A35FED" w:rsidP="00A35FED">
            <w:r>
              <w:tab/>
            </w:r>
            <w:r>
              <w:tab/>
            </w:r>
            <w:r>
              <w:tab/>
            </w:r>
            <w:r>
              <w:tab/>
              <w:t>if($labelresidence){</w:t>
            </w:r>
          </w:p>
          <w:p w:rsidR="00A35FED" w:rsidRDefault="00A35FED" w:rsidP="00A35FED">
            <w:r>
              <w:tab/>
            </w:r>
            <w:r>
              <w:tab/>
            </w:r>
            <w:r>
              <w:tab/>
              <w:t>?&gt;</w:t>
            </w:r>
          </w:p>
          <w:p w:rsidR="00A35FED" w:rsidRDefault="00A35FED" w:rsidP="00A35FED">
            <w:r>
              <w:tab/>
            </w:r>
            <w:r>
              <w:tab/>
            </w:r>
            <w:r>
              <w:tab/>
            </w:r>
            <w:r>
              <w:tab/>
              <w:t>&lt;li&gt;&lt;?php echo $labelresidence; ?&gt; &lt;/li&gt;</w:t>
            </w:r>
          </w:p>
          <w:p w:rsidR="00A35FED" w:rsidRDefault="00A35FED" w:rsidP="00A35FED">
            <w:r>
              <w:tab/>
            </w:r>
            <w:r>
              <w:tab/>
            </w:r>
            <w:r>
              <w:tab/>
              <w:t>&lt;?php } } } ?&gt;</w:t>
            </w:r>
          </w:p>
          <w:p w:rsidR="00A35FED" w:rsidRDefault="00A35FED" w:rsidP="00A35FED">
            <w:r>
              <w:tab/>
            </w:r>
            <w:r>
              <w:tab/>
            </w:r>
            <w:r>
              <w:tab/>
              <w:t>&lt;/ul&gt;</w:t>
            </w:r>
          </w:p>
          <w:p w:rsidR="00A35FED" w:rsidRDefault="00A35FED" w:rsidP="00A35FED">
            <w:r>
              <w:t xml:space="preserve">        &lt;/div&gt;</w:t>
            </w:r>
          </w:p>
          <w:p w:rsidR="00A35FED" w:rsidRDefault="00A35FED" w:rsidP="00A35FED">
            <w:r>
              <w:t xml:space="preserve">        </w:t>
            </w:r>
          </w:p>
          <w:p w:rsidR="00A35FED" w:rsidRDefault="00A35FED" w:rsidP="00A35FED">
            <w:r>
              <w:t xml:space="preserve">    &lt;/div&gt;</w:t>
            </w:r>
          </w:p>
          <w:p w:rsidR="00A35FED" w:rsidRDefault="00A35FED" w:rsidP="00A35FED">
            <w:r>
              <w:t xml:space="preserve">    </w:t>
            </w:r>
          </w:p>
          <w:p w:rsidR="00A35FED" w:rsidRDefault="00A35FED" w:rsidP="00A35FED">
            <w:r>
              <w:t xml:space="preserve">    &lt;/section&gt;                </w:t>
            </w:r>
          </w:p>
          <w:p w:rsidR="00A35FED" w:rsidRDefault="00A35FED" w:rsidP="00A35FED">
            <w:r>
              <w:t xml:space="preserve">    &lt;section id="accommodations" class="detail"&gt;</w:t>
            </w:r>
          </w:p>
          <w:p w:rsidR="00A35FED" w:rsidRDefault="00A35FED" w:rsidP="00A35FED">
            <w:r>
              <w:t xml:space="preserve">        &lt;div class="feature-content"&gt;</w:t>
            </w:r>
          </w:p>
          <w:p w:rsidR="00A35FED" w:rsidRDefault="00A35FED" w:rsidP="00A35FED">
            <w:r>
              <w:t xml:space="preserve">        &lt;h5 class="feature-title"&gt;</w:t>
            </w:r>
          </w:p>
          <w:p w:rsidR="00A35FED" w:rsidRDefault="00A35FED" w:rsidP="00A35FED">
            <w:r>
              <w:t xml:space="preserve">            &lt;i class="fas fa-home mr-2"&gt;&lt;/i&gt;</w:t>
            </w:r>
          </w:p>
          <w:p w:rsidR="00A35FED" w:rsidRDefault="00A35FED" w:rsidP="00A35FED">
            <w:r>
              <w:t xml:space="preserve">            Accommodations Available (&lt;?php echo count($accomodation);?&gt;)</w:t>
            </w:r>
          </w:p>
          <w:p w:rsidR="00A35FED" w:rsidRDefault="00A35FED" w:rsidP="00A35FED">
            <w:r>
              <w:t xml:space="preserve">        &lt;/h5&gt;</w:t>
            </w:r>
          </w:p>
          <w:p w:rsidR="00A35FED" w:rsidRDefault="00A35FED" w:rsidP="00A35FED">
            <w:r>
              <w:t xml:space="preserve">            &lt;div class="col-md-12"&gt;</w:t>
            </w:r>
          </w:p>
          <w:p w:rsidR="00A35FED" w:rsidRDefault="00A35FED" w:rsidP="00A35FED">
            <w:r>
              <w:t xml:space="preserve">                &lt;ul class="bullets"&gt;</w:t>
            </w:r>
          </w:p>
          <w:p w:rsidR="00A35FED" w:rsidRDefault="00A35FED" w:rsidP="00A35FED">
            <w:r>
              <w:tab/>
            </w:r>
            <w:r>
              <w:tab/>
            </w:r>
            <w:r>
              <w:tab/>
            </w:r>
            <w:r>
              <w:tab/>
            </w:r>
            <w:r>
              <w:tab/>
              <w:t xml:space="preserve">&lt;?php </w:t>
            </w:r>
          </w:p>
          <w:p w:rsidR="00A35FED" w:rsidRDefault="00A35FED" w:rsidP="00A35FED">
            <w:r>
              <w:lastRenderedPageBreak/>
              <w:tab/>
            </w:r>
            <w:r>
              <w:tab/>
            </w:r>
            <w:r>
              <w:tab/>
            </w:r>
            <w:r>
              <w:tab/>
            </w:r>
            <w:r>
              <w:tab/>
            </w:r>
          </w:p>
          <w:p w:rsidR="00A35FED" w:rsidRDefault="00A35FED" w:rsidP="00A35FED">
            <w:r>
              <w:tab/>
            </w:r>
            <w:r>
              <w:tab/>
            </w:r>
            <w:r>
              <w:tab/>
            </w:r>
            <w:r>
              <w:tab/>
            </w:r>
            <w:r>
              <w:tab/>
              <w:t>if ($accomodation){</w:t>
            </w:r>
          </w:p>
          <w:p w:rsidR="00A35FED" w:rsidRDefault="00A35FED" w:rsidP="00A35FED">
            <w:r>
              <w:tab/>
            </w:r>
            <w:r>
              <w:tab/>
            </w:r>
            <w:r>
              <w:tab/>
            </w:r>
            <w:r>
              <w:tab/>
            </w:r>
            <w:r>
              <w:tab/>
            </w:r>
            <w:r>
              <w:tab/>
              <w:t xml:space="preserve">for($r=0;$r&lt;count($accomodation);$r++){ </w:t>
            </w:r>
          </w:p>
          <w:p w:rsidR="00A35FED" w:rsidRDefault="00A35FED" w:rsidP="00A35FED">
            <w:r>
              <w:tab/>
            </w:r>
            <w:r>
              <w:tab/>
            </w:r>
            <w:r>
              <w:tab/>
            </w:r>
            <w:r>
              <w:tab/>
            </w:r>
            <w:r>
              <w:tab/>
            </w:r>
            <w:r>
              <w:tab/>
            </w:r>
            <w:r>
              <w:tab/>
              <w:t xml:space="preserve">$acc_name </w:t>
            </w:r>
            <w:r>
              <w:tab/>
              <w:t>=</w:t>
            </w:r>
            <w:r>
              <w:tab/>
              <w:t>$accomodation[$r];</w:t>
            </w:r>
          </w:p>
          <w:p w:rsidR="00A35FED" w:rsidRDefault="00A35FED" w:rsidP="00A35FED">
            <w:r>
              <w:tab/>
            </w:r>
            <w:r>
              <w:tab/>
            </w:r>
            <w:r>
              <w:tab/>
            </w:r>
            <w:r>
              <w:tab/>
            </w:r>
            <w:r>
              <w:tab/>
            </w:r>
            <w:r>
              <w:tab/>
            </w:r>
            <w:r>
              <w:tab/>
              <w:t xml:space="preserve">$SQL    = "SELECT * FROM slg_properties_attribute_value where propertie_id = $id and value =" . "'" . $acc_name . "' "  ;  </w:t>
            </w:r>
          </w:p>
          <w:p w:rsidR="00A35FED" w:rsidRDefault="00A35FED" w:rsidP="00A35FED">
            <w:r>
              <w:tab/>
            </w:r>
            <w:r>
              <w:tab/>
            </w:r>
            <w:r>
              <w:tab/>
            </w:r>
            <w:r>
              <w:tab/>
            </w:r>
            <w:r>
              <w:tab/>
            </w:r>
            <w:r>
              <w:tab/>
            </w:r>
            <w:r>
              <w:tab/>
              <w:t>$stmt   = $db-&gt;prepare($SQL);</w:t>
            </w:r>
          </w:p>
          <w:p w:rsidR="00A35FED" w:rsidRDefault="00A35FED" w:rsidP="00A35FED">
            <w:r>
              <w:tab/>
            </w:r>
            <w:r>
              <w:tab/>
            </w:r>
            <w:r>
              <w:tab/>
            </w:r>
            <w:r>
              <w:tab/>
            </w:r>
            <w:r>
              <w:tab/>
            </w:r>
            <w:r>
              <w:tab/>
            </w:r>
            <w:r>
              <w:tab/>
              <w:t>$stmt-&gt;execute();</w:t>
            </w:r>
          </w:p>
          <w:p w:rsidR="00A35FED" w:rsidRDefault="00A35FED" w:rsidP="00A35FED">
            <w:r>
              <w:tab/>
            </w:r>
            <w:r>
              <w:tab/>
            </w:r>
            <w:r>
              <w:tab/>
            </w:r>
            <w:r>
              <w:tab/>
            </w:r>
            <w:r>
              <w:tab/>
            </w:r>
            <w:r>
              <w:tab/>
            </w:r>
            <w:r>
              <w:tab/>
              <w:t xml:space="preserve">$rowCount = $stmt-&gt;rowCount() ;  </w:t>
            </w:r>
          </w:p>
          <w:p w:rsidR="00A35FED" w:rsidRDefault="00A35FED" w:rsidP="00A35FED">
            <w:r>
              <w:tab/>
            </w:r>
            <w:r>
              <w:tab/>
            </w:r>
            <w:r>
              <w:tab/>
            </w:r>
            <w:r>
              <w:tab/>
            </w:r>
            <w:r>
              <w:tab/>
            </w:r>
            <w:r>
              <w:tab/>
            </w:r>
            <w:r>
              <w:tab/>
              <w:t xml:space="preserve">while ($row_acc = $stmt-&gt;fetch(PDO::FETCH_ASSOC)) {  </w:t>
            </w:r>
          </w:p>
          <w:p w:rsidR="00A35FED" w:rsidRDefault="00A35FED" w:rsidP="00A35FED">
            <w:r>
              <w:tab/>
            </w:r>
            <w:r>
              <w:tab/>
            </w:r>
            <w:r>
              <w:tab/>
            </w:r>
            <w:r>
              <w:tab/>
            </w:r>
            <w:r>
              <w:tab/>
            </w:r>
            <w:r>
              <w:tab/>
            </w:r>
            <w:r>
              <w:tab/>
            </w:r>
            <w:r>
              <w:tab/>
              <w:t>if( $row_acc['value']=='shared_room'){</w:t>
            </w:r>
          </w:p>
          <w:p w:rsidR="00A35FED" w:rsidRDefault="00A35FED" w:rsidP="00A35FED">
            <w:r>
              <w:tab/>
            </w:r>
            <w:r>
              <w:tab/>
            </w:r>
            <w:r>
              <w:tab/>
            </w:r>
            <w:r>
              <w:tab/>
            </w:r>
            <w:r>
              <w:tab/>
            </w:r>
            <w:r>
              <w:tab/>
            </w:r>
            <w:r>
              <w:tab/>
            </w:r>
            <w:r>
              <w:tab/>
            </w:r>
            <w:r>
              <w:tab/>
              <w:t xml:space="preserve">$labelacc_name  </w:t>
            </w:r>
            <w:r>
              <w:tab/>
              <w:t>=</w:t>
            </w:r>
            <w:r>
              <w:tab/>
              <w:t xml:space="preserve">"Shared Room"; </w:t>
            </w:r>
          </w:p>
          <w:p w:rsidR="00A35FED" w:rsidRDefault="00A35FED" w:rsidP="00A35FED">
            <w:r>
              <w:tab/>
            </w:r>
            <w:r>
              <w:tab/>
            </w:r>
            <w:r>
              <w:tab/>
            </w:r>
            <w:r>
              <w:tab/>
            </w:r>
            <w:r>
              <w:tab/>
            </w:r>
            <w:r>
              <w:tab/>
            </w:r>
            <w:r>
              <w:tab/>
            </w:r>
            <w:r>
              <w:tab/>
              <w:t>}elseif( $row_acc['value']=='private_room'){</w:t>
            </w:r>
          </w:p>
          <w:p w:rsidR="00A35FED" w:rsidRDefault="00A35FED" w:rsidP="00A35FED">
            <w:r>
              <w:tab/>
            </w:r>
            <w:r>
              <w:tab/>
            </w:r>
            <w:r>
              <w:tab/>
            </w:r>
            <w:r>
              <w:tab/>
            </w:r>
            <w:r>
              <w:tab/>
            </w:r>
            <w:r>
              <w:tab/>
            </w:r>
            <w:r>
              <w:tab/>
            </w:r>
            <w:r>
              <w:tab/>
            </w:r>
            <w:r>
              <w:tab/>
              <w:t xml:space="preserve">$labelacc_name </w:t>
            </w:r>
            <w:r>
              <w:tab/>
              <w:t>=</w:t>
            </w:r>
            <w:r>
              <w:tab/>
              <w:t xml:space="preserve">"Private Room"; </w:t>
            </w:r>
          </w:p>
          <w:p w:rsidR="00A35FED" w:rsidRDefault="00A35FED" w:rsidP="00A35FED">
            <w:r>
              <w:tab/>
            </w:r>
            <w:r>
              <w:tab/>
            </w:r>
            <w:r>
              <w:tab/>
            </w:r>
            <w:r>
              <w:tab/>
            </w:r>
            <w:r>
              <w:tab/>
            </w:r>
            <w:r>
              <w:tab/>
            </w:r>
            <w:r>
              <w:tab/>
            </w:r>
            <w:r>
              <w:tab/>
              <w:t>}elseif( $row_acc['value']=='studio_shared_bathroom'){</w:t>
            </w:r>
          </w:p>
          <w:p w:rsidR="00A35FED" w:rsidRDefault="00A35FED" w:rsidP="00A35FED">
            <w:r>
              <w:tab/>
            </w:r>
            <w:r>
              <w:tab/>
            </w:r>
            <w:r>
              <w:tab/>
            </w:r>
            <w:r>
              <w:tab/>
            </w:r>
            <w:r>
              <w:tab/>
            </w:r>
            <w:r>
              <w:tab/>
            </w:r>
            <w:r>
              <w:tab/>
            </w:r>
            <w:r>
              <w:tab/>
            </w:r>
            <w:r>
              <w:tab/>
              <w:t xml:space="preserve">$labelacc_name </w:t>
            </w:r>
            <w:r>
              <w:tab/>
              <w:t>=</w:t>
            </w:r>
            <w:r>
              <w:tab/>
              <w:t xml:space="preserve">"Studio Shared Bathroom"; </w:t>
            </w:r>
          </w:p>
          <w:p w:rsidR="00A35FED" w:rsidRDefault="00A35FED" w:rsidP="00A35FED">
            <w:r>
              <w:tab/>
            </w:r>
            <w:r>
              <w:tab/>
            </w:r>
            <w:r>
              <w:tab/>
            </w:r>
            <w:r>
              <w:tab/>
            </w:r>
            <w:r>
              <w:tab/>
            </w:r>
            <w:r>
              <w:tab/>
            </w:r>
            <w:r>
              <w:tab/>
            </w:r>
            <w:r>
              <w:tab/>
              <w:t>}elseif( $row_acc['value']=='studio_Private_bathroom'){</w:t>
            </w:r>
          </w:p>
          <w:p w:rsidR="00A35FED" w:rsidRDefault="00A35FED" w:rsidP="00A35FED">
            <w:r>
              <w:tab/>
            </w:r>
            <w:r>
              <w:tab/>
            </w:r>
            <w:r>
              <w:tab/>
            </w:r>
            <w:r>
              <w:tab/>
            </w:r>
            <w:r>
              <w:tab/>
            </w:r>
            <w:r>
              <w:tab/>
            </w:r>
            <w:r>
              <w:tab/>
            </w:r>
            <w:r>
              <w:tab/>
            </w:r>
            <w:r>
              <w:tab/>
              <w:t xml:space="preserve">$labelacc_name </w:t>
            </w:r>
            <w:r>
              <w:tab/>
              <w:t>=</w:t>
            </w:r>
            <w:r>
              <w:tab/>
              <w:t xml:space="preserve">"Studio Private Bathroom"; </w:t>
            </w:r>
          </w:p>
          <w:p w:rsidR="00A35FED" w:rsidRDefault="00A35FED" w:rsidP="00A35FED">
            <w:r>
              <w:tab/>
            </w:r>
            <w:r>
              <w:tab/>
            </w:r>
            <w:r>
              <w:tab/>
            </w:r>
            <w:r>
              <w:tab/>
            </w:r>
            <w:r>
              <w:tab/>
            </w:r>
            <w:r>
              <w:tab/>
            </w:r>
            <w:r>
              <w:tab/>
            </w:r>
            <w:r>
              <w:tab/>
              <w:t>}elseif( $row_acc['value']=='one_bedroom_one_bathroom'){</w:t>
            </w:r>
          </w:p>
          <w:p w:rsidR="00A35FED" w:rsidRDefault="00A35FED" w:rsidP="00A35FED">
            <w:r>
              <w:tab/>
            </w:r>
            <w:r>
              <w:tab/>
            </w:r>
            <w:r>
              <w:tab/>
            </w:r>
            <w:r>
              <w:tab/>
            </w:r>
            <w:r>
              <w:tab/>
            </w:r>
            <w:r>
              <w:tab/>
            </w:r>
            <w:r>
              <w:tab/>
            </w:r>
            <w:r>
              <w:tab/>
            </w:r>
            <w:r>
              <w:tab/>
              <w:t>$labelacc_name</w:t>
            </w:r>
            <w:r>
              <w:tab/>
              <w:t>=</w:t>
            </w:r>
            <w:r>
              <w:tab/>
              <w:t xml:space="preserve">"One Bedroom One Bathroom"; </w:t>
            </w:r>
          </w:p>
          <w:p w:rsidR="00A35FED" w:rsidRDefault="00A35FED" w:rsidP="00A35FED">
            <w:r>
              <w:tab/>
            </w:r>
            <w:r>
              <w:tab/>
            </w:r>
            <w:r>
              <w:tab/>
            </w:r>
            <w:r>
              <w:tab/>
            </w:r>
            <w:r>
              <w:tab/>
            </w:r>
            <w:r>
              <w:tab/>
            </w:r>
            <w:r>
              <w:tab/>
            </w:r>
            <w:r>
              <w:tab/>
              <w:t>}elseif( $row_acc['value']=='two_bedrooms_one_bathroom'){</w:t>
            </w:r>
          </w:p>
          <w:p w:rsidR="00A35FED" w:rsidRDefault="00A35FED" w:rsidP="00A35FED">
            <w:r>
              <w:tab/>
            </w:r>
            <w:r>
              <w:tab/>
            </w:r>
            <w:r>
              <w:tab/>
            </w:r>
            <w:r>
              <w:tab/>
            </w:r>
            <w:r>
              <w:tab/>
            </w:r>
            <w:r>
              <w:tab/>
            </w:r>
            <w:r>
              <w:tab/>
            </w:r>
            <w:r>
              <w:tab/>
            </w:r>
            <w:r>
              <w:tab/>
              <w:t>$labelacc_name</w:t>
            </w:r>
            <w:r>
              <w:tab/>
              <w:t>=</w:t>
            </w:r>
            <w:r>
              <w:tab/>
              <w:t xml:space="preserve">"Two Bedrooms One Bathroom"; </w:t>
            </w:r>
          </w:p>
          <w:p w:rsidR="00A35FED" w:rsidRDefault="00A35FED" w:rsidP="00A35FED">
            <w:r>
              <w:tab/>
            </w:r>
            <w:r>
              <w:tab/>
            </w:r>
            <w:r>
              <w:tab/>
            </w:r>
            <w:r>
              <w:tab/>
            </w:r>
            <w:r>
              <w:tab/>
            </w:r>
            <w:r>
              <w:tab/>
            </w:r>
            <w:r>
              <w:tab/>
            </w:r>
            <w:r>
              <w:tab/>
              <w:t>}elseif( $row_acc['value']=='two_bedrooms_two_bathrooms'){</w:t>
            </w:r>
          </w:p>
          <w:p w:rsidR="00A35FED" w:rsidRDefault="00A35FED" w:rsidP="00A35FED">
            <w:r>
              <w:tab/>
            </w:r>
            <w:r>
              <w:tab/>
            </w:r>
            <w:r>
              <w:tab/>
            </w:r>
            <w:r>
              <w:tab/>
            </w:r>
            <w:r>
              <w:tab/>
            </w:r>
            <w:r>
              <w:tab/>
            </w:r>
            <w:r>
              <w:tab/>
            </w:r>
            <w:r>
              <w:tab/>
            </w:r>
            <w:r>
              <w:tab/>
              <w:t>$$labelacc_name</w:t>
            </w:r>
            <w:r>
              <w:tab/>
              <w:t>=</w:t>
            </w:r>
            <w:r>
              <w:tab/>
              <w:t xml:space="preserve">"Two Bedrooms Two Bathrooms"; </w:t>
            </w:r>
          </w:p>
          <w:p w:rsidR="00A35FED" w:rsidRDefault="00A35FED" w:rsidP="00A35FED">
            <w:r>
              <w:tab/>
            </w:r>
            <w:r>
              <w:tab/>
            </w:r>
            <w:r>
              <w:tab/>
            </w:r>
            <w:r>
              <w:tab/>
            </w:r>
            <w:r>
              <w:tab/>
            </w:r>
            <w:r>
              <w:tab/>
            </w:r>
            <w:r>
              <w:tab/>
            </w:r>
            <w:r>
              <w:tab/>
              <w:t>}elseif( $row_acc['value']=='cottages'){</w:t>
            </w:r>
          </w:p>
          <w:p w:rsidR="00A35FED" w:rsidRDefault="00A35FED" w:rsidP="00A35FED">
            <w:r>
              <w:tab/>
            </w:r>
            <w:r>
              <w:tab/>
            </w:r>
            <w:r>
              <w:tab/>
            </w:r>
            <w:r>
              <w:tab/>
            </w:r>
            <w:r>
              <w:tab/>
            </w:r>
            <w:r>
              <w:tab/>
            </w:r>
            <w:r>
              <w:tab/>
            </w:r>
            <w:r>
              <w:tab/>
            </w:r>
            <w:r>
              <w:tab/>
              <w:t>$labelacc_name</w:t>
            </w:r>
            <w:r>
              <w:tab/>
              <w:t>=</w:t>
            </w:r>
            <w:r>
              <w:tab/>
              <w:t xml:space="preserve">"Cottages"; </w:t>
            </w:r>
          </w:p>
          <w:p w:rsidR="00A35FED" w:rsidRDefault="00A35FED" w:rsidP="00A35FED">
            <w:r>
              <w:tab/>
            </w:r>
            <w:r>
              <w:tab/>
            </w:r>
            <w:r>
              <w:tab/>
            </w:r>
            <w:r>
              <w:tab/>
            </w:r>
            <w:r>
              <w:tab/>
            </w:r>
            <w:r>
              <w:tab/>
            </w:r>
            <w:r>
              <w:tab/>
            </w:r>
            <w:r>
              <w:tab/>
              <w:t>}elseif( $row_acc['value']=='bungalows'){</w:t>
            </w:r>
          </w:p>
          <w:p w:rsidR="00A35FED" w:rsidRDefault="00A35FED" w:rsidP="00A35FED">
            <w:r>
              <w:tab/>
            </w:r>
            <w:r>
              <w:tab/>
            </w:r>
            <w:r>
              <w:tab/>
            </w:r>
            <w:r>
              <w:tab/>
            </w:r>
            <w:r>
              <w:tab/>
            </w:r>
            <w:r>
              <w:tab/>
            </w:r>
            <w:r>
              <w:tab/>
            </w:r>
            <w:r>
              <w:tab/>
            </w:r>
            <w:r>
              <w:tab/>
              <w:t>$labelacc_name</w:t>
            </w:r>
            <w:r>
              <w:tab/>
              <w:t>=</w:t>
            </w:r>
            <w:r>
              <w:tab/>
              <w:t xml:space="preserve">"Bungalows"; </w:t>
            </w:r>
          </w:p>
          <w:p w:rsidR="00A35FED" w:rsidRDefault="00A35FED" w:rsidP="00A35FED">
            <w:r>
              <w:tab/>
            </w:r>
            <w:r>
              <w:tab/>
            </w:r>
            <w:r>
              <w:tab/>
            </w:r>
            <w:r>
              <w:tab/>
            </w:r>
            <w:r>
              <w:tab/>
            </w:r>
            <w:r>
              <w:tab/>
            </w:r>
            <w:r>
              <w:tab/>
            </w:r>
            <w:r>
              <w:tab/>
              <w:t>}elseif( $row_acc['value']=='town_homes'){</w:t>
            </w:r>
          </w:p>
          <w:p w:rsidR="00A35FED" w:rsidRDefault="00A35FED" w:rsidP="00A35FED">
            <w:r>
              <w:tab/>
            </w:r>
            <w:r>
              <w:tab/>
            </w:r>
            <w:r>
              <w:tab/>
            </w:r>
            <w:r>
              <w:tab/>
            </w:r>
            <w:r>
              <w:tab/>
            </w:r>
            <w:r>
              <w:tab/>
            </w:r>
            <w:r>
              <w:tab/>
            </w:r>
            <w:r>
              <w:tab/>
            </w:r>
            <w:r>
              <w:tab/>
              <w:t>$labelacc_name</w:t>
            </w:r>
            <w:r>
              <w:tab/>
              <w:t>=</w:t>
            </w:r>
            <w:r>
              <w:lastRenderedPageBreak/>
              <w:tab/>
              <w:t xml:space="preserve">"Town Homes"; </w:t>
            </w:r>
          </w:p>
          <w:p w:rsidR="00A35FED" w:rsidRDefault="00A35FED" w:rsidP="00A35FED">
            <w:r>
              <w:tab/>
            </w:r>
            <w:r>
              <w:tab/>
            </w:r>
            <w:r>
              <w:tab/>
            </w:r>
            <w:r>
              <w:tab/>
            </w:r>
            <w:r>
              <w:tab/>
            </w:r>
            <w:r>
              <w:tab/>
            </w:r>
            <w:r>
              <w:tab/>
            </w:r>
            <w:r>
              <w:tab/>
              <w:t>}elseif( $row_acc['value']=='condominium'){</w:t>
            </w:r>
          </w:p>
          <w:p w:rsidR="00A35FED" w:rsidRDefault="00A35FED" w:rsidP="00A35FED">
            <w:r>
              <w:tab/>
            </w:r>
            <w:r>
              <w:tab/>
            </w:r>
            <w:r>
              <w:tab/>
            </w:r>
            <w:r>
              <w:tab/>
            </w:r>
            <w:r>
              <w:tab/>
            </w:r>
            <w:r>
              <w:tab/>
            </w:r>
            <w:r>
              <w:tab/>
            </w:r>
            <w:r>
              <w:tab/>
            </w:r>
            <w:r>
              <w:tab/>
              <w:t>$labelacc_name</w:t>
            </w:r>
            <w:r>
              <w:tab/>
              <w:t>=</w:t>
            </w:r>
            <w:r>
              <w:tab/>
              <w:t xml:space="preserve">"Condominium"; </w:t>
            </w:r>
          </w:p>
          <w:p w:rsidR="00A35FED" w:rsidRDefault="00A35FED" w:rsidP="00A35FED">
            <w:r>
              <w:tab/>
            </w:r>
            <w:r>
              <w:tab/>
            </w:r>
            <w:r>
              <w:tab/>
            </w:r>
            <w:r>
              <w:tab/>
            </w:r>
            <w:r>
              <w:tab/>
            </w:r>
            <w:r>
              <w:tab/>
            </w:r>
            <w:r>
              <w:tab/>
            </w:r>
            <w:r>
              <w:tab/>
              <w:t>}</w:t>
            </w:r>
          </w:p>
          <w:p w:rsidR="00A35FED" w:rsidRDefault="00A35FED" w:rsidP="00A35FED">
            <w:r>
              <w:tab/>
            </w:r>
            <w:r>
              <w:tab/>
            </w:r>
            <w:r>
              <w:tab/>
            </w:r>
            <w:r>
              <w:tab/>
            </w:r>
            <w:r>
              <w:tab/>
            </w:r>
            <w:r>
              <w:tab/>
            </w:r>
            <w:r>
              <w:tab/>
            </w:r>
            <w:r>
              <w:tab/>
              <w:t>if($labelacc_name){</w:t>
            </w:r>
          </w:p>
          <w:p w:rsidR="00A35FED" w:rsidRDefault="00A35FED" w:rsidP="00A35FED">
            <w:r>
              <w:tab/>
            </w:r>
            <w:r>
              <w:tab/>
            </w:r>
            <w:r>
              <w:tab/>
            </w:r>
            <w:r>
              <w:tab/>
            </w:r>
            <w:r>
              <w:tab/>
            </w:r>
            <w:r>
              <w:tab/>
              <w:t>?&gt;</w:t>
            </w:r>
          </w:p>
          <w:p w:rsidR="00A35FED" w:rsidRDefault="00A35FED" w:rsidP="00A35FED">
            <w:r>
              <w:tab/>
            </w:r>
            <w:r>
              <w:tab/>
            </w:r>
            <w:r>
              <w:tab/>
            </w:r>
            <w:r>
              <w:tab/>
            </w:r>
            <w:r>
              <w:tab/>
            </w:r>
            <w:r>
              <w:tab/>
            </w:r>
            <w:r>
              <w:tab/>
              <w:t>&lt;li&gt;&lt;?php echo $labelacc_name;?&gt;&lt;span class="badge badge-pill badge-warning"&gt;$&lt;?php echo $row_acc['price'];?&gt;&lt;/span&gt;&lt;/li&gt;</w:t>
            </w:r>
          </w:p>
          <w:p w:rsidR="00A35FED" w:rsidRDefault="00A35FED" w:rsidP="00A35FED">
            <w:r>
              <w:tab/>
            </w:r>
            <w:r>
              <w:tab/>
            </w:r>
            <w:r>
              <w:tab/>
            </w:r>
            <w:r>
              <w:tab/>
            </w:r>
            <w:r>
              <w:tab/>
              <w:t xml:space="preserve">&lt;?php } } }  } ?&gt; </w:t>
            </w:r>
          </w:p>
          <w:p w:rsidR="00A35FED" w:rsidRDefault="00A35FED" w:rsidP="00A35FED">
            <w:r>
              <w:tab/>
            </w:r>
            <w:r>
              <w:tab/>
            </w:r>
            <w:r>
              <w:tab/>
            </w:r>
            <w:r>
              <w:tab/>
              <w:t xml:space="preserve">&lt;/ul&gt; </w:t>
            </w:r>
          </w:p>
          <w:p w:rsidR="00A35FED" w:rsidRDefault="00A35FED" w:rsidP="00A35FED">
            <w:r>
              <w:t xml:space="preserve">            &lt;/div&gt;</w:t>
            </w:r>
          </w:p>
          <w:p w:rsidR="00A35FED" w:rsidRDefault="00A35FED" w:rsidP="00A35FED">
            <w:r>
              <w:t xml:space="preserve">            &lt;/div&gt;</w:t>
            </w:r>
          </w:p>
          <w:p w:rsidR="00A35FED" w:rsidRDefault="00A35FED" w:rsidP="00A35FED">
            <w:r>
              <w:t>&lt;/section&gt;</w:t>
            </w:r>
          </w:p>
          <w:p w:rsidR="00A35FED" w:rsidRDefault="00A35FED" w:rsidP="00A35FED">
            <w:r>
              <w:t>&lt;section id="rental_services" class="detail"&gt;</w:t>
            </w:r>
          </w:p>
          <w:p w:rsidR="00A35FED" w:rsidRDefault="00A35FED" w:rsidP="00A35FED">
            <w:r>
              <w:t xml:space="preserve">    &lt;div class="feature-content"&gt;</w:t>
            </w:r>
          </w:p>
          <w:p w:rsidR="00A35FED" w:rsidRDefault="00A35FED" w:rsidP="00A35FED">
            <w:r>
              <w:t xml:space="preserve">        &lt;h5 class="feature-title"&gt;</w:t>
            </w:r>
          </w:p>
          <w:p w:rsidR="00A35FED" w:rsidRDefault="00A35FED" w:rsidP="00A35FED">
            <w:r>
              <w:t xml:space="preserve">            &lt;i class="fas fa-coins mr-2"&gt;&lt;/i&gt;</w:t>
            </w:r>
          </w:p>
          <w:p w:rsidR="00A35FED" w:rsidRDefault="00A35FED" w:rsidP="00A35FED">
            <w:r>
              <w:t xml:space="preserve">            Services</w:t>
            </w:r>
          </w:p>
          <w:p w:rsidR="00A35FED" w:rsidRDefault="00A35FED" w:rsidP="00A35FED">
            <w:r>
              <w:t xml:space="preserve">        &lt;/h5&gt;</w:t>
            </w:r>
          </w:p>
          <w:p w:rsidR="00A35FED" w:rsidRDefault="00A35FED" w:rsidP="00A35FED">
            <w:r>
              <w:t xml:space="preserve">        &lt;div class="col-md-12"&gt;</w:t>
            </w:r>
          </w:p>
          <w:p w:rsidR="00A35FED" w:rsidRDefault="00A35FED" w:rsidP="00A35FED">
            <w:r>
              <w:t xml:space="preserve">                &lt;ul class="bullets"&gt;</w:t>
            </w:r>
          </w:p>
          <w:p w:rsidR="00A35FED" w:rsidRDefault="00A35FED" w:rsidP="00A35FED">
            <w:r>
              <w:tab/>
            </w:r>
            <w:r>
              <w:tab/>
            </w:r>
            <w:r>
              <w:tab/>
            </w:r>
            <w:r>
              <w:tab/>
            </w:r>
            <w:r>
              <w:tab/>
              <w:t>&lt;?php if($services){</w:t>
            </w:r>
          </w:p>
          <w:p w:rsidR="00A35FED" w:rsidRDefault="00A35FED" w:rsidP="00A35FED">
            <w:r>
              <w:tab/>
            </w:r>
            <w:r>
              <w:tab/>
            </w:r>
            <w:r>
              <w:tab/>
              <w:t xml:space="preserve">for($r=0;$r&lt;count($services);$r++){ </w:t>
            </w:r>
          </w:p>
          <w:p w:rsidR="00A35FED" w:rsidRDefault="00A35FED" w:rsidP="00A35FED">
            <w:r>
              <w:tab/>
            </w:r>
            <w:r>
              <w:tab/>
            </w:r>
            <w:r>
              <w:tab/>
            </w:r>
            <w:r>
              <w:tab/>
              <w:t>if( $services[$r]=='housekeeping'){</w:t>
            </w:r>
          </w:p>
          <w:p w:rsidR="00A35FED" w:rsidRDefault="00A35FED" w:rsidP="00A35FED">
            <w:r>
              <w:tab/>
            </w:r>
            <w:r>
              <w:tab/>
            </w:r>
            <w:r>
              <w:tab/>
            </w:r>
            <w:r>
              <w:tab/>
            </w:r>
            <w:r>
              <w:tab/>
              <w:t xml:space="preserve">$labelservices </w:t>
            </w:r>
            <w:r>
              <w:tab/>
              <w:t>=</w:t>
            </w:r>
            <w:r>
              <w:tab/>
              <w:t xml:space="preserve">"Housekeeping"; </w:t>
            </w:r>
          </w:p>
          <w:p w:rsidR="00A35FED" w:rsidRDefault="00A35FED" w:rsidP="00A35FED">
            <w:r>
              <w:tab/>
            </w:r>
            <w:r>
              <w:tab/>
            </w:r>
            <w:r>
              <w:tab/>
            </w:r>
            <w:r>
              <w:tab/>
              <w:t>}elseif( $services[$r]=='transportation'){</w:t>
            </w:r>
          </w:p>
          <w:p w:rsidR="00A35FED" w:rsidRDefault="00A35FED" w:rsidP="00A35FED">
            <w:r>
              <w:tab/>
            </w:r>
            <w:r>
              <w:tab/>
            </w:r>
            <w:r>
              <w:tab/>
            </w:r>
            <w:r>
              <w:tab/>
            </w:r>
            <w:r>
              <w:tab/>
              <w:t xml:space="preserve">$labelservices </w:t>
            </w:r>
            <w:r>
              <w:tab/>
              <w:t>=</w:t>
            </w:r>
            <w:r>
              <w:tab/>
              <w:t xml:space="preserve">"Transportation"; </w:t>
            </w:r>
          </w:p>
          <w:p w:rsidR="00A35FED" w:rsidRDefault="00A35FED" w:rsidP="00A35FED">
            <w:r>
              <w:tab/>
            </w:r>
            <w:r>
              <w:tab/>
            </w:r>
            <w:r>
              <w:tab/>
            </w:r>
            <w:r>
              <w:tab/>
              <w:t>}elseif( $services[$r]=='laundry'){</w:t>
            </w:r>
          </w:p>
          <w:p w:rsidR="00A35FED" w:rsidRDefault="00A35FED" w:rsidP="00A35FED">
            <w:r>
              <w:tab/>
            </w:r>
            <w:r>
              <w:tab/>
            </w:r>
            <w:r>
              <w:tab/>
            </w:r>
            <w:r>
              <w:tab/>
            </w:r>
            <w:r>
              <w:tab/>
              <w:t xml:space="preserve">$labelservices </w:t>
            </w:r>
            <w:r>
              <w:tab/>
              <w:t>=</w:t>
            </w:r>
            <w:r>
              <w:tab/>
              <w:t xml:space="preserve">"Laundry"; </w:t>
            </w:r>
          </w:p>
          <w:p w:rsidR="00A35FED" w:rsidRDefault="00A35FED" w:rsidP="00A35FED">
            <w:r>
              <w:tab/>
            </w:r>
            <w:r>
              <w:tab/>
            </w:r>
            <w:r>
              <w:tab/>
            </w:r>
            <w:r>
              <w:tab/>
              <w:t>}elseif( $services[$r]=='room_service'){</w:t>
            </w:r>
          </w:p>
          <w:p w:rsidR="00A35FED" w:rsidRDefault="00A35FED" w:rsidP="00A35FED">
            <w:r>
              <w:tab/>
            </w:r>
            <w:r>
              <w:tab/>
            </w:r>
            <w:r>
              <w:tab/>
            </w:r>
            <w:r>
              <w:tab/>
            </w:r>
            <w:r>
              <w:tab/>
              <w:t>$labelservices</w:t>
            </w:r>
            <w:r>
              <w:tab/>
              <w:t>=</w:t>
            </w:r>
            <w:r>
              <w:tab/>
              <w:t xml:space="preserve">"Room Service"; </w:t>
            </w:r>
          </w:p>
          <w:p w:rsidR="00A35FED" w:rsidRDefault="00A35FED" w:rsidP="00A35FED">
            <w:r>
              <w:tab/>
            </w:r>
            <w:r>
              <w:tab/>
            </w:r>
            <w:r>
              <w:tab/>
            </w:r>
            <w:r>
              <w:tab/>
              <w:t>}</w:t>
            </w:r>
          </w:p>
          <w:p w:rsidR="00A35FED" w:rsidRDefault="00A35FED" w:rsidP="00A35FED">
            <w:r>
              <w:tab/>
            </w:r>
            <w:r>
              <w:tab/>
            </w:r>
            <w:r>
              <w:tab/>
            </w:r>
            <w:r>
              <w:tab/>
              <w:t xml:space="preserve">if($labelservices){ </w:t>
            </w:r>
          </w:p>
          <w:p w:rsidR="00A35FED" w:rsidRDefault="00A35FED" w:rsidP="00A35FED">
            <w:r>
              <w:tab/>
            </w:r>
            <w:r>
              <w:tab/>
            </w:r>
            <w:r>
              <w:tab/>
              <w:t>?&gt;</w:t>
            </w:r>
          </w:p>
          <w:p w:rsidR="00A35FED" w:rsidRDefault="00A35FED" w:rsidP="00A35FED">
            <w:r>
              <w:tab/>
            </w:r>
            <w:r>
              <w:tab/>
            </w:r>
            <w:r>
              <w:tab/>
            </w:r>
            <w:r>
              <w:tab/>
              <w:t>&lt;li&gt;&lt;?php echo $labelservices; ?&gt; &lt;/li&gt;</w:t>
            </w:r>
          </w:p>
          <w:p w:rsidR="00A35FED" w:rsidRDefault="00A35FED" w:rsidP="00A35FED">
            <w:r>
              <w:tab/>
            </w:r>
            <w:r>
              <w:tab/>
            </w:r>
            <w:r>
              <w:tab/>
              <w:t xml:space="preserve">&lt;?php } } } ?&gt;                 </w:t>
            </w:r>
          </w:p>
          <w:p w:rsidR="00A35FED" w:rsidRDefault="00A35FED" w:rsidP="00A35FED">
            <w:r>
              <w:t xml:space="preserve">                &lt;/ul&gt;</w:t>
            </w:r>
          </w:p>
          <w:p w:rsidR="00A35FED" w:rsidRDefault="00A35FED" w:rsidP="00A35FED">
            <w:r>
              <w:t xml:space="preserve">        &lt;/div&gt;</w:t>
            </w:r>
          </w:p>
          <w:p w:rsidR="00A35FED" w:rsidRDefault="00A35FED" w:rsidP="00A35FED">
            <w:r>
              <w:t xml:space="preserve">    &lt;/div&gt;</w:t>
            </w:r>
          </w:p>
          <w:p w:rsidR="00A35FED" w:rsidRDefault="00A35FED" w:rsidP="00A35FED">
            <w:r>
              <w:t>&lt;/section&gt;</w:t>
            </w:r>
          </w:p>
          <w:p w:rsidR="00A35FED" w:rsidRDefault="00A35FED" w:rsidP="00A35FED">
            <w:r>
              <w:t>&lt;section id="meal_plan" class="detail"&gt;</w:t>
            </w:r>
          </w:p>
          <w:p w:rsidR="00A35FED" w:rsidRDefault="00A35FED" w:rsidP="00A35FED">
            <w:r>
              <w:t xml:space="preserve">    &lt;div class="feature-content"&gt;</w:t>
            </w:r>
          </w:p>
          <w:p w:rsidR="00A35FED" w:rsidRDefault="00A35FED" w:rsidP="00A35FED">
            <w:r>
              <w:t xml:space="preserve">        &lt;h5 class="feature-title"&gt;</w:t>
            </w:r>
          </w:p>
          <w:p w:rsidR="00A35FED" w:rsidRDefault="00A35FED" w:rsidP="00A35FED">
            <w:r>
              <w:t xml:space="preserve">            &lt;i class="fas fa-coins mr-2"&gt;&lt;/i&gt;</w:t>
            </w:r>
          </w:p>
          <w:p w:rsidR="00A35FED" w:rsidRDefault="00A35FED" w:rsidP="00A35FED">
            <w:r>
              <w:t xml:space="preserve">            Meal Plan &amp; Diet Nutrition</w:t>
            </w:r>
          </w:p>
          <w:p w:rsidR="00A35FED" w:rsidRDefault="00A35FED" w:rsidP="00A35FED">
            <w:r>
              <w:t xml:space="preserve">        &lt;/h5&gt;</w:t>
            </w:r>
          </w:p>
          <w:p w:rsidR="00A35FED" w:rsidRDefault="00A35FED" w:rsidP="00A35FED">
            <w:r>
              <w:lastRenderedPageBreak/>
              <w:t xml:space="preserve">        &lt;div class="col-md-12"&gt;</w:t>
            </w:r>
          </w:p>
          <w:p w:rsidR="00A35FED" w:rsidRDefault="00A35FED" w:rsidP="00A35FED">
            <w:r>
              <w:t xml:space="preserve">            &lt;div class="row"&gt;</w:t>
            </w:r>
          </w:p>
          <w:p w:rsidR="00A35FED" w:rsidRDefault="00A35FED" w:rsidP="00A35FED">
            <w:r>
              <w:t xml:space="preserve">                &lt;div class="col-md-6 col-6"&gt;</w:t>
            </w:r>
          </w:p>
          <w:p w:rsidR="00A35FED" w:rsidRDefault="00A35FED" w:rsidP="00A35FED">
            <w:r>
              <w:t xml:space="preserve">                    &lt;h6 class="add_bottom_15"&gt;</w:t>
            </w:r>
          </w:p>
          <w:p w:rsidR="00A35FED" w:rsidRDefault="00A35FED" w:rsidP="00A35FED">
            <w:r>
              <w:t xml:space="preserve">                        Meal Plan</w:t>
            </w:r>
          </w:p>
          <w:p w:rsidR="00A35FED" w:rsidRDefault="00A35FED" w:rsidP="00A35FED">
            <w:r>
              <w:t xml:space="preserve">                    &lt;/h6&gt;</w:t>
            </w:r>
          </w:p>
          <w:p w:rsidR="00A35FED" w:rsidRDefault="00A35FED" w:rsidP="00A35FED">
            <w:r>
              <w:t xml:space="preserve">                        &lt;ul class="bullets"&gt;</w:t>
            </w:r>
          </w:p>
          <w:p w:rsidR="00A35FED" w:rsidRDefault="00A35FED" w:rsidP="00A35FED">
            <w:r>
              <w:tab/>
            </w:r>
            <w:r>
              <w:tab/>
            </w:r>
            <w:r>
              <w:tab/>
            </w:r>
            <w:r>
              <w:tab/>
            </w:r>
            <w:r>
              <w:tab/>
            </w:r>
            <w:r>
              <w:tab/>
              <w:t xml:space="preserve">&lt;?php </w:t>
            </w:r>
          </w:p>
          <w:p w:rsidR="00A35FED" w:rsidRDefault="00A35FED" w:rsidP="00A35FED">
            <w:r>
              <w:tab/>
            </w:r>
            <w:r>
              <w:tab/>
            </w:r>
            <w:r>
              <w:tab/>
            </w:r>
            <w:r>
              <w:tab/>
            </w:r>
            <w:r>
              <w:tab/>
            </w:r>
            <w:r>
              <w:tab/>
            </w:r>
            <w:r>
              <w:tab/>
              <w:t>if ($meals){</w:t>
            </w:r>
          </w:p>
          <w:p w:rsidR="00A35FED" w:rsidRDefault="00A35FED" w:rsidP="00A35FED">
            <w:r>
              <w:tab/>
            </w:r>
            <w:r>
              <w:tab/>
            </w:r>
            <w:r>
              <w:tab/>
            </w:r>
            <w:r>
              <w:tab/>
            </w:r>
            <w:r>
              <w:tab/>
            </w:r>
            <w:r>
              <w:tab/>
            </w:r>
            <w:r>
              <w:tab/>
              <w:t xml:space="preserve">for($r=0;$r&lt;count($meals);$r++){ </w:t>
            </w:r>
          </w:p>
          <w:p w:rsidR="00A35FED" w:rsidRDefault="00A35FED" w:rsidP="00A35FED">
            <w:r>
              <w:tab/>
            </w:r>
            <w:r>
              <w:tab/>
            </w:r>
            <w:r>
              <w:tab/>
            </w:r>
            <w:r>
              <w:tab/>
            </w:r>
            <w:r>
              <w:tab/>
            </w:r>
            <w:r>
              <w:tab/>
            </w:r>
            <w:r>
              <w:tab/>
            </w:r>
            <w:r>
              <w:tab/>
              <w:t>if( $meals[$r]=='one_meal_lunch_r_dinner'){</w:t>
            </w:r>
          </w:p>
          <w:p w:rsidR="00A35FED" w:rsidRDefault="00A35FED" w:rsidP="00A35FED">
            <w:r>
              <w:tab/>
            </w:r>
            <w:r>
              <w:tab/>
            </w:r>
            <w:r>
              <w:tab/>
            </w:r>
            <w:r>
              <w:tab/>
            </w:r>
            <w:r>
              <w:tab/>
            </w:r>
            <w:r>
              <w:tab/>
            </w:r>
            <w:r>
              <w:tab/>
            </w:r>
            <w:r>
              <w:tab/>
            </w:r>
            <w:r>
              <w:tab/>
              <w:t xml:space="preserve">$labelmeals </w:t>
            </w:r>
            <w:r>
              <w:tab/>
              <w:t>=</w:t>
            </w:r>
            <w:r>
              <w:tab/>
              <w:t xml:space="preserve">"1 Meal - Lunch or Dinner"; </w:t>
            </w:r>
          </w:p>
          <w:p w:rsidR="00A35FED" w:rsidRDefault="00A35FED" w:rsidP="00A35FED">
            <w:r>
              <w:tab/>
            </w:r>
            <w:r>
              <w:tab/>
            </w:r>
            <w:r>
              <w:tab/>
            </w:r>
            <w:r>
              <w:tab/>
            </w:r>
            <w:r>
              <w:tab/>
            </w:r>
            <w:r>
              <w:tab/>
            </w:r>
            <w:r>
              <w:tab/>
            </w:r>
            <w:r>
              <w:tab/>
              <w:t>}elseif( $meals[$r]=='two_meal_breakfast_lunch_r_dinner'){</w:t>
            </w:r>
          </w:p>
          <w:p w:rsidR="00A35FED" w:rsidRDefault="00A35FED" w:rsidP="00A35FED">
            <w:r>
              <w:tab/>
            </w:r>
            <w:r>
              <w:tab/>
            </w:r>
            <w:r>
              <w:tab/>
            </w:r>
            <w:r>
              <w:tab/>
            </w:r>
            <w:r>
              <w:tab/>
            </w:r>
            <w:r>
              <w:tab/>
            </w:r>
            <w:r>
              <w:tab/>
            </w:r>
            <w:r>
              <w:tab/>
            </w:r>
            <w:r>
              <w:tab/>
              <w:t xml:space="preserve">$labelmeals </w:t>
            </w:r>
            <w:r>
              <w:tab/>
              <w:t>=</w:t>
            </w:r>
            <w:r>
              <w:tab/>
              <w:t xml:space="preserve">"2 meals - Breakfast, Lunch or Dinner"; </w:t>
            </w:r>
          </w:p>
          <w:p w:rsidR="00A35FED" w:rsidRDefault="00A35FED" w:rsidP="00A35FED">
            <w:r>
              <w:tab/>
            </w:r>
            <w:r>
              <w:tab/>
            </w:r>
            <w:r>
              <w:tab/>
            </w:r>
            <w:r>
              <w:tab/>
            </w:r>
            <w:r>
              <w:tab/>
            </w:r>
            <w:r>
              <w:tab/>
            </w:r>
            <w:r>
              <w:tab/>
            </w:r>
            <w:r>
              <w:tab/>
              <w:t>}elseif( $meals[$r]=='three_meal_breakfast_Lunch_a_dinner'){</w:t>
            </w:r>
          </w:p>
          <w:p w:rsidR="00A35FED" w:rsidRDefault="00A35FED" w:rsidP="00A35FED">
            <w:r>
              <w:tab/>
            </w:r>
            <w:r>
              <w:tab/>
            </w:r>
            <w:r>
              <w:tab/>
            </w:r>
            <w:r>
              <w:tab/>
            </w:r>
            <w:r>
              <w:tab/>
            </w:r>
            <w:r>
              <w:tab/>
            </w:r>
            <w:r>
              <w:tab/>
            </w:r>
            <w:r>
              <w:tab/>
            </w:r>
            <w:r>
              <w:tab/>
              <w:t xml:space="preserve">$labelmeals </w:t>
            </w:r>
            <w:r>
              <w:tab/>
              <w:t>=</w:t>
            </w:r>
            <w:r>
              <w:tab/>
              <w:t xml:space="preserve">"3 meals - Breakfast, Lunch &amp; Dinner"; </w:t>
            </w:r>
          </w:p>
          <w:p w:rsidR="00A35FED" w:rsidRDefault="00A35FED" w:rsidP="00A35FED">
            <w:r>
              <w:tab/>
            </w:r>
            <w:r>
              <w:tab/>
            </w:r>
            <w:r>
              <w:tab/>
            </w:r>
            <w:r>
              <w:tab/>
            </w:r>
            <w:r>
              <w:tab/>
            </w:r>
            <w:r>
              <w:tab/>
            </w:r>
            <w:r>
              <w:tab/>
            </w:r>
            <w:r>
              <w:tab/>
              <w:t>}elseif( $meals[$r]=='snacks'){</w:t>
            </w:r>
          </w:p>
          <w:p w:rsidR="00A35FED" w:rsidRDefault="00A35FED" w:rsidP="00A35FED">
            <w:r>
              <w:tab/>
            </w:r>
            <w:r>
              <w:tab/>
            </w:r>
            <w:r>
              <w:tab/>
            </w:r>
            <w:r>
              <w:tab/>
            </w:r>
            <w:r>
              <w:tab/>
            </w:r>
            <w:r>
              <w:tab/>
            </w:r>
            <w:r>
              <w:tab/>
            </w:r>
            <w:r>
              <w:tab/>
            </w:r>
            <w:r>
              <w:tab/>
              <w:t xml:space="preserve">$labelmeals </w:t>
            </w:r>
            <w:r>
              <w:tab/>
              <w:t>=</w:t>
            </w:r>
            <w:r>
              <w:tab/>
              <w:t xml:space="preserve">"Snacks"; </w:t>
            </w:r>
          </w:p>
          <w:p w:rsidR="00A35FED" w:rsidRDefault="00A35FED" w:rsidP="00A35FED">
            <w:r>
              <w:tab/>
            </w:r>
            <w:r>
              <w:tab/>
            </w:r>
            <w:r>
              <w:tab/>
            </w:r>
            <w:r>
              <w:tab/>
            </w:r>
            <w:r>
              <w:tab/>
            </w:r>
            <w:r>
              <w:tab/>
            </w:r>
            <w:r>
              <w:tab/>
            </w:r>
            <w:r>
              <w:tab/>
              <w:t>}</w:t>
            </w:r>
          </w:p>
          <w:p w:rsidR="00A35FED" w:rsidRDefault="00A35FED" w:rsidP="00A35FED">
            <w:r>
              <w:tab/>
            </w:r>
            <w:r>
              <w:tab/>
            </w:r>
            <w:r>
              <w:tab/>
            </w:r>
            <w:r>
              <w:tab/>
            </w:r>
            <w:r>
              <w:tab/>
            </w:r>
            <w:r>
              <w:tab/>
            </w:r>
            <w:r>
              <w:tab/>
            </w:r>
            <w:r>
              <w:tab/>
              <w:t>if($labelmeals){</w:t>
            </w:r>
          </w:p>
          <w:p w:rsidR="00A35FED" w:rsidRDefault="00A35FED" w:rsidP="00A35FED">
            <w:r>
              <w:tab/>
            </w:r>
            <w:r>
              <w:tab/>
            </w:r>
            <w:r>
              <w:tab/>
            </w:r>
            <w:r>
              <w:tab/>
            </w:r>
            <w:r>
              <w:tab/>
            </w:r>
            <w:r>
              <w:tab/>
            </w:r>
            <w:r>
              <w:tab/>
              <w:t>?&gt;</w:t>
            </w:r>
          </w:p>
          <w:p w:rsidR="00A35FED" w:rsidRDefault="00A35FED" w:rsidP="00A35FED">
            <w:r>
              <w:tab/>
            </w:r>
            <w:r>
              <w:tab/>
            </w:r>
            <w:r>
              <w:tab/>
            </w:r>
            <w:r>
              <w:tab/>
            </w:r>
            <w:r>
              <w:tab/>
            </w:r>
            <w:r>
              <w:tab/>
            </w:r>
            <w:r>
              <w:tab/>
            </w:r>
            <w:r>
              <w:tab/>
              <w:t>&lt;li&gt;&lt;?php echo $labelmeals; ?&gt; &lt;/li&gt;</w:t>
            </w:r>
          </w:p>
          <w:p w:rsidR="00A35FED" w:rsidRDefault="00A35FED" w:rsidP="00A35FED">
            <w:r>
              <w:tab/>
            </w:r>
            <w:r>
              <w:tab/>
            </w:r>
            <w:r>
              <w:tab/>
            </w:r>
            <w:r>
              <w:tab/>
            </w:r>
            <w:r>
              <w:tab/>
            </w:r>
            <w:r>
              <w:tab/>
            </w:r>
            <w:r>
              <w:tab/>
              <w:t xml:space="preserve">&lt;?php } } }?&gt;     </w:t>
            </w:r>
          </w:p>
          <w:p w:rsidR="00A35FED" w:rsidRDefault="00A35FED" w:rsidP="00A35FED">
            <w:r>
              <w:tab/>
            </w:r>
            <w:r>
              <w:tab/>
            </w:r>
            <w:r>
              <w:tab/>
            </w:r>
            <w:r>
              <w:tab/>
            </w:r>
            <w:r>
              <w:tab/>
            </w:r>
            <w:r>
              <w:tab/>
            </w:r>
          </w:p>
          <w:p w:rsidR="00A35FED" w:rsidRDefault="00A35FED" w:rsidP="00A35FED">
            <w:r>
              <w:tab/>
            </w:r>
            <w:r>
              <w:tab/>
            </w:r>
            <w:r>
              <w:tab/>
            </w:r>
            <w:r>
              <w:tab/>
            </w:r>
            <w:r>
              <w:tab/>
            </w:r>
            <w:r>
              <w:tab/>
              <w:t>&lt;/ul&gt;</w:t>
            </w:r>
          </w:p>
          <w:p w:rsidR="00A35FED" w:rsidRDefault="00A35FED" w:rsidP="00A35FED">
            <w:r>
              <w:t xml:space="preserve">                    &lt;/div&gt;</w:t>
            </w:r>
          </w:p>
          <w:p w:rsidR="00A35FED" w:rsidRDefault="00A35FED" w:rsidP="00A35FED">
            <w:r>
              <w:t xml:space="preserve">                &lt;div class="col-md-6 col-6"&gt;</w:t>
            </w:r>
          </w:p>
          <w:p w:rsidR="00A35FED" w:rsidRDefault="00A35FED" w:rsidP="00A35FED">
            <w:r>
              <w:t xml:space="preserve">                    &lt;h6 class="add_bottom_15"&gt;</w:t>
            </w:r>
          </w:p>
          <w:p w:rsidR="00A35FED" w:rsidRDefault="00A35FED" w:rsidP="00A35FED">
            <w:r>
              <w:t xml:space="preserve">                        Diet Nutrition</w:t>
            </w:r>
          </w:p>
          <w:p w:rsidR="00A35FED" w:rsidRDefault="00A35FED" w:rsidP="00A35FED">
            <w:r>
              <w:t xml:space="preserve">                    &lt;/h6&gt;</w:t>
            </w:r>
          </w:p>
          <w:p w:rsidR="00A35FED" w:rsidRDefault="00A35FED" w:rsidP="00A35FED">
            <w:r>
              <w:t xml:space="preserve">                        &lt;ul class="bullets"&gt;</w:t>
            </w:r>
          </w:p>
          <w:p w:rsidR="00A35FED" w:rsidRDefault="00A35FED" w:rsidP="00A35FED">
            <w:r>
              <w:tab/>
            </w:r>
            <w:r>
              <w:tab/>
            </w:r>
            <w:r>
              <w:tab/>
            </w:r>
            <w:r>
              <w:tab/>
            </w:r>
            <w:r>
              <w:tab/>
            </w:r>
            <w:r>
              <w:tab/>
              <w:t>&lt;?php if ($diet){</w:t>
            </w:r>
          </w:p>
          <w:p w:rsidR="00A35FED" w:rsidRDefault="00A35FED" w:rsidP="00A35FED">
            <w:r>
              <w:tab/>
            </w:r>
            <w:r>
              <w:tab/>
            </w:r>
            <w:r>
              <w:tab/>
            </w:r>
            <w:r>
              <w:tab/>
            </w:r>
            <w:r>
              <w:tab/>
            </w:r>
            <w:r>
              <w:tab/>
            </w:r>
            <w:r>
              <w:tab/>
              <w:t xml:space="preserve">for($r=0;$r&lt;count($diet);$r++){ </w:t>
            </w:r>
          </w:p>
          <w:p w:rsidR="00A35FED" w:rsidRDefault="00A35FED" w:rsidP="00A35FED">
            <w:r>
              <w:tab/>
            </w:r>
            <w:r>
              <w:tab/>
            </w:r>
            <w:r>
              <w:tab/>
            </w:r>
            <w:r>
              <w:tab/>
            </w:r>
            <w:r>
              <w:tab/>
            </w:r>
            <w:r>
              <w:tab/>
            </w:r>
            <w:r>
              <w:tab/>
              <w:t>if($diet[$r]=='sugar_free_diabetic'){</w:t>
            </w:r>
          </w:p>
          <w:p w:rsidR="00A35FED" w:rsidRDefault="00A35FED" w:rsidP="00A35FED">
            <w:r>
              <w:tab/>
            </w:r>
            <w:r>
              <w:tab/>
            </w:r>
            <w:r>
              <w:tab/>
            </w:r>
            <w:r>
              <w:tab/>
            </w:r>
            <w:r>
              <w:tab/>
            </w:r>
            <w:r>
              <w:tab/>
            </w:r>
            <w:r>
              <w:tab/>
            </w:r>
            <w:r>
              <w:tab/>
              <w:t>$labeldiet</w:t>
            </w:r>
            <w:r>
              <w:tab/>
              <w:t>=</w:t>
            </w:r>
            <w:r>
              <w:tab/>
              <w:t xml:space="preserve">"Sugar Free/Diabetic"; </w:t>
            </w:r>
          </w:p>
          <w:p w:rsidR="00A35FED" w:rsidRDefault="00A35FED" w:rsidP="00A35FED">
            <w:r>
              <w:tab/>
            </w:r>
            <w:r>
              <w:tab/>
            </w:r>
            <w:r>
              <w:tab/>
            </w:r>
            <w:r>
              <w:tab/>
            </w:r>
            <w:r>
              <w:tab/>
            </w:r>
            <w:r>
              <w:tab/>
            </w:r>
            <w:r>
              <w:tab/>
              <w:t>}elseif( $diet[$r]=='vegetarian'){</w:t>
            </w:r>
          </w:p>
          <w:p w:rsidR="00A35FED" w:rsidRDefault="00A35FED" w:rsidP="00A35FED">
            <w:r>
              <w:tab/>
            </w:r>
            <w:r>
              <w:tab/>
            </w:r>
            <w:r>
              <w:tab/>
            </w:r>
            <w:r>
              <w:tab/>
            </w:r>
            <w:r>
              <w:tab/>
            </w:r>
            <w:r>
              <w:tab/>
            </w:r>
            <w:r>
              <w:tab/>
            </w:r>
            <w:r>
              <w:tab/>
              <w:t>$labeldiet</w:t>
            </w:r>
            <w:r>
              <w:tab/>
              <w:t>=</w:t>
            </w:r>
            <w:r>
              <w:tab/>
              <w:t xml:space="preserve">"Vegetarian"; </w:t>
            </w:r>
          </w:p>
          <w:p w:rsidR="00A35FED" w:rsidRDefault="00A35FED" w:rsidP="00A35FED">
            <w:r>
              <w:tab/>
            </w:r>
            <w:r>
              <w:tab/>
            </w:r>
            <w:r>
              <w:tab/>
            </w:r>
            <w:r>
              <w:tab/>
            </w:r>
            <w:r>
              <w:tab/>
            </w:r>
            <w:r>
              <w:tab/>
            </w:r>
            <w:r>
              <w:tab/>
              <w:t>}elseif( $diet[$r]=='dairy_free'){</w:t>
            </w:r>
          </w:p>
          <w:p w:rsidR="00A35FED" w:rsidRDefault="00A35FED" w:rsidP="00A35FED">
            <w:r>
              <w:tab/>
            </w:r>
            <w:r>
              <w:tab/>
            </w:r>
            <w:r>
              <w:tab/>
            </w:r>
            <w:r>
              <w:tab/>
            </w:r>
            <w:r>
              <w:tab/>
            </w:r>
            <w:r>
              <w:tab/>
            </w:r>
            <w:r>
              <w:tab/>
            </w:r>
            <w:r>
              <w:tab/>
              <w:t>$labeldiet</w:t>
            </w:r>
            <w:r>
              <w:tab/>
              <w:t>=</w:t>
            </w:r>
            <w:r>
              <w:tab/>
              <w:t xml:space="preserve">"Dairy Free"; </w:t>
            </w:r>
          </w:p>
          <w:p w:rsidR="00A35FED" w:rsidRDefault="00A35FED" w:rsidP="00A35FED">
            <w:r>
              <w:tab/>
            </w:r>
            <w:r>
              <w:tab/>
            </w:r>
            <w:r>
              <w:tab/>
            </w:r>
            <w:r>
              <w:tab/>
            </w:r>
            <w:r>
              <w:tab/>
            </w:r>
            <w:r>
              <w:tab/>
            </w:r>
            <w:r>
              <w:tab/>
              <w:t>}elseif( $diet[$r]=='gluten_free'){</w:t>
            </w:r>
          </w:p>
          <w:p w:rsidR="00A35FED" w:rsidRDefault="00A35FED" w:rsidP="00A35FED">
            <w:r>
              <w:lastRenderedPageBreak/>
              <w:tab/>
            </w:r>
            <w:r>
              <w:tab/>
            </w:r>
            <w:r>
              <w:tab/>
            </w:r>
            <w:r>
              <w:tab/>
            </w:r>
            <w:r>
              <w:tab/>
            </w:r>
            <w:r>
              <w:tab/>
            </w:r>
            <w:r>
              <w:tab/>
            </w:r>
            <w:r>
              <w:tab/>
              <w:t>$labeldiet</w:t>
            </w:r>
            <w:r>
              <w:tab/>
              <w:t>=</w:t>
            </w:r>
            <w:r>
              <w:tab/>
              <w:t xml:space="preserve">"Gluten Free"; </w:t>
            </w:r>
          </w:p>
          <w:p w:rsidR="00A35FED" w:rsidRDefault="00A35FED" w:rsidP="00A35FED">
            <w:r>
              <w:tab/>
            </w:r>
            <w:r>
              <w:tab/>
            </w:r>
            <w:r>
              <w:tab/>
            </w:r>
            <w:r>
              <w:tab/>
            </w:r>
            <w:r>
              <w:tab/>
            </w:r>
            <w:r>
              <w:tab/>
            </w:r>
            <w:r>
              <w:tab/>
              <w:t>}elseif( $diet[$r]=='kosher'){</w:t>
            </w:r>
          </w:p>
          <w:p w:rsidR="00A35FED" w:rsidRDefault="00A35FED" w:rsidP="00A35FED">
            <w:r>
              <w:tab/>
            </w:r>
            <w:r>
              <w:tab/>
            </w:r>
            <w:r>
              <w:tab/>
            </w:r>
            <w:r>
              <w:tab/>
            </w:r>
            <w:r>
              <w:tab/>
            </w:r>
            <w:r>
              <w:tab/>
            </w:r>
            <w:r>
              <w:tab/>
            </w:r>
            <w:r>
              <w:tab/>
              <w:t>$labeldiet</w:t>
            </w:r>
            <w:r>
              <w:tab/>
              <w:t>=</w:t>
            </w:r>
            <w:r>
              <w:tab/>
              <w:t xml:space="preserve">"Kosher"; </w:t>
            </w:r>
          </w:p>
          <w:p w:rsidR="00A35FED" w:rsidRDefault="00A35FED" w:rsidP="00A35FED">
            <w:r>
              <w:tab/>
            </w:r>
            <w:r>
              <w:tab/>
            </w:r>
            <w:r>
              <w:tab/>
            </w:r>
            <w:r>
              <w:tab/>
            </w:r>
            <w:r>
              <w:tab/>
            </w:r>
            <w:r>
              <w:tab/>
            </w:r>
            <w:r>
              <w:tab/>
              <w:t>}</w:t>
            </w:r>
          </w:p>
          <w:p w:rsidR="00A35FED" w:rsidRDefault="00A35FED" w:rsidP="00A35FED">
            <w:r>
              <w:tab/>
            </w:r>
            <w:r>
              <w:tab/>
            </w:r>
            <w:r>
              <w:tab/>
            </w:r>
            <w:r>
              <w:tab/>
            </w:r>
            <w:r>
              <w:tab/>
            </w:r>
            <w:r>
              <w:tab/>
            </w:r>
            <w:r>
              <w:tab/>
              <w:t>if($labeldiet){</w:t>
            </w:r>
          </w:p>
          <w:p w:rsidR="00A35FED" w:rsidRDefault="00A35FED" w:rsidP="00A35FED">
            <w:r>
              <w:tab/>
            </w:r>
            <w:r>
              <w:tab/>
            </w:r>
            <w:r>
              <w:tab/>
            </w:r>
            <w:r>
              <w:tab/>
            </w:r>
            <w:r>
              <w:tab/>
            </w:r>
            <w:r>
              <w:tab/>
              <w:t>?&gt;</w:t>
            </w:r>
          </w:p>
          <w:p w:rsidR="00A35FED" w:rsidRDefault="00A35FED" w:rsidP="00A35FED">
            <w:r>
              <w:tab/>
            </w:r>
            <w:r>
              <w:tab/>
            </w:r>
            <w:r>
              <w:tab/>
            </w:r>
            <w:r>
              <w:tab/>
            </w:r>
            <w:r>
              <w:tab/>
            </w:r>
            <w:r>
              <w:tab/>
            </w:r>
            <w:r>
              <w:tab/>
              <w:t>&lt;li&gt;&lt;?php echo $labeldiet; ?&gt; &lt;/li&gt;</w:t>
            </w:r>
          </w:p>
          <w:p w:rsidR="00A35FED" w:rsidRDefault="00A35FED" w:rsidP="00A35FED">
            <w:r>
              <w:tab/>
            </w:r>
            <w:r>
              <w:tab/>
            </w:r>
            <w:r>
              <w:tab/>
            </w:r>
            <w:r>
              <w:tab/>
            </w:r>
            <w:r>
              <w:tab/>
            </w:r>
            <w:r>
              <w:tab/>
              <w:t xml:space="preserve">&lt;?php } } }?&gt;            </w:t>
            </w:r>
          </w:p>
          <w:p w:rsidR="00A35FED" w:rsidRDefault="00A35FED" w:rsidP="00A35FED">
            <w:r>
              <w:tab/>
            </w:r>
            <w:r>
              <w:tab/>
            </w:r>
            <w:r>
              <w:tab/>
            </w:r>
            <w:r>
              <w:tab/>
            </w:r>
            <w:r>
              <w:tab/>
            </w:r>
            <w:r>
              <w:tab/>
              <w:t xml:space="preserve">&lt;/ul&gt;                    </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lt;/section&gt;</w:t>
            </w:r>
          </w:p>
          <w:p w:rsidR="00A35FED" w:rsidRDefault="00A35FED" w:rsidP="00A35FED">
            <w:r>
              <w:t>&lt;section id="care_services" class="detail"&gt;</w:t>
            </w:r>
          </w:p>
          <w:p w:rsidR="00A35FED" w:rsidRDefault="00A35FED" w:rsidP="00A35FED">
            <w:r>
              <w:t xml:space="preserve">        &lt;div class="feature-content"&gt;</w:t>
            </w:r>
          </w:p>
          <w:p w:rsidR="00A35FED" w:rsidRDefault="00A35FED" w:rsidP="00A35FED">
            <w:r>
              <w:t xml:space="preserve">        &lt;h5 class="feature-title"&gt;</w:t>
            </w:r>
          </w:p>
          <w:p w:rsidR="00A35FED" w:rsidRDefault="00A35FED" w:rsidP="00A35FED">
            <w:r>
              <w:t xml:space="preserve">            &lt;i class="fas fa-hands mr-2"&gt;&lt;/i&gt;</w:t>
            </w:r>
          </w:p>
          <w:p w:rsidR="00A35FED" w:rsidRDefault="00A35FED" w:rsidP="00A35FED">
            <w:r>
              <w:t xml:space="preserve">            Care Services (&lt;?php echo count($care);?&gt;)</w:t>
            </w:r>
          </w:p>
          <w:p w:rsidR="00A35FED" w:rsidRDefault="00A35FED" w:rsidP="00A35FED">
            <w:r>
              <w:t xml:space="preserve">        &lt;/h5&gt;</w:t>
            </w:r>
          </w:p>
          <w:p w:rsidR="00A35FED" w:rsidRDefault="00A35FED" w:rsidP="00A35FED">
            <w:r>
              <w:t xml:space="preserve">            &lt;div class="col-md-12"&gt;</w:t>
            </w:r>
          </w:p>
          <w:p w:rsidR="00A35FED" w:rsidRDefault="00A35FED" w:rsidP="00A35FED">
            <w:r>
              <w:t xml:space="preserve">                &lt;ul class="bullets"&gt;  </w:t>
            </w:r>
          </w:p>
          <w:p w:rsidR="00A35FED" w:rsidRDefault="00A35FED" w:rsidP="00A35FED">
            <w:r>
              <w:tab/>
            </w:r>
            <w:r>
              <w:tab/>
            </w:r>
            <w:r>
              <w:tab/>
            </w:r>
            <w:r>
              <w:tab/>
            </w:r>
            <w:r>
              <w:tab/>
            </w:r>
            <w:r>
              <w:tab/>
              <w:t>&lt;?php if ($care){</w:t>
            </w:r>
          </w:p>
          <w:p w:rsidR="00A35FED" w:rsidRDefault="00A35FED" w:rsidP="00A35FED">
            <w:r>
              <w:tab/>
            </w:r>
            <w:r>
              <w:tab/>
            </w:r>
            <w:r>
              <w:tab/>
            </w:r>
            <w:r>
              <w:tab/>
            </w:r>
            <w:r>
              <w:tab/>
            </w:r>
            <w:r>
              <w:tab/>
            </w:r>
            <w:r>
              <w:tab/>
              <w:t xml:space="preserve">for($r=0;$r&lt;count($care);$r++){ </w:t>
            </w:r>
          </w:p>
          <w:p w:rsidR="00A35FED" w:rsidRDefault="00A35FED" w:rsidP="00A35FED">
            <w:r>
              <w:tab/>
            </w:r>
            <w:r>
              <w:tab/>
            </w:r>
            <w:r>
              <w:tab/>
            </w:r>
            <w:r>
              <w:tab/>
            </w:r>
            <w:r>
              <w:tab/>
            </w:r>
            <w:r>
              <w:tab/>
            </w:r>
            <w:r>
              <w:tab/>
              <w:t>if($care[$r]=='bathing'){</w:t>
            </w:r>
          </w:p>
          <w:p w:rsidR="00A35FED" w:rsidRDefault="00A35FED" w:rsidP="00A35FED">
            <w:r>
              <w:tab/>
            </w:r>
            <w:r>
              <w:tab/>
            </w:r>
            <w:r>
              <w:tab/>
            </w:r>
            <w:r>
              <w:tab/>
            </w:r>
            <w:r>
              <w:tab/>
            </w:r>
            <w:r>
              <w:tab/>
            </w:r>
            <w:r>
              <w:tab/>
            </w:r>
            <w:r>
              <w:tab/>
              <w:t>$labelcare</w:t>
            </w:r>
            <w:r>
              <w:tab/>
              <w:t>=</w:t>
            </w:r>
            <w:r>
              <w:tab/>
              <w:t xml:space="preserve">"Bathing"; </w:t>
            </w:r>
          </w:p>
          <w:p w:rsidR="00A35FED" w:rsidRDefault="00A35FED" w:rsidP="00A35FED">
            <w:r>
              <w:tab/>
            </w:r>
            <w:r>
              <w:tab/>
            </w:r>
            <w:r>
              <w:tab/>
            </w:r>
            <w:r>
              <w:tab/>
            </w:r>
            <w:r>
              <w:tab/>
            </w:r>
            <w:r>
              <w:tab/>
            </w:r>
            <w:r>
              <w:tab/>
              <w:t>}elseif( $care[$r]=='dressing'){</w:t>
            </w:r>
          </w:p>
          <w:p w:rsidR="00A35FED" w:rsidRDefault="00A35FED" w:rsidP="00A35FED">
            <w:r>
              <w:tab/>
            </w:r>
            <w:r>
              <w:tab/>
            </w:r>
            <w:r>
              <w:tab/>
            </w:r>
            <w:r>
              <w:tab/>
            </w:r>
            <w:r>
              <w:tab/>
            </w:r>
            <w:r>
              <w:tab/>
            </w:r>
            <w:r>
              <w:tab/>
            </w:r>
            <w:r>
              <w:tab/>
              <w:t>$labelcare</w:t>
            </w:r>
            <w:r>
              <w:tab/>
              <w:t xml:space="preserve"> </w:t>
            </w:r>
            <w:r>
              <w:tab/>
              <w:t>=</w:t>
            </w:r>
            <w:r>
              <w:tab/>
              <w:t xml:space="preserve">"Dressing"; </w:t>
            </w:r>
          </w:p>
          <w:p w:rsidR="00A35FED" w:rsidRDefault="00A35FED" w:rsidP="00A35FED">
            <w:r>
              <w:tab/>
            </w:r>
            <w:r>
              <w:tab/>
            </w:r>
            <w:r>
              <w:tab/>
            </w:r>
            <w:r>
              <w:tab/>
            </w:r>
            <w:r>
              <w:tab/>
            </w:r>
            <w:r>
              <w:tab/>
            </w:r>
            <w:r>
              <w:tab/>
              <w:t>}elseif( $care[$r]=='grooming'){</w:t>
            </w:r>
          </w:p>
          <w:p w:rsidR="00A35FED" w:rsidRDefault="00A35FED" w:rsidP="00A35FED">
            <w:r>
              <w:tab/>
            </w:r>
            <w:r>
              <w:tab/>
            </w:r>
            <w:r>
              <w:tab/>
            </w:r>
            <w:r>
              <w:tab/>
            </w:r>
            <w:r>
              <w:tab/>
            </w:r>
            <w:r>
              <w:tab/>
            </w:r>
            <w:r>
              <w:tab/>
            </w:r>
            <w:r>
              <w:tab/>
              <w:t>$labelcare</w:t>
            </w:r>
            <w:r>
              <w:tab/>
              <w:t xml:space="preserve"> </w:t>
            </w:r>
            <w:r>
              <w:tab/>
              <w:t>=</w:t>
            </w:r>
            <w:r>
              <w:tab/>
              <w:t xml:space="preserve">"Grooming"; </w:t>
            </w:r>
          </w:p>
          <w:p w:rsidR="00A35FED" w:rsidRDefault="00A35FED" w:rsidP="00A35FED">
            <w:r>
              <w:tab/>
            </w:r>
            <w:r>
              <w:tab/>
            </w:r>
            <w:r>
              <w:tab/>
            </w:r>
            <w:r>
              <w:tab/>
            </w:r>
            <w:r>
              <w:tab/>
            </w:r>
            <w:r>
              <w:tab/>
            </w:r>
            <w:r>
              <w:tab/>
              <w:t>}elseif( $care[$r]=='escorting'){</w:t>
            </w:r>
          </w:p>
          <w:p w:rsidR="00A35FED" w:rsidRDefault="00A35FED" w:rsidP="00A35FED">
            <w:r>
              <w:tab/>
            </w:r>
            <w:r>
              <w:tab/>
            </w:r>
            <w:r>
              <w:tab/>
            </w:r>
            <w:r>
              <w:tab/>
            </w:r>
            <w:r>
              <w:tab/>
            </w:r>
            <w:r>
              <w:tab/>
            </w:r>
            <w:r>
              <w:tab/>
            </w:r>
            <w:r>
              <w:tab/>
              <w:t>$labelcare</w:t>
            </w:r>
            <w:r>
              <w:tab/>
              <w:t xml:space="preserve"> </w:t>
            </w:r>
            <w:r>
              <w:tab/>
              <w:t>=</w:t>
            </w:r>
            <w:r>
              <w:tab/>
              <w:t xml:space="preserve">"Escorting"; </w:t>
            </w:r>
          </w:p>
          <w:p w:rsidR="00A35FED" w:rsidRDefault="00A35FED" w:rsidP="00A35FED">
            <w:r>
              <w:tab/>
            </w:r>
            <w:r>
              <w:tab/>
            </w:r>
            <w:r>
              <w:tab/>
            </w:r>
            <w:r>
              <w:tab/>
            </w:r>
            <w:r>
              <w:tab/>
            </w:r>
            <w:r>
              <w:tab/>
            </w:r>
            <w:r>
              <w:tab/>
              <w:t>}elseif( $care[$r]=='feeding'){</w:t>
            </w:r>
          </w:p>
          <w:p w:rsidR="00A35FED" w:rsidRDefault="00A35FED" w:rsidP="00A35FED">
            <w:r>
              <w:tab/>
            </w:r>
            <w:r>
              <w:tab/>
            </w:r>
            <w:r>
              <w:tab/>
            </w:r>
            <w:r>
              <w:tab/>
            </w:r>
            <w:r>
              <w:tab/>
            </w:r>
            <w:r>
              <w:tab/>
            </w:r>
            <w:r>
              <w:tab/>
            </w:r>
            <w:r>
              <w:tab/>
              <w:t>$labelcare</w:t>
            </w:r>
            <w:r>
              <w:tab/>
              <w:t xml:space="preserve"> </w:t>
            </w:r>
            <w:r>
              <w:tab/>
              <w:t>=</w:t>
            </w:r>
            <w:r>
              <w:tab/>
              <w:t xml:space="preserve">"Feeding"; </w:t>
            </w:r>
          </w:p>
          <w:p w:rsidR="00A35FED" w:rsidRDefault="00A35FED" w:rsidP="00A35FED">
            <w:r>
              <w:tab/>
            </w:r>
            <w:r>
              <w:tab/>
            </w:r>
            <w:r>
              <w:tab/>
            </w:r>
            <w:r>
              <w:tab/>
            </w:r>
            <w:r>
              <w:tab/>
            </w:r>
            <w:r>
              <w:tab/>
            </w:r>
            <w:r>
              <w:tab/>
              <w:t>}elseif( $care[$r]=='hoyer_lift'){</w:t>
            </w:r>
          </w:p>
          <w:p w:rsidR="00A35FED" w:rsidRDefault="00A35FED" w:rsidP="00A35FED">
            <w:r>
              <w:tab/>
            </w:r>
            <w:r>
              <w:tab/>
            </w:r>
            <w:r>
              <w:tab/>
            </w:r>
            <w:r>
              <w:tab/>
            </w:r>
            <w:r>
              <w:tab/>
            </w:r>
            <w:r>
              <w:tab/>
            </w:r>
            <w:r>
              <w:tab/>
            </w:r>
            <w:r>
              <w:tab/>
              <w:t>$labelcare</w:t>
            </w:r>
            <w:r>
              <w:tab/>
            </w:r>
            <w:r>
              <w:tab/>
              <w:t>=</w:t>
            </w:r>
            <w:r>
              <w:tab/>
              <w:t xml:space="preserve">"Hoyer Lift"; </w:t>
            </w:r>
          </w:p>
          <w:p w:rsidR="00A35FED" w:rsidRDefault="00A35FED" w:rsidP="00A35FED">
            <w:r>
              <w:tab/>
            </w:r>
            <w:r>
              <w:tab/>
            </w:r>
            <w:r>
              <w:tab/>
            </w:r>
            <w:r>
              <w:tab/>
            </w:r>
            <w:r>
              <w:tab/>
            </w:r>
            <w:r>
              <w:tab/>
            </w:r>
            <w:r>
              <w:tab/>
              <w:t>}elseif( $care[$r]=='insulin_injection_assistance'){</w:t>
            </w:r>
          </w:p>
          <w:p w:rsidR="00A35FED" w:rsidRDefault="00A35FED" w:rsidP="00A35FED">
            <w:r>
              <w:tab/>
            </w:r>
            <w:r>
              <w:tab/>
            </w:r>
            <w:r>
              <w:tab/>
            </w:r>
            <w:r>
              <w:tab/>
            </w:r>
            <w:r>
              <w:tab/>
            </w:r>
            <w:r>
              <w:tab/>
            </w:r>
            <w:r>
              <w:tab/>
            </w:r>
            <w:r>
              <w:tab/>
              <w:t>$labelcare</w:t>
            </w:r>
            <w:r>
              <w:tab/>
            </w:r>
            <w:r>
              <w:tab/>
              <w:t>=</w:t>
            </w:r>
            <w:r>
              <w:tab/>
              <w:t xml:space="preserve">"Insulin Injection Assistance"; </w:t>
            </w:r>
          </w:p>
          <w:p w:rsidR="00A35FED" w:rsidRDefault="00A35FED" w:rsidP="00A35FED">
            <w:r>
              <w:tab/>
            </w:r>
            <w:r>
              <w:tab/>
            </w:r>
            <w:r>
              <w:tab/>
            </w:r>
            <w:r>
              <w:tab/>
            </w:r>
            <w:r>
              <w:tab/>
            </w:r>
            <w:r>
              <w:tab/>
            </w:r>
            <w:r>
              <w:tab/>
              <w:t>}elseif( $care[$r]=='catheter_assistance'){</w:t>
            </w:r>
          </w:p>
          <w:p w:rsidR="00A35FED" w:rsidRDefault="00A35FED" w:rsidP="00A35FED">
            <w:r>
              <w:tab/>
            </w:r>
            <w:r>
              <w:tab/>
            </w:r>
            <w:r>
              <w:tab/>
            </w:r>
            <w:r>
              <w:tab/>
            </w:r>
            <w:r>
              <w:tab/>
            </w:r>
            <w:r>
              <w:tab/>
            </w:r>
            <w:r>
              <w:tab/>
            </w:r>
            <w:r>
              <w:tab/>
              <w:t>$labelcare</w:t>
            </w:r>
            <w:r>
              <w:tab/>
            </w:r>
            <w:r>
              <w:tab/>
              <w:t>=</w:t>
            </w:r>
            <w:r>
              <w:tab/>
              <w:t xml:space="preserve">"Catheter Assistance";  </w:t>
            </w:r>
          </w:p>
          <w:p w:rsidR="00A35FED" w:rsidRDefault="00A35FED" w:rsidP="00A35FED">
            <w:r>
              <w:lastRenderedPageBreak/>
              <w:tab/>
            </w:r>
            <w:r>
              <w:tab/>
            </w:r>
            <w:r>
              <w:tab/>
            </w:r>
            <w:r>
              <w:tab/>
            </w:r>
            <w:r>
              <w:tab/>
            </w:r>
            <w:r>
              <w:tab/>
            </w:r>
            <w:r>
              <w:tab/>
              <w:t>}elseif( $care[$r]=='visiting_podiatrist'){</w:t>
            </w:r>
          </w:p>
          <w:p w:rsidR="00A35FED" w:rsidRDefault="00A35FED" w:rsidP="00A35FED">
            <w:r>
              <w:tab/>
            </w:r>
            <w:r>
              <w:tab/>
            </w:r>
            <w:r>
              <w:tab/>
            </w:r>
            <w:r>
              <w:tab/>
            </w:r>
            <w:r>
              <w:tab/>
            </w:r>
            <w:r>
              <w:tab/>
            </w:r>
            <w:r>
              <w:tab/>
            </w:r>
            <w:r>
              <w:tab/>
              <w:t>$labelcare</w:t>
            </w:r>
            <w:r>
              <w:tab/>
            </w:r>
            <w:r>
              <w:tab/>
              <w:t>=</w:t>
            </w:r>
            <w:r>
              <w:tab/>
              <w:t xml:space="preserve">"Visiting Podiatrist"; </w:t>
            </w:r>
          </w:p>
          <w:p w:rsidR="00A35FED" w:rsidRDefault="00A35FED" w:rsidP="00A35FED">
            <w:r>
              <w:tab/>
            </w:r>
            <w:r>
              <w:tab/>
            </w:r>
            <w:r>
              <w:tab/>
            </w:r>
            <w:r>
              <w:tab/>
            </w:r>
            <w:r>
              <w:tab/>
            </w:r>
            <w:r>
              <w:tab/>
            </w:r>
            <w:r>
              <w:tab/>
              <w:t>}elseif( $care[$r]=='visiting_primary_physician'){</w:t>
            </w:r>
          </w:p>
          <w:p w:rsidR="00A35FED" w:rsidRDefault="00A35FED" w:rsidP="00A35FED">
            <w:r>
              <w:tab/>
            </w:r>
            <w:r>
              <w:tab/>
            </w:r>
            <w:r>
              <w:tab/>
            </w:r>
            <w:r>
              <w:tab/>
            </w:r>
            <w:r>
              <w:tab/>
            </w:r>
            <w:r>
              <w:tab/>
            </w:r>
            <w:r>
              <w:tab/>
            </w:r>
            <w:r>
              <w:tab/>
              <w:t>$labelcare</w:t>
            </w:r>
            <w:r>
              <w:tab/>
              <w:t xml:space="preserve"> </w:t>
            </w:r>
            <w:r>
              <w:tab/>
              <w:t>=</w:t>
            </w:r>
            <w:r>
              <w:tab/>
              <w:t xml:space="preserve">"Visiting Primary Physician"; </w:t>
            </w:r>
          </w:p>
          <w:p w:rsidR="00A35FED" w:rsidRDefault="00A35FED" w:rsidP="00A35FED">
            <w:r>
              <w:tab/>
            </w:r>
            <w:r>
              <w:tab/>
            </w:r>
            <w:r>
              <w:tab/>
            </w:r>
            <w:r>
              <w:tab/>
            </w:r>
            <w:r>
              <w:tab/>
            </w:r>
            <w:r>
              <w:tab/>
            </w:r>
            <w:r>
              <w:tab/>
              <w:t>}elseif( $care[$r]=='visiting_nurse_practioner'){</w:t>
            </w:r>
          </w:p>
          <w:p w:rsidR="00A35FED" w:rsidRDefault="00A35FED" w:rsidP="00A35FED">
            <w:r>
              <w:tab/>
            </w:r>
            <w:r>
              <w:tab/>
            </w:r>
            <w:r>
              <w:tab/>
            </w:r>
            <w:r>
              <w:tab/>
            </w:r>
            <w:r>
              <w:tab/>
            </w:r>
            <w:r>
              <w:tab/>
            </w:r>
            <w:r>
              <w:tab/>
            </w:r>
            <w:r>
              <w:tab/>
              <w:t>$labelcare</w:t>
            </w:r>
            <w:r>
              <w:tab/>
            </w:r>
            <w:r>
              <w:tab/>
              <w:t>=</w:t>
            </w:r>
            <w:r>
              <w:tab/>
              <w:t xml:space="preserve">"Visiting Nurse Practioner"; </w:t>
            </w:r>
          </w:p>
          <w:p w:rsidR="00A35FED" w:rsidRDefault="00A35FED" w:rsidP="00A35FED">
            <w:r>
              <w:tab/>
            </w:r>
            <w:r>
              <w:tab/>
            </w:r>
            <w:r>
              <w:tab/>
            </w:r>
            <w:r>
              <w:tab/>
            </w:r>
            <w:r>
              <w:tab/>
            </w:r>
            <w:r>
              <w:tab/>
            </w:r>
            <w:r>
              <w:tab/>
              <w:t>}elseif( $care[$r]=='visiting_physical_therapist'){</w:t>
            </w:r>
          </w:p>
          <w:p w:rsidR="00A35FED" w:rsidRDefault="00A35FED" w:rsidP="00A35FED">
            <w:r>
              <w:tab/>
            </w:r>
            <w:r>
              <w:tab/>
            </w:r>
            <w:r>
              <w:tab/>
            </w:r>
            <w:r>
              <w:tab/>
            </w:r>
            <w:r>
              <w:tab/>
            </w:r>
            <w:r>
              <w:tab/>
            </w:r>
            <w:r>
              <w:tab/>
            </w:r>
            <w:r>
              <w:tab/>
              <w:t>$labelcare</w:t>
            </w:r>
            <w:r>
              <w:tab/>
              <w:t xml:space="preserve"> </w:t>
            </w:r>
            <w:r>
              <w:tab/>
              <w:t>=</w:t>
            </w:r>
            <w:r>
              <w:tab/>
              <w:t xml:space="preserve">"Visiting Physical Therapist"; </w:t>
            </w:r>
          </w:p>
          <w:p w:rsidR="00A35FED" w:rsidRDefault="00A35FED" w:rsidP="00A35FED">
            <w:r>
              <w:tab/>
            </w:r>
            <w:r>
              <w:tab/>
            </w:r>
            <w:r>
              <w:tab/>
            </w:r>
            <w:r>
              <w:tab/>
            </w:r>
            <w:r>
              <w:tab/>
            </w:r>
            <w:r>
              <w:tab/>
            </w:r>
            <w:r>
              <w:tab/>
              <w:t>}</w:t>
            </w:r>
          </w:p>
          <w:p w:rsidR="00A35FED" w:rsidRDefault="00A35FED" w:rsidP="00A35FED">
            <w:r>
              <w:tab/>
            </w:r>
            <w:r>
              <w:tab/>
            </w:r>
            <w:r>
              <w:tab/>
            </w:r>
            <w:r>
              <w:tab/>
            </w:r>
            <w:r>
              <w:tab/>
            </w:r>
            <w:r>
              <w:tab/>
            </w:r>
            <w:r>
              <w:tab/>
              <w:t>if($labelcare</w:t>
            </w:r>
            <w:r>
              <w:tab/>
              <w:t>){</w:t>
            </w:r>
          </w:p>
          <w:p w:rsidR="00A35FED" w:rsidRDefault="00A35FED" w:rsidP="00A35FED">
            <w:r>
              <w:tab/>
            </w:r>
            <w:r>
              <w:tab/>
            </w:r>
            <w:r>
              <w:tab/>
            </w:r>
            <w:r>
              <w:tab/>
            </w:r>
            <w:r>
              <w:tab/>
            </w:r>
            <w:r>
              <w:tab/>
              <w:t>?&gt;</w:t>
            </w:r>
          </w:p>
          <w:p w:rsidR="00A35FED" w:rsidRDefault="00A35FED" w:rsidP="00A35FED">
            <w:r>
              <w:tab/>
            </w:r>
            <w:r>
              <w:tab/>
            </w:r>
            <w:r>
              <w:tab/>
            </w:r>
            <w:r>
              <w:tab/>
            </w:r>
            <w:r>
              <w:tab/>
            </w:r>
            <w:r>
              <w:tab/>
            </w:r>
            <w:r>
              <w:tab/>
              <w:t>&lt;li&gt;&lt;?php echo $labelcare; ?&gt; &lt;/li&gt;</w:t>
            </w:r>
          </w:p>
          <w:p w:rsidR="00A35FED" w:rsidRDefault="00A35FED" w:rsidP="00A35FED">
            <w:r>
              <w:tab/>
            </w:r>
            <w:r>
              <w:tab/>
            </w:r>
            <w:r>
              <w:tab/>
            </w:r>
            <w:r>
              <w:tab/>
            </w:r>
            <w:r>
              <w:tab/>
            </w:r>
            <w:r>
              <w:tab/>
              <w:t xml:space="preserve">&lt;?php } } }?&gt;            </w:t>
            </w:r>
            <w:r>
              <w:tab/>
            </w:r>
            <w:r>
              <w:tab/>
            </w:r>
            <w:r>
              <w:tab/>
              <w:t xml:space="preserve">   </w:t>
            </w:r>
          </w:p>
          <w:p w:rsidR="00A35FED" w:rsidRDefault="00A35FED" w:rsidP="00A35FED">
            <w:r>
              <w:tab/>
            </w:r>
            <w:r>
              <w:tab/>
            </w:r>
            <w:r>
              <w:tab/>
            </w:r>
            <w:r>
              <w:tab/>
            </w:r>
            <w:r>
              <w:tab/>
              <w:t xml:space="preserve"> &lt;/ul&gt;</w:t>
            </w:r>
          </w:p>
          <w:p w:rsidR="00A35FED" w:rsidRDefault="00A35FED" w:rsidP="00A35FED">
            <w:r>
              <w:t xml:space="preserve">                &lt;/div&gt;</w:t>
            </w:r>
          </w:p>
          <w:p w:rsidR="00A35FED" w:rsidRDefault="00A35FED" w:rsidP="00A35FED">
            <w:r>
              <w:t xml:space="preserve">            &lt;/div&gt;</w:t>
            </w:r>
          </w:p>
          <w:p w:rsidR="00A35FED" w:rsidRDefault="00A35FED" w:rsidP="00A35FED">
            <w:r>
              <w:t>&lt;/section&gt;</w:t>
            </w:r>
          </w:p>
          <w:p w:rsidR="00A35FED" w:rsidRDefault="00A35FED" w:rsidP="00A35FED">
            <w:r>
              <w:t>&lt;section id="amenities" class="detail"&gt;</w:t>
            </w:r>
          </w:p>
          <w:p w:rsidR="00A35FED" w:rsidRDefault="00A35FED" w:rsidP="00A35FED">
            <w:r>
              <w:t xml:space="preserve">        &lt;div class="feature-content"&gt;</w:t>
            </w:r>
          </w:p>
          <w:p w:rsidR="00A35FED" w:rsidRDefault="00A35FED" w:rsidP="00A35FED">
            <w:r>
              <w:t xml:space="preserve">        &lt;h5 class="feature-title"&gt;</w:t>
            </w:r>
          </w:p>
          <w:p w:rsidR="00A35FED" w:rsidRDefault="00A35FED" w:rsidP="00A35FED">
            <w:r>
              <w:t xml:space="preserve">            &lt;i class="fas fa-sitemap mr-2"&gt;&lt;/i&gt;</w:t>
            </w:r>
          </w:p>
          <w:p w:rsidR="00A35FED" w:rsidRDefault="00A35FED" w:rsidP="00A35FED">
            <w:r>
              <w:t xml:space="preserve">            Amenities  (&lt;?php echo count($amenities);?&gt;)</w:t>
            </w:r>
          </w:p>
          <w:p w:rsidR="00A35FED" w:rsidRDefault="00A35FED" w:rsidP="00A35FED">
            <w:r>
              <w:t xml:space="preserve">        &lt;/h5&gt;</w:t>
            </w:r>
          </w:p>
          <w:p w:rsidR="00A35FED" w:rsidRDefault="00A35FED" w:rsidP="00A35FED">
            <w:r>
              <w:t xml:space="preserve">            &lt;div class="col-md-12"&gt;</w:t>
            </w:r>
          </w:p>
          <w:p w:rsidR="00A35FED" w:rsidRDefault="00A35FED" w:rsidP="00A35FED">
            <w:r>
              <w:t xml:space="preserve">               &lt;ul class="bullets"&gt; </w:t>
            </w:r>
          </w:p>
          <w:p w:rsidR="00A35FED" w:rsidRDefault="00A35FED" w:rsidP="00A35FED">
            <w:r>
              <w:tab/>
            </w:r>
            <w:r>
              <w:tab/>
            </w:r>
            <w:r>
              <w:tab/>
            </w:r>
            <w:r>
              <w:tab/>
            </w:r>
            <w:r>
              <w:tab/>
            </w:r>
            <w:r>
              <w:tab/>
              <w:t>&lt;?php if ($amenities);{</w:t>
            </w:r>
          </w:p>
          <w:p w:rsidR="00A35FED" w:rsidRDefault="00A35FED" w:rsidP="00A35FED">
            <w:r>
              <w:tab/>
            </w:r>
            <w:r>
              <w:tab/>
            </w:r>
            <w:r>
              <w:tab/>
            </w:r>
            <w:r>
              <w:tab/>
            </w:r>
            <w:r>
              <w:tab/>
            </w:r>
            <w:r>
              <w:tab/>
            </w:r>
            <w:r>
              <w:tab/>
              <w:t xml:space="preserve">for($r=0;$r&lt;count($amenities);$r++){ </w:t>
            </w:r>
          </w:p>
          <w:p w:rsidR="00A35FED" w:rsidRDefault="00A35FED" w:rsidP="00A35FED">
            <w:r>
              <w:tab/>
            </w:r>
            <w:r>
              <w:tab/>
            </w:r>
            <w:r>
              <w:tab/>
            </w:r>
            <w:r>
              <w:tab/>
            </w:r>
            <w:r>
              <w:tab/>
            </w:r>
            <w:r>
              <w:tab/>
            </w:r>
            <w:r>
              <w:tab/>
              <w:t>if($amenities[$r]=='dining_room_for_guest'){</w:t>
            </w:r>
          </w:p>
          <w:p w:rsidR="00A35FED" w:rsidRDefault="00A35FED" w:rsidP="00A35FED">
            <w:r>
              <w:tab/>
            </w:r>
            <w:r>
              <w:tab/>
            </w:r>
            <w:r>
              <w:tab/>
            </w:r>
            <w:r>
              <w:tab/>
            </w:r>
            <w:r>
              <w:tab/>
            </w:r>
            <w:r>
              <w:tab/>
            </w:r>
            <w:r>
              <w:tab/>
            </w:r>
            <w:r>
              <w:tab/>
              <w:t xml:space="preserve">$labelamenities </w:t>
            </w:r>
            <w:r>
              <w:tab/>
              <w:t>=</w:t>
            </w:r>
            <w:r>
              <w:tab/>
              <w:t xml:space="preserve">"Dining rom for Guest"; </w:t>
            </w:r>
          </w:p>
          <w:p w:rsidR="00A35FED" w:rsidRDefault="00A35FED" w:rsidP="00A35FED">
            <w:r>
              <w:tab/>
            </w:r>
            <w:r>
              <w:tab/>
            </w:r>
            <w:r>
              <w:tab/>
            </w:r>
            <w:r>
              <w:tab/>
            </w:r>
            <w:r>
              <w:tab/>
            </w:r>
            <w:r>
              <w:tab/>
            </w:r>
            <w:r>
              <w:tab/>
              <w:t>}elseif( $amenities[$r]=='lounge_common_areas'){</w:t>
            </w:r>
          </w:p>
          <w:p w:rsidR="00A35FED" w:rsidRDefault="00A35FED" w:rsidP="00A35FED">
            <w:r>
              <w:tab/>
            </w:r>
            <w:r>
              <w:tab/>
            </w:r>
            <w:r>
              <w:tab/>
            </w:r>
            <w:r>
              <w:tab/>
            </w:r>
            <w:r>
              <w:tab/>
            </w:r>
            <w:r>
              <w:tab/>
            </w:r>
            <w:r>
              <w:tab/>
            </w:r>
            <w:r>
              <w:tab/>
              <w:t xml:space="preserve">$labelamenities </w:t>
            </w:r>
            <w:r>
              <w:tab/>
              <w:t>=</w:t>
            </w:r>
            <w:r>
              <w:tab/>
              <w:t xml:space="preserve">"Lounge-Common Areas"; </w:t>
            </w:r>
          </w:p>
          <w:p w:rsidR="00A35FED" w:rsidRDefault="00A35FED" w:rsidP="00A35FED">
            <w:r>
              <w:tab/>
            </w:r>
            <w:r>
              <w:tab/>
            </w:r>
            <w:r>
              <w:tab/>
            </w:r>
            <w:r>
              <w:tab/>
            </w:r>
            <w:r>
              <w:tab/>
            </w:r>
            <w:r>
              <w:tab/>
            </w:r>
            <w:r>
              <w:tab/>
              <w:t>}elseif( $amenities[$r]=='beauty_salon_barber_shop'){</w:t>
            </w:r>
          </w:p>
          <w:p w:rsidR="00A35FED" w:rsidRDefault="00A35FED" w:rsidP="00A35FED">
            <w:r>
              <w:tab/>
            </w:r>
            <w:r>
              <w:tab/>
            </w:r>
            <w:r>
              <w:tab/>
            </w:r>
            <w:r>
              <w:tab/>
            </w:r>
            <w:r>
              <w:tab/>
            </w:r>
            <w:r>
              <w:tab/>
            </w:r>
            <w:r>
              <w:tab/>
            </w:r>
            <w:r>
              <w:tab/>
              <w:t xml:space="preserve">$labelamenities </w:t>
            </w:r>
            <w:r>
              <w:tab/>
              <w:t>=</w:t>
            </w:r>
            <w:r>
              <w:tab/>
              <w:t xml:space="preserve">"Beauty Salon/Barber Shop"; </w:t>
            </w:r>
          </w:p>
          <w:p w:rsidR="00A35FED" w:rsidRDefault="00A35FED" w:rsidP="00A35FED">
            <w:r>
              <w:tab/>
            </w:r>
            <w:r>
              <w:tab/>
            </w:r>
            <w:r>
              <w:tab/>
            </w:r>
            <w:r>
              <w:tab/>
            </w:r>
            <w:r>
              <w:tab/>
            </w:r>
            <w:r>
              <w:tab/>
            </w:r>
            <w:r>
              <w:tab/>
              <w:t>}elseif( $amenities[$r]=='theater_room'){</w:t>
            </w:r>
          </w:p>
          <w:p w:rsidR="00A35FED" w:rsidRDefault="00A35FED" w:rsidP="00A35FED">
            <w:r>
              <w:tab/>
            </w:r>
            <w:r>
              <w:tab/>
            </w:r>
            <w:r>
              <w:tab/>
            </w:r>
            <w:r>
              <w:tab/>
            </w:r>
            <w:r>
              <w:tab/>
            </w:r>
            <w:r>
              <w:tab/>
            </w:r>
            <w:r>
              <w:tab/>
            </w:r>
            <w:r>
              <w:tab/>
              <w:t xml:space="preserve">$labelamenities </w:t>
            </w:r>
            <w:r>
              <w:tab/>
              <w:t>=</w:t>
            </w:r>
            <w:r>
              <w:tab/>
              <w:t xml:space="preserve">"Theater Room"; </w:t>
            </w:r>
          </w:p>
          <w:p w:rsidR="00A35FED" w:rsidRDefault="00A35FED" w:rsidP="00A35FED">
            <w:r>
              <w:tab/>
            </w:r>
            <w:r>
              <w:tab/>
            </w:r>
            <w:r>
              <w:tab/>
            </w:r>
            <w:r>
              <w:tab/>
            </w:r>
            <w:r>
              <w:tab/>
            </w:r>
            <w:r>
              <w:tab/>
            </w:r>
            <w:r>
              <w:tab/>
              <w:t>}elseif( $amenities[$r]=='exercise_room'){</w:t>
            </w:r>
          </w:p>
          <w:p w:rsidR="00A35FED" w:rsidRDefault="00A35FED" w:rsidP="00A35FED">
            <w:r>
              <w:tab/>
            </w:r>
            <w:r>
              <w:tab/>
            </w:r>
            <w:r>
              <w:tab/>
            </w:r>
            <w:r>
              <w:tab/>
            </w:r>
            <w:r>
              <w:tab/>
            </w:r>
            <w:r>
              <w:tab/>
            </w:r>
            <w:r>
              <w:tab/>
            </w:r>
            <w:r>
              <w:tab/>
              <w:t xml:space="preserve">$labelamenities </w:t>
            </w:r>
            <w:r>
              <w:tab/>
              <w:t>=</w:t>
            </w:r>
            <w:r>
              <w:tab/>
              <w:t xml:space="preserve">"Exercise Room"; </w:t>
            </w:r>
          </w:p>
          <w:p w:rsidR="00A35FED" w:rsidRDefault="00A35FED" w:rsidP="00A35FED">
            <w:r>
              <w:lastRenderedPageBreak/>
              <w:tab/>
            </w:r>
            <w:r>
              <w:tab/>
            </w:r>
            <w:r>
              <w:tab/>
            </w:r>
            <w:r>
              <w:tab/>
            </w:r>
            <w:r>
              <w:tab/>
            </w:r>
            <w:r>
              <w:tab/>
            </w:r>
            <w:r>
              <w:tab/>
              <w:t>}elseif( $amenities[$r]=='physical_therapy'){</w:t>
            </w:r>
          </w:p>
          <w:p w:rsidR="00A35FED" w:rsidRDefault="00A35FED" w:rsidP="00A35FED">
            <w:r>
              <w:tab/>
            </w:r>
            <w:r>
              <w:tab/>
            </w:r>
            <w:r>
              <w:tab/>
            </w:r>
            <w:r>
              <w:tab/>
            </w:r>
            <w:r>
              <w:tab/>
            </w:r>
            <w:r>
              <w:tab/>
            </w:r>
            <w:r>
              <w:tab/>
            </w:r>
            <w:r>
              <w:tab/>
              <w:t xml:space="preserve">$labelamenities </w:t>
            </w:r>
            <w:r>
              <w:tab/>
              <w:t>=</w:t>
            </w:r>
            <w:r>
              <w:tab/>
              <w:t xml:space="preserve">"Physical Therapy"; </w:t>
            </w:r>
          </w:p>
          <w:p w:rsidR="00A35FED" w:rsidRDefault="00A35FED" w:rsidP="00A35FED">
            <w:r>
              <w:tab/>
            </w:r>
            <w:r>
              <w:tab/>
            </w:r>
            <w:r>
              <w:tab/>
            </w:r>
            <w:r>
              <w:tab/>
            </w:r>
            <w:r>
              <w:tab/>
            </w:r>
            <w:r>
              <w:tab/>
            </w:r>
            <w:r>
              <w:tab/>
              <w:t>}elseif( $amenities[$r]=='library'){</w:t>
            </w:r>
          </w:p>
          <w:p w:rsidR="00A35FED" w:rsidRDefault="00A35FED" w:rsidP="00A35FED">
            <w:r>
              <w:tab/>
            </w:r>
            <w:r>
              <w:tab/>
            </w:r>
            <w:r>
              <w:tab/>
            </w:r>
            <w:r>
              <w:tab/>
            </w:r>
            <w:r>
              <w:tab/>
            </w:r>
            <w:r>
              <w:tab/>
            </w:r>
            <w:r>
              <w:tab/>
            </w:r>
            <w:r>
              <w:tab/>
              <w:t xml:space="preserve">$labelamenities </w:t>
            </w:r>
            <w:r>
              <w:tab/>
              <w:t>=</w:t>
            </w:r>
            <w:r>
              <w:tab/>
              <w:t xml:space="preserve">"Library"; </w:t>
            </w:r>
          </w:p>
          <w:p w:rsidR="00A35FED" w:rsidRDefault="00A35FED" w:rsidP="00A35FED">
            <w:r>
              <w:tab/>
            </w:r>
            <w:r>
              <w:tab/>
            </w:r>
            <w:r>
              <w:tab/>
            </w:r>
            <w:r>
              <w:tab/>
            </w:r>
            <w:r>
              <w:tab/>
            </w:r>
            <w:r>
              <w:tab/>
            </w:r>
            <w:r>
              <w:tab/>
              <w:t>}elseif( $amenities[$r]=='pool'){</w:t>
            </w:r>
          </w:p>
          <w:p w:rsidR="00A35FED" w:rsidRDefault="00A35FED" w:rsidP="00A35FED">
            <w:r>
              <w:tab/>
            </w:r>
            <w:r>
              <w:tab/>
            </w:r>
            <w:r>
              <w:tab/>
            </w:r>
            <w:r>
              <w:tab/>
            </w:r>
            <w:r>
              <w:tab/>
            </w:r>
            <w:r>
              <w:tab/>
            </w:r>
            <w:r>
              <w:tab/>
            </w:r>
            <w:r>
              <w:tab/>
              <w:t xml:space="preserve">$labelamenities </w:t>
            </w:r>
            <w:r>
              <w:tab/>
              <w:t>=</w:t>
            </w:r>
            <w:r>
              <w:tab/>
              <w:t xml:space="preserve">"Pool";  </w:t>
            </w:r>
          </w:p>
          <w:p w:rsidR="00A35FED" w:rsidRDefault="00A35FED" w:rsidP="00A35FED">
            <w:r>
              <w:tab/>
            </w:r>
            <w:r>
              <w:tab/>
            </w:r>
            <w:r>
              <w:tab/>
            </w:r>
            <w:r>
              <w:tab/>
            </w:r>
            <w:r>
              <w:tab/>
            </w:r>
            <w:r>
              <w:tab/>
            </w:r>
            <w:r>
              <w:tab/>
              <w:t>}elseif( $amenities[$r]=='putting_green'){</w:t>
            </w:r>
          </w:p>
          <w:p w:rsidR="00A35FED" w:rsidRDefault="00A35FED" w:rsidP="00A35FED">
            <w:r>
              <w:tab/>
            </w:r>
            <w:r>
              <w:tab/>
            </w:r>
            <w:r>
              <w:tab/>
            </w:r>
            <w:r>
              <w:tab/>
            </w:r>
            <w:r>
              <w:tab/>
            </w:r>
            <w:r>
              <w:tab/>
            </w:r>
            <w:r>
              <w:tab/>
            </w:r>
            <w:r>
              <w:tab/>
              <w:t xml:space="preserve">$labelamenities </w:t>
            </w:r>
            <w:r>
              <w:tab/>
              <w:t>=</w:t>
            </w:r>
            <w:r>
              <w:tab/>
              <w:t xml:space="preserve">"Putting Green"; </w:t>
            </w:r>
          </w:p>
          <w:p w:rsidR="00A35FED" w:rsidRDefault="00A35FED" w:rsidP="00A35FED">
            <w:r>
              <w:tab/>
            </w:r>
            <w:r>
              <w:tab/>
            </w:r>
            <w:r>
              <w:tab/>
            </w:r>
            <w:r>
              <w:tab/>
            </w:r>
            <w:r>
              <w:tab/>
            </w:r>
            <w:r>
              <w:tab/>
            </w:r>
            <w:r>
              <w:tab/>
              <w:t>}elseif( $amenities[$r]=='golf_course'){</w:t>
            </w:r>
          </w:p>
          <w:p w:rsidR="00A35FED" w:rsidRDefault="00A35FED" w:rsidP="00A35FED">
            <w:r>
              <w:tab/>
            </w:r>
            <w:r>
              <w:tab/>
            </w:r>
            <w:r>
              <w:tab/>
            </w:r>
            <w:r>
              <w:tab/>
            </w:r>
            <w:r>
              <w:tab/>
            </w:r>
            <w:r>
              <w:tab/>
            </w:r>
            <w:r>
              <w:tab/>
            </w:r>
            <w:r>
              <w:tab/>
              <w:t xml:space="preserve">$labelamenities </w:t>
            </w:r>
            <w:r>
              <w:tab/>
              <w:t>=</w:t>
            </w:r>
            <w:r>
              <w:tab/>
              <w:t xml:space="preserve">"Golf Course"; </w:t>
            </w:r>
          </w:p>
          <w:p w:rsidR="00A35FED" w:rsidRDefault="00A35FED" w:rsidP="00A35FED">
            <w:r>
              <w:tab/>
            </w:r>
            <w:r>
              <w:tab/>
            </w:r>
            <w:r>
              <w:tab/>
            </w:r>
            <w:r>
              <w:tab/>
            </w:r>
            <w:r>
              <w:tab/>
            </w:r>
            <w:r>
              <w:tab/>
            </w:r>
            <w:r>
              <w:tab/>
              <w:t>}elseif( $amenities[$r]=='picnic_areas'){</w:t>
            </w:r>
          </w:p>
          <w:p w:rsidR="00A35FED" w:rsidRDefault="00A35FED" w:rsidP="00A35FED">
            <w:r>
              <w:tab/>
            </w:r>
            <w:r>
              <w:tab/>
            </w:r>
            <w:r>
              <w:tab/>
            </w:r>
            <w:r>
              <w:tab/>
            </w:r>
            <w:r>
              <w:tab/>
            </w:r>
            <w:r>
              <w:tab/>
            </w:r>
            <w:r>
              <w:tab/>
            </w:r>
            <w:r>
              <w:tab/>
              <w:t xml:space="preserve">$labelamenities </w:t>
            </w:r>
            <w:r>
              <w:tab/>
              <w:t>=</w:t>
            </w:r>
            <w:r>
              <w:tab/>
              <w:t xml:space="preserve">"Picnic Areas"; </w:t>
            </w:r>
          </w:p>
          <w:p w:rsidR="00A35FED" w:rsidRDefault="00A35FED" w:rsidP="00A35FED">
            <w:r>
              <w:tab/>
            </w:r>
            <w:r>
              <w:tab/>
            </w:r>
            <w:r>
              <w:tab/>
            </w:r>
            <w:r>
              <w:tab/>
            </w:r>
            <w:r>
              <w:tab/>
            </w:r>
            <w:r>
              <w:tab/>
            </w:r>
            <w:r>
              <w:tab/>
              <w:t>}elseif( $amenities[$r]=='barbecues'){</w:t>
            </w:r>
          </w:p>
          <w:p w:rsidR="00A35FED" w:rsidRDefault="00A35FED" w:rsidP="00A35FED">
            <w:r>
              <w:tab/>
            </w:r>
            <w:r>
              <w:tab/>
            </w:r>
            <w:r>
              <w:tab/>
            </w:r>
            <w:r>
              <w:tab/>
            </w:r>
            <w:r>
              <w:tab/>
            </w:r>
            <w:r>
              <w:tab/>
            </w:r>
            <w:r>
              <w:tab/>
            </w:r>
            <w:r>
              <w:tab/>
              <w:t xml:space="preserve">$labelamenities </w:t>
            </w:r>
            <w:r>
              <w:tab/>
              <w:t>=</w:t>
            </w:r>
            <w:r>
              <w:tab/>
              <w:t xml:space="preserve">"Barbecuest"; </w:t>
            </w:r>
          </w:p>
          <w:p w:rsidR="00A35FED" w:rsidRDefault="00A35FED" w:rsidP="00A35FED">
            <w:r>
              <w:tab/>
            </w:r>
            <w:r>
              <w:tab/>
            </w:r>
            <w:r>
              <w:tab/>
            </w:r>
            <w:r>
              <w:tab/>
            </w:r>
            <w:r>
              <w:tab/>
            </w:r>
            <w:r>
              <w:tab/>
            </w:r>
            <w:r>
              <w:tab/>
              <w:t>}elseif( $amenities[$r]=='bistro'){</w:t>
            </w:r>
          </w:p>
          <w:p w:rsidR="00A35FED" w:rsidRDefault="00A35FED" w:rsidP="00A35FED">
            <w:r>
              <w:tab/>
            </w:r>
            <w:r>
              <w:tab/>
            </w:r>
            <w:r>
              <w:tab/>
            </w:r>
            <w:r>
              <w:tab/>
            </w:r>
            <w:r>
              <w:tab/>
            </w:r>
            <w:r>
              <w:tab/>
            </w:r>
            <w:r>
              <w:tab/>
            </w:r>
            <w:r>
              <w:tab/>
              <w:t xml:space="preserve">$labelamenities </w:t>
            </w:r>
            <w:r>
              <w:tab/>
              <w:t>=</w:t>
            </w:r>
            <w:r>
              <w:tab/>
              <w:t xml:space="preserve">"Bistro"; </w:t>
            </w:r>
          </w:p>
          <w:p w:rsidR="00A35FED" w:rsidRDefault="00A35FED" w:rsidP="00A35FED">
            <w:r>
              <w:tab/>
            </w:r>
            <w:r>
              <w:tab/>
            </w:r>
            <w:r>
              <w:tab/>
            </w:r>
            <w:r>
              <w:tab/>
            </w:r>
            <w:r>
              <w:tab/>
            </w:r>
            <w:r>
              <w:tab/>
            </w:r>
            <w:r>
              <w:tab/>
              <w:t>}elseif( $amenities[$r]=='pizza_grotto'){</w:t>
            </w:r>
          </w:p>
          <w:p w:rsidR="00A35FED" w:rsidRDefault="00A35FED" w:rsidP="00A35FED">
            <w:r>
              <w:tab/>
            </w:r>
            <w:r>
              <w:tab/>
            </w:r>
            <w:r>
              <w:tab/>
            </w:r>
            <w:r>
              <w:tab/>
            </w:r>
            <w:r>
              <w:tab/>
            </w:r>
            <w:r>
              <w:tab/>
            </w:r>
            <w:r>
              <w:tab/>
            </w:r>
            <w:r>
              <w:tab/>
              <w:t xml:space="preserve">$labelamenities </w:t>
            </w:r>
            <w:r>
              <w:tab/>
              <w:t>=</w:t>
            </w:r>
            <w:r>
              <w:tab/>
              <w:t xml:space="preserve">"Pizza Grotto";  </w:t>
            </w:r>
          </w:p>
          <w:p w:rsidR="00A35FED" w:rsidRDefault="00A35FED" w:rsidP="00A35FED">
            <w:r>
              <w:tab/>
            </w:r>
            <w:r>
              <w:tab/>
            </w:r>
            <w:r>
              <w:tab/>
            </w:r>
            <w:r>
              <w:tab/>
            </w:r>
            <w:r>
              <w:tab/>
            </w:r>
            <w:r>
              <w:tab/>
            </w:r>
            <w:r>
              <w:tab/>
              <w:t>}elseif( $amenities[$r]=='bar'){</w:t>
            </w:r>
          </w:p>
          <w:p w:rsidR="00A35FED" w:rsidRDefault="00A35FED" w:rsidP="00A35FED">
            <w:r>
              <w:tab/>
            </w:r>
            <w:r>
              <w:tab/>
            </w:r>
            <w:r>
              <w:tab/>
            </w:r>
            <w:r>
              <w:tab/>
            </w:r>
            <w:r>
              <w:tab/>
            </w:r>
            <w:r>
              <w:tab/>
            </w:r>
            <w:r>
              <w:tab/>
            </w:r>
            <w:r>
              <w:tab/>
              <w:t xml:space="preserve">$labelamenities </w:t>
            </w:r>
            <w:r>
              <w:tab/>
              <w:t>=</w:t>
            </w:r>
            <w:r>
              <w:tab/>
              <w:t xml:space="preserve">"Bar"; </w:t>
            </w:r>
          </w:p>
          <w:p w:rsidR="00A35FED" w:rsidRDefault="00A35FED" w:rsidP="00A35FED">
            <w:r>
              <w:tab/>
            </w:r>
            <w:r>
              <w:tab/>
            </w:r>
            <w:r>
              <w:tab/>
            </w:r>
            <w:r>
              <w:tab/>
            </w:r>
            <w:r>
              <w:tab/>
            </w:r>
            <w:r>
              <w:tab/>
            </w:r>
            <w:r>
              <w:tab/>
              <w:t>}elseif( $amenities[$r]=='restaurants'){</w:t>
            </w:r>
          </w:p>
          <w:p w:rsidR="00A35FED" w:rsidRDefault="00A35FED" w:rsidP="00A35FED">
            <w:r>
              <w:tab/>
            </w:r>
            <w:r>
              <w:tab/>
            </w:r>
            <w:r>
              <w:tab/>
            </w:r>
            <w:r>
              <w:tab/>
            </w:r>
            <w:r>
              <w:tab/>
            </w:r>
            <w:r>
              <w:tab/>
            </w:r>
            <w:r>
              <w:tab/>
            </w:r>
            <w:r>
              <w:tab/>
              <w:t xml:space="preserve">$labelamenities </w:t>
            </w:r>
            <w:r>
              <w:tab/>
              <w:t>=</w:t>
            </w:r>
            <w:r>
              <w:tab/>
              <w:t xml:space="preserve">"Restaurants"; </w:t>
            </w:r>
          </w:p>
          <w:p w:rsidR="00A35FED" w:rsidRDefault="00A35FED" w:rsidP="00A35FED">
            <w:r>
              <w:tab/>
            </w:r>
            <w:r>
              <w:tab/>
            </w:r>
            <w:r>
              <w:tab/>
            </w:r>
            <w:r>
              <w:tab/>
            </w:r>
            <w:r>
              <w:tab/>
            </w:r>
            <w:r>
              <w:tab/>
            </w:r>
            <w:r>
              <w:tab/>
              <w:t>}elseif( $amenities[$r]=='recreation_room'){</w:t>
            </w:r>
          </w:p>
          <w:p w:rsidR="00A35FED" w:rsidRDefault="00A35FED" w:rsidP="00A35FED">
            <w:r>
              <w:tab/>
            </w:r>
            <w:r>
              <w:tab/>
            </w:r>
            <w:r>
              <w:tab/>
            </w:r>
            <w:r>
              <w:tab/>
            </w:r>
            <w:r>
              <w:tab/>
            </w:r>
            <w:r>
              <w:tab/>
            </w:r>
            <w:r>
              <w:tab/>
            </w:r>
            <w:r>
              <w:tab/>
              <w:t xml:space="preserve">$labelamenities </w:t>
            </w:r>
            <w:r>
              <w:tab/>
              <w:t>=</w:t>
            </w:r>
            <w:r>
              <w:tab/>
              <w:t xml:space="preserve">"Recreation Room"; </w:t>
            </w:r>
          </w:p>
          <w:p w:rsidR="00A35FED" w:rsidRDefault="00A35FED" w:rsidP="00A35FED">
            <w:r>
              <w:tab/>
            </w:r>
            <w:r>
              <w:tab/>
            </w:r>
            <w:r>
              <w:tab/>
            </w:r>
            <w:r>
              <w:tab/>
            </w:r>
            <w:r>
              <w:tab/>
            </w:r>
            <w:r>
              <w:tab/>
            </w:r>
            <w:r>
              <w:tab/>
              <w:t>}elseif( $amenities[$r]=='jacuzzi'){</w:t>
            </w:r>
          </w:p>
          <w:p w:rsidR="00A35FED" w:rsidRDefault="00A35FED" w:rsidP="00A35FED">
            <w:r>
              <w:tab/>
            </w:r>
            <w:r>
              <w:tab/>
            </w:r>
            <w:r>
              <w:tab/>
            </w:r>
            <w:r>
              <w:tab/>
            </w:r>
            <w:r>
              <w:tab/>
            </w:r>
            <w:r>
              <w:tab/>
            </w:r>
            <w:r>
              <w:tab/>
            </w:r>
            <w:r>
              <w:tab/>
              <w:t xml:space="preserve">$labelamenities </w:t>
            </w:r>
            <w:r>
              <w:tab/>
              <w:t>=</w:t>
            </w:r>
            <w:r>
              <w:tab/>
              <w:t xml:space="preserve">"Jacuzzi"; </w:t>
            </w:r>
          </w:p>
          <w:p w:rsidR="00A35FED" w:rsidRDefault="00A35FED" w:rsidP="00A35FED">
            <w:r>
              <w:tab/>
            </w:r>
            <w:r>
              <w:tab/>
            </w:r>
            <w:r>
              <w:tab/>
            </w:r>
            <w:r>
              <w:tab/>
            </w:r>
            <w:r>
              <w:tab/>
            </w:r>
            <w:r>
              <w:tab/>
            </w:r>
            <w:r>
              <w:tab/>
              <w:t>}elseif( $amenities[$r]=='sauna'){</w:t>
            </w:r>
          </w:p>
          <w:p w:rsidR="00A35FED" w:rsidRDefault="00A35FED" w:rsidP="00A35FED">
            <w:r>
              <w:tab/>
            </w:r>
            <w:r>
              <w:tab/>
            </w:r>
            <w:r>
              <w:tab/>
            </w:r>
            <w:r>
              <w:tab/>
            </w:r>
            <w:r>
              <w:tab/>
            </w:r>
            <w:r>
              <w:tab/>
            </w:r>
            <w:r>
              <w:tab/>
            </w:r>
            <w:r>
              <w:tab/>
              <w:t xml:space="preserve">$labelamenities </w:t>
            </w:r>
            <w:r>
              <w:tab/>
              <w:t>=</w:t>
            </w:r>
            <w:r>
              <w:tab/>
              <w:t xml:space="preserve">"Sauna"; </w:t>
            </w:r>
          </w:p>
          <w:p w:rsidR="00A35FED" w:rsidRDefault="00A35FED" w:rsidP="00A35FED">
            <w:r>
              <w:tab/>
            </w:r>
            <w:r>
              <w:tab/>
            </w:r>
            <w:r>
              <w:tab/>
            </w:r>
            <w:r>
              <w:tab/>
            </w:r>
            <w:r>
              <w:tab/>
            </w:r>
            <w:r>
              <w:tab/>
            </w:r>
            <w:r>
              <w:tab/>
              <w:t>}</w:t>
            </w:r>
          </w:p>
          <w:p w:rsidR="00A35FED" w:rsidRDefault="00A35FED" w:rsidP="00A35FED">
            <w:r>
              <w:tab/>
            </w:r>
            <w:r>
              <w:tab/>
            </w:r>
            <w:r>
              <w:tab/>
            </w:r>
            <w:r>
              <w:tab/>
            </w:r>
            <w:r>
              <w:tab/>
            </w:r>
            <w:r>
              <w:tab/>
              <w:t xml:space="preserve">    if($labelamenities</w:t>
            </w:r>
            <w:r>
              <w:tab/>
              <w:t>){</w:t>
            </w:r>
          </w:p>
          <w:p w:rsidR="00A35FED" w:rsidRDefault="00A35FED" w:rsidP="00A35FED">
            <w:r>
              <w:tab/>
            </w:r>
            <w:r>
              <w:tab/>
            </w:r>
            <w:r>
              <w:tab/>
            </w:r>
            <w:r>
              <w:tab/>
            </w:r>
            <w:r>
              <w:tab/>
            </w:r>
            <w:r>
              <w:tab/>
              <w:t>?&gt;</w:t>
            </w:r>
          </w:p>
          <w:p w:rsidR="00A35FED" w:rsidRDefault="00A35FED" w:rsidP="00A35FED">
            <w:r>
              <w:tab/>
            </w:r>
            <w:r>
              <w:tab/>
            </w:r>
            <w:r>
              <w:tab/>
            </w:r>
            <w:r>
              <w:tab/>
            </w:r>
            <w:r>
              <w:tab/>
            </w:r>
            <w:r>
              <w:tab/>
            </w:r>
            <w:r>
              <w:tab/>
              <w:t>&lt;li&gt;&lt;?php echo $labelamenities; ?&gt; &lt;/li&gt;</w:t>
            </w:r>
          </w:p>
          <w:p w:rsidR="00A35FED" w:rsidRDefault="00A35FED" w:rsidP="00A35FED">
            <w:r>
              <w:tab/>
            </w:r>
            <w:r>
              <w:tab/>
            </w:r>
            <w:r>
              <w:tab/>
            </w:r>
            <w:r>
              <w:tab/>
            </w:r>
            <w:r>
              <w:tab/>
            </w:r>
            <w:r>
              <w:tab/>
              <w:t xml:space="preserve">&lt;?php } } }?&gt;            </w:t>
            </w:r>
            <w:r>
              <w:tab/>
            </w:r>
            <w:r>
              <w:tab/>
            </w:r>
            <w:r>
              <w:tab/>
              <w:t xml:space="preserve">   </w:t>
            </w:r>
          </w:p>
          <w:p w:rsidR="00A35FED" w:rsidRDefault="00A35FED" w:rsidP="00A35FED">
            <w:r>
              <w:tab/>
            </w:r>
            <w:r>
              <w:tab/>
            </w:r>
            <w:r>
              <w:tab/>
              <w:t xml:space="preserve">    </w:t>
            </w:r>
            <w:r>
              <w:tab/>
            </w:r>
            <w:r>
              <w:tab/>
              <w:t xml:space="preserve"> &lt;/ul&gt;</w:t>
            </w:r>
          </w:p>
          <w:p w:rsidR="00A35FED" w:rsidRDefault="00A35FED" w:rsidP="00A35FED">
            <w:r>
              <w:t xml:space="preserve">                &lt;/div&gt;</w:t>
            </w:r>
          </w:p>
          <w:p w:rsidR="00A35FED" w:rsidRDefault="00A35FED" w:rsidP="00A35FED">
            <w:r>
              <w:t xml:space="preserve">            &lt;/div&gt;</w:t>
            </w:r>
          </w:p>
          <w:p w:rsidR="00A35FED" w:rsidRDefault="00A35FED" w:rsidP="00A35FED">
            <w:r>
              <w:lastRenderedPageBreak/>
              <w:t>&lt;/section&gt;</w:t>
            </w:r>
          </w:p>
          <w:p w:rsidR="00A35FED" w:rsidRDefault="00A35FED" w:rsidP="00A35FED">
            <w:r>
              <w:t>&lt;section id="entertainment" class="detail"&gt;</w:t>
            </w:r>
          </w:p>
          <w:p w:rsidR="00A35FED" w:rsidRDefault="00A35FED" w:rsidP="00A35FED">
            <w:r>
              <w:t xml:space="preserve">        &lt;div class="feature-content"&gt;</w:t>
            </w:r>
          </w:p>
          <w:p w:rsidR="00A35FED" w:rsidRDefault="00A35FED" w:rsidP="00A35FED">
            <w:r>
              <w:t xml:space="preserve">        &lt;h5 class="feature-title"&gt;</w:t>
            </w:r>
          </w:p>
          <w:p w:rsidR="00A35FED" w:rsidRDefault="00A35FED" w:rsidP="00A35FED">
            <w:r>
              <w:t xml:space="preserve">            &lt;i class="fas fa-icons mr-2"&gt;&lt;/i&gt;</w:t>
            </w:r>
          </w:p>
          <w:p w:rsidR="00A35FED" w:rsidRDefault="00A35FED" w:rsidP="00A35FED">
            <w:r>
              <w:t xml:space="preserve">            Entertainment  (&lt;?php echo count($entertainment);?&gt;)</w:t>
            </w:r>
          </w:p>
          <w:p w:rsidR="00A35FED" w:rsidRDefault="00A35FED" w:rsidP="00A35FED">
            <w:r>
              <w:t xml:space="preserve">        &lt;/h5&gt;</w:t>
            </w:r>
          </w:p>
          <w:p w:rsidR="00A35FED" w:rsidRDefault="00A35FED" w:rsidP="00A35FED">
            <w:r>
              <w:t xml:space="preserve">            &lt;div class="col-md-12"&gt;</w:t>
            </w:r>
          </w:p>
          <w:p w:rsidR="00A35FED" w:rsidRDefault="00A35FED" w:rsidP="00A35FED">
            <w:r>
              <w:t xml:space="preserve">                &lt;ul class="bullets"&gt; </w:t>
            </w:r>
          </w:p>
          <w:p w:rsidR="00A35FED" w:rsidRDefault="00A35FED" w:rsidP="00A35FED">
            <w:r>
              <w:tab/>
            </w:r>
            <w:r>
              <w:tab/>
            </w:r>
            <w:r>
              <w:tab/>
            </w:r>
            <w:r>
              <w:tab/>
            </w:r>
            <w:r>
              <w:tab/>
            </w:r>
            <w:r>
              <w:tab/>
              <w:t>&lt;?php if($entertainment){</w:t>
            </w:r>
          </w:p>
          <w:p w:rsidR="00A35FED" w:rsidRDefault="00A35FED" w:rsidP="00A35FED">
            <w:r>
              <w:tab/>
            </w:r>
            <w:r>
              <w:tab/>
            </w:r>
            <w:r>
              <w:tab/>
            </w:r>
            <w:r>
              <w:tab/>
            </w:r>
            <w:r>
              <w:tab/>
            </w:r>
            <w:r>
              <w:tab/>
            </w:r>
            <w:r>
              <w:tab/>
              <w:t xml:space="preserve">for($r=0;$r&lt;count($entertainment);$r++){ </w:t>
            </w:r>
          </w:p>
          <w:p w:rsidR="00A35FED" w:rsidRDefault="00A35FED" w:rsidP="00A35FED">
            <w:r>
              <w:tab/>
            </w:r>
            <w:r>
              <w:tab/>
            </w:r>
            <w:r>
              <w:tab/>
            </w:r>
            <w:r>
              <w:tab/>
            </w:r>
            <w:r>
              <w:tab/>
            </w:r>
            <w:r>
              <w:tab/>
            </w:r>
            <w:r>
              <w:tab/>
              <w:t>if($entertainment[$r]=='arts_crafts'){</w:t>
            </w:r>
          </w:p>
          <w:p w:rsidR="00A35FED" w:rsidRDefault="00A35FED" w:rsidP="00A35FED">
            <w:r>
              <w:tab/>
            </w:r>
            <w:r>
              <w:tab/>
            </w:r>
            <w:r>
              <w:tab/>
            </w:r>
            <w:r>
              <w:tab/>
            </w:r>
            <w:r>
              <w:tab/>
            </w:r>
            <w:r>
              <w:tab/>
            </w:r>
            <w:r>
              <w:tab/>
            </w:r>
            <w:r>
              <w:tab/>
              <w:t xml:space="preserve">$labelentertainment </w:t>
            </w:r>
            <w:r>
              <w:tab/>
              <w:t>=</w:t>
            </w:r>
            <w:r>
              <w:tab/>
              <w:t xml:space="preserve">"Arts &amp; Crafts"; </w:t>
            </w:r>
          </w:p>
          <w:p w:rsidR="00A35FED" w:rsidRDefault="00A35FED" w:rsidP="00A35FED">
            <w:r>
              <w:tab/>
            </w:r>
            <w:r>
              <w:tab/>
            </w:r>
            <w:r>
              <w:tab/>
            </w:r>
            <w:r>
              <w:tab/>
            </w:r>
            <w:r>
              <w:tab/>
            </w:r>
            <w:r>
              <w:tab/>
            </w:r>
            <w:r>
              <w:tab/>
              <w:t>}elseif( $entertainment[$r]=='field_trips'){</w:t>
            </w:r>
          </w:p>
          <w:p w:rsidR="00A35FED" w:rsidRDefault="00A35FED" w:rsidP="00A35FED">
            <w:r>
              <w:tab/>
            </w:r>
            <w:r>
              <w:tab/>
            </w:r>
            <w:r>
              <w:tab/>
            </w:r>
            <w:r>
              <w:tab/>
            </w:r>
            <w:r>
              <w:tab/>
            </w:r>
            <w:r>
              <w:tab/>
            </w:r>
            <w:r>
              <w:tab/>
            </w:r>
            <w:r>
              <w:tab/>
              <w:t xml:space="preserve">$labelentertainment  </w:t>
            </w:r>
            <w:r>
              <w:tab/>
              <w:t>=</w:t>
            </w:r>
            <w:r>
              <w:tab/>
              <w:t xml:space="preserve">"Field Trips"; </w:t>
            </w:r>
          </w:p>
          <w:p w:rsidR="00A35FED" w:rsidRDefault="00A35FED" w:rsidP="00A35FED">
            <w:r>
              <w:tab/>
            </w:r>
            <w:r>
              <w:tab/>
            </w:r>
            <w:r>
              <w:tab/>
            </w:r>
            <w:r>
              <w:tab/>
            </w:r>
            <w:r>
              <w:tab/>
            </w:r>
            <w:r>
              <w:tab/>
            </w:r>
            <w:r>
              <w:tab/>
              <w:t>}elseif( $entertainment[$r]=='movie_nights'){</w:t>
            </w:r>
          </w:p>
          <w:p w:rsidR="00A35FED" w:rsidRDefault="00A35FED" w:rsidP="00A35FED">
            <w:r>
              <w:tab/>
            </w:r>
            <w:r>
              <w:tab/>
            </w:r>
            <w:r>
              <w:tab/>
            </w:r>
            <w:r>
              <w:tab/>
            </w:r>
            <w:r>
              <w:tab/>
            </w:r>
            <w:r>
              <w:tab/>
            </w:r>
            <w:r>
              <w:tab/>
            </w:r>
            <w:r>
              <w:tab/>
              <w:t xml:space="preserve">$labelentertainment  </w:t>
            </w:r>
            <w:r>
              <w:tab/>
              <w:t>=</w:t>
            </w:r>
            <w:r>
              <w:tab/>
              <w:t xml:space="preserve">"Movie Nights"; </w:t>
            </w:r>
          </w:p>
          <w:p w:rsidR="00A35FED" w:rsidRDefault="00A35FED" w:rsidP="00A35FED">
            <w:r>
              <w:tab/>
            </w:r>
            <w:r>
              <w:tab/>
            </w:r>
            <w:r>
              <w:tab/>
            </w:r>
            <w:r>
              <w:tab/>
            </w:r>
            <w:r>
              <w:tab/>
            </w:r>
            <w:r>
              <w:tab/>
            </w:r>
            <w:r>
              <w:tab/>
              <w:t>}elseif( $entertainment[$r]=='live_entertainment'){</w:t>
            </w:r>
          </w:p>
          <w:p w:rsidR="00A35FED" w:rsidRDefault="00A35FED" w:rsidP="00A35FED">
            <w:r>
              <w:tab/>
            </w:r>
            <w:r>
              <w:tab/>
            </w:r>
            <w:r>
              <w:tab/>
            </w:r>
            <w:r>
              <w:tab/>
            </w:r>
            <w:r>
              <w:tab/>
            </w:r>
            <w:r>
              <w:tab/>
            </w:r>
            <w:r>
              <w:tab/>
            </w:r>
            <w:r>
              <w:tab/>
              <w:t xml:space="preserve">$labelentertainment  </w:t>
            </w:r>
            <w:r>
              <w:tab/>
              <w:t>=</w:t>
            </w:r>
            <w:r>
              <w:tab/>
              <w:t xml:space="preserve">"Live Entertainment"; </w:t>
            </w:r>
          </w:p>
          <w:p w:rsidR="00A35FED" w:rsidRDefault="00A35FED" w:rsidP="00A35FED">
            <w:r>
              <w:tab/>
            </w:r>
            <w:r>
              <w:tab/>
            </w:r>
            <w:r>
              <w:tab/>
            </w:r>
            <w:r>
              <w:tab/>
            </w:r>
            <w:r>
              <w:tab/>
            </w:r>
            <w:r>
              <w:tab/>
            </w:r>
            <w:r>
              <w:tab/>
              <w:t>}elseif( $entertainment[$r]=='bingo'){</w:t>
            </w:r>
          </w:p>
          <w:p w:rsidR="00A35FED" w:rsidRDefault="00A35FED" w:rsidP="00A35FED">
            <w:r>
              <w:tab/>
            </w:r>
            <w:r>
              <w:tab/>
            </w:r>
            <w:r>
              <w:tab/>
            </w:r>
            <w:r>
              <w:tab/>
            </w:r>
            <w:r>
              <w:tab/>
            </w:r>
            <w:r>
              <w:tab/>
            </w:r>
            <w:r>
              <w:tab/>
            </w:r>
            <w:r>
              <w:tab/>
              <w:t xml:space="preserve">$labelentertainment  </w:t>
            </w:r>
            <w:r>
              <w:tab/>
              <w:t>=</w:t>
            </w:r>
            <w:r>
              <w:tab/>
              <w:t xml:space="preserve">"Bingo"; </w:t>
            </w:r>
          </w:p>
          <w:p w:rsidR="00A35FED" w:rsidRDefault="00A35FED" w:rsidP="00A35FED">
            <w:r>
              <w:tab/>
            </w:r>
            <w:r>
              <w:tab/>
            </w:r>
            <w:r>
              <w:tab/>
            </w:r>
            <w:r>
              <w:tab/>
            </w:r>
            <w:r>
              <w:tab/>
            </w:r>
            <w:r>
              <w:tab/>
            </w:r>
            <w:r>
              <w:tab/>
              <w:t>}elseif( $entertainment[$r]=='social_hobby_clubs'){</w:t>
            </w:r>
          </w:p>
          <w:p w:rsidR="00A35FED" w:rsidRDefault="00A35FED" w:rsidP="00A35FED">
            <w:r>
              <w:tab/>
            </w:r>
            <w:r>
              <w:tab/>
            </w:r>
            <w:r>
              <w:tab/>
            </w:r>
            <w:r>
              <w:tab/>
            </w:r>
            <w:r>
              <w:tab/>
            </w:r>
            <w:r>
              <w:tab/>
            </w:r>
            <w:r>
              <w:tab/>
            </w:r>
            <w:r>
              <w:tab/>
              <w:t xml:space="preserve">$labelentertainment  </w:t>
            </w:r>
            <w:r>
              <w:tab/>
              <w:t>=</w:t>
            </w:r>
            <w:r>
              <w:tab/>
              <w:t xml:space="preserve">"Social &amp; Hobby Clubs"; </w:t>
            </w:r>
          </w:p>
          <w:p w:rsidR="00A35FED" w:rsidRDefault="00A35FED" w:rsidP="00A35FED">
            <w:r>
              <w:tab/>
            </w:r>
            <w:r>
              <w:tab/>
            </w:r>
            <w:r>
              <w:tab/>
            </w:r>
            <w:r>
              <w:tab/>
            </w:r>
            <w:r>
              <w:tab/>
            </w:r>
            <w:r>
              <w:tab/>
            </w:r>
            <w:r>
              <w:tab/>
              <w:t>}elseif( $entertainment[$r]=='classes_for_learning'){</w:t>
            </w:r>
          </w:p>
          <w:p w:rsidR="00A35FED" w:rsidRDefault="00A35FED" w:rsidP="00A35FED">
            <w:r>
              <w:tab/>
            </w:r>
            <w:r>
              <w:tab/>
            </w:r>
            <w:r>
              <w:tab/>
            </w:r>
            <w:r>
              <w:tab/>
            </w:r>
            <w:r>
              <w:tab/>
            </w:r>
            <w:r>
              <w:tab/>
            </w:r>
            <w:r>
              <w:tab/>
            </w:r>
            <w:r>
              <w:tab/>
              <w:t xml:space="preserve">$labelentertainment  </w:t>
            </w:r>
            <w:r>
              <w:tab/>
              <w:t>=</w:t>
            </w:r>
            <w:r>
              <w:tab/>
              <w:t xml:space="preserve">"Classes for Learning"; </w:t>
            </w:r>
          </w:p>
          <w:p w:rsidR="00A35FED" w:rsidRDefault="00A35FED" w:rsidP="00A35FED">
            <w:r>
              <w:tab/>
            </w:r>
            <w:r>
              <w:tab/>
            </w:r>
            <w:r>
              <w:tab/>
            </w:r>
            <w:r>
              <w:tab/>
            </w:r>
            <w:r>
              <w:tab/>
            </w:r>
            <w:r>
              <w:tab/>
            </w:r>
            <w:r>
              <w:tab/>
              <w:t>}elseif( $entertainment[$r]=='holiday_celebrations'){</w:t>
            </w:r>
          </w:p>
          <w:p w:rsidR="00A35FED" w:rsidRDefault="00A35FED" w:rsidP="00A35FED">
            <w:r>
              <w:tab/>
            </w:r>
            <w:r>
              <w:tab/>
            </w:r>
            <w:r>
              <w:tab/>
            </w:r>
            <w:r>
              <w:tab/>
            </w:r>
            <w:r>
              <w:tab/>
            </w:r>
            <w:r>
              <w:tab/>
            </w:r>
            <w:r>
              <w:tab/>
            </w:r>
            <w:r>
              <w:tab/>
              <w:t xml:space="preserve">$labelentertainment  </w:t>
            </w:r>
            <w:r>
              <w:tab/>
              <w:t>=</w:t>
            </w:r>
            <w:r>
              <w:tab/>
              <w:t xml:space="preserve">"Holiday Celebrations";  </w:t>
            </w:r>
          </w:p>
          <w:p w:rsidR="00A35FED" w:rsidRDefault="00A35FED" w:rsidP="00A35FED">
            <w:r>
              <w:tab/>
            </w:r>
            <w:r>
              <w:tab/>
            </w:r>
            <w:r>
              <w:tab/>
            </w:r>
            <w:r>
              <w:tab/>
            </w:r>
            <w:r>
              <w:tab/>
            </w:r>
            <w:r>
              <w:tab/>
            </w:r>
            <w:r>
              <w:tab/>
              <w:t>}elseif( $entertainment[$r]=='resident_council_caucus'){</w:t>
            </w:r>
          </w:p>
          <w:p w:rsidR="00A35FED" w:rsidRDefault="00A35FED" w:rsidP="00A35FED">
            <w:r>
              <w:tab/>
            </w:r>
            <w:r>
              <w:tab/>
            </w:r>
            <w:r>
              <w:tab/>
            </w:r>
            <w:r>
              <w:tab/>
            </w:r>
            <w:r>
              <w:tab/>
            </w:r>
            <w:r>
              <w:tab/>
            </w:r>
            <w:r>
              <w:tab/>
            </w:r>
            <w:r>
              <w:tab/>
              <w:t xml:space="preserve">$labelentertainment  </w:t>
            </w:r>
            <w:r>
              <w:tab/>
              <w:t>=</w:t>
            </w:r>
            <w:r>
              <w:tab/>
              <w:t xml:space="preserve">"Resident Council/Caucus"; </w:t>
            </w:r>
          </w:p>
          <w:p w:rsidR="00A35FED" w:rsidRDefault="00A35FED" w:rsidP="00A35FED">
            <w:r>
              <w:tab/>
            </w:r>
            <w:r>
              <w:tab/>
            </w:r>
            <w:r>
              <w:tab/>
            </w:r>
            <w:r>
              <w:tab/>
            </w:r>
            <w:r>
              <w:tab/>
            </w:r>
            <w:r>
              <w:tab/>
            </w:r>
            <w:r>
              <w:tab/>
              <w:t>}elseif( $entertainment[$r]=='shuffleboard'){</w:t>
            </w:r>
          </w:p>
          <w:p w:rsidR="00A35FED" w:rsidRDefault="00A35FED" w:rsidP="00A35FED">
            <w:r>
              <w:tab/>
            </w:r>
            <w:r>
              <w:tab/>
            </w:r>
            <w:r>
              <w:tab/>
            </w:r>
            <w:r>
              <w:tab/>
            </w:r>
            <w:r>
              <w:tab/>
            </w:r>
            <w:r>
              <w:tab/>
            </w:r>
            <w:r>
              <w:tab/>
            </w:r>
            <w:r>
              <w:tab/>
              <w:t xml:space="preserve">$labelentertainment  </w:t>
            </w:r>
            <w:r>
              <w:tab/>
              <w:t>=</w:t>
            </w:r>
            <w:r>
              <w:tab/>
              <w:t xml:space="preserve">"Shuffleboard"; </w:t>
            </w:r>
          </w:p>
          <w:p w:rsidR="00A35FED" w:rsidRDefault="00A35FED" w:rsidP="00A35FED">
            <w:r>
              <w:tab/>
            </w:r>
            <w:r>
              <w:tab/>
            </w:r>
            <w:r>
              <w:tab/>
            </w:r>
            <w:r>
              <w:tab/>
            </w:r>
            <w:r>
              <w:tab/>
            </w:r>
            <w:r>
              <w:tab/>
            </w:r>
            <w:r>
              <w:tab/>
              <w:t>}elseif( $entertainment[$r]=='bocce_ball'){</w:t>
            </w:r>
          </w:p>
          <w:p w:rsidR="00A35FED" w:rsidRDefault="00A35FED" w:rsidP="00A35FED">
            <w:r>
              <w:tab/>
            </w:r>
            <w:r>
              <w:tab/>
            </w:r>
            <w:r>
              <w:tab/>
            </w:r>
            <w:r>
              <w:tab/>
            </w:r>
            <w:r>
              <w:tab/>
            </w:r>
            <w:r>
              <w:tab/>
            </w:r>
            <w:r>
              <w:tab/>
            </w:r>
            <w:r>
              <w:tab/>
              <w:t xml:space="preserve">$labelentertainment  </w:t>
            </w:r>
            <w:r>
              <w:tab/>
              <w:t>=</w:t>
            </w:r>
            <w:r>
              <w:tab/>
              <w:t xml:space="preserve">"Bocce </w:t>
            </w:r>
            <w:r>
              <w:lastRenderedPageBreak/>
              <w:t xml:space="preserve">Ball"; </w:t>
            </w:r>
          </w:p>
          <w:p w:rsidR="00A35FED" w:rsidRDefault="00A35FED" w:rsidP="00A35FED">
            <w:r>
              <w:tab/>
            </w:r>
            <w:r>
              <w:tab/>
            </w:r>
            <w:r>
              <w:tab/>
            </w:r>
            <w:r>
              <w:tab/>
            </w:r>
            <w:r>
              <w:tab/>
            </w:r>
            <w:r>
              <w:tab/>
            </w:r>
            <w:r>
              <w:tab/>
              <w:t>}elseif( $entertainment[$r]=='tennis_courts'){</w:t>
            </w:r>
          </w:p>
          <w:p w:rsidR="00A35FED" w:rsidRDefault="00A35FED" w:rsidP="00A35FED">
            <w:r>
              <w:tab/>
            </w:r>
            <w:r>
              <w:tab/>
            </w:r>
            <w:r>
              <w:tab/>
            </w:r>
            <w:r>
              <w:tab/>
            </w:r>
            <w:r>
              <w:tab/>
            </w:r>
            <w:r>
              <w:tab/>
            </w:r>
            <w:r>
              <w:tab/>
            </w:r>
            <w:r>
              <w:tab/>
              <w:t xml:space="preserve">$labelentertainment  </w:t>
            </w:r>
            <w:r>
              <w:tab/>
              <w:t>=</w:t>
            </w:r>
            <w:r>
              <w:tab/>
              <w:t xml:space="preserve">"Tennis Courts"; </w:t>
            </w:r>
          </w:p>
          <w:p w:rsidR="00A35FED" w:rsidRDefault="00A35FED" w:rsidP="00A35FED">
            <w:r>
              <w:tab/>
            </w:r>
            <w:r>
              <w:tab/>
            </w:r>
            <w:r>
              <w:tab/>
            </w:r>
            <w:r>
              <w:tab/>
            </w:r>
            <w:r>
              <w:tab/>
            </w:r>
            <w:r>
              <w:tab/>
            </w:r>
            <w:r>
              <w:tab/>
              <w:t>}elseif( $entertainment[$r]=='pickle_ball'){</w:t>
            </w:r>
          </w:p>
          <w:p w:rsidR="00A35FED" w:rsidRDefault="00A35FED" w:rsidP="00A35FED">
            <w:r>
              <w:tab/>
            </w:r>
            <w:r>
              <w:tab/>
            </w:r>
            <w:r>
              <w:tab/>
            </w:r>
            <w:r>
              <w:tab/>
            </w:r>
            <w:r>
              <w:tab/>
            </w:r>
            <w:r>
              <w:tab/>
            </w:r>
            <w:r>
              <w:tab/>
            </w:r>
            <w:r>
              <w:tab/>
              <w:t xml:space="preserve">$labelentertainment  </w:t>
            </w:r>
            <w:r>
              <w:tab/>
              <w:t>=</w:t>
            </w:r>
            <w:r>
              <w:tab/>
              <w:t xml:space="preserve">"Pickle Ball"; </w:t>
            </w:r>
          </w:p>
          <w:p w:rsidR="00A35FED" w:rsidRDefault="00A35FED" w:rsidP="00A35FED">
            <w:r>
              <w:tab/>
            </w:r>
            <w:r>
              <w:tab/>
            </w:r>
            <w:r>
              <w:tab/>
            </w:r>
            <w:r>
              <w:tab/>
            </w:r>
            <w:r>
              <w:tab/>
            </w:r>
            <w:r>
              <w:tab/>
            </w:r>
            <w:r>
              <w:tab/>
              <w:t>}elseif( $entertainment[$r]=='ping_pong'){</w:t>
            </w:r>
          </w:p>
          <w:p w:rsidR="00A35FED" w:rsidRDefault="00A35FED" w:rsidP="00A35FED">
            <w:r>
              <w:tab/>
            </w:r>
            <w:r>
              <w:tab/>
            </w:r>
            <w:r>
              <w:tab/>
            </w:r>
            <w:r>
              <w:tab/>
            </w:r>
            <w:r>
              <w:tab/>
            </w:r>
            <w:r>
              <w:tab/>
            </w:r>
            <w:r>
              <w:tab/>
            </w:r>
            <w:r>
              <w:tab/>
              <w:t xml:space="preserve">$labelentertainment  </w:t>
            </w:r>
            <w:r>
              <w:tab/>
              <w:t>=</w:t>
            </w:r>
            <w:r>
              <w:tab/>
              <w:t xml:space="preserve">"Ping Pong";  </w:t>
            </w:r>
          </w:p>
          <w:p w:rsidR="00A35FED" w:rsidRDefault="00A35FED" w:rsidP="00A35FED">
            <w:r>
              <w:tab/>
            </w:r>
            <w:r>
              <w:tab/>
            </w:r>
            <w:r>
              <w:tab/>
            </w:r>
            <w:r>
              <w:tab/>
            </w:r>
            <w:r>
              <w:tab/>
            </w:r>
            <w:r>
              <w:tab/>
            </w:r>
            <w:r>
              <w:tab/>
              <w:t>}</w:t>
            </w:r>
          </w:p>
          <w:p w:rsidR="00A35FED" w:rsidRDefault="00A35FED" w:rsidP="00A35FED">
            <w:r>
              <w:tab/>
            </w:r>
            <w:r>
              <w:tab/>
            </w:r>
            <w:r>
              <w:tab/>
            </w:r>
            <w:r>
              <w:tab/>
            </w:r>
            <w:r>
              <w:tab/>
            </w:r>
            <w:r>
              <w:tab/>
            </w:r>
            <w:r>
              <w:tab/>
              <w:t>if($labelentertainment</w:t>
            </w:r>
            <w:r>
              <w:tab/>
              <w:t>){</w:t>
            </w:r>
          </w:p>
          <w:p w:rsidR="00A35FED" w:rsidRDefault="00A35FED" w:rsidP="00A35FED">
            <w:r>
              <w:tab/>
            </w:r>
            <w:r>
              <w:tab/>
            </w:r>
            <w:r>
              <w:tab/>
            </w:r>
            <w:r>
              <w:tab/>
            </w:r>
            <w:r>
              <w:tab/>
            </w:r>
            <w:r>
              <w:tab/>
              <w:t>?&gt;</w:t>
            </w:r>
          </w:p>
          <w:p w:rsidR="00A35FED" w:rsidRDefault="00A35FED" w:rsidP="00A35FED">
            <w:r>
              <w:tab/>
            </w:r>
            <w:r>
              <w:tab/>
            </w:r>
            <w:r>
              <w:tab/>
            </w:r>
            <w:r>
              <w:tab/>
            </w:r>
            <w:r>
              <w:tab/>
            </w:r>
            <w:r>
              <w:tab/>
            </w:r>
            <w:r>
              <w:tab/>
              <w:t>&lt;li&gt;&lt;?php echo $labelentertainment ; ?&gt; &lt;/li&gt;</w:t>
            </w:r>
          </w:p>
          <w:p w:rsidR="00A35FED" w:rsidRDefault="00A35FED" w:rsidP="00A35FED">
            <w:r>
              <w:tab/>
            </w:r>
            <w:r>
              <w:tab/>
            </w:r>
            <w:r>
              <w:tab/>
            </w:r>
            <w:r>
              <w:tab/>
            </w:r>
            <w:r>
              <w:tab/>
            </w:r>
            <w:r>
              <w:tab/>
              <w:t xml:space="preserve">&lt;?php } } }?&gt;            </w:t>
            </w:r>
            <w:r>
              <w:tab/>
            </w:r>
            <w:r>
              <w:tab/>
            </w:r>
            <w:r>
              <w:tab/>
              <w:t xml:space="preserve">   </w:t>
            </w:r>
          </w:p>
          <w:p w:rsidR="00A35FED" w:rsidRDefault="00A35FED" w:rsidP="00A35FED">
            <w:r>
              <w:tab/>
            </w:r>
            <w:r>
              <w:tab/>
            </w:r>
            <w:r>
              <w:tab/>
            </w:r>
            <w:r>
              <w:tab/>
            </w:r>
            <w:r>
              <w:tab/>
              <w:t xml:space="preserve"> &lt;/ul&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feature-content"&gt;</w:t>
            </w:r>
          </w:p>
          <w:p w:rsidR="00A35FED" w:rsidRDefault="00A35FED" w:rsidP="00A35FED">
            <w:r>
              <w:t xml:space="preserve">        &lt;h5 class="feature-title"&gt;</w:t>
            </w:r>
          </w:p>
          <w:p w:rsidR="00A35FED" w:rsidRDefault="00A35FED" w:rsidP="00A35FED">
            <w:r>
              <w:t xml:space="preserve">            Religious Services (&lt;?php echo count($religion);?&gt;)</w:t>
            </w:r>
          </w:p>
          <w:p w:rsidR="00A35FED" w:rsidRDefault="00A35FED" w:rsidP="00A35FED">
            <w:r>
              <w:t xml:space="preserve">        &lt;/h5&gt;</w:t>
            </w:r>
          </w:p>
          <w:p w:rsidR="00A35FED" w:rsidRDefault="00A35FED" w:rsidP="00A35FED">
            <w:r>
              <w:t xml:space="preserve">            &lt;div class="col-md-12"&gt;</w:t>
            </w:r>
          </w:p>
          <w:p w:rsidR="00A35FED" w:rsidRDefault="00A35FED" w:rsidP="00A35FED">
            <w:r>
              <w:t xml:space="preserve">                &lt;ul class="bullets"&gt; </w:t>
            </w:r>
          </w:p>
          <w:p w:rsidR="00A35FED" w:rsidRDefault="00A35FED" w:rsidP="00A35FED">
            <w:r>
              <w:tab/>
            </w:r>
            <w:r>
              <w:tab/>
            </w:r>
            <w:r>
              <w:tab/>
            </w:r>
            <w:r>
              <w:tab/>
            </w:r>
            <w:r>
              <w:tab/>
              <w:t>&lt;?php if($religion){</w:t>
            </w:r>
          </w:p>
          <w:p w:rsidR="00A35FED" w:rsidRDefault="00A35FED" w:rsidP="00A35FED">
            <w:r>
              <w:tab/>
            </w:r>
            <w:r>
              <w:tab/>
            </w:r>
            <w:r>
              <w:tab/>
            </w:r>
            <w:r>
              <w:tab/>
            </w:r>
            <w:r>
              <w:tab/>
            </w:r>
            <w:r>
              <w:tab/>
              <w:t xml:space="preserve">for($r=0;$r&lt;count($religion);$r++){ </w:t>
            </w:r>
          </w:p>
          <w:p w:rsidR="00A35FED" w:rsidRDefault="00A35FED" w:rsidP="00A35FED">
            <w:r>
              <w:tab/>
            </w:r>
            <w:r>
              <w:tab/>
            </w:r>
            <w:r>
              <w:tab/>
            </w:r>
            <w:r>
              <w:tab/>
            </w:r>
            <w:r>
              <w:tab/>
            </w:r>
            <w:r>
              <w:tab/>
              <w:t>if($religion[$r]=='christian'){</w:t>
            </w:r>
          </w:p>
          <w:p w:rsidR="00A35FED" w:rsidRDefault="00A35FED" w:rsidP="00A35FED">
            <w:r>
              <w:tab/>
            </w:r>
            <w:r>
              <w:tab/>
            </w:r>
            <w:r>
              <w:tab/>
            </w:r>
            <w:r>
              <w:tab/>
            </w:r>
            <w:r>
              <w:tab/>
            </w:r>
            <w:r>
              <w:tab/>
            </w:r>
            <w:r>
              <w:tab/>
              <w:t xml:space="preserve">$labelreligion </w:t>
            </w:r>
            <w:r>
              <w:tab/>
              <w:t>=</w:t>
            </w:r>
            <w:r>
              <w:tab/>
              <w:t xml:space="preserve">"Christian"; </w:t>
            </w:r>
          </w:p>
          <w:p w:rsidR="00A35FED" w:rsidRDefault="00A35FED" w:rsidP="00A35FED">
            <w:r>
              <w:tab/>
            </w:r>
            <w:r>
              <w:tab/>
            </w:r>
            <w:r>
              <w:tab/>
            </w:r>
            <w:r>
              <w:tab/>
            </w:r>
            <w:r>
              <w:tab/>
            </w:r>
            <w:r>
              <w:tab/>
              <w:t>}elseif( $religion[$r]=='catholic'){</w:t>
            </w:r>
          </w:p>
          <w:p w:rsidR="00A35FED" w:rsidRDefault="00A35FED" w:rsidP="00A35FED">
            <w:r>
              <w:tab/>
            </w:r>
            <w:r>
              <w:tab/>
            </w:r>
            <w:r>
              <w:tab/>
            </w:r>
            <w:r>
              <w:tab/>
            </w:r>
            <w:r>
              <w:tab/>
            </w:r>
            <w:r>
              <w:tab/>
            </w:r>
            <w:r>
              <w:tab/>
              <w:t xml:space="preserve">$labelreligion </w:t>
            </w:r>
            <w:r>
              <w:tab/>
              <w:t>=</w:t>
            </w:r>
            <w:r>
              <w:tab/>
              <w:t xml:space="preserve">"Catholic"; </w:t>
            </w:r>
          </w:p>
          <w:p w:rsidR="00A35FED" w:rsidRDefault="00A35FED" w:rsidP="00A35FED">
            <w:r>
              <w:tab/>
            </w:r>
            <w:r>
              <w:tab/>
            </w:r>
            <w:r>
              <w:tab/>
            </w:r>
            <w:r>
              <w:tab/>
            </w:r>
            <w:r>
              <w:tab/>
            </w:r>
            <w:r>
              <w:tab/>
              <w:t>}elseif( $religion[$r]=='jewish'){</w:t>
            </w:r>
          </w:p>
          <w:p w:rsidR="00A35FED" w:rsidRDefault="00A35FED" w:rsidP="00A35FED">
            <w:r>
              <w:tab/>
            </w:r>
            <w:r>
              <w:tab/>
            </w:r>
            <w:r>
              <w:tab/>
            </w:r>
            <w:r>
              <w:tab/>
            </w:r>
            <w:r>
              <w:tab/>
            </w:r>
            <w:r>
              <w:tab/>
            </w:r>
            <w:r>
              <w:tab/>
              <w:t xml:space="preserve">$labelreligion </w:t>
            </w:r>
            <w:r>
              <w:tab/>
              <w:t>=</w:t>
            </w:r>
            <w:r>
              <w:tab/>
              <w:t xml:space="preserve">"Jewish"; </w:t>
            </w:r>
          </w:p>
          <w:p w:rsidR="00A35FED" w:rsidRDefault="00A35FED" w:rsidP="00A35FED">
            <w:r>
              <w:tab/>
            </w:r>
            <w:r>
              <w:tab/>
            </w:r>
            <w:r>
              <w:tab/>
            </w:r>
            <w:r>
              <w:tab/>
            </w:r>
            <w:r>
              <w:tab/>
            </w:r>
            <w:r>
              <w:tab/>
              <w:t>}elseif( $religion[$r]=='muslim'){</w:t>
            </w:r>
          </w:p>
          <w:p w:rsidR="00A35FED" w:rsidRDefault="00A35FED" w:rsidP="00A35FED">
            <w:r>
              <w:tab/>
            </w:r>
            <w:r>
              <w:tab/>
            </w:r>
            <w:r>
              <w:tab/>
            </w:r>
            <w:r>
              <w:tab/>
            </w:r>
            <w:r>
              <w:tab/>
            </w:r>
            <w:r>
              <w:tab/>
            </w:r>
            <w:r>
              <w:tab/>
              <w:t xml:space="preserve">$labelreligion </w:t>
            </w:r>
            <w:r>
              <w:tab/>
              <w:t>=</w:t>
            </w:r>
            <w:r>
              <w:tab/>
              <w:t xml:space="preserve">"Muslim"; </w:t>
            </w:r>
          </w:p>
          <w:p w:rsidR="00A35FED" w:rsidRDefault="00A35FED" w:rsidP="00A35FED">
            <w:r>
              <w:tab/>
            </w:r>
            <w:r>
              <w:tab/>
            </w:r>
            <w:r>
              <w:tab/>
            </w:r>
            <w:r>
              <w:tab/>
            </w:r>
            <w:r>
              <w:tab/>
            </w:r>
            <w:r>
              <w:tab/>
              <w:t>}elseif( $religion[$r]=='buddhist'){</w:t>
            </w:r>
          </w:p>
          <w:p w:rsidR="00A35FED" w:rsidRDefault="00A35FED" w:rsidP="00A35FED">
            <w:r>
              <w:tab/>
            </w:r>
            <w:r>
              <w:tab/>
            </w:r>
            <w:r>
              <w:tab/>
            </w:r>
            <w:r>
              <w:tab/>
            </w:r>
            <w:r>
              <w:tab/>
            </w:r>
            <w:r>
              <w:tab/>
            </w:r>
            <w:r>
              <w:tab/>
              <w:t xml:space="preserve">$labelreligion </w:t>
            </w:r>
            <w:r>
              <w:tab/>
              <w:t>=</w:t>
            </w:r>
            <w:r>
              <w:tab/>
              <w:t xml:space="preserve">"Buddhist"; </w:t>
            </w:r>
          </w:p>
          <w:p w:rsidR="00A35FED" w:rsidRDefault="00A35FED" w:rsidP="00A35FED">
            <w:r>
              <w:tab/>
            </w:r>
            <w:r>
              <w:tab/>
            </w:r>
            <w:r>
              <w:tab/>
            </w:r>
            <w:r>
              <w:tab/>
            </w:r>
            <w:r>
              <w:tab/>
            </w:r>
            <w:r>
              <w:tab/>
              <w:t>}elseif( $religion[$r]=='hindu'){</w:t>
            </w:r>
          </w:p>
          <w:p w:rsidR="00A35FED" w:rsidRDefault="00A35FED" w:rsidP="00A35FED">
            <w:r>
              <w:tab/>
            </w:r>
            <w:r>
              <w:tab/>
            </w:r>
            <w:r>
              <w:tab/>
            </w:r>
            <w:r>
              <w:tab/>
            </w:r>
            <w:r>
              <w:tab/>
            </w:r>
            <w:r>
              <w:tab/>
            </w:r>
            <w:r>
              <w:tab/>
              <w:t xml:space="preserve">$labelreligion </w:t>
            </w:r>
            <w:r>
              <w:tab/>
              <w:t>=</w:t>
            </w:r>
            <w:r>
              <w:tab/>
              <w:t xml:space="preserve">"Hindu"; </w:t>
            </w:r>
          </w:p>
          <w:p w:rsidR="00A35FED" w:rsidRDefault="00A35FED" w:rsidP="00A35FED">
            <w:r>
              <w:tab/>
            </w:r>
            <w:r>
              <w:tab/>
            </w:r>
            <w:r>
              <w:tab/>
            </w:r>
            <w:r>
              <w:tab/>
            </w:r>
            <w:r>
              <w:tab/>
            </w:r>
            <w:r>
              <w:tab/>
              <w:t>}</w:t>
            </w:r>
          </w:p>
          <w:p w:rsidR="00A35FED" w:rsidRDefault="00A35FED" w:rsidP="00A35FED">
            <w:r>
              <w:tab/>
            </w:r>
            <w:r>
              <w:tab/>
            </w:r>
            <w:r>
              <w:tab/>
            </w:r>
            <w:r>
              <w:tab/>
            </w:r>
            <w:r>
              <w:tab/>
            </w:r>
            <w:r>
              <w:tab/>
            </w:r>
            <w:r>
              <w:tab/>
              <w:t>if($labelreligion</w:t>
            </w:r>
            <w:r>
              <w:tab/>
              <w:t>){</w:t>
            </w:r>
          </w:p>
          <w:p w:rsidR="00A35FED" w:rsidRDefault="00A35FED" w:rsidP="00A35FED">
            <w:r>
              <w:tab/>
            </w:r>
            <w:r>
              <w:tab/>
            </w:r>
            <w:r>
              <w:tab/>
            </w:r>
            <w:r>
              <w:tab/>
            </w:r>
            <w:r>
              <w:tab/>
              <w:t>?&gt;</w:t>
            </w:r>
          </w:p>
          <w:p w:rsidR="00A35FED" w:rsidRDefault="00A35FED" w:rsidP="00A35FED">
            <w:r>
              <w:tab/>
            </w:r>
            <w:r>
              <w:tab/>
            </w:r>
            <w:r>
              <w:tab/>
            </w:r>
            <w:r>
              <w:tab/>
            </w:r>
            <w:r>
              <w:tab/>
            </w:r>
            <w:r>
              <w:tab/>
              <w:t>&lt;li&gt;&lt;?php echo $labelreligion ; ?&gt; &lt;/li&gt;</w:t>
            </w:r>
          </w:p>
          <w:p w:rsidR="00A35FED" w:rsidRDefault="00A35FED" w:rsidP="00A35FED">
            <w:r>
              <w:tab/>
            </w:r>
            <w:r>
              <w:tab/>
            </w:r>
            <w:r>
              <w:tab/>
            </w:r>
            <w:r>
              <w:tab/>
            </w:r>
            <w:r>
              <w:tab/>
              <w:t xml:space="preserve">&lt;?php } } }?&gt;            </w:t>
            </w:r>
            <w:r>
              <w:tab/>
            </w:r>
            <w:r>
              <w:tab/>
            </w:r>
            <w:r>
              <w:tab/>
              <w:t xml:space="preserve">   </w:t>
            </w:r>
          </w:p>
          <w:p w:rsidR="00A35FED" w:rsidRDefault="00A35FED" w:rsidP="00A35FED">
            <w:r>
              <w:tab/>
            </w:r>
            <w:r>
              <w:tab/>
            </w:r>
            <w:r>
              <w:tab/>
              <w:t xml:space="preserve">    &lt;/ul&gt;</w:t>
            </w:r>
          </w:p>
          <w:p w:rsidR="00A35FED" w:rsidRDefault="00A35FED" w:rsidP="00A35FED">
            <w:r>
              <w:t xml:space="preserve">            &lt;/div&gt;</w:t>
            </w:r>
          </w:p>
          <w:p w:rsidR="00A35FED" w:rsidRDefault="00A35FED" w:rsidP="00A35FED">
            <w:r>
              <w:t xml:space="preserve">    &lt;/div&gt;</w:t>
            </w:r>
          </w:p>
          <w:p w:rsidR="00A35FED" w:rsidRDefault="00A35FED" w:rsidP="00A35FED">
            <w:r>
              <w:t>&lt;/section&gt;</w:t>
            </w:r>
          </w:p>
          <w:p w:rsidR="00A35FED" w:rsidRDefault="00A35FED" w:rsidP="00A35FED">
            <w:r>
              <w:t>&lt;section id="miscellaneous" class="detail"&gt;</w:t>
            </w:r>
          </w:p>
          <w:p w:rsidR="00A35FED" w:rsidRDefault="00A35FED" w:rsidP="00A35FED">
            <w:r>
              <w:lastRenderedPageBreak/>
              <w:t xml:space="preserve">    &lt;div class="feature-content"&gt;</w:t>
            </w:r>
          </w:p>
          <w:p w:rsidR="00A35FED" w:rsidRDefault="00A35FED" w:rsidP="00A35FED">
            <w:r>
              <w:t xml:space="preserve">        &lt;h5 class="feature-title"&gt;</w:t>
            </w:r>
          </w:p>
          <w:p w:rsidR="00A35FED" w:rsidRDefault="00A35FED" w:rsidP="00A35FED">
            <w:r>
              <w:t xml:space="preserve">            &lt;i class="fas fa-asterisk mr-2"&gt;&lt;/i&gt;</w:t>
            </w:r>
          </w:p>
          <w:p w:rsidR="00A35FED" w:rsidRDefault="00A35FED" w:rsidP="00A35FED">
            <w:r>
              <w:t xml:space="preserve">            Added Factors</w:t>
            </w:r>
          </w:p>
          <w:p w:rsidR="00A35FED" w:rsidRDefault="00A35FED" w:rsidP="00A35FED">
            <w:r>
              <w:t xml:space="preserve">        &lt;/h5&gt;</w:t>
            </w:r>
          </w:p>
          <w:p w:rsidR="00A35FED" w:rsidRDefault="00A35FED" w:rsidP="00A35FED">
            <w:r>
              <w:t xml:space="preserve">            &lt;div class="col-md-12"&gt;</w:t>
            </w:r>
          </w:p>
          <w:p w:rsidR="00A35FED" w:rsidRDefault="00A35FED" w:rsidP="00A35FED">
            <w:r>
              <w:t xml:space="preserve">                &lt;ul class="bullets"&gt;   </w:t>
            </w:r>
          </w:p>
          <w:p w:rsidR="00A35FED" w:rsidRDefault="00A35FED" w:rsidP="00A35FED">
            <w:r>
              <w:tab/>
            </w:r>
            <w:r>
              <w:tab/>
            </w:r>
            <w:r>
              <w:tab/>
            </w:r>
            <w:r>
              <w:tab/>
            </w:r>
            <w:r>
              <w:tab/>
              <w:t>&lt;?php if ($features){</w:t>
            </w:r>
          </w:p>
          <w:p w:rsidR="00A35FED" w:rsidRDefault="00A35FED" w:rsidP="00A35FED">
            <w:r>
              <w:tab/>
            </w:r>
            <w:r>
              <w:tab/>
            </w:r>
            <w:r>
              <w:tab/>
            </w:r>
            <w:r>
              <w:tab/>
            </w:r>
            <w:r>
              <w:tab/>
            </w:r>
            <w:r>
              <w:tab/>
              <w:t xml:space="preserve">for($r=0;$r&lt;count($features);$r++){ </w:t>
            </w:r>
          </w:p>
          <w:p w:rsidR="00A35FED" w:rsidRDefault="00A35FED" w:rsidP="00A35FED">
            <w:r>
              <w:tab/>
            </w:r>
            <w:r>
              <w:tab/>
            </w:r>
            <w:r>
              <w:tab/>
            </w:r>
            <w:r>
              <w:tab/>
            </w:r>
            <w:r>
              <w:tab/>
            </w:r>
            <w:r>
              <w:tab/>
              <w:t>if($features[$r]=='electric_wheelchair'){</w:t>
            </w:r>
          </w:p>
          <w:p w:rsidR="00A35FED" w:rsidRDefault="00A35FED" w:rsidP="00A35FED">
            <w:r>
              <w:tab/>
            </w:r>
            <w:r>
              <w:tab/>
            </w:r>
            <w:r>
              <w:tab/>
            </w:r>
            <w:r>
              <w:tab/>
            </w:r>
            <w:r>
              <w:tab/>
            </w:r>
            <w:r>
              <w:tab/>
            </w:r>
            <w:r>
              <w:tab/>
              <w:t xml:space="preserve">$label </w:t>
            </w:r>
            <w:r>
              <w:tab/>
            </w:r>
            <w:r>
              <w:tab/>
              <w:t>=</w:t>
            </w:r>
            <w:r>
              <w:tab/>
              <w:t xml:space="preserve">"Electric Wheelchair"; </w:t>
            </w:r>
          </w:p>
          <w:p w:rsidR="00A35FED" w:rsidRDefault="00A35FED" w:rsidP="00A35FED">
            <w:r>
              <w:tab/>
            </w:r>
            <w:r>
              <w:tab/>
            </w:r>
            <w:r>
              <w:tab/>
            </w:r>
            <w:r>
              <w:tab/>
            </w:r>
            <w:r>
              <w:tab/>
            </w:r>
            <w:r>
              <w:tab/>
            </w:r>
            <w:r>
              <w:tab/>
              <w:t xml:space="preserve">$status </w:t>
            </w:r>
            <w:r>
              <w:tab/>
              <w:t>=</w:t>
            </w:r>
            <w:r>
              <w:tab/>
              <w:t xml:space="preserve">"Yes"; </w:t>
            </w:r>
          </w:p>
          <w:p w:rsidR="00A35FED" w:rsidRDefault="00A35FED" w:rsidP="00A35FED">
            <w:r>
              <w:tab/>
            </w:r>
            <w:r>
              <w:tab/>
            </w:r>
            <w:r>
              <w:tab/>
            </w:r>
            <w:r>
              <w:tab/>
            </w:r>
            <w:r>
              <w:tab/>
            </w:r>
            <w:r>
              <w:tab/>
            </w:r>
            <w:r>
              <w:tab/>
              <w:t xml:space="preserve">$bgcolor </w:t>
            </w:r>
            <w:r>
              <w:tab/>
              <w:t>=</w:t>
            </w:r>
            <w:r>
              <w:tab/>
              <w:t xml:space="preserve">"success"; </w:t>
            </w:r>
          </w:p>
          <w:p w:rsidR="00A35FED" w:rsidRDefault="00A35FED" w:rsidP="00A35FED">
            <w:r>
              <w:tab/>
            </w:r>
            <w:r>
              <w:tab/>
            </w:r>
            <w:r>
              <w:tab/>
            </w:r>
            <w:r>
              <w:tab/>
            </w:r>
            <w:r>
              <w:tab/>
            </w:r>
            <w:r>
              <w:tab/>
              <w:t>}elseif( $features[$r]=='one_cat'){</w:t>
            </w:r>
          </w:p>
          <w:p w:rsidR="00A35FED" w:rsidRDefault="00A35FED" w:rsidP="00A35FED">
            <w:r>
              <w:tab/>
            </w:r>
            <w:r>
              <w:tab/>
            </w:r>
            <w:r>
              <w:tab/>
            </w:r>
            <w:r>
              <w:tab/>
            </w:r>
            <w:r>
              <w:tab/>
            </w:r>
            <w:r>
              <w:tab/>
            </w:r>
            <w:r>
              <w:tab/>
              <w:t xml:space="preserve">continue; </w:t>
            </w:r>
          </w:p>
          <w:p w:rsidR="00A35FED" w:rsidRDefault="00A35FED" w:rsidP="00A35FED">
            <w:r>
              <w:tab/>
            </w:r>
            <w:r>
              <w:tab/>
            </w:r>
            <w:r>
              <w:tab/>
            </w:r>
            <w:r>
              <w:tab/>
            </w:r>
            <w:r>
              <w:tab/>
            </w:r>
            <w:r>
              <w:tab/>
              <w:t>}elseif( $features[$r]=='one_bird'){</w:t>
            </w:r>
          </w:p>
          <w:p w:rsidR="00A35FED" w:rsidRDefault="00A35FED" w:rsidP="00A35FED">
            <w:r>
              <w:tab/>
            </w:r>
            <w:r>
              <w:tab/>
            </w:r>
            <w:r>
              <w:tab/>
            </w:r>
            <w:r>
              <w:tab/>
            </w:r>
            <w:r>
              <w:tab/>
            </w:r>
            <w:r>
              <w:tab/>
            </w:r>
            <w:r>
              <w:tab/>
              <w:t xml:space="preserve">continue; </w:t>
            </w:r>
          </w:p>
          <w:p w:rsidR="00A35FED" w:rsidRDefault="00A35FED" w:rsidP="00A35FED">
            <w:r>
              <w:tab/>
            </w:r>
            <w:r>
              <w:tab/>
            </w:r>
            <w:r>
              <w:tab/>
            </w:r>
            <w:r>
              <w:tab/>
            </w:r>
            <w:r>
              <w:tab/>
            </w:r>
            <w:r>
              <w:tab/>
              <w:t>}elseif( $features[$r]=='one_dog_20lbs'){</w:t>
            </w:r>
          </w:p>
          <w:p w:rsidR="00A35FED" w:rsidRDefault="00A35FED" w:rsidP="00A35FED">
            <w:r>
              <w:tab/>
            </w:r>
            <w:r>
              <w:tab/>
            </w:r>
            <w:r>
              <w:tab/>
            </w:r>
            <w:r>
              <w:tab/>
            </w:r>
            <w:r>
              <w:tab/>
            </w:r>
            <w:r>
              <w:tab/>
            </w:r>
            <w:r>
              <w:tab/>
              <w:t>continue;</w:t>
            </w:r>
          </w:p>
          <w:p w:rsidR="00A35FED" w:rsidRDefault="00A35FED" w:rsidP="00A35FED">
            <w:r>
              <w:tab/>
            </w:r>
            <w:r>
              <w:tab/>
            </w:r>
            <w:r>
              <w:tab/>
            </w:r>
            <w:r>
              <w:tab/>
            </w:r>
            <w:r>
              <w:tab/>
            </w:r>
            <w:r>
              <w:tab/>
              <w:t>}elseif( $features[$r]=='smoking'){</w:t>
            </w:r>
          </w:p>
          <w:p w:rsidR="00A35FED" w:rsidRDefault="00A35FED" w:rsidP="00A35FED">
            <w:r>
              <w:tab/>
            </w:r>
            <w:r>
              <w:tab/>
            </w:r>
            <w:r>
              <w:tab/>
            </w:r>
            <w:r>
              <w:tab/>
            </w:r>
            <w:r>
              <w:tab/>
            </w:r>
            <w:r>
              <w:tab/>
            </w:r>
            <w:r>
              <w:tab/>
              <w:t xml:space="preserve">$label </w:t>
            </w:r>
            <w:r>
              <w:tab/>
            </w:r>
            <w:r>
              <w:tab/>
              <w:t>=</w:t>
            </w:r>
            <w:r>
              <w:tab/>
              <w:t xml:space="preserve">"Smoking"; </w:t>
            </w:r>
          </w:p>
          <w:p w:rsidR="00A35FED" w:rsidRDefault="00A35FED" w:rsidP="00A35FED">
            <w:r>
              <w:tab/>
            </w:r>
            <w:r>
              <w:tab/>
            </w:r>
            <w:r>
              <w:tab/>
            </w:r>
            <w:r>
              <w:tab/>
            </w:r>
            <w:r>
              <w:tab/>
            </w:r>
            <w:r>
              <w:tab/>
            </w:r>
            <w:r>
              <w:tab/>
              <w:t xml:space="preserve">$status </w:t>
            </w:r>
            <w:r>
              <w:tab/>
              <w:t>=</w:t>
            </w:r>
            <w:r>
              <w:tab/>
              <w:t xml:space="preserve">"Yes"; </w:t>
            </w:r>
          </w:p>
          <w:p w:rsidR="00A35FED" w:rsidRDefault="00A35FED" w:rsidP="00A35FED">
            <w:r>
              <w:tab/>
            </w:r>
            <w:r>
              <w:tab/>
            </w:r>
            <w:r>
              <w:tab/>
            </w:r>
            <w:r>
              <w:tab/>
            </w:r>
            <w:r>
              <w:tab/>
            </w:r>
            <w:r>
              <w:tab/>
            </w:r>
            <w:r>
              <w:tab/>
              <w:t xml:space="preserve">$bgcolor </w:t>
            </w:r>
            <w:r>
              <w:tab/>
              <w:t>=</w:t>
            </w:r>
            <w:r>
              <w:tab/>
              <w:t xml:space="preserve">"success"; </w:t>
            </w:r>
          </w:p>
          <w:p w:rsidR="00A35FED" w:rsidRDefault="00A35FED" w:rsidP="00A35FED">
            <w:r>
              <w:tab/>
            </w:r>
            <w:r>
              <w:tab/>
            </w:r>
            <w:r>
              <w:tab/>
            </w:r>
            <w:r>
              <w:tab/>
            </w:r>
            <w:r>
              <w:tab/>
            </w:r>
            <w:r>
              <w:tab/>
              <w:t>}else{</w:t>
            </w:r>
          </w:p>
          <w:p w:rsidR="00A35FED" w:rsidRDefault="00A35FED" w:rsidP="00A35FED">
            <w:r>
              <w:tab/>
            </w:r>
            <w:r>
              <w:tab/>
            </w:r>
            <w:r>
              <w:tab/>
            </w:r>
            <w:r>
              <w:tab/>
            </w:r>
            <w:r>
              <w:tab/>
            </w:r>
            <w:r>
              <w:tab/>
            </w:r>
            <w:r>
              <w:tab/>
              <w:t xml:space="preserve">$status </w:t>
            </w:r>
            <w:r>
              <w:tab/>
              <w:t>=</w:t>
            </w:r>
            <w:r>
              <w:tab/>
              <w:t xml:space="preserve">"No"; </w:t>
            </w:r>
          </w:p>
          <w:p w:rsidR="00A35FED" w:rsidRDefault="00A35FED" w:rsidP="00A35FED">
            <w:r>
              <w:tab/>
            </w:r>
            <w:r>
              <w:tab/>
            </w:r>
            <w:r>
              <w:tab/>
            </w:r>
            <w:r>
              <w:tab/>
            </w:r>
            <w:r>
              <w:tab/>
            </w:r>
            <w:r>
              <w:tab/>
            </w:r>
            <w:r>
              <w:tab/>
              <w:t xml:space="preserve">$bgcolor </w:t>
            </w:r>
            <w:r>
              <w:tab/>
              <w:t>=</w:t>
            </w:r>
            <w:r>
              <w:tab/>
              <w:t xml:space="preserve">"danger"; </w:t>
            </w:r>
          </w:p>
          <w:p w:rsidR="00A35FED" w:rsidRDefault="00A35FED" w:rsidP="00A35FED">
            <w:r>
              <w:tab/>
            </w:r>
            <w:r>
              <w:tab/>
            </w:r>
            <w:r>
              <w:tab/>
            </w:r>
            <w:r>
              <w:tab/>
            </w:r>
            <w:r>
              <w:tab/>
            </w:r>
            <w:r>
              <w:tab/>
              <w:t xml:space="preserve">} </w:t>
            </w:r>
          </w:p>
          <w:p w:rsidR="00A35FED" w:rsidRDefault="00A35FED" w:rsidP="00A35FED">
            <w:r>
              <w:tab/>
            </w:r>
            <w:r>
              <w:tab/>
            </w:r>
            <w:r>
              <w:tab/>
            </w:r>
            <w:r>
              <w:tab/>
            </w:r>
            <w:r>
              <w:tab/>
            </w:r>
            <w:r>
              <w:tab/>
              <w:t>if($label){</w:t>
            </w:r>
          </w:p>
          <w:p w:rsidR="00A35FED" w:rsidRDefault="00A35FED" w:rsidP="00A35FED">
            <w:r>
              <w:tab/>
            </w:r>
            <w:r>
              <w:tab/>
            </w:r>
            <w:r>
              <w:tab/>
            </w:r>
            <w:r>
              <w:tab/>
            </w:r>
            <w:r>
              <w:tab/>
              <w:t xml:space="preserve">?&gt; </w:t>
            </w:r>
          </w:p>
          <w:p w:rsidR="00A35FED" w:rsidRDefault="00A35FED" w:rsidP="00A35FED">
            <w:r>
              <w:tab/>
            </w:r>
            <w:r>
              <w:tab/>
            </w:r>
            <w:r>
              <w:tab/>
            </w:r>
            <w:r>
              <w:tab/>
            </w:r>
            <w:r>
              <w:tab/>
            </w:r>
            <w:r>
              <w:tab/>
              <w:t>&lt;li&gt; &lt;?php echo $label; ?&gt; &lt;span class="badge badge-pill badge-&lt;?php echo $bgcolor; ?&gt;"&gt;  &lt;?php echo $status; ?&gt; &lt;/span&gt; &lt;/li&gt;</w:t>
            </w:r>
          </w:p>
          <w:p w:rsidR="00A35FED" w:rsidRDefault="00A35FED" w:rsidP="00A35FED">
            <w:r>
              <w:tab/>
            </w:r>
            <w:r>
              <w:tab/>
            </w:r>
            <w:r>
              <w:tab/>
            </w:r>
            <w:r>
              <w:tab/>
            </w:r>
            <w:r>
              <w:tab/>
              <w:t xml:space="preserve">&lt;?php } } }?&gt;              </w:t>
            </w:r>
            <w:r>
              <w:tab/>
            </w:r>
            <w:r>
              <w:tab/>
            </w:r>
            <w:r>
              <w:tab/>
              <w:t xml:space="preserve">   </w:t>
            </w:r>
          </w:p>
          <w:p w:rsidR="00A35FED" w:rsidRDefault="00A35FED" w:rsidP="00A35FED">
            <w:r>
              <w:tab/>
            </w:r>
            <w:r>
              <w:tab/>
            </w:r>
            <w:r>
              <w:tab/>
              <w:t xml:space="preserve">    &lt;/ul&gt;</w:t>
            </w:r>
          </w:p>
          <w:p w:rsidR="00A35FED" w:rsidRDefault="00A35FED" w:rsidP="00A35FED">
            <w:r>
              <w:t xml:space="preserve">            &lt;/div&gt;</w:t>
            </w:r>
          </w:p>
          <w:p w:rsidR="00A35FED" w:rsidRDefault="00A35FED" w:rsidP="00A35FED">
            <w:r>
              <w:t xml:space="preserve">            &lt;/div&gt;</w:t>
            </w:r>
          </w:p>
          <w:p w:rsidR="00A35FED" w:rsidRDefault="00A35FED" w:rsidP="00A35FED">
            <w:r>
              <w:t>&lt;/section&gt;</w:t>
            </w:r>
          </w:p>
          <w:p w:rsidR="00A35FED" w:rsidRDefault="00A35FED" w:rsidP="00A35FED">
            <w:r>
              <w:t>&lt;section id="pets" class="detail"&gt;</w:t>
            </w:r>
          </w:p>
          <w:p w:rsidR="00A35FED" w:rsidRDefault="00A35FED" w:rsidP="00A35FED">
            <w:r>
              <w:t xml:space="preserve">        &lt;div class="feature-content"&gt;</w:t>
            </w:r>
          </w:p>
          <w:p w:rsidR="00A35FED" w:rsidRDefault="00A35FED" w:rsidP="00A35FED">
            <w:r>
              <w:t xml:space="preserve">        &lt;h5 class="feature-title"&gt;</w:t>
            </w:r>
          </w:p>
          <w:p w:rsidR="00A35FED" w:rsidRDefault="00A35FED" w:rsidP="00A35FED">
            <w:r>
              <w:t xml:space="preserve">            &lt;i class="fas fa-paw mr-2"&gt;&lt;/i&gt;</w:t>
            </w:r>
          </w:p>
          <w:p w:rsidR="00A35FED" w:rsidRDefault="00A35FED" w:rsidP="00A35FED">
            <w:r>
              <w:t xml:space="preserve">            Pets </w:t>
            </w:r>
          </w:p>
          <w:p w:rsidR="00A35FED" w:rsidRDefault="00A35FED" w:rsidP="00A35FED">
            <w:r>
              <w:t xml:space="preserve">            </w:t>
            </w:r>
          </w:p>
          <w:p w:rsidR="00A35FED" w:rsidRDefault="00A35FED" w:rsidP="00A35FED">
            <w:r>
              <w:t xml:space="preserve">        &lt;/h5&gt;</w:t>
            </w:r>
          </w:p>
          <w:p w:rsidR="00A35FED" w:rsidRDefault="00A35FED" w:rsidP="00A35FED">
            <w:r>
              <w:t xml:space="preserve">            &lt;div class="col-md-12"&gt;</w:t>
            </w:r>
          </w:p>
          <w:p w:rsidR="00A35FED" w:rsidRDefault="00A35FED" w:rsidP="00A35FED">
            <w:r>
              <w:t xml:space="preserve">               &lt;ul class="bullets"&gt;   </w:t>
            </w:r>
          </w:p>
          <w:p w:rsidR="00A35FED" w:rsidRDefault="00A35FED" w:rsidP="00A35FED">
            <w:r>
              <w:tab/>
            </w:r>
            <w:r>
              <w:tab/>
            </w:r>
            <w:r>
              <w:tab/>
            </w:r>
            <w:r>
              <w:tab/>
              <w:t>&lt;?php if ($features){</w:t>
            </w:r>
          </w:p>
          <w:p w:rsidR="00A35FED" w:rsidRDefault="00A35FED" w:rsidP="00A35FED">
            <w:r>
              <w:tab/>
            </w:r>
            <w:r>
              <w:tab/>
            </w:r>
            <w:r>
              <w:tab/>
            </w:r>
            <w:r>
              <w:tab/>
            </w:r>
            <w:r>
              <w:tab/>
              <w:t xml:space="preserve">for($r=0;$r&lt;count($features);$r++){ </w:t>
            </w:r>
          </w:p>
          <w:p w:rsidR="00A35FED" w:rsidRDefault="00A35FED" w:rsidP="00A35FED">
            <w:r>
              <w:tab/>
            </w:r>
            <w:r>
              <w:tab/>
            </w:r>
            <w:r>
              <w:tab/>
            </w:r>
            <w:r>
              <w:tab/>
            </w:r>
            <w:r>
              <w:tab/>
              <w:t>if($features[$r]=='electric_wheelchair'){</w:t>
            </w:r>
          </w:p>
          <w:p w:rsidR="00A35FED" w:rsidRDefault="00A35FED" w:rsidP="00A35FED">
            <w:r>
              <w:lastRenderedPageBreak/>
              <w:tab/>
            </w:r>
            <w:r>
              <w:tab/>
            </w:r>
            <w:r>
              <w:tab/>
            </w:r>
            <w:r>
              <w:tab/>
            </w:r>
            <w:r>
              <w:tab/>
            </w:r>
            <w:r>
              <w:tab/>
              <w:t>continue;</w:t>
            </w:r>
          </w:p>
          <w:p w:rsidR="00A35FED" w:rsidRDefault="00A35FED" w:rsidP="00A35FED">
            <w:r>
              <w:tab/>
            </w:r>
            <w:r>
              <w:tab/>
            </w:r>
            <w:r>
              <w:tab/>
            </w:r>
            <w:r>
              <w:tab/>
            </w:r>
            <w:r>
              <w:tab/>
              <w:t>}elseif( $features[$r]=='one_cat'){</w:t>
            </w:r>
          </w:p>
          <w:p w:rsidR="00A35FED" w:rsidRDefault="00A35FED" w:rsidP="00A35FED">
            <w:r>
              <w:tab/>
            </w:r>
            <w:r>
              <w:tab/>
            </w:r>
            <w:r>
              <w:tab/>
            </w:r>
            <w:r>
              <w:tab/>
            </w:r>
            <w:r>
              <w:tab/>
            </w:r>
            <w:r>
              <w:tab/>
              <w:t>$label</w:t>
            </w:r>
            <w:r>
              <w:tab/>
              <w:t>=</w:t>
            </w:r>
            <w:r>
              <w:tab/>
              <w:t xml:space="preserve">"1 Cat"; </w:t>
            </w:r>
          </w:p>
          <w:p w:rsidR="00A35FED" w:rsidRDefault="00A35FED" w:rsidP="00A35FED">
            <w:r>
              <w:tab/>
            </w:r>
            <w:r>
              <w:tab/>
            </w:r>
            <w:r>
              <w:tab/>
            </w:r>
            <w:r>
              <w:tab/>
            </w:r>
            <w:r>
              <w:tab/>
            </w:r>
            <w:r>
              <w:tab/>
              <w:t xml:space="preserve">$status </w:t>
            </w:r>
            <w:r>
              <w:tab/>
              <w:t>=</w:t>
            </w:r>
            <w:r>
              <w:tab/>
              <w:t xml:space="preserve">"1 Allowed";  </w:t>
            </w:r>
          </w:p>
          <w:p w:rsidR="00A35FED" w:rsidRDefault="00A35FED" w:rsidP="00A35FED">
            <w:r>
              <w:tab/>
            </w:r>
            <w:r>
              <w:tab/>
            </w:r>
            <w:r>
              <w:tab/>
            </w:r>
            <w:r>
              <w:tab/>
            </w:r>
            <w:r>
              <w:tab/>
              <w:t>}elseif( $features[$r]=='one_bird'){</w:t>
            </w:r>
          </w:p>
          <w:p w:rsidR="00A35FED" w:rsidRDefault="00A35FED" w:rsidP="00A35FED">
            <w:r>
              <w:tab/>
            </w:r>
            <w:r>
              <w:tab/>
            </w:r>
            <w:r>
              <w:tab/>
            </w:r>
            <w:r>
              <w:tab/>
            </w:r>
            <w:r>
              <w:tab/>
            </w:r>
            <w:r>
              <w:tab/>
              <w:t>$label</w:t>
            </w:r>
            <w:r>
              <w:tab/>
            </w:r>
            <w:r>
              <w:tab/>
              <w:t>=</w:t>
            </w:r>
            <w:r>
              <w:tab/>
              <w:t xml:space="preserve">"1 Bird"; </w:t>
            </w:r>
          </w:p>
          <w:p w:rsidR="00A35FED" w:rsidRDefault="00A35FED" w:rsidP="00A35FED">
            <w:r>
              <w:tab/>
            </w:r>
            <w:r>
              <w:tab/>
            </w:r>
            <w:r>
              <w:tab/>
            </w:r>
            <w:r>
              <w:tab/>
            </w:r>
            <w:r>
              <w:tab/>
            </w:r>
            <w:r>
              <w:tab/>
              <w:t xml:space="preserve">$status </w:t>
            </w:r>
            <w:r>
              <w:tab/>
              <w:t>=</w:t>
            </w:r>
            <w:r>
              <w:tab/>
              <w:t xml:space="preserve">"1 Allowed"; </w:t>
            </w:r>
          </w:p>
          <w:p w:rsidR="00A35FED" w:rsidRDefault="00A35FED" w:rsidP="00A35FED">
            <w:r>
              <w:tab/>
            </w:r>
            <w:r>
              <w:tab/>
            </w:r>
            <w:r>
              <w:tab/>
            </w:r>
            <w:r>
              <w:tab/>
            </w:r>
            <w:r>
              <w:tab/>
            </w:r>
            <w:r>
              <w:tab/>
              <w:t xml:space="preserve">$bgcolor </w:t>
            </w:r>
            <w:r>
              <w:tab/>
              <w:t>=</w:t>
            </w:r>
            <w:r>
              <w:tab/>
              <w:t xml:space="preserve">"success"; </w:t>
            </w:r>
          </w:p>
          <w:p w:rsidR="00A35FED" w:rsidRDefault="00A35FED" w:rsidP="00A35FED">
            <w:r>
              <w:tab/>
            </w:r>
            <w:r>
              <w:tab/>
            </w:r>
            <w:r>
              <w:tab/>
            </w:r>
            <w:r>
              <w:tab/>
            </w:r>
            <w:r>
              <w:tab/>
              <w:t>}elseif( $features[$r]=='one_dog_20lbs'){</w:t>
            </w:r>
          </w:p>
          <w:p w:rsidR="00A35FED" w:rsidRDefault="00A35FED" w:rsidP="00A35FED">
            <w:r>
              <w:tab/>
            </w:r>
            <w:r>
              <w:tab/>
            </w:r>
            <w:r>
              <w:tab/>
            </w:r>
            <w:r>
              <w:tab/>
            </w:r>
            <w:r>
              <w:tab/>
            </w:r>
            <w:r>
              <w:tab/>
              <w:t xml:space="preserve">$label </w:t>
            </w:r>
            <w:r>
              <w:tab/>
            </w:r>
            <w:r>
              <w:tab/>
              <w:t>=</w:t>
            </w:r>
            <w:r>
              <w:tab/>
              <w:t xml:space="preserve">"1 Dog";  </w:t>
            </w:r>
          </w:p>
          <w:p w:rsidR="00A35FED" w:rsidRDefault="00A35FED" w:rsidP="00A35FED">
            <w:r>
              <w:tab/>
            </w:r>
            <w:r>
              <w:tab/>
            </w:r>
            <w:r>
              <w:tab/>
            </w:r>
            <w:r>
              <w:tab/>
            </w:r>
            <w:r>
              <w:tab/>
            </w:r>
            <w:r>
              <w:tab/>
              <w:t xml:space="preserve">$status </w:t>
            </w:r>
            <w:r>
              <w:tab/>
              <w:t>=</w:t>
            </w:r>
            <w:r>
              <w:tab/>
              <w:t xml:space="preserve">"1 Allowed";  </w:t>
            </w:r>
          </w:p>
          <w:p w:rsidR="00A35FED" w:rsidRDefault="00A35FED" w:rsidP="00A35FED">
            <w:r>
              <w:tab/>
            </w:r>
            <w:r>
              <w:tab/>
            </w:r>
            <w:r>
              <w:tab/>
            </w:r>
            <w:r>
              <w:tab/>
            </w:r>
            <w:r>
              <w:tab/>
              <w:t>}elseif( $features[$r]=='smoking'){</w:t>
            </w:r>
          </w:p>
          <w:p w:rsidR="00A35FED" w:rsidRDefault="00A35FED" w:rsidP="00A35FED">
            <w:r>
              <w:tab/>
            </w:r>
            <w:r>
              <w:tab/>
            </w:r>
            <w:r>
              <w:tab/>
            </w:r>
            <w:r>
              <w:tab/>
            </w:r>
            <w:r>
              <w:tab/>
            </w:r>
            <w:r>
              <w:tab/>
              <w:t>continue;</w:t>
            </w:r>
          </w:p>
          <w:p w:rsidR="00A35FED" w:rsidRDefault="00A35FED" w:rsidP="00A35FED">
            <w:r>
              <w:tab/>
            </w:r>
            <w:r>
              <w:tab/>
            </w:r>
            <w:r>
              <w:tab/>
            </w:r>
            <w:r>
              <w:tab/>
            </w:r>
            <w:r>
              <w:tab/>
              <w:t>}else{</w:t>
            </w:r>
          </w:p>
          <w:p w:rsidR="00A35FED" w:rsidRDefault="00A35FED" w:rsidP="00A35FED">
            <w:r>
              <w:tab/>
            </w:r>
            <w:r>
              <w:tab/>
            </w:r>
            <w:r>
              <w:tab/>
            </w:r>
            <w:r>
              <w:tab/>
            </w:r>
            <w:r>
              <w:tab/>
            </w:r>
            <w:r>
              <w:tab/>
              <w:t xml:space="preserve">$status </w:t>
            </w:r>
            <w:r>
              <w:tab/>
              <w:t>=</w:t>
            </w:r>
            <w:r>
              <w:tab/>
              <w:t xml:space="preserve">"No"; </w:t>
            </w:r>
          </w:p>
          <w:p w:rsidR="00A35FED" w:rsidRDefault="00A35FED" w:rsidP="00A35FED">
            <w:r>
              <w:tab/>
            </w:r>
            <w:r>
              <w:tab/>
            </w:r>
            <w:r>
              <w:tab/>
            </w:r>
            <w:r>
              <w:tab/>
            </w:r>
            <w:r>
              <w:tab/>
            </w:r>
            <w:r>
              <w:tab/>
              <w:t xml:space="preserve">$bgcolor </w:t>
            </w:r>
            <w:r>
              <w:tab/>
              <w:t>=</w:t>
            </w:r>
            <w:r>
              <w:tab/>
              <w:t xml:space="preserve">"danger"; </w:t>
            </w:r>
          </w:p>
          <w:p w:rsidR="00A35FED" w:rsidRDefault="00A35FED" w:rsidP="00A35FED">
            <w:r>
              <w:tab/>
            </w:r>
            <w:r>
              <w:tab/>
            </w:r>
            <w:r>
              <w:tab/>
            </w:r>
            <w:r>
              <w:tab/>
            </w:r>
            <w:r>
              <w:tab/>
              <w:t xml:space="preserve">}  </w:t>
            </w:r>
          </w:p>
          <w:p w:rsidR="00A35FED" w:rsidRDefault="00A35FED" w:rsidP="00A35FED">
            <w:r>
              <w:tab/>
            </w:r>
            <w:r>
              <w:tab/>
            </w:r>
            <w:r>
              <w:tab/>
            </w:r>
            <w:r>
              <w:tab/>
            </w:r>
            <w:r>
              <w:tab/>
              <w:t>if($label){</w:t>
            </w:r>
          </w:p>
          <w:p w:rsidR="00A35FED" w:rsidRDefault="00A35FED" w:rsidP="00A35FED">
            <w:r>
              <w:tab/>
            </w:r>
            <w:r>
              <w:tab/>
            </w:r>
            <w:r>
              <w:tab/>
            </w:r>
            <w:r>
              <w:tab/>
              <w:t xml:space="preserve">?&gt; </w:t>
            </w:r>
          </w:p>
          <w:p w:rsidR="00A35FED" w:rsidRDefault="00A35FED" w:rsidP="00A35FED">
            <w:r>
              <w:tab/>
            </w:r>
            <w:r>
              <w:tab/>
            </w:r>
            <w:r>
              <w:tab/>
            </w:r>
            <w:r>
              <w:tab/>
              <w:t>&lt;?php if($status!='No'){ ?&gt;</w:t>
            </w:r>
          </w:p>
          <w:p w:rsidR="00A35FED" w:rsidRDefault="00A35FED" w:rsidP="00A35FED">
            <w:r>
              <w:tab/>
            </w:r>
            <w:r>
              <w:tab/>
            </w:r>
            <w:r>
              <w:tab/>
            </w:r>
            <w:r>
              <w:tab/>
            </w:r>
            <w:r>
              <w:tab/>
              <w:t>&lt;li&gt; &lt;?php echo $label; ?&gt; &lt;span class="badge badge-pill badge-info"&gt;  &lt;?php echo $status; ?&gt; &lt;/span&gt; &lt;/li&gt;</w:t>
            </w:r>
          </w:p>
          <w:p w:rsidR="00A35FED" w:rsidRDefault="00A35FED" w:rsidP="00A35FED">
            <w:r>
              <w:tab/>
            </w:r>
            <w:r>
              <w:tab/>
            </w:r>
            <w:r>
              <w:tab/>
            </w:r>
            <w:r>
              <w:tab/>
              <w:t>&lt;?php } } }</w:t>
            </w:r>
            <w:r>
              <w:tab/>
              <w:t xml:space="preserve">}?&gt;              </w:t>
            </w:r>
            <w:r>
              <w:tab/>
            </w:r>
            <w:r>
              <w:tab/>
            </w:r>
            <w:r>
              <w:tab/>
              <w:t xml:space="preserve">   </w:t>
            </w:r>
          </w:p>
          <w:p w:rsidR="00A35FED" w:rsidRDefault="00A35FED" w:rsidP="00A35FED">
            <w:r>
              <w:tab/>
            </w:r>
            <w:r>
              <w:tab/>
            </w:r>
            <w:r>
              <w:tab/>
              <w:t xml:space="preserve"> &lt;/ul&gt; </w:t>
            </w:r>
          </w:p>
          <w:p w:rsidR="00A35FED" w:rsidRDefault="00A35FED" w:rsidP="00A35FED">
            <w:r>
              <w:t xml:space="preserve">            &lt;/div&gt;</w:t>
            </w:r>
          </w:p>
          <w:p w:rsidR="00A35FED" w:rsidRDefault="00A35FED" w:rsidP="00A35FED">
            <w:r>
              <w:t xml:space="preserve">        &lt;/div&gt;</w:t>
            </w:r>
          </w:p>
          <w:p w:rsidR="00A35FED" w:rsidRDefault="00A35FED" w:rsidP="00A35FED">
            <w:r>
              <w:t>&lt;/section&gt;</w:t>
            </w:r>
          </w:p>
          <w:p w:rsidR="00A35FED" w:rsidRDefault="00A35FED" w:rsidP="00A35FED">
            <w:r>
              <w:t>&lt;section id="health_care" class="detail"&gt;</w:t>
            </w:r>
          </w:p>
          <w:p w:rsidR="00A35FED" w:rsidRDefault="00A35FED" w:rsidP="00A35FED">
            <w:r>
              <w:t xml:space="preserve">    &lt;div class="feature-content"&gt;</w:t>
            </w:r>
          </w:p>
          <w:p w:rsidR="00A35FED" w:rsidRDefault="00A35FED" w:rsidP="00A35FED">
            <w:r>
              <w:t xml:space="preserve">        &lt;h5 class="feature-title"&gt;</w:t>
            </w:r>
          </w:p>
          <w:p w:rsidR="00A35FED" w:rsidRDefault="00A35FED" w:rsidP="00A35FED">
            <w:r>
              <w:t xml:space="preserve">            &lt;i class="fas fa-hospital mr-2"&gt;&lt;/i&gt;</w:t>
            </w:r>
          </w:p>
          <w:p w:rsidR="00A35FED" w:rsidRDefault="00A35FED" w:rsidP="00A35FED">
            <w:r>
              <w:t xml:space="preserve">            Health Facilities</w:t>
            </w:r>
          </w:p>
          <w:p w:rsidR="00A35FED" w:rsidRDefault="00A35FED" w:rsidP="00A35FED">
            <w:r>
              <w:t xml:space="preserve">        &lt;/h5&gt;</w:t>
            </w:r>
          </w:p>
          <w:p w:rsidR="00A35FED" w:rsidRDefault="00A35FED" w:rsidP="00A35FED">
            <w:r>
              <w:t xml:space="preserve">            &lt;div class="col-md-12"&gt;</w:t>
            </w:r>
          </w:p>
          <w:p w:rsidR="00A35FED" w:rsidRDefault="00A35FED" w:rsidP="00A35FED">
            <w:r>
              <w:t xml:space="preserve">                &lt;div class="text-center text-danger"&gt;</w:t>
            </w:r>
          </w:p>
          <w:p w:rsidR="00A35FED" w:rsidRDefault="00A35FED" w:rsidP="00A35FED">
            <w:r>
              <w:t xml:space="preserve">                    </w:t>
            </w:r>
          </w:p>
          <w:p w:rsidR="00A35FED" w:rsidRDefault="00A35FED" w:rsidP="00A35FED">
            <w:r>
              <w:t xml:space="preserve">                    &lt;h6 class="mt-3"&gt;No Health Care Facilities available at this time.&lt;/h6&gt;</w:t>
            </w:r>
          </w:p>
          <w:p w:rsidR="00A35FED" w:rsidRDefault="00A35FED" w:rsidP="00A35FED">
            <w:r>
              <w:t xml:space="preserve">                    &lt;h6 class="text-danger mt-3"&gt;We will update once we have some.&lt;/h6&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lt;/section&gt;</w:t>
            </w:r>
          </w:p>
          <w:p w:rsidR="00A35FED" w:rsidRDefault="00A35FED" w:rsidP="00A35FED">
            <w:r>
              <w:t>&lt;section id="waivers" class="detail last"&gt;</w:t>
            </w:r>
          </w:p>
          <w:p w:rsidR="00A35FED" w:rsidRDefault="00A35FED" w:rsidP="00A35FED">
            <w:r>
              <w:t xml:space="preserve">        &lt;div class="feature-content"&gt;</w:t>
            </w:r>
          </w:p>
          <w:p w:rsidR="00A35FED" w:rsidRDefault="00A35FED" w:rsidP="00A35FED">
            <w:r>
              <w:t xml:space="preserve">        &lt;h5 class="feature-title"&gt;</w:t>
            </w:r>
          </w:p>
          <w:p w:rsidR="00A35FED" w:rsidRDefault="00A35FED" w:rsidP="00A35FED">
            <w:r>
              <w:t xml:space="preserve">            &lt;i class="fas fa-tags mr-2"&gt;&lt;/i&gt;</w:t>
            </w:r>
          </w:p>
          <w:p w:rsidR="00A35FED" w:rsidRDefault="00A35FED" w:rsidP="00A35FED">
            <w:r>
              <w:t xml:space="preserve">            Waiver Programs (0)</w:t>
            </w:r>
          </w:p>
          <w:p w:rsidR="00A35FED" w:rsidRDefault="00A35FED" w:rsidP="00A35FED">
            <w:r>
              <w:t xml:space="preserve">        &lt;/h5&gt;</w:t>
            </w:r>
          </w:p>
          <w:p w:rsidR="00A35FED" w:rsidRDefault="00A35FED" w:rsidP="00A35FED">
            <w:r>
              <w:lastRenderedPageBreak/>
              <w:t xml:space="preserve">            &lt;div class="col-md-12"&gt;</w:t>
            </w:r>
          </w:p>
          <w:p w:rsidR="00A35FED" w:rsidRDefault="00A35FED" w:rsidP="00A35FED">
            <w:r>
              <w:t xml:space="preserve">                &lt;div class="text-center text-danger"&gt;</w:t>
            </w:r>
          </w:p>
          <w:p w:rsidR="00A35FED" w:rsidRDefault="00A35FED" w:rsidP="00A35FED">
            <w:r>
              <w:t xml:space="preserve">                    </w:t>
            </w:r>
          </w:p>
          <w:p w:rsidR="00A35FED" w:rsidRDefault="00A35FED" w:rsidP="00A35FED">
            <w:r>
              <w:t xml:space="preserve">                    &lt;h6 class="mt-3"&gt;No waiver programs support at this time.&lt;/h6&gt;</w:t>
            </w:r>
          </w:p>
          <w:p w:rsidR="00A35FED" w:rsidRDefault="00A35FED" w:rsidP="00A35FED">
            <w:r>
              <w:t xml:space="preserve">                    &lt;h6 class="text-danger mt-3"&gt;We will update once we have some.&lt;/h6&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lt;/section&gt;                </w:t>
            </w:r>
          </w:p>
          <w:p w:rsidR="00A35FED" w:rsidRDefault="00A35FED" w:rsidP="00A35FED"/>
          <w:p w:rsidR="00A35FED" w:rsidRDefault="00A35FED" w:rsidP="00A35FED">
            <w:r>
              <w:t>&lt;!--&lt;section id="reviews"&gt;</w:t>
            </w:r>
          </w:p>
          <w:p w:rsidR="00A35FED" w:rsidRDefault="00A35FED" w:rsidP="00A35FED">
            <w:r>
              <w:t xml:space="preserve">    &lt;h2&gt;Reviews&lt;/h2&gt;</w:t>
            </w:r>
          </w:p>
          <w:p w:rsidR="00A35FED" w:rsidRDefault="00A35FED" w:rsidP="00A35FED">
            <w:r>
              <w:t xml:space="preserve">    &lt;/section&gt;</w:t>
            </w:r>
          </w:p>
          <w:p w:rsidR="00A35FED" w:rsidRDefault="00A35FED" w:rsidP="00A35FED">
            <w:r>
              <w:t>&lt;hr&gt;</w:t>
            </w:r>
          </w:p>
          <w:p w:rsidR="00A35FED" w:rsidRDefault="00A35FED" w:rsidP="00A35FED">
            <w:r>
              <w:t xml:space="preserve">    &lt;div class="row pre-review"&gt;</w:t>
            </w:r>
          </w:p>
          <w:p w:rsidR="00A35FED" w:rsidRDefault="00A35FED" w:rsidP="00A35FED">
            <w:r>
              <w:t xml:space="preserve">        &lt;div class="col-md-12"&gt;</w:t>
            </w:r>
          </w:p>
          <w:p w:rsidR="00A35FED" w:rsidRDefault="00A35FED" w:rsidP="00A35FED">
            <w:r>
              <w:t xml:space="preserve">            &lt;div class="text-center text-success"&gt;</w:t>
            </w:r>
          </w:p>
          <w:p w:rsidR="00A35FED" w:rsidRDefault="00A35FED" w:rsidP="00A35FED">
            <w:r>
              <w:t xml:space="preserve">                &lt;i class="fas fa-pen-fancy fa-4x"&gt;&lt;/i&gt;</w:t>
            </w:r>
          </w:p>
          <w:p w:rsidR="00A35FED" w:rsidRDefault="00A35FED" w:rsidP="00A35FED">
            <w:r>
              <w:t xml:space="preserve">                &lt;h4 class="mt-3"&gt;Be the first person to write a review.&lt;/h4&gt;</w:t>
            </w:r>
          </w:p>
          <w:p w:rsidR="00A35FED" w:rsidRDefault="00A35FED" w:rsidP="00A35FED">
            <w:r>
              <w:t xml:space="preserve">                &lt;h6 class="text-info font-weight-light mt-3"&gt;</w:t>
            </w:r>
          </w:p>
          <w:p w:rsidR="00A35FED" w:rsidRDefault="00A35FED" w:rsidP="00A35FED">
            <w:r>
              <w:t xml:space="preserve">                    Your review will help others on choosing this residence.</w:t>
            </w:r>
          </w:p>
          <w:p w:rsidR="00A35FED" w:rsidRDefault="00A35FED" w:rsidP="00A35FED">
            <w:r>
              <w:t xml:space="preserve">                &lt;/h6&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row post-review" style="display: none;"&gt;</w:t>
            </w:r>
          </w:p>
          <w:p w:rsidR="00A35FED" w:rsidRDefault="00A35FED" w:rsidP="00A35FED">
            <w:r>
              <w:t xml:space="preserve">    &lt;div class="col-md-12"&gt;</w:t>
            </w:r>
          </w:p>
          <w:p w:rsidR="00A35FED" w:rsidRDefault="00A35FED" w:rsidP="00A35FED">
            <w:r>
              <w:t xml:space="preserve">        &lt;div class="text-center text-success"&gt;</w:t>
            </w:r>
          </w:p>
          <w:p w:rsidR="00A35FED" w:rsidRDefault="00A35FED" w:rsidP="00A35FED">
            <w:r>
              <w:t xml:space="preserve">            &lt;i class="fas fa-smile fa-3x"&gt;&lt;/i&gt;</w:t>
            </w:r>
          </w:p>
          <w:p w:rsidR="00A35FED" w:rsidRDefault="00A35FED" w:rsidP="00A35FED">
            <w:r>
              <w:t xml:space="preserve">            &lt;h4 class="mt-3"&gt;Thank you for your review.&lt;/h4&gt;</w:t>
            </w:r>
          </w:p>
          <w:p w:rsidR="00A35FED" w:rsidRDefault="00A35FED" w:rsidP="00A35FED">
            <w:r>
              <w:t xml:space="preserve">            &lt;h6 class="text-info mt-3"&gt;Your review will help others on choosing this residence.&lt;/h6&gt;</w:t>
            </w:r>
          </w:p>
          <w:p w:rsidR="00A35FED" w:rsidRDefault="00A35FED" w:rsidP="00A35FED">
            <w:r>
              <w:t xml:space="preserve">        &lt;/div&gt;</w:t>
            </w:r>
          </w:p>
          <w:p w:rsidR="00A35FED" w:rsidRDefault="00A35FED" w:rsidP="00A35FED">
            <w:r>
              <w:t xml:space="preserve">    &lt;/div&gt;</w:t>
            </w:r>
          </w:p>
          <w:p w:rsidR="00A35FED" w:rsidRDefault="00A35FED" w:rsidP="00A35FED">
            <w:r>
              <w:t>&lt;/div&gt;</w:t>
            </w:r>
          </w:p>
          <w:p w:rsidR="00A35FED" w:rsidRDefault="00A35FED" w:rsidP="00A35FED">
            <w:r>
              <w:t xml:space="preserve">    &lt;div class="row mt-2 mb-3"&gt;</w:t>
            </w:r>
          </w:p>
          <w:p w:rsidR="00A35FED" w:rsidRDefault="00A35FED" w:rsidP="00A35FED">
            <w:r>
              <w:t xml:space="preserve">        &lt;div class="col-md-12 text-center"&gt;</w:t>
            </w:r>
          </w:p>
          <w:p w:rsidR="00A35FED" w:rsidRDefault="00A35FED" w:rsidP="00A35FED">
            <w:r>
              <w:t xml:space="preserve">            &lt;a href="&lt;?php echo SITE_URL_PROFILE ; ?&gt;/login/?domain=spf"</w:t>
            </w:r>
          </w:p>
          <w:p w:rsidR="00A35FED" w:rsidRDefault="00A35FED" w:rsidP="00A35FED">
            <w:r>
              <w:t xml:space="preserve">               class="btn_1 btn btn-primary mr-3"&gt;</w:t>
            </w:r>
          </w:p>
          <w:p w:rsidR="00A35FED" w:rsidRDefault="00A35FED" w:rsidP="00A35FED">
            <w:r>
              <w:t xml:space="preserve">                Login</w:t>
            </w:r>
          </w:p>
          <w:p w:rsidR="00A35FED" w:rsidRDefault="00A35FED" w:rsidP="00A35FED">
            <w:r>
              <w:t xml:space="preserve">            &lt;/a&gt;</w:t>
            </w:r>
          </w:p>
          <w:p w:rsidR="00A35FED" w:rsidRDefault="00A35FED" w:rsidP="00A35FED">
            <w:r>
              <w:t xml:space="preserve">            &lt;a href="&lt;?php echo SITE_URL_PROFILE ; ?&gt;/register/?domain=spf"</w:t>
            </w:r>
          </w:p>
          <w:p w:rsidR="00A35FED" w:rsidRDefault="00A35FED" w:rsidP="00A35FED">
            <w:r>
              <w:t xml:space="preserve">               class="btn_1 btn btn-primary"&gt;</w:t>
            </w:r>
          </w:p>
          <w:p w:rsidR="00A35FED" w:rsidRDefault="00A35FED" w:rsidP="00A35FED">
            <w:r>
              <w:t xml:space="preserve">                Register</w:t>
            </w:r>
          </w:p>
          <w:p w:rsidR="00A35FED" w:rsidRDefault="00A35FED" w:rsidP="00A35FED">
            <w:r>
              <w:t xml:space="preserve">            &lt;/a&gt;</w:t>
            </w:r>
          </w:p>
          <w:p w:rsidR="00A35FED" w:rsidRDefault="00A35FED" w:rsidP="00A35FED">
            <w:r>
              <w:t xml:space="preserve">        &lt;/div&gt;</w:t>
            </w:r>
          </w:p>
          <w:p w:rsidR="00A35FED" w:rsidRDefault="00A35FED" w:rsidP="00A35FED">
            <w:r>
              <w:t xml:space="preserve">    &lt;/div&gt;--&gt;</w:t>
            </w:r>
          </w:p>
          <w:p w:rsidR="00A35FED" w:rsidRDefault="00A35FED" w:rsidP="00A35FED">
            <w:r>
              <w:t xml:space="preserve">            &lt;/div&gt;</w:t>
            </w:r>
          </w:p>
          <w:p w:rsidR="00A35FED" w:rsidRDefault="00A35FED" w:rsidP="00A35FED">
            <w:r>
              <w:t xml:space="preserve">            &lt;aside class="col-lg-4" id="sidebar"&gt;</w:t>
            </w:r>
          </w:p>
          <w:p w:rsidR="00A35FED" w:rsidRDefault="00A35FED" w:rsidP="00A35FED">
            <w:r>
              <w:lastRenderedPageBreak/>
              <w:t xml:space="preserve">                    &lt;div class="box_detail" id="divSidebarWidget" style="background-color:#1ABC9C;" &gt;</w:t>
            </w:r>
          </w:p>
          <w:p w:rsidR="00A35FED" w:rsidRDefault="00A35FED" w:rsidP="00A35FED">
            <w:r>
              <w:t xml:space="preserve">                            &lt;!--&lt;div class="price"&gt;</w:t>
            </w:r>
          </w:p>
          <w:p w:rsidR="00A35FED" w:rsidRDefault="00A35FED" w:rsidP="00A35FED">
            <w:r>
              <w:t xml:space="preserve">                            &lt;span&gt;</w:t>
            </w:r>
          </w:p>
          <w:p w:rsidR="00A35FED" w:rsidRDefault="00A35FED" w:rsidP="00A35FED">
            <w:r>
              <w:t xml:space="preserve">                            &lt;a href="similar-residences.php"&gt;</w:t>
            </w:r>
          </w:p>
          <w:p w:rsidR="00A35FED" w:rsidRDefault="00A35FED" w:rsidP="00A35FED">
            <w:r>
              <w:t xml:space="preserve">                                &lt;h5 class="d-inline" style="color:white;"&gt;Nearby Residences &amp; Communities&lt;/h5&gt;</w:t>
            </w:r>
          </w:p>
          <w:p w:rsidR="00A35FED" w:rsidRDefault="00A35FED" w:rsidP="00A35FED">
            <w:r>
              <w:t xml:space="preserve">                            &lt;/a&gt;</w:t>
            </w:r>
          </w:p>
          <w:p w:rsidR="00A35FED" w:rsidRDefault="00A35FED" w:rsidP="00A35FED">
            <w:r>
              <w:t xml:space="preserve">                            &lt;/span&gt;</w:t>
            </w:r>
          </w:p>
          <w:p w:rsidR="00A35FED" w:rsidRDefault="00A35FED" w:rsidP="00A35FED">
            <w:r>
              <w:t xml:space="preserve">                            &lt;br&gt;&lt;br&gt;</w:t>
            </w:r>
          </w:p>
          <w:p w:rsidR="00A35FED" w:rsidRDefault="00A35FED" w:rsidP="00A35FED">
            <w:r>
              <w:t xml:space="preserve">                            &lt;/div&gt;--&gt;</w:t>
            </w:r>
          </w:p>
          <w:p w:rsidR="00A35FED" w:rsidRDefault="00A35FED" w:rsidP="00A35FED">
            <w:r>
              <w:t xml:space="preserve">                            &lt;?php require_once('config.php') ; ?&gt;</w:t>
            </w:r>
          </w:p>
          <w:p w:rsidR="00A35FED" w:rsidRDefault="00A35FED" w:rsidP="00A35FED">
            <w:r>
              <w:tab/>
              <w:t>&lt;!--Recent Selections start--&gt;</w:t>
            </w:r>
          </w:p>
          <w:p w:rsidR="00A35FED" w:rsidRDefault="00A35FED" w:rsidP="00A35FED">
            <w:r>
              <w:t xml:space="preserve">    &lt;div class="container " style= "height: 600px; overflow-y: scroll;"&gt;</w:t>
            </w:r>
          </w:p>
          <w:p w:rsidR="00A35FED" w:rsidRDefault="00A35FED" w:rsidP="00A35FED">
            <w:r>
              <w:t xml:space="preserve">        &lt;div class="main_title_3" &gt;</w:t>
            </w:r>
          </w:p>
          <w:p w:rsidR="00A35FED" w:rsidRDefault="00A35FED" w:rsidP="00A35FED">
            <w:r>
              <w:t xml:space="preserve">            </w:t>
            </w:r>
          </w:p>
          <w:p w:rsidR="00A35FED" w:rsidRDefault="00A35FED" w:rsidP="00A35FED">
            <w:r>
              <w:t xml:space="preserve">            &lt;span&gt;&lt;/span&gt;</w:t>
            </w:r>
          </w:p>
          <w:p w:rsidR="00A35FED" w:rsidRDefault="00A35FED" w:rsidP="00A35FED">
            <w:r>
              <w:t xml:space="preserve">            &lt;h2&gt;Nearby Residences &amp; Communities&lt;/h2&gt;</w:t>
            </w:r>
          </w:p>
          <w:p w:rsidR="00A35FED" w:rsidRDefault="00A35FED" w:rsidP="00A35FED">
            <w:r>
              <w:t xml:space="preserve">            &lt;p&gt;Click for the community, residence &amp; contact information.&lt;/p&gt; </w:t>
            </w:r>
          </w:p>
          <w:p w:rsidR="00A35FED" w:rsidRDefault="00A35FED" w:rsidP="00A35FED">
            <w:r>
              <w:t xml:space="preserve">        &lt;/div&gt;</w:t>
            </w:r>
          </w:p>
          <w:p w:rsidR="00A35FED" w:rsidRDefault="00A35FED" w:rsidP="00A35FED">
            <w:r>
              <w:t xml:space="preserve">        </w:t>
            </w:r>
          </w:p>
          <w:p w:rsidR="00A35FED" w:rsidRDefault="00A35FED" w:rsidP="00A35FED">
            <w:r>
              <w:t xml:space="preserve">        &lt;div class="col-12"  &gt;</w:t>
            </w:r>
          </w:p>
          <w:p w:rsidR="00A35FED" w:rsidRDefault="00A35FED" w:rsidP="00A35FED">
            <w:r>
              <w:t xml:space="preserve">            &lt;div class="row add_bottom_30"&gt;</w:t>
            </w:r>
          </w:p>
          <w:p w:rsidR="00A35FED" w:rsidRDefault="00A35FED" w:rsidP="00A35FED">
            <w:r>
              <w:tab/>
            </w:r>
            <w:r>
              <w:tab/>
            </w:r>
            <w:r>
              <w:tab/>
              <w:t xml:space="preserve">&lt;?php </w:t>
            </w:r>
          </w:p>
          <w:p w:rsidR="00A35FED" w:rsidRDefault="00A35FED" w:rsidP="00A35FED">
            <w:r>
              <w:tab/>
            </w:r>
            <w:r>
              <w:tab/>
            </w:r>
            <w:r>
              <w:tab/>
            </w:r>
            <w:r>
              <w:tab/>
            </w:r>
            <w:r>
              <w:tab/>
              <w:t>$q1</w:t>
            </w:r>
            <w:r>
              <w:tab/>
              <w:t>='';</w:t>
            </w:r>
          </w:p>
          <w:p w:rsidR="00A35FED" w:rsidRDefault="00A35FED" w:rsidP="00A35FED">
            <w:r>
              <w:tab/>
            </w:r>
            <w:r>
              <w:tab/>
            </w:r>
            <w:r>
              <w:tab/>
            </w:r>
            <w:r>
              <w:tab/>
            </w:r>
            <w:r>
              <w:tab/>
              <w:t>for($k=0;$k&lt;count($residence);$k++){</w:t>
            </w:r>
          </w:p>
          <w:p w:rsidR="00A35FED" w:rsidRDefault="00A35FED" w:rsidP="00A35FED">
            <w:r>
              <w:tab/>
            </w:r>
            <w:r>
              <w:tab/>
            </w:r>
            <w:r>
              <w:tab/>
            </w:r>
            <w:r>
              <w:tab/>
            </w:r>
            <w:r>
              <w:tab/>
            </w:r>
            <w:r>
              <w:tab/>
              <w:t>$q1</w:t>
            </w:r>
            <w:r>
              <w:tab/>
              <w:t>.=</w:t>
            </w:r>
            <w:r>
              <w:tab/>
              <w:t>"residence like " . "'%" . $residence[$k] . "%' or ";</w:t>
            </w:r>
          </w:p>
          <w:p w:rsidR="00A35FED" w:rsidRDefault="00A35FED" w:rsidP="00A35FED">
            <w:r>
              <w:tab/>
            </w:r>
            <w:r>
              <w:tab/>
            </w:r>
            <w:r>
              <w:tab/>
            </w:r>
            <w:r>
              <w:tab/>
            </w:r>
            <w:r>
              <w:tab/>
              <w:t xml:space="preserve">} </w:t>
            </w:r>
          </w:p>
          <w:p w:rsidR="00A35FED" w:rsidRDefault="00A35FED" w:rsidP="00A35FED">
            <w:r>
              <w:tab/>
            </w:r>
            <w:r>
              <w:tab/>
            </w:r>
            <w:r>
              <w:tab/>
            </w:r>
            <w:r>
              <w:tab/>
            </w:r>
            <w:r>
              <w:tab/>
              <w:t>if($zipcode){</w:t>
            </w:r>
          </w:p>
          <w:p w:rsidR="00A35FED" w:rsidRDefault="00A35FED" w:rsidP="00A35FED">
            <w:r>
              <w:tab/>
            </w:r>
            <w:r>
              <w:tab/>
            </w:r>
            <w:r>
              <w:tab/>
            </w:r>
            <w:r>
              <w:tab/>
            </w:r>
            <w:r>
              <w:tab/>
            </w:r>
            <w:r>
              <w:tab/>
              <w:t xml:space="preserve">$SQL    = "SELECT * FROM slg_properties where $q1    residence like " . "'%" . $residence_str . "%' and zipcode = $zipcode ORDER BY RAND()";  </w:t>
            </w:r>
          </w:p>
          <w:p w:rsidR="00A35FED" w:rsidRDefault="00A35FED" w:rsidP="00A35FED">
            <w:r>
              <w:tab/>
            </w:r>
            <w:r>
              <w:tab/>
            </w:r>
            <w:r>
              <w:tab/>
            </w:r>
            <w:r>
              <w:tab/>
            </w:r>
            <w:r>
              <w:tab/>
              <w:t>}else{</w:t>
            </w:r>
          </w:p>
          <w:p w:rsidR="00A35FED" w:rsidRDefault="00A35FED" w:rsidP="00A35FED">
            <w:r>
              <w:tab/>
            </w:r>
            <w:r>
              <w:tab/>
            </w:r>
            <w:r>
              <w:tab/>
            </w:r>
            <w:r>
              <w:tab/>
            </w:r>
            <w:r>
              <w:tab/>
            </w:r>
            <w:r>
              <w:tab/>
              <w:t xml:space="preserve">$SQL    = "SELECT * FROM slg_properties where $q1    residence like " . "'%" . $residence_str . "%' ORDER BY RAND()";  </w:t>
            </w:r>
          </w:p>
          <w:p w:rsidR="00A35FED" w:rsidRDefault="00A35FED" w:rsidP="00A35FED">
            <w:r>
              <w:tab/>
            </w:r>
            <w:r>
              <w:tab/>
            </w:r>
            <w:r>
              <w:tab/>
            </w:r>
            <w:r>
              <w:tab/>
            </w:r>
            <w:r>
              <w:tab/>
              <w:t>}</w:t>
            </w:r>
            <w:r>
              <w:tab/>
            </w:r>
            <w:r>
              <w:tab/>
            </w:r>
            <w:r>
              <w:tab/>
            </w:r>
            <w:r>
              <w:tab/>
            </w:r>
            <w:r>
              <w:tab/>
            </w:r>
          </w:p>
          <w:p w:rsidR="00A35FED" w:rsidRDefault="00A35FED" w:rsidP="00A35FED">
            <w:r>
              <w:tab/>
            </w:r>
            <w:r>
              <w:tab/>
            </w:r>
            <w:r>
              <w:tab/>
            </w:r>
            <w:r>
              <w:tab/>
            </w:r>
            <w:r>
              <w:tab/>
              <w:t>$stmt   = $db-&gt;prepare($SQL);</w:t>
            </w:r>
          </w:p>
          <w:p w:rsidR="00A35FED" w:rsidRDefault="00A35FED" w:rsidP="00A35FED">
            <w:r>
              <w:tab/>
            </w:r>
            <w:r>
              <w:tab/>
            </w:r>
            <w:r>
              <w:tab/>
            </w:r>
            <w:r>
              <w:tab/>
            </w:r>
            <w:r>
              <w:tab/>
              <w:t>$stmt-&gt;execute();</w:t>
            </w:r>
          </w:p>
          <w:p w:rsidR="00A35FED" w:rsidRDefault="00A35FED" w:rsidP="00A35FED">
            <w:r>
              <w:tab/>
            </w:r>
            <w:r>
              <w:tab/>
            </w:r>
            <w:r>
              <w:tab/>
            </w:r>
            <w:r>
              <w:tab/>
            </w:r>
            <w:r>
              <w:tab/>
              <w:t xml:space="preserve">$rowCount = $stmt-&gt;rowCount() ;  </w:t>
            </w:r>
          </w:p>
          <w:p w:rsidR="00A35FED" w:rsidRDefault="00A35FED" w:rsidP="00A35FED">
            <w:r>
              <w:tab/>
            </w:r>
            <w:r>
              <w:tab/>
            </w:r>
            <w:r>
              <w:tab/>
            </w:r>
            <w:r>
              <w:tab/>
            </w:r>
            <w:r>
              <w:tab/>
              <w:t xml:space="preserve">while ($rowlist = $stmt-&gt;fetch(PDO::FETCH_ASSOC)) {  </w:t>
            </w:r>
          </w:p>
          <w:p w:rsidR="00A35FED" w:rsidRDefault="00A35FED" w:rsidP="00A35FED">
            <w:r>
              <w:tab/>
            </w:r>
            <w:r>
              <w:tab/>
            </w:r>
            <w:r>
              <w:tab/>
            </w:r>
            <w:r>
              <w:tab/>
            </w:r>
            <w:r>
              <w:tab/>
            </w:r>
          </w:p>
          <w:p w:rsidR="00A35FED" w:rsidRDefault="00A35FED" w:rsidP="00A35FED">
            <w:r>
              <w:tab/>
            </w:r>
            <w:r>
              <w:tab/>
            </w:r>
            <w:r>
              <w:tab/>
            </w:r>
            <w:r>
              <w:tab/>
            </w:r>
            <w:r>
              <w:tab/>
            </w:r>
            <w:r>
              <w:tab/>
              <w:t>$photolength = strlen($rowlist['photo1']);</w:t>
            </w:r>
          </w:p>
          <w:p w:rsidR="00A35FED" w:rsidRDefault="00A35FED" w:rsidP="00A35FED">
            <w:r>
              <w:tab/>
            </w:r>
            <w:r>
              <w:tab/>
            </w:r>
            <w:r>
              <w:tab/>
            </w:r>
            <w:r>
              <w:tab/>
            </w:r>
            <w:r>
              <w:tab/>
            </w:r>
            <w:r>
              <w:tab/>
              <w:t>if ($photolength == 0) {</w:t>
            </w:r>
          </w:p>
          <w:p w:rsidR="00A35FED" w:rsidRDefault="00A35FED" w:rsidP="00A35FED">
            <w:r>
              <w:tab/>
            </w:r>
            <w:r>
              <w:tab/>
            </w:r>
            <w:r>
              <w:tab/>
            </w:r>
            <w:r>
              <w:tab/>
            </w:r>
            <w:r>
              <w:tab/>
            </w:r>
            <w:r>
              <w:tab/>
            </w:r>
            <w:r>
              <w:tab/>
              <w:t>$photoscroll = SITE_URL_MAIN . '/uploads/slg/properties/no-image.jpg';</w:t>
            </w:r>
          </w:p>
          <w:p w:rsidR="00A35FED" w:rsidRDefault="00A35FED" w:rsidP="00A35FED">
            <w:r>
              <w:tab/>
            </w:r>
            <w:r>
              <w:tab/>
            </w:r>
            <w:r>
              <w:tab/>
            </w:r>
            <w:r>
              <w:tab/>
            </w:r>
            <w:r>
              <w:tab/>
            </w:r>
            <w:r>
              <w:tab/>
              <w:t>} else if ($photolength &lt;= 15) {</w:t>
            </w:r>
          </w:p>
          <w:p w:rsidR="00A35FED" w:rsidRDefault="00A35FED" w:rsidP="00A35FED">
            <w:r>
              <w:tab/>
            </w:r>
            <w:r>
              <w:tab/>
            </w:r>
            <w:r>
              <w:tab/>
            </w:r>
            <w:r>
              <w:tab/>
            </w:r>
            <w:r>
              <w:tab/>
            </w:r>
            <w:r>
              <w:tab/>
            </w:r>
            <w:r>
              <w:tab/>
              <w:t>$photoscroll = SITE_URL_MAIN . '/uploads/slg/properties/' .$rowlist['photo1'];</w:t>
            </w:r>
          </w:p>
          <w:p w:rsidR="00A35FED" w:rsidRDefault="00A35FED" w:rsidP="00A35FED">
            <w:r>
              <w:tab/>
            </w:r>
            <w:r>
              <w:tab/>
            </w:r>
            <w:r>
              <w:tab/>
            </w:r>
            <w:r>
              <w:tab/>
            </w:r>
            <w:r>
              <w:tab/>
            </w:r>
            <w:r>
              <w:tab/>
              <w:t>} else {</w:t>
            </w:r>
          </w:p>
          <w:p w:rsidR="00A35FED" w:rsidRDefault="00A35FED" w:rsidP="00A35FED">
            <w:r>
              <w:tab/>
            </w:r>
            <w:r>
              <w:tab/>
            </w:r>
            <w:r>
              <w:tab/>
            </w:r>
            <w:r>
              <w:tab/>
            </w:r>
            <w:r>
              <w:tab/>
            </w:r>
            <w:r>
              <w:tab/>
            </w:r>
            <w:r>
              <w:tab/>
              <w:t>$photoscroll = $rowlist['photo1'];</w:t>
            </w:r>
          </w:p>
          <w:p w:rsidR="00A35FED" w:rsidRDefault="00A35FED" w:rsidP="00A35FED">
            <w:r>
              <w:lastRenderedPageBreak/>
              <w:tab/>
            </w:r>
            <w:r>
              <w:tab/>
            </w:r>
            <w:r>
              <w:tab/>
            </w:r>
            <w:r>
              <w:tab/>
            </w:r>
            <w:r>
              <w:tab/>
            </w:r>
            <w:r>
              <w:tab/>
              <w:t xml:space="preserve">}  </w:t>
            </w:r>
          </w:p>
          <w:p w:rsidR="00A35FED" w:rsidRDefault="00A35FED" w:rsidP="00A35FED">
            <w:r>
              <w:tab/>
            </w:r>
            <w:r>
              <w:tab/>
            </w:r>
            <w:r>
              <w:tab/>
            </w:r>
            <w:r>
              <w:tab/>
            </w:r>
            <w:r>
              <w:tab/>
              <w:t>?&gt;</w:t>
            </w:r>
          </w:p>
          <w:p w:rsidR="00A35FED" w:rsidRDefault="00A35FED" w:rsidP="00A35FED">
            <w:r>
              <w:tab/>
            </w:r>
            <w:r>
              <w:tab/>
            </w:r>
            <w:r>
              <w:tab/>
            </w:r>
            <w:r>
              <w:tab/>
            </w:r>
            <w:r>
              <w:tab/>
              <w:t>&lt;div class="col-lg-12"&gt;</w:t>
            </w:r>
          </w:p>
          <w:p w:rsidR="00A35FED" w:rsidRDefault="00A35FED" w:rsidP="00A35FED">
            <w:r>
              <w:tab/>
            </w:r>
            <w:r>
              <w:tab/>
            </w:r>
            <w:r>
              <w:tab/>
            </w:r>
            <w:r>
              <w:tab/>
            </w:r>
            <w:r>
              <w:tab/>
              <w:t>&lt;div class="item wow fadeInRightBig" data-wow-duration="1.2s" data-wow-offset="10"&gt;</w:t>
            </w:r>
          </w:p>
          <w:p w:rsidR="00A35FED" w:rsidRDefault="00A35FED" w:rsidP="00A35FED">
            <w:r>
              <w:tab/>
            </w:r>
            <w:r>
              <w:tab/>
            </w:r>
            <w:r>
              <w:tab/>
            </w:r>
            <w:r>
              <w:tab/>
            </w:r>
            <w:r>
              <w:tab/>
              <w:t xml:space="preserve">    &lt;div&gt;</w:t>
            </w:r>
          </w:p>
          <w:p w:rsidR="00A35FED" w:rsidRDefault="00A35FED" w:rsidP="00A35FED">
            <w:r>
              <w:tab/>
            </w:r>
            <w:r>
              <w:tab/>
            </w:r>
            <w:r>
              <w:tab/>
            </w:r>
            <w:r>
              <w:tab/>
            </w:r>
            <w:r>
              <w:tab/>
            </w:r>
            <w:r>
              <w:tab/>
              <w:t>&lt;div class="result-card active"&gt;</w:t>
            </w:r>
          </w:p>
          <w:p w:rsidR="00A35FED" w:rsidRDefault="00A35FED" w:rsidP="00A35FED">
            <w:r>
              <w:tab/>
            </w:r>
            <w:r>
              <w:tab/>
            </w:r>
            <w:r>
              <w:tab/>
            </w:r>
            <w:r>
              <w:tab/>
            </w:r>
            <w:r>
              <w:tab/>
            </w:r>
            <w:r>
              <w:tab/>
            </w:r>
            <w:r>
              <w:tab/>
              <w:t>&lt;div class="result-img"&gt;</w:t>
            </w:r>
          </w:p>
          <w:p w:rsidR="00A35FED" w:rsidRDefault="00A35FED" w:rsidP="00A35FED">
            <w:r>
              <w:tab/>
            </w:r>
            <w:r>
              <w:tab/>
            </w:r>
            <w:r>
              <w:tab/>
            </w:r>
            <w:r>
              <w:tab/>
            </w:r>
            <w:r>
              <w:tab/>
            </w:r>
            <w:r>
              <w:tab/>
            </w:r>
            <w:r>
              <w:tab/>
            </w:r>
            <w:r>
              <w:tab/>
              <w:t>&lt;a href="property-details.php?id=&lt;?php echo $rowlist['id'];?&gt;"&gt;</w:t>
            </w:r>
          </w:p>
          <w:p w:rsidR="00A35FED" w:rsidRDefault="00A35FED" w:rsidP="00A35FED">
            <w:r>
              <w:tab/>
            </w:r>
            <w:r>
              <w:tab/>
            </w:r>
            <w:r>
              <w:tab/>
            </w:r>
            <w:r>
              <w:tab/>
            </w:r>
            <w:r>
              <w:tab/>
            </w:r>
            <w:r>
              <w:tab/>
            </w:r>
            <w:r>
              <w:tab/>
            </w:r>
            <w:r>
              <w:tab/>
            </w:r>
            <w:r>
              <w:tab/>
              <w:t>&lt;img alt="" title="&lt;?php echo $rowlist['title']; ?&gt;"</w:t>
            </w:r>
          </w:p>
          <w:p w:rsidR="00A35FED" w:rsidRDefault="00A35FED" w:rsidP="00A35FED">
            <w:r>
              <w:tab/>
            </w:r>
            <w:r>
              <w:tab/>
            </w:r>
            <w:r>
              <w:tab/>
            </w:r>
            <w:r>
              <w:tab/>
            </w:r>
            <w:r>
              <w:tab/>
            </w:r>
            <w:r>
              <w:tab/>
            </w:r>
            <w:r>
              <w:tab/>
            </w:r>
            <w:r>
              <w:tab/>
            </w:r>
            <w:r>
              <w:tab/>
            </w:r>
            <w:r>
              <w:tab/>
              <w:t xml:space="preserve"> class="img-fluid"</w:t>
            </w:r>
          </w:p>
          <w:p w:rsidR="00A35FED" w:rsidRDefault="00A35FED" w:rsidP="00A35FED">
            <w:r>
              <w:tab/>
            </w:r>
            <w:r>
              <w:tab/>
            </w:r>
            <w:r>
              <w:tab/>
            </w:r>
            <w:r>
              <w:tab/>
            </w:r>
            <w:r>
              <w:tab/>
            </w:r>
            <w:r>
              <w:tab/>
            </w:r>
            <w:r>
              <w:tab/>
            </w:r>
            <w:r>
              <w:tab/>
            </w:r>
            <w:r>
              <w:tab/>
            </w:r>
            <w:r>
              <w:tab/>
              <w:t xml:space="preserve"> src="&lt;?php echo $photoscroll;?&gt;" style="height: 60px;"/&gt;</w:t>
            </w:r>
          </w:p>
          <w:p w:rsidR="00A35FED" w:rsidRDefault="00A35FED" w:rsidP="00A35FED">
            <w:r>
              <w:tab/>
            </w:r>
            <w:r>
              <w:tab/>
            </w:r>
            <w:r>
              <w:tab/>
            </w:r>
            <w:r>
              <w:tab/>
            </w:r>
            <w:r>
              <w:tab/>
            </w:r>
            <w:r>
              <w:tab/>
            </w:r>
            <w:r>
              <w:tab/>
            </w:r>
            <w:r>
              <w:tab/>
              <w:t>&lt;/a&gt;</w:t>
            </w:r>
          </w:p>
          <w:p w:rsidR="00A35FED" w:rsidRDefault="00A35FED" w:rsidP="00A35FED">
            <w:r>
              <w:tab/>
            </w:r>
            <w:r>
              <w:tab/>
            </w:r>
            <w:r>
              <w:tab/>
            </w:r>
            <w:r>
              <w:tab/>
            </w:r>
            <w:r>
              <w:tab/>
            </w:r>
            <w:r>
              <w:tab/>
            </w:r>
            <w:r>
              <w:tab/>
              <w:t>&lt;/div&gt;</w:t>
            </w:r>
          </w:p>
          <w:p w:rsidR="00A35FED" w:rsidRDefault="00A35FED" w:rsidP="00A35FED">
            <w:r>
              <w:tab/>
            </w:r>
            <w:r>
              <w:tab/>
            </w:r>
            <w:r>
              <w:tab/>
            </w:r>
            <w:r>
              <w:tab/>
            </w:r>
            <w:r>
              <w:tab/>
            </w:r>
            <w:r>
              <w:tab/>
            </w:r>
            <w:r>
              <w:tab/>
              <w:t>&lt;div class="result-detail" &gt;</w:t>
            </w:r>
          </w:p>
          <w:p w:rsidR="00A35FED" w:rsidRDefault="00A35FED" w:rsidP="00A35FED">
            <w:r>
              <w:tab/>
            </w:r>
            <w:r>
              <w:tab/>
            </w:r>
            <w:r>
              <w:tab/>
            </w:r>
            <w:r>
              <w:tab/>
            </w:r>
            <w:r>
              <w:tab/>
            </w:r>
            <w:r>
              <w:tab/>
            </w:r>
            <w:r>
              <w:tab/>
            </w:r>
            <w:r>
              <w:tab/>
              <w:t>&lt;a href="property-details.php?id=&lt;?php echo $rowlist['id'];?&gt;"&gt;</w:t>
            </w:r>
          </w:p>
          <w:p w:rsidR="00A35FED" w:rsidRDefault="00A35FED" w:rsidP="00A35FED">
            <w:r>
              <w:tab/>
            </w:r>
            <w:r>
              <w:tab/>
            </w:r>
            <w:r>
              <w:tab/>
            </w:r>
            <w:r>
              <w:tab/>
            </w:r>
            <w:r>
              <w:tab/>
            </w:r>
            <w:r>
              <w:tab/>
            </w:r>
            <w:r>
              <w:tab/>
            </w:r>
            <w:r>
              <w:tab/>
            </w:r>
            <w:r>
              <w:tab/>
              <w:t>&lt;p&gt;</w:t>
            </w:r>
          </w:p>
          <w:p w:rsidR="00A35FED" w:rsidRDefault="00A35FED" w:rsidP="00A35FED">
            <w:r>
              <w:tab/>
            </w:r>
            <w:r>
              <w:tab/>
            </w:r>
            <w:r>
              <w:tab/>
            </w:r>
            <w:r>
              <w:tab/>
            </w:r>
            <w:r>
              <w:tab/>
            </w:r>
            <w:r>
              <w:tab/>
            </w:r>
            <w:r>
              <w:tab/>
            </w:r>
            <w:r>
              <w:tab/>
            </w:r>
            <w:r>
              <w:tab/>
            </w:r>
            <w:r>
              <w:tab/>
              <w:t>&lt;?php echo $rowlist['title']; ?&gt;</w:t>
            </w:r>
          </w:p>
          <w:p w:rsidR="00A35FED" w:rsidRDefault="00A35FED" w:rsidP="00A35FED">
            <w:r>
              <w:tab/>
            </w:r>
            <w:r>
              <w:tab/>
            </w:r>
            <w:r>
              <w:tab/>
            </w:r>
            <w:r>
              <w:tab/>
            </w:r>
            <w:r>
              <w:tab/>
            </w:r>
            <w:r>
              <w:tab/>
            </w:r>
            <w:r>
              <w:tab/>
            </w:r>
            <w:r>
              <w:tab/>
            </w:r>
            <w:r>
              <w:tab/>
              <w:t>&lt;/p&gt;</w:t>
            </w:r>
          </w:p>
          <w:p w:rsidR="00A35FED" w:rsidRDefault="00A35FED" w:rsidP="00A35FED">
            <w:r>
              <w:tab/>
            </w:r>
            <w:r>
              <w:tab/>
            </w:r>
            <w:r>
              <w:tab/>
            </w:r>
            <w:r>
              <w:tab/>
            </w:r>
            <w:r>
              <w:tab/>
            </w:r>
            <w:r>
              <w:tab/>
            </w:r>
            <w:r>
              <w:tab/>
            </w:r>
            <w:r>
              <w:tab/>
              <w:t>&lt;/a&gt;</w:t>
            </w:r>
          </w:p>
          <w:p w:rsidR="00A35FED" w:rsidRDefault="00A35FED" w:rsidP="00A35FED">
            <w:r>
              <w:tab/>
            </w:r>
            <w:r>
              <w:tab/>
            </w:r>
            <w:r>
              <w:tab/>
            </w:r>
            <w:r>
              <w:tab/>
            </w:r>
            <w:r>
              <w:tab/>
            </w:r>
            <w:r>
              <w:tab/>
            </w:r>
            <w:r>
              <w:tab/>
            </w:r>
            <w:r>
              <w:tab/>
              <w:t>&lt;span&gt;</w:t>
            </w:r>
          </w:p>
          <w:p w:rsidR="00A35FED" w:rsidRDefault="00A35FED" w:rsidP="00A35FED">
            <w:r>
              <w:tab/>
            </w:r>
            <w:r>
              <w:tab/>
            </w:r>
            <w:r>
              <w:tab/>
            </w:r>
            <w:r>
              <w:tab/>
            </w:r>
            <w:r>
              <w:tab/>
            </w:r>
            <w:r>
              <w:tab/>
            </w:r>
            <w:r>
              <w:tab/>
            </w:r>
            <w:r>
              <w:tab/>
            </w:r>
            <w:r>
              <w:tab/>
              <w:t xml:space="preserve">&lt;?php </w:t>
            </w:r>
          </w:p>
          <w:p w:rsidR="00A35FED" w:rsidRDefault="00A35FED" w:rsidP="00A35FED">
            <w:r>
              <w:tab/>
            </w:r>
            <w:r>
              <w:tab/>
            </w:r>
            <w:r>
              <w:tab/>
            </w:r>
            <w:r>
              <w:tab/>
            </w:r>
            <w:r>
              <w:tab/>
            </w:r>
            <w:r>
              <w:tab/>
            </w:r>
            <w:r>
              <w:tab/>
            </w:r>
            <w:r>
              <w:tab/>
            </w:r>
            <w:r>
              <w:tab/>
              <w:t>$resi</w:t>
            </w:r>
            <w:r>
              <w:tab/>
              <w:t>=</w:t>
            </w:r>
            <w:r>
              <w:tab/>
              <w:t>explode(",",$rowlist['residence']);</w:t>
            </w:r>
          </w:p>
          <w:p w:rsidR="00A35FED" w:rsidRDefault="00A35FED" w:rsidP="00A35FED">
            <w:r>
              <w:tab/>
            </w:r>
            <w:r>
              <w:tab/>
            </w:r>
            <w:r>
              <w:tab/>
            </w:r>
            <w:r>
              <w:tab/>
            </w:r>
            <w:r>
              <w:tab/>
            </w:r>
            <w:r>
              <w:tab/>
            </w:r>
            <w:r>
              <w:tab/>
            </w:r>
            <w:r>
              <w:tab/>
            </w:r>
            <w:r>
              <w:tab/>
              <w:t>if($resi){</w:t>
            </w:r>
          </w:p>
          <w:p w:rsidR="00A35FED" w:rsidRDefault="00A35FED" w:rsidP="00A35FED">
            <w:r>
              <w:tab/>
            </w:r>
            <w:r>
              <w:tab/>
            </w:r>
            <w:r>
              <w:tab/>
            </w:r>
            <w:r>
              <w:tab/>
            </w:r>
            <w:r>
              <w:tab/>
            </w:r>
            <w:r>
              <w:tab/>
            </w:r>
            <w:r>
              <w:tab/>
            </w:r>
            <w:r>
              <w:tab/>
            </w:r>
            <w:r>
              <w:tab/>
            </w:r>
            <w:r>
              <w:tab/>
              <w:t xml:space="preserve">for($r=0;$r&lt;count($resi);$r++){ </w:t>
            </w:r>
          </w:p>
          <w:p w:rsidR="00A35FED" w:rsidRDefault="00A35FED" w:rsidP="00A35FED">
            <w:r>
              <w:tab/>
            </w:r>
            <w:r>
              <w:tab/>
            </w:r>
            <w:r>
              <w:tab/>
            </w:r>
            <w:r>
              <w:tab/>
            </w:r>
            <w:r>
              <w:tab/>
            </w:r>
            <w:r>
              <w:tab/>
            </w:r>
            <w:r>
              <w:tab/>
            </w:r>
            <w:r>
              <w:tab/>
            </w:r>
            <w:r>
              <w:tab/>
            </w:r>
            <w:r>
              <w:tab/>
            </w:r>
            <w:r>
              <w:tab/>
              <w:t>if( $resi[$r]=='independent'){</w:t>
            </w:r>
          </w:p>
          <w:p w:rsidR="00A35FED" w:rsidRDefault="00A35FED" w:rsidP="00A35FED">
            <w:r>
              <w:tab/>
            </w:r>
            <w:r>
              <w:tab/>
            </w:r>
            <w:r>
              <w:tab/>
            </w:r>
            <w:r>
              <w:tab/>
            </w:r>
            <w:r>
              <w:tab/>
            </w:r>
            <w:r>
              <w:tab/>
            </w:r>
            <w:r>
              <w:tab/>
            </w:r>
            <w:r>
              <w:tab/>
            </w:r>
            <w:r>
              <w:tab/>
            </w:r>
            <w:r>
              <w:tab/>
            </w:r>
            <w:r>
              <w:tab/>
            </w:r>
            <w:r>
              <w:tab/>
              <w:t xml:space="preserve">$label_resi </w:t>
            </w:r>
            <w:r>
              <w:tab/>
              <w:t>=</w:t>
            </w:r>
            <w:r>
              <w:tab/>
              <w:t xml:space="preserve">"Independent 55+"; </w:t>
            </w:r>
          </w:p>
          <w:p w:rsidR="00A35FED" w:rsidRDefault="00A35FED" w:rsidP="00A35FED">
            <w:r>
              <w:tab/>
            </w:r>
            <w:r>
              <w:tab/>
            </w:r>
            <w:r>
              <w:tab/>
            </w:r>
            <w:r>
              <w:tab/>
            </w:r>
            <w:r>
              <w:tab/>
            </w:r>
            <w:r>
              <w:tab/>
            </w:r>
            <w:r>
              <w:tab/>
            </w:r>
            <w:r>
              <w:tab/>
            </w:r>
            <w:r>
              <w:tab/>
            </w:r>
            <w:r>
              <w:tab/>
            </w:r>
            <w:r>
              <w:tab/>
              <w:t>}elseif( $resi[$r]=='assisted_living'){</w:t>
            </w:r>
          </w:p>
          <w:p w:rsidR="00A35FED" w:rsidRDefault="00A35FED" w:rsidP="00A35FED">
            <w:r>
              <w:tab/>
            </w:r>
            <w:r>
              <w:tab/>
            </w:r>
            <w:r>
              <w:tab/>
            </w:r>
            <w:r>
              <w:tab/>
            </w:r>
            <w:r>
              <w:tab/>
            </w:r>
            <w:r>
              <w:tab/>
            </w:r>
            <w:r>
              <w:tab/>
            </w:r>
            <w:r>
              <w:tab/>
            </w:r>
            <w:r>
              <w:tab/>
            </w:r>
            <w:r>
              <w:tab/>
            </w:r>
            <w:r>
              <w:tab/>
            </w:r>
            <w:r>
              <w:tab/>
              <w:t xml:space="preserve">$label_resi </w:t>
            </w:r>
            <w:r>
              <w:tab/>
              <w:t>=</w:t>
            </w:r>
            <w:r>
              <w:tab/>
              <w:t xml:space="preserve">"Assisted Living"; </w:t>
            </w:r>
          </w:p>
          <w:p w:rsidR="00A35FED" w:rsidRDefault="00A35FED" w:rsidP="00A35FED">
            <w:r>
              <w:tab/>
            </w:r>
            <w:r>
              <w:tab/>
            </w:r>
            <w:r>
              <w:tab/>
            </w:r>
            <w:r>
              <w:tab/>
            </w:r>
            <w:r>
              <w:tab/>
            </w:r>
            <w:r>
              <w:tab/>
            </w:r>
            <w:r>
              <w:tab/>
            </w:r>
            <w:r>
              <w:tab/>
            </w:r>
            <w:r>
              <w:tab/>
            </w:r>
            <w:r>
              <w:tab/>
            </w:r>
            <w:r>
              <w:tab/>
              <w:t>}elseif( $resi[$r]=='memory_care'){</w:t>
            </w:r>
          </w:p>
          <w:p w:rsidR="00A35FED" w:rsidRDefault="00A35FED" w:rsidP="00A35FED">
            <w:r>
              <w:tab/>
            </w:r>
            <w:r>
              <w:tab/>
            </w:r>
            <w:r>
              <w:tab/>
            </w:r>
            <w:r>
              <w:tab/>
            </w:r>
            <w:r>
              <w:tab/>
            </w:r>
            <w:r>
              <w:tab/>
            </w:r>
            <w:r>
              <w:tab/>
            </w:r>
            <w:r>
              <w:tab/>
            </w:r>
            <w:r>
              <w:tab/>
            </w:r>
            <w:r>
              <w:tab/>
            </w:r>
            <w:r>
              <w:tab/>
            </w:r>
            <w:r>
              <w:tab/>
              <w:t xml:space="preserve">$label_resi </w:t>
            </w:r>
            <w:r>
              <w:tab/>
              <w:t>=</w:t>
            </w:r>
            <w:r>
              <w:tab/>
              <w:t xml:space="preserve">"Memory Care"; </w:t>
            </w:r>
          </w:p>
          <w:p w:rsidR="00A35FED" w:rsidRDefault="00A35FED" w:rsidP="00A35FED">
            <w:r>
              <w:tab/>
            </w:r>
            <w:r>
              <w:tab/>
            </w:r>
            <w:r>
              <w:tab/>
            </w:r>
            <w:r>
              <w:tab/>
            </w:r>
            <w:r>
              <w:tab/>
            </w:r>
            <w:r>
              <w:tab/>
            </w:r>
            <w:r>
              <w:tab/>
            </w:r>
            <w:r>
              <w:tab/>
            </w:r>
            <w:r>
              <w:tab/>
            </w:r>
            <w:r>
              <w:tab/>
            </w:r>
            <w:r>
              <w:tab/>
              <w:t>}elseif( $resi[$r]=='board_care'){</w:t>
            </w:r>
          </w:p>
          <w:p w:rsidR="00A35FED" w:rsidRDefault="00A35FED" w:rsidP="00A35FED">
            <w:r>
              <w:tab/>
            </w:r>
            <w:r>
              <w:tab/>
            </w:r>
            <w:r>
              <w:tab/>
            </w:r>
            <w:r>
              <w:tab/>
            </w:r>
            <w:r>
              <w:tab/>
            </w:r>
            <w:r>
              <w:tab/>
            </w:r>
            <w:r>
              <w:tab/>
            </w:r>
            <w:r>
              <w:tab/>
            </w:r>
            <w:r>
              <w:tab/>
            </w:r>
            <w:r>
              <w:tab/>
            </w:r>
            <w:r>
              <w:tab/>
            </w:r>
            <w:r>
              <w:tab/>
              <w:t xml:space="preserve">$label_resi </w:t>
            </w:r>
            <w:r>
              <w:tab/>
              <w:t>=</w:t>
            </w:r>
            <w:r>
              <w:tab/>
              <w:t xml:space="preserve">"Board &amp; Care"; </w:t>
            </w:r>
          </w:p>
          <w:p w:rsidR="00A35FED" w:rsidRDefault="00A35FED" w:rsidP="00A35FED">
            <w:r>
              <w:lastRenderedPageBreak/>
              <w:tab/>
            </w:r>
            <w:r>
              <w:tab/>
            </w:r>
            <w:r>
              <w:tab/>
            </w:r>
            <w:r>
              <w:tab/>
            </w:r>
            <w:r>
              <w:tab/>
            </w:r>
            <w:r>
              <w:tab/>
            </w:r>
            <w:r>
              <w:tab/>
            </w:r>
            <w:r>
              <w:tab/>
            </w:r>
            <w:r>
              <w:tab/>
            </w:r>
            <w:r>
              <w:tab/>
            </w:r>
            <w:r>
              <w:tab/>
              <w:t>}elseif( $resi[$r]=='ccrc'){</w:t>
            </w:r>
          </w:p>
          <w:p w:rsidR="00A35FED" w:rsidRDefault="00A35FED" w:rsidP="00A35FED">
            <w:r>
              <w:tab/>
            </w:r>
            <w:r>
              <w:tab/>
            </w:r>
            <w:r>
              <w:tab/>
            </w:r>
            <w:r>
              <w:tab/>
            </w:r>
            <w:r>
              <w:tab/>
            </w:r>
            <w:r>
              <w:tab/>
            </w:r>
            <w:r>
              <w:tab/>
            </w:r>
            <w:r>
              <w:tab/>
            </w:r>
            <w:r>
              <w:tab/>
            </w:r>
            <w:r>
              <w:tab/>
            </w:r>
            <w:r>
              <w:tab/>
            </w:r>
            <w:r>
              <w:tab/>
              <w:t xml:space="preserve">$label_resi </w:t>
            </w:r>
            <w:r>
              <w:tab/>
              <w:t>=</w:t>
            </w:r>
            <w:r>
              <w:tab/>
              <w:t xml:space="preserve">"CCRC"; </w:t>
            </w:r>
          </w:p>
          <w:p w:rsidR="00A35FED" w:rsidRDefault="00A35FED" w:rsidP="00A35FED">
            <w:r>
              <w:tab/>
            </w:r>
            <w:r>
              <w:tab/>
            </w:r>
            <w:r>
              <w:tab/>
            </w:r>
            <w:r>
              <w:tab/>
            </w:r>
            <w:r>
              <w:tab/>
            </w:r>
            <w:r>
              <w:tab/>
            </w:r>
            <w:r>
              <w:tab/>
            </w:r>
            <w:r>
              <w:tab/>
            </w:r>
            <w:r>
              <w:tab/>
            </w:r>
            <w:r>
              <w:tab/>
            </w:r>
            <w:r>
              <w:tab/>
              <w:t>}elseif( $resi[$r]=='respite'){</w:t>
            </w:r>
          </w:p>
          <w:p w:rsidR="00A35FED" w:rsidRDefault="00A35FED" w:rsidP="00A35FED">
            <w:r>
              <w:tab/>
            </w:r>
            <w:r>
              <w:tab/>
            </w:r>
            <w:r>
              <w:tab/>
            </w:r>
            <w:r>
              <w:tab/>
            </w:r>
            <w:r>
              <w:tab/>
            </w:r>
            <w:r>
              <w:tab/>
            </w:r>
            <w:r>
              <w:tab/>
            </w:r>
            <w:r>
              <w:tab/>
            </w:r>
            <w:r>
              <w:tab/>
            </w:r>
            <w:r>
              <w:tab/>
            </w:r>
            <w:r>
              <w:tab/>
            </w:r>
            <w:r>
              <w:tab/>
              <w:t xml:space="preserve">$label_resi </w:t>
            </w:r>
            <w:r>
              <w:tab/>
              <w:t>=</w:t>
            </w:r>
            <w:r>
              <w:tab/>
              <w:t xml:space="preserve">"Respite"; </w:t>
            </w:r>
          </w:p>
          <w:p w:rsidR="00A35FED" w:rsidRDefault="00A35FED" w:rsidP="00A35FED">
            <w:r>
              <w:tab/>
            </w:r>
            <w:r>
              <w:tab/>
            </w:r>
            <w:r>
              <w:tab/>
            </w:r>
            <w:r>
              <w:tab/>
            </w:r>
            <w:r>
              <w:tab/>
            </w:r>
            <w:r>
              <w:tab/>
            </w:r>
            <w:r>
              <w:tab/>
            </w:r>
            <w:r>
              <w:tab/>
            </w:r>
            <w:r>
              <w:tab/>
            </w:r>
            <w:r>
              <w:tab/>
            </w:r>
            <w:r>
              <w:tab/>
              <w:t xml:space="preserve">}  </w:t>
            </w:r>
          </w:p>
          <w:p w:rsidR="00A35FED" w:rsidRDefault="00A35FED" w:rsidP="00A35FED">
            <w:r>
              <w:tab/>
            </w:r>
            <w:r>
              <w:tab/>
            </w:r>
            <w:r>
              <w:tab/>
            </w:r>
            <w:r>
              <w:tab/>
            </w:r>
            <w:r>
              <w:tab/>
            </w:r>
            <w:r>
              <w:tab/>
            </w:r>
            <w:r>
              <w:tab/>
            </w:r>
            <w:r>
              <w:tab/>
            </w:r>
            <w:r>
              <w:tab/>
            </w:r>
            <w:r>
              <w:tab/>
            </w:r>
            <w:r>
              <w:tab/>
              <w:t>if($label_resi){</w:t>
            </w:r>
          </w:p>
          <w:p w:rsidR="00A35FED" w:rsidRDefault="00A35FED" w:rsidP="00A35FED">
            <w:r>
              <w:tab/>
            </w:r>
            <w:r>
              <w:tab/>
            </w:r>
            <w:r>
              <w:tab/>
            </w:r>
            <w:r>
              <w:tab/>
            </w:r>
            <w:r>
              <w:tab/>
            </w:r>
            <w:r>
              <w:tab/>
            </w:r>
            <w:r>
              <w:tab/>
            </w:r>
            <w:r>
              <w:tab/>
            </w:r>
            <w:r>
              <w:tab/>
            </w:r>
            <w:r>
              <w:tab/>
            </w:r>
            <w:r>
              <w:tab/>
              <w:t>echo $label_resi; ?&gt;</w:t>
            </w:r>
          </w:p>
          <w:p w:rsidR="00A35FED" w:rsidRDefault="00A35FED" w:rsidP="00A35FED">
            <w:r>
              <w:tab/>
            </w:r>
            <w:r>
              <w:tab/>
            </w:r>
            <w:r>
              <w:tab/>
            </w:r>
            <w:r>
              <w:tab/>
            </w:r>
            <w:r>
              <w:tab/>
            </w:r>
            <w:r>
              <w:tab/>
            </w:r>
            <w:r>
              <w:tab/>
            </w:r>
            <w:r>
              <w:tab/>
            </w:r>
            <w:r>
              <w:tab/>
              <w:t>&lt;?php } } }?&gt;</w:t>
            </w:r>
          </w:p>
          <w:p w:rsidR="00A35FED" w:rsidRDefault="00A35FED" w:rsidP="00A35FED">
            <w:r>
              <w:tab/>
            </w:r>
            <w:r>
              <w:tab/>
            </w:r>
            <w:r>
              <w:tab/>
            </w:r>
            <w:r>
              <w:tab/>
            </w:r>
            <w:r>
              <w:tab/>
            </w:r>
            <w:r>
              <w:tab/>
            </w:r>
            <w:r>
              <w:tab/>
            </w:r>
            <w:r>
              <w:tab/>
              <w:t>&lt;/span&gt;</w:t>
            </w:r>
          </w:p>
          <w:p w:rsidR="00A35FED" w:rsidRDefault="00A35FED" w:rsidP="00A35FED">
            <w:r>
              <w:tab/>
            </w:r>
            <w:r>
              <w:tab/>
            </w:r>
            <w:r>
              <w:tab/>
            </w:r>
            <w:r>
              <w:tab/>
            </w:r>
            <w:r>
              <w:tab/>
            </w:r>
            <w:r>
              <w:tab/>
            </w:r>
            <w:r>
              <w:tab/>
              <w:t>&lt;/div&gt;</w:t>
            </w:r>
          </w:p>
          <w:p w:rsidR="00A35FED" w:rsidRDefault="00A35FED" w:rsidP="00A35FED">
            <w:r>
              <w:tab/>
            </w:r>
            <w:r>
              <w:tab/>
            </w:r>
            <w:r>
              <w:tab/>
            </w:r>
            <w:r>
              <w:tab/>
            </w:r>
            <w:r>
              <w:tab/>
            </w:r>
            <w:r>
              <w:tab/>
            </w:r>
            <w:r>
              <w:tab/>
            </w:r>
          </w:p>
          <w:p w:rsidR="00A35FED" w:rsidRDefault="00A35FED" w:rsidP="00A35FED">
            <w:r>
              <w:tab/>
            </w:r>
            <w:r>
              <w:tab/>
            </w:r>
            <w:r>
              <w:tab/>
            </w:r>
            <w:r>
              <w:tab/>
            </w:r>
            <w:r>
              <w:tab/>
            </w:r>
            <w:r>
              <w:tab/>
              <w:t>&lt;/div&gt;</w:t>
            </w:r>
          </w:p>
          <w:p w:rsidR="00A35FED" w:rsidRDefault="00A35FED" w:rsidP="00A35FED">
            <w:r>
              <w:tab/>
            </w:r>
            <w:r>
              <w:tab/>
            </w:r>
            <w:r>
              <w:tab/>
            </w:r>
            <w:r>
              <w:tab/>
            </w:r>
            <w:r>
              <w:tab/>
            </w:r>
            <w:r>
              <w:tab/>
              <w:t>&lt;br&gt;</w:t>
            </w:r>
          </w:p>
          <w:p w:rsidR="00A35FED" w:rsidRDefault="00A35FED" w:rsidP="00A35FED">
            <w:r>
              <w:tab/>
            </w:r>
            <w:r>
              <w:tab/>
            </w:r>
            <w:r>
              <w:tab/>
            </w:r>
            <w:r>
              <w:tab/>
            </w:r>
            <w:r>
              <w:tab/>
            </w:r>
            <w:r>
              <w:tab/>
              <w:t>&lt;/div&gt;</w:t>
            </w:r>
          </w:p>
          <w:p w:rsidR="00A35FED" w:rsidRDefault="00A35FED" w:rsidP="00A35FED">
            <w:r>
              <w:tab/>
            </w:r>
            <w:r>
              <w:tab/>
            </w:r>
            <w:r>
              <w:tab/>
            </w:r>
            <w:r>
              <w:tab/>
            </w:r>
            <w:r>
              <w:tab/>
              <w:t xml:space="preserve">&lt;/div&gt;  </w:t>
            </w:r>
          </w:p>
          <w:p w:rsidR="00A35FED" w:rsidRDefault="00A35FED" w:rsidP="00A35FED">
            <w:r>
              <w:tab/>
            </w:r>
            <w:r>
              <w:tab/>
            </w:r>
            <w:r>
              <w:tab/>
            </w:r>
            <w:r>
              <w:tab/>
            </w:r>
            <w:r>
              <w:tab/>
              <w:t>&lt;/div&gt;</w:t>
            </w:r>
          </w:p>
          <w:p w:rsidR="00A35FED" w:rsidRDefault="00A35FED" w:rsidP="00A35FED">
            <w:r>
              <w:tab/>
            </w:r>
            <w:r>
              <w:tab/>
            </w:r>
            <w:r>
              <w:tab/>
            </w:r>
            <w:r>
              <w:tab/>
              <w:t>&lt;?php } ?&gt;</w:t>
            </w:r>
          </w:p>
          <w:p w:rsidR="00A35FED" w:rsidRDefault="00A35FED" w:rsidP="00A35FED">
            <w:r>
              <w:t xml:space="preserve">                            &lt;/div&gt;</w:t>
            </w:r>
          </w:p>
          <w:p w:rsidR="00A35FED" w:rsidRDefault="00A35FED" w:rsidP="00A35FED">
            <w:r>
              <w:t xml:space="preserve">                    &lt;/div&gt;</w:t>
            </w:r>
          </w:p>
          <w:p w:rsidR="00A35FED" w:rsidRDefault="00A35FED" w:rsidP="00A35FED">
            <w:r>
              <w:t xml:space="preserve">                    &lt;!--&lt;div class="box_detail" id="divSidebarWidget" style="background-color:#2e78d1;"&gt;</w:t>
            </w:r>
          </w:p>
          <w:p w:rsidR="00A35FED" w:rsidRDefault="00A35FED" w:rsidP="00A35FED">
            <w:r>
              <w:t xml:space="preserve">                            &lt;div class="price"&gt;</w:t>
            </w:r>
          </w:p>
          <w:p w:rsidR="00A35FED" w:rsidRDefault="00A35FED" w:rsidP="00A35FED">
            <w:r>
              <w:t xml:space="preserve">                                &lt;span&gt;</w:t>
            </w:r>
          </w:p>
          <w:p w:rsidR="00A35FED" w:rsidRDefault="00A35FED" w:rsidP="00A35FED">
            <w:r>
              <w:t xml:space="preserve">                                &lt;a href="get-contact.php"&gt;</w:t>
            </w:r>
          </w:p>
          <w:p w:rsidR="00A35FED" w:rsidRDefault="00A35FED" w:rsidP="00A35FED">
            <w:r>
              <w:t xml:space="preserve">                                    &lt;h5 class="d-inline" style="color:white;"&gt;</w:t>
            </w:r>
          </w:p>
          <w:p w:rsidR="00A35FED" w:rsidRDefault="00A35FED" w:rsidP="00A35FED">
            <w:r>
              <w:t xml:space="preserve">                                    Get Contact Info of &lt;br&gt;&lt;?php echo $title ; ?&gt;</w:t>
            </w:r>
          </w:p>
          <w:p w:rsidR="00A35FED" w:rsidRDefault="00A35FED" w:rsidP="00A35FED">
            <w:r>
              <w:t xml:space="preserve">                                &lt;/h5&gt;</w:t>
            </w:r>
          </w:p>
          <w:p w:rsidR="00A35FED" w:rsidRDefault="00A35FED" w:rsidP="00A35FED">
            <w:r>
              <w:t xml:space="preserve">                                &lt;/a&gt;</w:t>
            </w:r>
          </w:p>
          <w:p w:rsidR="00A35FED" w:rsidRDefault="00A35FED" w:rsidP="00A35FED">
            <w:r>
              <w:t xml:space="preserve">                                &lt;/span&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lt;div class="box_detail" id="divSidebarWidget" style="background-color:#e8a817;"&gt;</w:t>
            </w:r>
          </w:p>
          <w:p w:rsidR="00A35FED" w:rsidRDefault="00A35FED" w:rsidP="00A35FED">
            <w:r>
              <w:t xml:space="preserve">                            &lt;div class="price"&gt;</w:t>
            </w:r>
          </w:p>
          <w:p w:rsidR="00A35FED" w:rsidRDefault="00A35FED" w:rsidP="00A35FED">
            <w:r>
              <w:t xml:space="preserve">                                &lt;span&gt;</w:t>
            </w:r>
          </w:p>
          <w:p w:rsidR="00A35FED" w:rsidRDefault="00A35FED" w:rsidP="00A35FED">
            <w:r>
              <w:t xml:space="preserve">                                &lt;a href="add-wishlist.php"&gt;</w:t>
            </w:r>
          </w:p>
          <w:p w:rsidR="00A35FED" w:rsidRDefault="00A35FED" w:rsidP="00A35FED">
            <w:r>
              <w:t xml:space="preserve">                                    &lt;h5 class="d-inline" style="color:white;" &gt; Add To Your List&lt;/h5&gt;</w:t>
            </w:r>
          </w:p>
          <w:p w:rsidR="00A35FED" w:rsidRDefault="00A35FED" w:rsidP="00A35FED">
            <w:r>
              <w:t xml:space="preserve">                                &lt;/a&gt;</w:t>
            </w:r>
          </w:p>
          <w:p w:rsidR="00A35FED" w:rsidRDefault="00A35FED" w:rsidP="00A35FED">
            <w:r>
              <w:t xml:space="preserve">                                &lt;/span&gt;</w:t>
            </w:r>
          </w:p>
          <w:p w:rsidR="00A35FED" w:rsidRDefault="00A35FED" w:rsidP="00A35FED">
            <w:r>
              <w:t xml:space="preserve">                                &lt;br&gt;&lt;br&gt;</w:t>
            </w:r>
          </w:p>
          <w:p w:rsidR="00A35FED" w:rsidRDefault="00A35FED" w:rsidP="00A35FED">
            <w:r>
              <w:t xml:space="preserve">                                &lt;small&gt;Interest only, Contact later.&lt;/small&gt;</w:t>
            </w:r>
          </w:p>
          <w:p w:rsidR="00A35FED" w:rsidRDefault="00A35FED" w:rsidP="00A35FED">
            <w:r>
              <w:t xml:space="preserve">                            &lt;/div&gt;</w:t>
            </w:r>
          </w:p>
          <w:p w:rsidR="00A35FED" w:rsidRDefault="00A35FED" w:rsidP="00A35FED">
            <w:r>
              <w:t xml:space="preserve">                    &lt;/div&gt; --&gt;</w:t>
            </w:r>
          </w:p>
          <w:p w:rsidR="00A35FED" w:rsidRDefault="00A35FED" w:rsidP="00A35FED">
            <w:r>
              <w:t xml:space="preserve">                    </w:t>
            </w:r>
          </w:p>
          <w:p w:rsidR="00A35FED" w:rsidRDefault="00A35FED" w:rsidP="00A35FED">
            <w:r>
              <w:lastRenderedPageBreak/>
              <w:t xml:space="preserve">                    </w:t>
            </w:r>
          </w:p>
          <w:p w:rsidR="00A35FED" w:rsidRDefault="00A35FED" w:rsidP="00A35FED">
            <w:r>
              <w:t xml:space="preserve">                    &lt;!--&lt;div class="box_detail" id="divSidebarWidget"&gt;</w:t>
            </w:r>
          </w:p>
          <w:p w:rsidR="00A35FED" w:rsidRDefault="00A35FED" w:rsidP="00A35FED">
            <w:r>
              <w:t xml:space="preserve">                    &lt;!--&lt;div class="price"&gt;</w:t>
            </w:r>
          </w:p>
          <w:p w:rsidR="00A35FED" w:rsidRDefault="00A35FED" w:rsidP="00A35FED">
            <w:r>
              <w:t xml:space="preserve">                        &lt;h5 class="d-inline"&gt;More Details&lt;/h5&gt;</w:t>
            </w:r>
          </w:p>
          <w:p w:rsidR="00A35FED" w:rsidRDefault="00A35FED" w:rsidP="00A35FED">
            <w:r>
              <w:t xml:space="preserve">                            </w:t>
            </w:r>
          </w:p>
          <w:p w:rsidR="00A35FED" w:rsidRDefault="00A35FED" w:rsidP="00A35FED">
            <w:r>
              <w:t xml:space="preserve">                    &lt;/div&gt;--&gt;</w:t>
            </w:r>
          </w:p>
          <w:p w:rsidR="00A35FED" w:rsidRDefault="00A35FED" w:rsidP="00A35FED">
            <w:r>
              <w:t xml:space="preserve">                    &lt;!--&lt;div class="score" STYLE="font-size:120%"&gt;</w:t>
            </w:r>
          </w:p>
          <w:p w:rsidR="00A35FED" w:rsidRDefault="00A35FED" w:rsidP="00A35FED">
            <w:r>
              <w:t xml:space="preserve">                        &lt;span STYLE="font-size:100%" &gt;Total Views &lt;/span&gt;</w:t>
            </w:r>
          </w:p>
          <w:p w:rsidR="00A35FED" w:rsidRDefault="00A35FED" w:rsidP="00A35FED">
            <w:r>
              <w:t xml:space="preserve">                        &lt;strong&gt;&lt;?php echo $vistorCount;?&gt;&lt;/strong&gt;</w:t>
            </w:r>
          </w:p>
          <w:p w:rsidR="00A35FED" w:rsidRDefault="00A35FED" w:rsidP="00A35FED">
            <w:r>
              <w:t xml:space="preserve">                    &lt;/div&gt;</w:t>
            </w:r>
          </w:p>
          <w:p w:rsidR="00A35FED" w:rsidRDefault="00A35FED" w:rsidP="00A35FED">
            <w:r>
              <w:t xml:space="preserve">                    </w:t>
            </w:r>
          </w:p>
          <w:p w:rsidR="00A35FED" w:rsidRDefault="00A35FED" w:rsidP="00A35FED">
            <w:r>
              <w:t xml:space="preserve">                    </w:t>
            </w:r>
          </w:p>
          <w:p w:rsidR="00A35FED" w:rsidRDefault="00A35FED" w:rsidP="00A35FED">
            <w:r>
              <w:t xml:space="preserve">                        &lt;span&gt;</w:t>
            </w:r>
          </w:p>
          <w:p w:rsidR="00A35FED" w:rsidRDefault="00A35FED" w:rsidP="00A35FED">
            <w:r>
              <w:t xml:space="preserve">                    &lt;a class="btn_1 btn btn-primary btn-block btnToggleWidget" href="similar-residences.php"&gt;</w:t>
            </w:r>
          </w:p>
          <w:p w:rsidR="00A35FED" w:rsidRDefault="00A35FED" w:rsidP="00A35FED">
            <w:r>
              <w:t xml:space="preserve">                        </w:t>
            </w:r>
          </w:p>
          <w:p w:rsidR="00A35FED" w:rsidRDefault="00A35FED" w:rsidP="00A35FED">
            <w:r>
              <w:t xml:space="preserve">                    &lt;/a&gt;</w:t>
            </w:r>
          </w:p>
          <w:p w:rsidR="00A35FED" w:rsidRDefault="00A35FED" w:rsidP="00A35FED">
            <w:r>
              <w:t xml:space="preserve">                    &lt;/span&gt;--&gt;</w:t>
            </w:r>
          </w:p>
          <w:p w:rsidR="00A35FED" w:rsidRDefault="00A35FED" w:rsidP="00A35FED">
            <w:r>
              <w:t xml:space="preserve">                        &lt;!--&lt;a id="myBtn6" class="btn_1 btn btn-primary btn-block btnToggleWidget"</w:t>
            </w:r>
          </w:p>
          <w:p w:rsidR="00A35FED" w:rsidRDefault="00A35FED" w:rsidP="00A35FED">
            <w:r>
              <w:t xml:space="preserve">                                data-href="#divRegister" data-target="#divLogin"&gt;</w:t>
            </w:r>
          </w:p>
          <w:p w:rsidR="00A35FED" w:rsidRDefault="00A35FED" w:rsidP="00A35FED">
            <w:r>
              <w:t xml:space="preserve">                            Get Contact Info </w:t>
            </w:r>
          </w:p>
          <w:p w:rsidR="00A35FED" w:rsidRDefault="00A35FED" w:rsidP="00A35FED">
            <w:r>
              <w:t xml:space="preserve">                        &lt;/a&gt; --&gt;</w:t>
            </w:r>
          </w:p>
          <w:p w:rsidR="00A35FED" w:rsidRDefault="00A35FED" w:rsidP="00A35FED">
            <w:r>
              <w:t xml:space="preserve">                         &lt;!--&lt;p class="card-text mb-3 mt-2"&gt;</w:t>
            </w:r>
          </w:p>
          <w:p w:rsidR="00A35FED" w:rsidRDefault="00A35FED" w:rsidP="00A35FED">
            <w:r>
              <w:t xml:space="preserve">                            Don't have an account? Verify your email account to get contact details, It's very simple.</w:t>
            </w:r>
          </w:p>
          <w:p w:rsidR="00A35FED" w:rsidRDefault="00A35FED" w:rsidP="00A35FED">
            <w:r>
              <w:t xml:space="preserve">                        &lt;/p&gt;--&gt;</w:t>
            </w:r>
          </w:p>
          <w:p w:rsidR="00A35FED" w:rsidRDefault="00A35FED" w:rsidP="00A35FED">
            <w:r>
              <w:t xml:space="preserve">                        &lt;br&gt;</w:t>
            </w:r>
          </w:p>
          <w:p w:rsidR="00A35FED" w:rsidRDefault="00A35FED" w:rsidP="00A35FED">
            <w:r>
              <w:t xml:space="preserve">                        &lt;br&gt;</w:t>
            </w:r>
          </w:p>
          <w:p w:rsidR="00A35FED" w:rsidRDefault="00A35FED" w:rsidP="00A35FED">
            <w:r>
              <w:t xml:space="preserve">                        &lt;!--&lt;a href="#" class="btn_1 btn btn-primary btn-block btnToggleWidget"</w:t>
            </w:r>
          </w:p>
          <w:p w:rsidR="00A35FED" w:rsidRDefault="00A35FED" w:rsidP="00A35FED">
            <w:r>
              <w:t xml:space="preserve">                           data-href="#divLogin" data-target="#divSidebarWidget"&gt; --&gt;</w:t>
            </w:r>
          </w:p>
          <w:p w:rsidR="00A35FED" w:rsidRDefault="00A35FED" w:rsidP="00A35FED">
            <w:r>
              <w:t xml:space="preserve">                           &lt;!--&lt;a id="myBtn6" type="button" class="btn_1 full-width outline wishlist btn-wishlist mt-1" &gt;</w:t>
            </w:r>
          </w:p>
          <w:p w:rsidR="00A35FED" w:rsidRDefault="00A35FED" w:rsidP="00A35FED">
            <w:r>
              <w:t xml:space="preserve">                            Get Contact Info &lt;br&gt;Verified user - Enter your email                        &lt;/a&gt; --&gt;</w:t>
            </w:r>
          </w:p>
          <w:p w:rsidR="00A35FED" w:rsidRDefault="00A35FED" w:rsidP="00A35FED">
            <w:r>
              <w:t xml:space="preserve">                        &lt;br&gt;</w:t>
            </w:r>
          </w:p>
          <w:p w:rsidR="00A35FED" w:rsidRDefault="00A35FED" w:rsidP="00A35FED">
            <w:r>
              <w:t xml:space="preserve">                        &lt;br&gt;</w:t>
            </w:r>
          </w:p>
          <w:p w:rsidR="00A35FED" w:rsidRDefault="00A35FED" w:rsidP="00A35FED">
            <w:r>
              <w:t xml:space="preserve">                        &lt;!--&lt;a id="myBtn4" type="button" class="btn_1 full-width outline wishlist btn-wishlist mt-1" &gt; Add To Your List&lt;/a&gt;</w:t>
            </w:r>
          </w:p>
          <w:p w:rsidR="00A35FED" w:rsidRDefault="00A35FED" w:rsidP="00A35FED">
            <w:r>
              <w:t xml:space="preserve">                        </w:t>
            </w:r>
          </w:p>
          <w:p w:rsidR="00A35FED" w:rsidRDefault="00A35FED" w:rsidP="00A35FED">
            <w:r>
              <w:t xml:space="preserve">                        &lt;!--&lt;a href="#" class="btn_1 full-width outline wishlist btn-wishlist mt-1 "</w:t>
            </w:r>
          </w:p>
          <w:p w:rsidR="00A35FED" w:rsidRDefault="00A35FED" w:rsidP="00A35FED">
            <w:r>
              <w:t xml:space="preserve">                           title="Add To My List"</w:t>
            </w:r>
          </w:p>
          <w:p w:rsidR="00A35FED" w:rsidRDefault="00A35FED" w:rsidP="00A35FED">
            <w:r>
              <w:t xml:space="preserve">                           data-toggle="tooltip"</w:t>
            </w:r>
          </w:p>
          <w:p w:rsidR="00A35FED" w:rsidRDefault="00A35FED" w:rsidP="00A35FED">
            <w:r>
              <w:t xml:space="preserve">                           data-id="100263"&gt;</w:t>
            </w:r>
          </w:p>
          <w:p w:rsidR="00A35FED" w:rsidRDefault="00A35FED" w:rsidP="00A35FED">
            <w:r>
              <w:t xml:space="preserve">                            &lt;i class="icon_heart mr-1"&gt;&lt;/i&gt;</w:t>
            </w:r>
          </w:p>
          <w:p w:rsidR="00A35FED" w:rsidRDefault="00A35FED" w:rsidP="00A35FED">
            <w:r>
              <w:t xml:space="preserve">                            &lt;span&gt;Add To My List&lt;/span&gt;</w:t>
            </w:r>
          </w:p>
          <w:p w:rsidR="00A35FED" w:rsidRDefault="00A35FED" w:rsidP="00A35FED">
            <w:r>
              <w:t xml:space="preserve">                        &lt;/a&gt;</w:t>
            </w:r>
          </w:p>
          <w:p w:rsidR="00A35FED" w:rsidRDefault="00A35FED" w:rsidP="00A35FED">
            <w:r>
              <w:t xml:space="preserve">                        &lt;div class="text-center"&gt;</w:t>
            </w:r>
          </w:p>
          <w:p w:rsidR="00A35FED" w:rsidRDefault="00A35FED" w:rsidP="00A35FED">
            <w:r>
              <w:t xml:space="preserve">                            &lt;small&gt;Interest only, Contact later.&lt;/small&gt;</w:t>
            </w:r>
          </w:p>
          <w:p w:rsidR="00A35FED" w:rsidRDefault="00A35FED" w:rsidP="00A35FED">
            <w:r>
              <w:t xml:space="preserve">                        &lt;/div&gt;</w:t>
            </w:r>
          </w:p>
          <w:p w:rsidR="00A35FED" w:rsidRDefault="00A35FED" w:rsidP="00A35FED">
            <w:r>
              <w:t xml:space="preserve">                    &lt;/div&gt;--&gt;</w:t>
            </w:r>
          </w:p>
          <w:p w:rsidR="00A35FED" w:rsidRDefault="00A35FED" w:rsidP="00A35FED">
            <w:r>
              <w:t xml:space="preserve">                    &lt;div class="box_detail" id="divLogin" style="display: none;"&gt;</w:t>
            </w:r>
          </w:p>
          <w:p w:rsidR="00A35FED" w:rsidRDefault="00A35FED" w:rsidP="00A35FED">
            <w:r>
              <w:lastRenderedPageBreak/>
              <w:t xml:space="preserve">                        &lt;div class="price"&gt;</w:t>
            </w:r>
          </w:p>
          <w:p w:rsidR="00A35FED" w:rsidRDefault="00A35FED" w:rsidP="00A35FED">
            <w:r>
              <w:t xml:space="preserve">                            &lt;h5 class="d-inline"&gt;</w:t>
            </w:r>
          </w:p>
          <w:p w:rsidR="00A35FED" w:rsidRDefault="00A35FED" w:rsidP="00A35FED">
            <w:r>
              <w:t xml:space="preserve">                                Login</w:t>
            </w:r>
          </w:p>
          <w:p w:rsidR="00A35FED" w:rsidRDefault="00A35FED" w:rsidP="00A35FED">
            <w:r>
              <w:t xml:space="preserve">                                &lt;div class="float-right"&gt;</w:t>
            </w:r>
          </w:p>
          <w:p w:rsidR="00A35FED" w:rsidRDefault="00A35FED" w:rsidP="00A35FED">
            <w:r>
              <w:t xml:space="preserve">                                                                    &lt;/div&gt;</w:t>
            </w:r>
          </w:p>
          <w:p w:rsidR="00A35FED" w:rsidRDefault="00A35FED" w:rsidP="00A35FED">
            <w:r>
              <w:t xml:space="preserve">                            &lt;/h5&gt;</w:t>
            </w:r>
          </w:p>
          <w:p w:rsidR="00A35FED" w:rsidRDefault="00A35FED" w:rsidP="00A35FED">
            <w:r>
              <w:t xml:space="preserve">                        &lt;/div&gt;</w:t>
            </w:r>
          </w:p>
          <w:p w:rsidR="00A35FED" w:rsidRDefault="00A35FED" w:rsidP="00A35FED">
            <w:r>
              <w:t xml:space="preserve">                        &lt;form id="frmLogin" method="POST" action=""</w:t>
            </w:r>
          </w:p>
          <w:p w:rsidR="00A35FED" w:rsidRDefault="00A35FED" w:rsidP="00A35FED">
            <w:r>
              <w:t xml:space="preserve">                      data-toggle="validator"&gt;</w:t>
            </w:r>
          </w:p>
          <w:p w:rsidR="00A35FED" w:rsidRDefault="00A35FED" w:rsidP="00A35FED">
            <w:r>
              <w:t xml:space="preserve">                    &lt;input type="hidden" name="_token" value="dgqJnlX1u9TY9MEkfnEcAOPCkhA13RV7pHlBGUUg"&gt;    </w:t>
            </w:r>
          </w:p>
          <w:p w:rsidR="00A35FED" w:rsidRDefault="00A35FED" w:rsidP="00A35FED">
            <w:r>
              <w:t xml:space="preserve">                            &lt;div class="row"&gt;</w:t>
            </w:r>
          </w:p>
          <w:p w:rsidR="00A35FED" w:rsidRDefault="00A35FED" w:rsidP="00A35FED">
            <w:r>
              <w:t xml:space="preserve">                                &lt;div class="col-lg-12 col-md-12"&gt;</w:t>
            </w:r>
          </w:p>
          <w:p w:rsidR="00A35FED" w:rsidRDefault="00A35FED" w:rsidP="00A35FED">
            <w:r>
              <w:t xml:space="preserve">                                    &lt;p class="card-text mb-3"&gt;</w:t>
            </w:r>
          </w:p>
          <w:p w:rsidR="00A35FED" w:rsidRDefault="00A35FED" w:rsidP="00A35FED">
            <w:r>
              <w:t xml:space="preserve">                                        You are not logged in.</w:t>
            </w:r>
          </w:p>
          <w:p w:rsidR="00A35FED" w:rsidRDefault="00A35FED" w:rsidP="00A35FED">
            <w:r>
              <w:t xml:space="preserve">                                                        Please login to get the contact details.</w:t>
            </w:r>
          </w:p>
          <w:p w:rsidR="00A35FED" w:rsidRDefault="00A35FED" w:rsidP="00A35FED">
            <w:r>
              <w:t xml:space="preserve">                                                    &lt;/p&gt;</w:t>
            </w:r>
          </w:p>
          <w:p w:rsidR="00A35FED" w:rsidRDefault="00A35FED" w:rsidP="00A35FED">
            <w:r>
              <w:t xml:space="preserve">                                    </w:t>
            </w:r>
          </w:p>
          <w:p w:rsidR="00A35FED" w:rsidRDefault="00A35FED" w:rsidP="00A35FED">
            <w:r>
              <w:t xml:space="preserve">                                    &lt;div class="form-group "&gt;</w:t>
            </w:r>
          </w:p>
          <w:p w:rsidR="00A35FED" w:rsidRDefault="00A35FED" w:rsidP="00A35FED">
            <w:r>
              <w:t xml:space="preserve">                                        &lt;div class="controls mb-1"&gt;</w:t>
            </w:r>
          </w:p>
          <w:p w:rsidR="00A35FED" w:rsidRDefault="00A35FED" w:rsidP="00A35FED">
            <w:r>
              <w:t xml:space="preserve">                                            &lt;input type="email" class="form-control" id="txtRegisterEmail" required</w:t>
            </w:r>
          </w:p>
          <w:p w:rsidR="00A35FED" w:rsidRDefault="00A35FED" w:rsidP="00A35FED">
            <w:r>
              <w:t xml:space="preserve">                                                   placeholder="Your Registered Email" name="email" value=""</w:t>
            </w:r>
          </w:p>
          <w:p w:rsidR="00A35FED" w:rsidRDefault="00A35FED" w:rsidP="00A35FED">
            <w:r>
              <w:t xml:space="preserve">                                                   data-error="Please enter your email."/&gt;</w:t>
            </w:r>
          </w:p>
          <w:p w:rsidR="00A35FED" w:rsidRDefault="00A35FED" w:rsidP="00A35FED">
            <w:r>
              <w:t xml:space="preserve">                                            &lt;div class="help-block"&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lt;div class="form-group "&gt;</w:t>
            </w:r>
          </w:p>
          <w:p w:rsidR="00A35FED" w:rsidRDefault="00A35FED" w:rsidP="00A35FED">
            <w:r>
              <w:t xml:space="preserve">                                        &lt;div class="controls mb-1"&gt;</w:t>
            </w:r>
          </w:p>
          <w:p w:rsidR="00A35FED" w:rsidRDefault="00A35FED" w:rsidP="00A35FED">
            <w:r>
              <w:t xml:space="preserve">                                            &lt;input type="password" class="form-control" required</w:t>
            </w:r>
          </w:p>
          <w:p w:rsidR="00A35FED" w:rsidRDefault="00A35FED" w:rsidP="00A35FED">
            <w:r>
              <w:t xml:space="preserve">                                                   placeholder="Password" name="password"</w:t>
            </w:r>
          </w:p>
          <w:p w:rsidR="00A35FED" w:rsidRDefault="00A35FED" w:rsidP="00A35FED">
            <w:r>
              <w:t xml:space="preserve">                                                   data-error="Please enter a valid password."/&gt;</w:t>
            </w:r>
          </w:p>
          <w:p w:rsidR="00A35FED" w:rsidRDefault="00A35FED" w:rsidP="00A35FED">
            <w:r>
              <w:t xml:space="preserve">                                            &lt;i class="far fa-eye togglePassword"&gt;&lt;/i&gt;</w:t>
            </w:r>
          </w:p>
          <w:p w:rsidR="00A35FED" w:rsidRDefault="00A35FED" w:rsidP="00A35FED">
            <w:r>
              <w:t xml:space="preserve">                                            &lt;div class="help-block"&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d-flex justify-content-between mt-2"&gt;</w:t>
            </w:r>
          </w:p>
          <w:p w:rsidR="00A35FED" w:rsidRDefault="00A35FED" w:rsidP="00A35FED">
            <w:r>
              <w:t xml:space="preserve">                                        &lt;div class="remember-me"&gt;</w:t>
            </w:r>
          </w:p>
          <w:p w:rsidR="00A35FED" w:rsidRDefault="00A35FED" w:rsidP="00A35FED">
            <w:r>
              <w:t xml:space="preserve">                                            &lt;div class="custom-control custom-checkbox custom-control-inline mb-3"&gt;</w:t>
            </w:r>
          </w:p>
          <w:p w:rsidR="00A35FED" w:rsidRDefault="00A35FED" w:rsidP="00A35FED">
            <w:r>
              <w:t xml:space="preserve">                                                &lt;input type="checkbox" id="chkRemember" name="remember"</w:t>
            </w:r>
          </w:p>
          <w:p w:rsidR="00A35FED" w:rsidRDefault="00A35FED" w:rsidP="00A35FED">
            <w:r>
              <w:t xml:space="preserve">                                                       class="custom-control-input"  /&gt;</w:t>
            </w:r>
          </w:p>
          <w:p w:rsidR="00A35FED" w:rsidRDefault="00A35FED" w:rsidP="00A35FED">
            <w:r>
              <w:t xml:space="preserve">                                                &lt;label class="custom-control-label" for="chkRemember"&gt;</w:t>
            </w:r>
          </w:p>
          <w:p w:rsidR="00A35FED" w:rsidRDefault="00A35FED" w:rsidP="00A35FED">
            <w:r>
              <w:t xml:space="preserve">                                                    Remember Me</w:t>
            </w:r>
          </w:p>
          <w:p w:rsidR="00A35FED" w:rsidRDefault="00A35FED" w:rsidP="00A35FED">
            <w:r>
              <w:t xml:space="preserve">                                                &lt;/label&gt;</w:t>
            </w:r>
          </w:p>
          <w:p w:rsidR="00A35FED" w:rsidRDefault="00A35FED" w:rsidP="00A35FED">
            <w:r>
              <w:t xml:space="preserve">                                            &lt;/div&gt;</w:t>
            </w:r>
          </w:p>
          <w:p w:rsidR="00A35FED" w:rsidRDefault="00A35FED" w:rsidP="00A35FED">
            <w:r>
              <w:t xml:space="preserve">                                        &lt;/div&gt;</w:t>
            </w:r>
          </w:p>
          <w:p w:rsidR="00A35FED" w:rsidRDefault="00A35FED" w:rsidP="00A35FED">
            <w:r>
              <w:lastRenderedPageBreak/>
              <w:t xml:space="preserve">                                        &lt;div class="forgot-password-option"&gt;</w:t>
            </w:r>
          </w:p>
          <w:p w:rsidR="00A35FED" w:rsidRDefault="00A35FED" w:rsidP="00A35FED">
            <w:r>
              <w:t xml:space="preserve">                                            &lt;a href="https://accounts.reachseniors.com/password-forgot/" class="text-decoration-none text-primary"&gt;</w:t>
            </w:r>
          </w:p>
          <w:p w:rsidR="00A35FED" w:rsidRDefault="00A35FED" w:rsidP="00A35FED">
            <w:r>
              <w:t xml:space="preserve">                                                Forgot Password?</w:t>
            </w:r>
          </w:p>
          <w:p w:rsidR="00A35FED" w:rsidRDefault="00A35FED" w:rsidP="00A35FED">
            <w:r>
              <w:t xml:space="preserve">                                            &lt;/a&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form-group d-flex justify-content-between"&gt;</w:t>
            </w:r>
          </w:p>
          <w:p w:rsidR="00A35FED" w:rsidRDefault="00A35FED" w:rsidP="00A35FED">
            <w:r>
              <w:t xml:space="preserve">                                        &lt;button class="btn btn-success btn-block btn_1"&gt;</w:t>
            </w:r>
          </w:p>
          <w:p w:rsidR="00A35FED" w:rsidRDefault="00A35FED" w:rsidP="00A35FED">
            <w:r>
              <w:t xml:space="preserve">                                            Login</w:t>
            </w:r>
          </w:p>
          <w:p w:rsidR="00A35FED" w:rsidRDefault="00A35FED" w:rsidP="00A35FED">
            <w:r>
              <w:t xml:space="preserve">                                        &lt;/button&gt;</w:t>
            </w:r>
          </w:p>
          <w:p w:rsidR="00A35FED" w:rsidRDefault="00A35FED" w:rsidP="00A35FED">
            <w:r>
              <w:t xml:space="preserve">                                    &lt;/div&gt;</w:t>
            </w:r>
          </w:p>
          <w:p w:rsidR="00A35FED" w:rsidRDefault="00A35FED" w:rsidP="00A35FED">
            <w:r>
              <w:t xml:space="preserve">                                    &lt;hr class="m-0"&gt;</w:t>
            </w:r>
          </w:p>
          <w:p w:rsidR="00A35FED" w:rsidRDefault="00A35FED" w:rsidP="00A35FED">
            <w:r>
              <w:t xml:space="preserve">                                    &lt;div class="d-flex justify-content-between mt-3"&gt;</w:t>
            </w:r>
          </w:p>
          <w:p w:rsidR="00A35FED" w:rsidRDefault="00A35FED" w:rsidP="00A35FED">
            <w:r>
              <w:t xml:space="preserve">                                        &lt;div class="option-login"&gt;</w:t>
            </w:r>
          </w:p>
          <w:p w:rsidR="00A35FED" w:rsidRDefault="00A35FED" w:rsidP="00A35FED">
            <w:r>
              <w:t xml:space="preserve">                                            &lt;h6 class="text-decoration-none text-primary mt-2"&gt;Or Login With&lt;/h6&gt;</w:t>
            </w:r>
          </w:p>
          <w:p w:rsidR="00A35FED" w:rsidRDefault="00A35FED" w:rsidP="00A35FED">
            <w:r>
              <w:t xml:space="preserve">                                        &lt;/div&gt;</w:t>
            </w:r>
          </w:p>
          <w:p w:rsidR="00A35FED" w:rsidRDefault="00A35FED" w:rsidP="00A35FED">
            <w:r>
              <w:t xml:space="preserve">                                        &lt;div class="float-right"&gt;</w:t>
            </w:r>
          </w:p>
          <w:p w:rsidR="00A35FED" w:rsidRDefault="00A35FED" w:rsidP="00A35FED">
            <w:r>
              <w:t xml:space="preserve">                                            &lt;a href=""</w:t>
            </w:r>
          </w:p>
          <w:p w:rsidR="00A35FED" w:rsidRDefault="00A35FED" w:rsidP="00A35FED">
            <w:r>
              <w:t xml:space="preserve">                                               class="google social_btn"&gt;</w:t>
            </w:r>
          </w:p>
          <w:p w:rsidR="00A35FED" w:rsidRDefault="00A35FED" w:rsidP="00A35FED">
            <w:r>
              <w:t xml:space="preserve">                                                &lt;span class="fab fa-google"&gt;&lt;/span&gt;</w:t>
            </w:r>
          </w:p>
          <w:p w:rsidR="00A35FED" w:rsidRDefault="00A35FED" w:rsidP="00A35FED">
            <w:r>
              <w:t xml:space="preserve">                                            &lt;/a&gt;</w:t>
            </w:r>
          </w:p>
          <w:p w:rsidR="00A35FED" w:rsidRDefault="00A35FED" w:rsidP="00A35FED">
            <w:r>
              <w:t xml:space="preserve">                                            &lt;a href=""  class="facebook social_btn"&gt;</w:t>
            </w:r>
          </w:p>
          <w:p w:rsidR="00A35FED" w:rsidRDefault="00A35FED" w:rsidP="00A35FED">
            <w:r>
              <w:t xml:space="preserve">                                                &lt;span class="fab fa-facebook"&gt;&lt;/span&gt;</w:t>
            </w:r>
          </w:p>
          <w:p w:rsidR="00A35FED" w:rsidRDefault="00A35FED" w:rsidP="00A35FED">
            <w:r>
              <w:t xml:space="preserve">                                            &lt;/a&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lt;/div&gt;</w:t>
            </w:r>
          </w:p>
          <w:p w:rsidR="00A35FED" w:rsidRDefault="00A35FED" w:rsidP="00A35FED">
            <w:r>
              <w:t xml:space="preserve">                            &lt;/div&gt;</w:t>
            </w:r>
          </w:p>
          <w:p w:rsidR="00A35FED" w:rsidRDefault="00A35FED" w:rsidP="00A35FED">
            <w:r>
              <w:t xml:space="preserve">                        &lt;/form&gt;</w:t>
            </w:r>
          </w:p>
          <w:p w:rsidR="00A35FED" w:rsidRDefault="00A35FED" w:rsidP="00A35FED">
            <w:r>
              <w:t>&lt;script type="text/javascript"&gt;</w:t>
            </w:r>
          </w:p>
          <w:p w:rsidR="00A35FED" w:rsidRDefault="00A35FED" w:rsidP="00A35FED">
            <w:r>
              <w:t xml:space="preserve">    $(document).ready(function () {</w:t>
            </w:r>
          </w:p>
          <w:p w:rsidR="00A35FED" w:rsidRDefault="00A35FED" w:rsidP="00A35FED">
            <w:r>
              <w:t xml:space="preserve">        $("#frmLogin").validator();</w:t>
            </w:r>
          </w:p>
          <w:p w:rsidR="00A35FED" w:rsidRDefault="00A35FED" w:rsidP="00A35FED">
            <w:r>
              <w:t xml:space="preserve">    });</w:t>
            </w:r>
          </w:p>
          <w:p w:rsidR="00A35FED" w:rsidRDefault="00A35FED" w:rsidP="00A35FED">
            <w:r>
              <w:t>&lt;/script&gt;</w:t>
            </w:r>
          </w:p>
          <w:p w:rsidR="00A35FED" w:rsidRDefault="00A35FED" w:rsidP="00A35FED"/>
          <w:p w:rsidR="00A35FED" w:rsidRDefault="00A35FED" w:rsidP="00A35FED">
            <w:r>
              <w:t xml:space="preserve">                         &lt;p class="card-text mb-3 mt-2"&gt;</w:t>
            </w:r>
          </w:p>
          <w:p w:rsidR="00A35FED" w:rsidRDefault="00A35FED" w:rsidP="00A35FED">
            <w:r>
              <w:t xml:space="preserve">                            Don't have an account? Verify your email account to get contact details, It's very simple.</w:t>
            </w:r>
          </w:p>
          <w:p w:rsidR="00A35FED" w:rsidRDefault="00A35FED" w:rsidP="00A35FED">
            <w:r>
              <w:t xml:space="preserve">                        &lt;/p&gt;</w:t>
            </w:r>
          </w:p>
          <w:p w:rsidR="00A35FED" w:rsidRDefault="00A35FED" w:rsidP="00A35FED">
            <w:r>
              <w:t xml:space="preserve">                        &lt;a id="myBtn5" class="btn_1 btn btn-primary btn-block btnToggleWidget"</w:t>
            </w:r>
          </w:p>
          <w:p w:rsidR="00A35FED" w:rsidRDefault="00A35FED" w:rsidP="00A35FED">
            <w:r>
              <w:t xml:space="preserve">                                data-href="#divRegister" data-target="#divLogin"&gt;</w:t>
            </w:r>
          </w:p>
          <w:p w:rsidR="00A35FED" w:rsidRDefault="00A35FED" w:rsidP="00A35FED">
            <w:r>
              <w:t xml:space="preserve">                            Verify your email</w:t>
            </w:r>
          </w:p>
          <w:p w:rsidR="00A35FED" w:rsidRDefault="00A35FED" w:rsidP="00A35FED">
            <w:r>
              <w:t xml:space="preserve">                        &lt;/a&gt;</w:t>
            </w:r>
          </w:p>
          <w:p w:rsidR="00A35FED" w:rsidRDefault="00A35FED" w:rsidP="00A35FED">
            <w:r>
              <w:t xml:space="preserve">                    &lt;/div&gt;</w:t>
            </w:r>
          </w:p>
          <w:p w:rsidR="00A35FED" w:rsidRDefault="00A35FED" w:rsidP="00A35FED">
            <w:r>
              <w:t xml:space="preserve">                    &lt;div class="box_detail" id="divRegister" style="display: none;"&gt;</w:t>
            </w:r>
          </w:p>
          <w:p w:rsidR="00A35FED" w:rsidRDefault="00A35FED" w:rsidP="00A35FED">
            <w:r>
              <w:t xml:space="preserve">                        &lt;div class="price"&gt;</w:t>
            </w:r>
          </w:p>
          <w:p w:rsidR="00A35FED" w:rsidRDefault="00A35FED" w:rsidP="00A35FED">
            <w:r>
              <w:t xml:space="preserve">                            &lt;h5 class="d-inline"&gt;</w:t>
            </w:r>
          </w:p>
          <w:p w:rsidR="00A35FED" w:rsidRDefault="00A35FED" w:rsidP="00A35FED">
            <w:r>
              <w:lastRenderedPageBreak/>
              <w:t xml:space="preserve">                                Register</w:t>
            </w:r>
          </w:p>
          <w:p w:rsidR="00A35FED" w:rsidRDefault="00A35FED" w:rsidP="00A35FED">
            <w:r>
              <w:t xml:space="preserve">                                &lt;div class="float-right"&gt;</w:t>
            </w:r>
          </w:p>
          <w:p w:rsidR="00A35FED" w:rsidRDefault="00A35FED" w:rsidP="00A35FED">
            <w:r>
              <w:t xml:space="preserve">                                                                    &lt;/div&gt;</w:t>
            </w:r>
          </w:p>
          <w:p w:rsidR="00A35FED" w:rsidRDefault="00A35FED" w:rsidP="00A35FED">
            <w:r>
              <w:t xml:space="preserve">                            &lt;/h5&gt;</w:t>
            </w:r>
          </w:p>
          <w:p w:rsidR="00A35FED" w:rsidRDefault="00A35FED" w:rsidP="00A35FED">
            <w:r>
              <w:t xml:space="preserve">                        &lt;/div&gt;</w:t>
            </w:r>
          </w:p>
          <w:p w:rsidR="00A35FED" w:rsidRDefault="00A35FED" w:rsidP="00A35FED">
            <w:r>
              <w:t xml:space="preserve">                        &lt;!--&lt;form id="frmRegister" method="POST" action="https://accounts.reachseniors.com/register?client_id=bf73fc8a-6f1b-484c-8482-140d525e5870&amp;amp;redirect_uri=https%3A%2F%2Fseniorplacefinder.com%2Fresidence%2Felite-elder-living"</w:t>
            </w:r>
          </w:p>
          <w:p w:rsidR="00A35FED" w:rsidRDefault="00A35FED" w:rsidP="00A35FED">
            <w:r>
              <w:t xml:space="preserve">      data-toggle="validator"&gt;</w:t>
            </w:r>
          </w:p>
          <w:p w:rsidR="00A35FED" w:rsidRDefault="00A35FED" w:rsidP="00A35FED">
            <w:r>
              <w:t xml:space="preserve">    &lt;input type="hidden" name="_token" value="dgqJnlX1u9TY9MEkfnEcAOPCkhA13RV7pHlBGUUg"&gt;    &lt;div class="row"&gt;</w:t>
            </w:r>
          </w:p>
          <w:p w:rsidR="00A35FED" w:rsidRDefault="00A35FED" w:rsidP="00A35FED">
            <w:r>
              <w:t xml:space="preserve">        &lt;div class="col-lg-12 col-md-12"&gt;</w:t>
            </w:r>
          </w:p>
          <w:p w:rsidR="00A35FED" w:rsidRDefault="00A35FED" w:rsidP="00A35FED">
            <w:r>
              <w:t xml:space="preserve">            &lt;p class="card-text mb-3"&gt;</w:t>
            </w:r>
          </w:p>
          <w:p w:rsidR="00A35FED" w:rsidRDefault="00A35FED" w:rsidP="00A35FED">
            <w:r>
              <w:t xml:space="preserve">                Fill the below form to create a new account.</w:t>
            </w:r>
          </w:p>
          <w:p w:rsidR="00A35FED" w:rsidRDefault="00A35FED" w:rsidP="00A35FED">
            <w:r>
              <w:t xml:space="preserve">            &lt;/p&gt;</w:t>
            </w:r>
          </w:p>
          <w:p w:rsidR="00A35FED" w:rsidRDefault="00A35FED" w:rsidP="00A35FED">
            <w:r>
              <w:t xml:space="preserve">            &lt;div id="divError"&gt;&lt;/div&gt;</w:t>
            </w:r>
          </w:p>
          <w:p w:rsidR="00A35FED" w:rsidRDefault="00A35FED" w:rsidP="00A35FED">
            <w:r>
              <w:t xml:space="preserve">            &lt;div class="form-group "&gt;</w:t>
            </w:r>
          </w:p>
          <w:p w:rsidR="00A35FED" w:rsidRDefault="00A35FED" w:rsidP="00A35FED">
            <w:r>
              <w:t xml:space="preserve">                &lt;div class="controls mb-1"&gt;</w:t>
            </w:r>
          </w:p>
          <w:p w:rsidR="00A35FED" w:rsidRDefault="00A35FED" w:rsidP="00A35FED">
            <w:r>
              <w:t xml:space="preserve">                    &lt;input type="text" class="form-control" required</w:t>
            </w:r>
          </w:p>
          <w:p w:rsidR="00A35FED" w:rsidRDefault="00A35FED" w:rsidP="00A35FED">
            <w:r>
              <w:t xml:space="preserve">                           placeholder="Your Name" name="full_name" value=""</w:t>
            </w:r>
          </w:p>
          <w:p w:rsidR="00A35FED" w:rsidRDefault="00A35FED" w:rsidP="00A35FED">
            <w:r>
              <w:t xml:space="preserve">                           data-error="Please enter your full name."/&gt;</w:t>
            </w:r>
          </w:p>
          <w:p w:rsidR="00A35FED" w:rsidRDefault="00A35FED" w:rsidP="00A35FED">
            <w:r>
              <w:t xml:space="preserve">                    &lt;div class="help-block"&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form-group "&gt;</w:t>
            </w:r>
          </w:p>
          <w:p w:rsidR="00A35FED" w:rsidRDefault="00A35FED" w:rsidP="00A35FED">
            <w:r>
              <w:t xml:space="preserve">                &lt;div class="controls mb-1"&gt;</w:t>
            </w:r>
          </w:p>
          <w:p w:rsidR="00A35FED" w:rsidRDefault="00A35FED" w:rsidP="00A35FED">
            <w:r>
              <w:t xml:space="preserve">                    &lt;input type="email" class="form-control" id="txtRegisterPhone" required</w:t>
            </w:r>
          </w:p>
          <w:p w:rsidR="00A35FED" w:rsidRDefault="00A35FED" w:rsidP="00A35FED">
            <w:r>
              <w:t xml:space="preserve">                           placeholder="Your Phone" name="email" value=""</w:t>
            </w:r>
          </w:p>
          <w:p w:rsidR="00A35FED" w:rsidRDefault="00A35FED" w:rsidP="00A35FED">
            <w:r>
              <w:t xml:space="preserve">                           data-error="Please enter your phone number."/&gt;</w:t>
            </w:r>
          </w:p>
          <w:p w:rsidR="00A35FED" w:rsidRDefault="00A35FED" w:rsidP="00A35FED">
            <w:r>
              <w:t xml:space="preserve">                    &lt;div class="help-block"&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lt;div class="form-group "&gt;</w:t>
            </w:r>
          </w:p>
          <w:p w:rsidR="00A35FED" w:rsidRDefault="00A35FED" w:rsidP="00A35FED">
            <w:r>
              <w:t xml:space="preserve">                &lt;div class="controls mb-1"&gt;</w:t>
            </w:r>
          </w:p>
          <w:p w:rsidR="00A35FED" w:rsidRDefault="00A35FED" w:rsidP="00A35FED">
            <w:r>
              <w:t xml:space="preserve">                    &lt;input type="email" class="form-control" id="txtRegisterEmail" required</w:t>
            </w:r>
          </w:p>
          <w:p w:rsidR="00A35FED" w:rsidRDefault="00A35FED" w:rsidP="00A35FED">
            <w:r>
              <w:t xml:space="preserve">                           placeholder="Your Email" name="email" value=""</w:t>
            </w:r>
          </w:p>
          <w:p w:rsidR="00A35FED" w:rsidRDefault="00A35FED" w:rsidP="00A35FED">
            <w:r>
              <w:t xml:space="preserve">                           data-error="Please enter your email."/&gt;</w:t>
            </w:r>
          </w:p>
          <w:p w:rsidR="00A35FED" w:rsidRDefault="00A35FED" w:rsidP="00A35FED">
            <w:r>
              <w:t xml:space="preserve">                    &lt;div class="help-block"&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lt;div class="form-group "&gt;</w:t>
            </w:r>
          </w:p>
          <w:p w:rsidR="00A35FED" w:rsidRDefault="00A35FED" w:rsidP="00A35FED">
            <w:r>
              <w:t xml:space="preserve">                &lt;div class="controls mb-1"&gt;</w:t>
            </w:r>
          </w:p>
          <w:p w:rsidR="00A35FED" w:rsidRDefault="00A35FED" w:rsidP="00A35FED">
            <w:r>
              <w:lastRenderedPageBreak/>
              <w:t xml:space="preserve">                    &lt;input type="password" class="form-control" id="txtPassword" required autocomplete="new-password"</w:t>
            </w:r>
          </w:p>
          <w:p w:rsidR="00A35FED" w:rsidRDefault="00A35FED" w:rsidP="00A35FED">
            <w:r>
              <w:t xml:space="preserve">                           placeholder="Password" name="password"</w:t>
            </w:r>
          </w:p>
          <w:p w:rsidR="00A35FED" w:rsidRDefault="00A35FED" w:rsidP="00A35FED">
            <w:r>
              <w:t xml:space="preserve">                           data-minlength="8"</w:t>
            </w:r>
          </w:p>
          <w:p w:rsidR="00A35FED" w:rsidRDefault="00A35FED" w:rsidP="00A35FED">
            <w:r>
              <w:t xml:space="preserve">                           data-error="Please enter a strong password."/&gt;</w:t>
            </w:r>
          </w:p>
          <w:p w:rsidR="00A35FED" w:rsidRDefault="00A35FED" w:rsidP="00A35FED">
            <w:r>
              <w:t xml:space="preserve">                    &lt;i class="far fa-eye togglePassword"&gt;&lt;/i&gt;</w:t>
            </w:r>
          </w:p>
          <w:p w:rsidR="00A35FED" w:rsidRDefault="00A35FED" w:rsidP="00A35FED">
            <w:r>
              <w:t xml:space="preserve">                    &lt;div class="note text-muted"&gt;</w:t>
            </w:r>
          </w:p>
          <w:p w:rsidR="00A35FED" w:rsidRDefault="00A35FED" w:rsidP="00A35FED">
            <w:r>
              <w:t xml:space="preserve">                        &lt;small data-toggle="tooltip"</w:t>
            </w:r>
          </w:p>
          <w:p w:rsidR="00A35FED" w:rsidRDefault="00A35FED" w:rsidP="00A35FED">
            <w:r>
              <w:t xml:space="preserve">                               title="At-least 1 capital letter, a number and a special character (!$#@%)."&gt;</w:t>
            </w:r>
          </w:p>
          <w:p w:rsidR="00A35FED" w:rsidRDefault="00A35FED" w:rsidP="00A35FED">
            <w:r>
              <w:t xml:space="preserve">                            &lt;b&gt;</w:t>
            </w:r>
          </w:p>
          <w:p w:rsidR="00A35FED" w:rsidRDefault="00A35FED" w:rsidP="00A35FED">
            <w:r>
              <w:t xml:space="preserve">                                &lt;i class="fas fa-info-circle text-primary mr-1"&gt;&lt;/i&gt;</w:t>
            </w:r>
          </w:p>
          <w:p w:rsidR="00A35FED" w:rsidRDefault="00A35FED" w:rsidP="00A35FED">
            <w:r>
              <w:t xml:space="preserve">                                1 capital letter, a number &amp; a character (!$#@%)</w:t>
            </w:r>
          </w:p>
          <w:p w:rsidR="00A35FED" w:rsidRDefault="00A35FED" w:rsidP="00A35FED">
            <w:r>
              <w:t xml:space="preserve">                            &lt;/b&gt;</w:t>
            </w:r>
          </w:p>
          <w:p w:rsidR="00A35FED" w:rsidRDefault="00A35FED" w:rsidP="00A35FED">
            <w:r>
              <w:t xml:space="preserve">                        &lt;/small&gt;</w:t>
            </w:r>
          </w:p>
          <w:p w:rsidR="00A35FED" w:rsidRDefault="00A35FED" w:rsidP="00A35FED">
            <w:r>
              <w:t xml:space="preserve">                    &lt;/div&gt;</w:t>
            </w:r>
          </w:p>
          <w:p w:rsidR="00A35FED" w:rsidRDefault="00A35FED" w:rsidP="00A35FED">
            <w:r>
              <w:t xml:space="preserve">                    &lt;div class="help-block"&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form-group "&gt;</w:t>
            </w:r>
          </w:p>
          <w:p w:rsidR="00A35FED" w:rsidRDefault="00A35FED" w:rsidP="00A35FED">
            <w:r>
              <w:t xml:space="preserve">                &lt;div class="controls mb-1"&gt;</w:t>
            </w:r>
          </w:p>
          <w:p w:rsidR="00A35FED" w:rsidRDefault="00A35FED" w:rsidP="00A35FED">
            <w:r>
              <w:t xml:space="preserve">                    &lt;input type="password" class="form-control" required autocomplete="new-password"</w:t>
            </w:r>
          </w:p>
          <w:p w:rsidR="00A35FED" w:rsidRDefault="00A35FED" w:rsidP="00A35FED">
            <w:r>
              <w:t xml:space="preserve">                           placeholder="Confirm Password" name="password_confirmation"</w:t>
            </w:r>
          </w:p>
          <w:p w:rsidR="00A35FED" w:rsidRDefault="00A35FED" w:rsidP="00A35FED">
            <w:r>
              <w:t xml:space="preserve">                           data-match="#txtPassword"</w:t>
            </w:r>
          </w:p>
          <w:p w:rsidR="00A35FED" w:rsidRDefault="00A35FED" w:rsidP="00A35FED">
            <w:r>
              <w:t xml:space="preserve">                           data-error="Please re-enter the password."</w:t>
            </w:r>
          </w:p>
          <w:p w:rsidR="00A35FED" w:rsidRDefault="00A35FED" w:rsidP="00A35FED">
            <w:r>
              <w:t xml:space="preserve">                           data-match-error="Both passwords must match."/&gt;</w:t>
            </w:r>
          </w:p>
          <w:p w:rsidR="00A35FED" w:rsidRDefault="00A35FED" w:rsidP="00A35FED">
            <w:r>
              <w:t xml:space="preserve">                    &lt;i class="far fa-eye togglePassword"&gt;&lt;/i&gt;</w:t>
            </w:r>
          </w:p>
          <w:p w:rsidR="00A35FED" w:rsidRDefault="00A35FED" w:rsidP="00A35FED">
            <w:r>
              <w:t xml:space="preserve">                    &lt;div class="help-block"&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input type="hidden" name="role"</w:t>
            </w:r>
          </w:p>
          <w:p w:rsidR="00A35FED" w:rsidRDefault="00A35FED" w:rsidP="00A35FED">
            <w:r>
              <w:t xml:space="preserve">                   value="Client"/&gt;</w:t>
            </w:r>
          </w:p>
          <w:p w:rsidR="00A35FED" w:rsidRDefault="00A35FED" w:rsidP="00A35FED">
            <w:r>
              <w:t xml:space="preserve">            &lt;div class="form-group "&gt;</w:t>
            </w:r>
          </w:p>
          <w:p w:rsidR="00A35FED" w:rsidRDefault="00A35FED" w:rsidP="00A35FED">
            <w:r>
              <w:t xml:space="preserve">                &lt;div class="controls mb-1"&gt;</w:t>
            </w:r>
          </w:p>
          <w:p w:rsidR="00A35FED" w:rsidRDefault="00A35FED" w:rsidP="00A35FED">
            <w:r>
              <w:t xml:space="preserve">                    &lt;div class="custom-control custom-checkbox custom-control-inline"&gt;</w:t>
            </w:r>
          </w:p>
          <w:p w:rsidR="00A35FED" w:rsidRDefault="00A35FED" w:rsidP="00A35FED">
            <w:r>
              <w:t xml:space="preserve">                        &lt;input type="checkbox" id="chkTerms" required</w:t>
            </w:r>
          </w:p>
          <w:p w:rsidR="00A35FED" w:rsidRDefault="00A35FED" w:rsidP="00A35FED">
            <w:r>
              <w:t xml:space="preserve">                               name="terms" class="custom-control-input"</w:t>
            </w:r>
          </w:p>
          <w:p w:rsidR="00A35FED" w:rsidRDefault="00A35FED" w:rsidP="00A35FED">
            <w:r>
              <w:t xml:space="preserve">                               data-error="You must agree to the terms and conditions"/&gt;</w:t>
            </w:r>
          </w:p>
          <w:p w:rsidR="00A35FED" w:rsidRDefault="00A35FED" w:rsidP="00A35FED">
            <w:r>
              <w:t xml:space="preserve">                        &lt;label class="custom-control-label" for="chkTerms"&gt;</w:t>
            </w:r>
          </w:p>
          <w:p w:rsidR="00A35FED" w:rsidRDefault="00A35FED" w:rsidP="00A35FED">
            <w:r>
              <w:t xml:space="preserve">                            I accept the</w:t>
            </w:r>
          </w:p>
          <w:p w:rsidR="00A35FED" w:rsidRDefault="00A35FED" w:rsidP="00A35FED">
            <w:r>
              <w:t xml:space="preserve">                            &lt;a href="https://theseniorteam.net/contact" target="_blank"</w:t>
            </w:r>
          </w:p>
          <w:p w:rsidR="00A35FED" w:rsidRDefault="00A35FED" w:rsidP="00A35FED">
            <w:r>
              <w:t xml:space="preserve">                               title="Read our Terms &amp; Conditions" data-toggle="tooltip"&gt;</w:t>
            </w:r>
          </w:p>
          <w:p w:rsidR="00A35FED" w:rsidRDefault="00A35FED" w:rsidP="00A35FED">
            <w:r>
              <w:t xml:space="preserve">                                terms &amp; conditions</w:t>
            </w:r>
          </w:p>
          <w:p w:rsidR="00A35FED" w:rsidRDefault="00A35FED" w:rsidP="00A35FED">
            <w:r>
              <w:t xml:space="preserve">                            &lt;/a&gt;</w:t>
            </w:r>
          </w:p>
          <w:p w:rsidR="00A35FED" w:rsidRDefault="00A35FED" w:rsidP="00A35FED">
            <w:r>
              <w:t xml:space="preserve">                            .</w:t>
            </w:r>
          </w:p>
          <w:p w:rsidR="00A35FED" w:rsidRDefault="00A35FED" w:rsidP="00A35FED">
            <w:r>
              <w:t xml:space="preserve">                        &lt;/label&gt;</w:t>
            </w:r>
          </w:p>
          <w:p w:rsidR="00A35FED" w:rsidRDefault="00A35FED" w:rsidP="00A35FED">
            <w:r>
              <w:t xml:space="preserve">                    &lt;/div&gt;</w:t>
            </w:r>
          </w:p>
          <w:p w:rsidR="00A35FED" w:rsidRDefault="00A35FED" w:rsidP="00A35FED">
            <w:r>
              <w:lastRenderedPageBreak/>
              <w:t xml:space="preserve">                    &lt;div class="help-block"&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form-group"&gt;</w:t>
            </w:r>
          </w:p>
          <w:p w:rsidR="00A35FED" w:rsidRDefault="00A35FED" w:rsidP="00A35FED">
            <w:r>
              <w:t xml:space="preserve">                                    &lt;div class="g-recaptcha"</w:t>
            </w:r>
          </w:p>
          <w:p w:rsidR="00A35FED" w:rsidRDefault="00A35FED" w:rsidP="00A35FED">
            <w:r>
              <w:t xml:space="preserve">                         data-sitekey="6Le6KHEbAAAAAB57k80vErufc-TOSYT5Oph8NJoT"&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form-group d-flex justify-content-between"&gt;</w:t>
            </w:r>
          </w:p>
          <w:p w:rsidR="00A35FED" w:rsidRDefault="00A35FED" w:rsidP="00A35FED">
            <w:r>
              <w:t xml:space="preserve">                &lt;button type="button" class="btn btn-success btn-block btn_1 btnRegister"&gt;</w:t>
            </w:r>
          </w:p>
          <w:p w:rsidR="00A35FED" w:rsidRDefault="00A35FED" w:rsidP="00A35FED">
            <w:r>
              <w:t xml:space="preserve">                    Register</w:t>
            </w:r>
          </w:p>
          <w:p w:rsidR="00A35FED" w:rsidRDefault="00A35FED" w:rsidP="00A35FED">
            <w:r>
              <w:t xml:space="preserve">                &lt;/button&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lt;/form&gt;--&gt;</w:t>
            </w:r>
          </w:p>
          <w:p w:rsidR="00A35FED" w:rsidRDefault="00A35FED" w:rsidP="00A35FED">
            <w:r>
              <w:t>&lt;!--&lt;script src="www.google.com/recaptcha/api.js"&gt;&lt;/script&gt; --&gt;</w:t>
            </w:r>
          </w:p>
          <w:p w:rsidR="00A35FED" w:rsidRDefault="00A35FED" w:rsidP="00A35FED">
            <w:r>
              <w:t>&lt;!--&lt;script type="text/javascript"&gt;</w:t>
            </w:r>
          </w:p>
          <w:p w:rsidR="00A35FED" w:rsidRDefault="00A35FED" w:rsidP="00A35FED">
            <w:r>
              <w:t xml:space="preserve">    $(document).ready(function () {</w:t>
            </w:r>
          </w:p>
          <w:p w:rsidR="00A35FED" w:rsidRDefault="00A35FED" w:rsidP="00A35FED">
            <w:r>
              <w:t xml:space="preserve">        var formInstance = $("#frmRegister");</w:t>
            </w:r>
          </w:p>
          <w:p w:rsidR="00A35FED" w:rsidRDefault="00A35FED" w:rsidP="00A35FED">
            <w:r>
              <w:t xml:space="preserve">        $(document.body).on("click", ".btnRegister", function (e) {</w:t>
            </w:r>
          </w:p>
          <w:p w:rsidR="00A35FED" w:rsidRDefault="00A35FED" w:rsidP="00A35FED">
            <w:r>
              <w:t xml:space="preserve">            e.preventDefault();</w:t>
            </w:r>
          </w:p>
          <w:p w:rsidR="00A35FED" w:rsidRDefault="00A35FED" w:rsidP="00A35FED">
            <w:r>
              <w:t xml:space="preserve">            var response = grecaptcha.getResponse();</w:t>
            </w:r>
          </w:p>
          <w:p w:rsidR="00A35FED" w:rsidRDefault="00A35FED" w:rsidP="00A35FED">
            <w:r>
              <w:t xml:space="preserve">            if (response.length === 0) {</w:t>
            </w:r>
          </w:p>
          <w:p w:rsidR="00A35FED" w:rsidRDefault="00A35FED" w:rsidP="00A35FED">
            <w:r>
              <w:t xml:space="preserve">                $("#divError").html(`&lt;div class="alert alert-danger"&gt;</w:t>
            </w:r>
          </w:p>
          <w:p w:rsidR="00A35FED" w:rsidRDefault="00A35FED" w:rsidP="00A35FED">
            <w:r>
              <w:t xml:space="preserve">                        &lt;button type="button" class="close" data-dismiss="alert" aria-label="Close"&gt;</w:t>
            </w:r>
          </w:p>
          <w:p w:rsidR="00A35FED" w:rsidRDefault="00A35FED" w:rsidP="00A35FED">
            <w:r>
              <w:t xml:space="preserve">                            &lt;span aria-hidden="true"&gt;&amp;times;&lt;/span&gt;</w:t>
            </w:r>
          </w:p>
          <w:p w:rsidR="00A35FED" w:rsidRDefault="00A35FED" w:rsidP="00A35FED">
            <w:r>
              <w:t xml:space="preserve">                        &lt;/button&gt;</w:t>
            </w:r>
          </w:p>
          <w:p w:rsidR="00A35FED" w:rsidRDefault="00A35FED" w:rsidP="00A35FED">
            <w:r>
              <w:t xml:space="preserve">                        &lt;b&gt;Captcha Failed!!&lt;/b&gt; Please verify that you are a human.</w:t>
            </w:r>
          </w:p>
          <w:p w:rsidR="00A35FED" w:rsidRDefault="00A35FED" w:rsidP="00A35FED">
            <w:r>
              <w:t xml:space="preserve">                    &lt;/div&gt;`).show();</w:t>
            </w:r>
          </w:p>
          <w:p w:rsidR="00A35FED" w:rsidRDefault="00A35FED" w:rsidP="00A35FED">
            <w:r>
              <w:t xml:space="preserve">                return false;</w:t>
            </w:r>
          </w:p>
          <w:p w:rsidR="00A35FED" w:rsidRDefault="00A35FED" w:rsidP="00A35FED">
            <w:r>
              <w:t xml:space="preserve">            } else {</w:t>
            </w:r>
          </w:p>
          <w:p w:rsidR="00A35FED" w:rsidRDefault="00A35FED" w:rsidP="00A35FED">
            <w:r>
              <w:t xml:space="preserve">                formInstance.validator('validate');</w:t>
            </w:r>
          </w:p>
          <w:p w:rsidR="00A35FED" w:rsidRDefault="00A35FED" w:rsidP="00A35FED">
            <w:r>
              <w:t xml:space="preserve">                if (formInstance.find(".error").length === 0) {</w:t>
            </w:r>
          </w:p>
          <w:p w:rsidR="00A35FED" w:rsidRDefault="00A35FED" w:rsidP="00A35FED">
            <w:r>
              <w:t xml:space="preserve">                    loading(1, "Signing up...");</w:t>
            </w:r>
          </w:p>
          <w:p w:rsidR="00A35FED" w:rsidRDefault="00A35FED" w:rsidP="00A35FED">
            <w:r>
              <w:t xml:space="preserve">                    formInstance.submit();</w:t>
            </w:r>
          </w:p>
          <w:p w:rsidR="00A35FED" w:rsidRDefault="00A35FED" w:rsidP="00A35FED">
            <w:r>
              <w:t xml:space="preserve">                } else {</w:t>
            </w:r>
          </w:p>
          <w:p w:rsidR="00A35FED" w:rsidRDefault="00A35FED" w:rsidP="00A35FED">
            <w:r>
              <w:t xml:space="preserve">                    $("#divError").html(`&lt;div class="alert alert-danger"&gt;</w:t>
            </w:r>
          </w:p>
          <w:p w:rsidR="00A35FED" w:rsidRDefault="00A35FED" w:rsidP="00A35FED">
            <w:r>
              <w:t xml:space="preserve">                            &lt;button type="button" class="close" data-dismiss="alert" aria-label="Close"&gt;</w:t>
            </w:r>
          </w:p>
          <w:p w:rsidR="00A35FED" w:rsidRDefault="00A35FED" w:rsidP="00A35FED">
            <w:r>
              <w:t xml:space="preserve">                                &lt;span aria-hidden="true"&gt;&amp;times;&lt;/span&gt;</w:t>
            </w:r>
          </w:p>
          <w:p w:rsidR="00A35FED" w:rsidRDefault="00A35FED" w:rsidP="00A35FED">
            <w:r>
              <w:t xml:space="preserve">                            &lt;/button&gt;</w:t>
            </w:r>
          </w:p>
          <w:p w:rsidR="00A35FED" w:rsidRDefault="00A35FED" w:rsidP="00A35FED">
            <w:r>
              <w:t xml:space="preserve">                            &lt;b&gt;Invalid Details!!&lt;/b&gt; Please fill all the required details.</w:t>
            </w:r>
          </w:p>
          <w:p w:rsidR="00A35FED" w:rsidRDefault="00A35FED" w:rsidP="00A35FED">
            <w:r>
              <w:t xml:space="preserve">                        &lt;/div&gt;`).show();</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window.setTimeout(function () {</w:t>
            </w:r>
          </w:p>
          <w:p w:rsidR="00A35FED" w:rsidRDefault="00A35FED" w:rsidP="00A35FED">
            <w:r>
              <w:lastRenderedPageBreak/>
              <w:t xml:space="preserve">            $(".alert").fadeTo(500, 0).slideUp(500, function () {</w:t>
            </w:r>
          </w:p>
          <w:p w:rsidR="00A35FED" w:rsidRDefault="00A35FED" w:rsidP="00A35FED">
            <w:r>
              <w:t xml:space="preserve">                $(this).remove();</w:t>
            </w:r>
          </w:p>
          <w:p w:rsidR="00A35FED" w:rsidRDefault="00A35FED" w:rsidP="00A35FED">
            <w:r>
              <w:t xml:space="preserve">            });</w:t>
            </w:r>
          </w:p>
          <w:p w:rsidR="00A35FED" w:rsidRDefault="00A35FED" w:rsidP="00A35FED">
            <w:r>
              <w:t xml:space="preserve">        }, 4000);</w:t>
            </w:r>
          </w:p>
          <w:p w:rsidR="00A35FED" w:rsidRDefault="00A35FED" w:rsidP="00A35FED">
            <w:r>
              <w:t xml:space="preserve">        $(document.body).on("blur", "#txtRegisterEmail", function (e) {</w:t>
            </w:r>
          </w:p>
          <w:p w:rsidR="00A35FED" w:rsidRDefault="00A35FED" w:rsidP="00A35FED">
            <w:r>
              <w:t xml:space="preserve">            e.preventDefault();</w:t>
            </w:r>
          </w:p>
          <w:p w:rsidR="00A35FED" w:rsidRDefault="00A35FED" w:rsidP="00A35FED">
            <w:r>
              <w:t xml:space="preserve">            var email = $(this).val().trim();</w:t>
            </w:r>
          </w:p>
          <w:p w:rsidR="00A35FED" w:rsidRDefault="00A35FED" w:rsidP="00A35FED">
            <w:r>
              <w:t xml:space="preserve">            if (email !== "") {</w:t>
            </w:r>
          </w:p>
          <w:p w:rsidR="00A35FED" w:rsidRDefault="00A35FED" w:rsidP="00A35FED">
            <w:r>
              <w:t xml:space="preserve">                var data = {</w:t>
            </w:r>
          </w:p>
          <w:p w:rsidR="00A35FED" w:rsidRDefault="00A35FED" w:rsidP="00A35FED">
            <w:r>
              <w:t xml:space="preserve">                    "type": "email",</w:t>
            </w:r>
          </w:p>
          <w:p w:rsidR="00A35FED" w:rsidRDefault="00A35FED" w:rsidP="00A35FED">
            <w:r>
              <w:t xml:space="preserve">                    "email": email</w:t>
            </w:r>
          </w:p>
          <w:p w:rsidR="00A35FED" w:rsidRDefault="00A35FED" w:rsidP="00A35FED">
            <w:r>
              <w:t xml:space="preserve">                };</w:t>
            </w:r>
          </w:p>
          <w:p w:rsidR="00A35FED" w:rsidRDefault="00A35FED" w:rsidP="00A35FED">
            <w:r>
              <w:t xml:space="preserve">                fnValidateUser(this, data);</w:t>
            </w:r>
          </w:p>
          <w:p w:rsidR="00A35FED" w:rsidRDefault="00A35FED" w:rsidP="00A35FED">
            <w:r>
              <w:t xml:space="preserve">            }</w:t>
            </w:r>
          </w:p>
          <w:p w:rsidR="00A35FED" w:rsidRDefault="00A35FED" w:rsidP="00A35FED">
            <w:r>
              <w:t xml:space="preserve">        });</w:t>
            </w:r>
          </w:p>
          <w:p w:rsidR="00A35FED" w:rsidRDefault="00A35FED" w:rsidP="00A35FED">
            <w:r>
              <w:t xml:space="preserve">        $(document.body).on("blur", "#txtRegisterUserName", function (e) {</w:t>
            </w:r>
          </w:p>
          <w:p w:rsidR="00A35FED" w:rsidRDefault="00A35FED" w:rsidP="00A35FED">
            <w:r>
              <w:t xml:space="preserve">            e.preventDefault();</w:t>
            </w:r>
          </w:p>
          <w:p w:rsidR="00A35FED" w:rsidRDefault="00A35FED" w:rsidP="00A35FED">
            <w:r>
              <w:t xml:space="preserve">            var uname = $(this).val().trim();</w:t>
            </w:r>
          </w:p>
          <w:p w:rsidR="00A35FED" w:rsidRDefault="00A35FED" w:rsidP="00A35FED">
            <w:r>
              <w:t xml:space="preserve">            if (uname !== "") {</w:t>
            </w:r>
          </w:p>
          <w:p w:rsidR="00A35FED" w:rsidRDefault="00A35FED" w:rsidP="00A35FED">
            <w:r>
              <w:t xml:space="preserve">                var data = {</w:t>
            </w:r>
          </w:p>
          <w:p w:rsidR="00A35FED" w:rsidRDefault="00A35FED" w:rsidP="00A35FED">
            <w:r>
              <w:t xml:space="preserve">                    "type": "username",</w:t>
            </w:r>
          </w:p>
          <w:p w:rsidR="00A35FED" w:rsidRDefault="00A35FED" w:rsidP="00A35FED">
            <w:r>
              <w:t xml:space="preserve">                    "username": uname</w:t>
            </w:r>
          </w:p>
          <w:p w:rsidR="00A35FED" w:rsidRDefault="00A35FED" w:rsidP="00A35FED">
            <w:r>
              <w:t xml:space="preserve">                };</w:t>
            </w:r>
          </w:p>
          <w:p w:rsidR="00A35FED" w:rsidRDefault="00A35FED" w:rsidP="00A35FED">
            <w:r>
              <w:t xml:space="preserve">                fnValidateUser(this, data);</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function fnValidateUser(that, data) {</w:t>
            </w:r>
          </w:p>
          <w:p w:rsidR="00A35FED" w:rsidRDefault="00A35FED" w:rsidP="00A35FED">
            <w:r>
              <w:t xml:space="preserve">            $.ajax({</w:t>
            </w:r>
          </w:p>
          <w:p w:rsidR="00A35FED" w:rsidRDefault="00A35FED" w:rsidP="00A35FED">
            <w:r>
              <w:t xml:space="preserve">                type: "get",</w:t>
            </w:r>
          </w:p>
          <w:p w:rsidR="00A35FED" w:rsidRDefault="00A35FED" w:rsidP="00A35FED">
            <w:r>
              <w:t xml:space="preserve">                crossDomain: false,</w:t>
            </w:r>
          </w:p>
          <w:p w:rsidR="00A35FED" w:rsidRDefault="00A35FED" w:rsidP="00A35FED">
            <w:r>
              <w:t xml:space="preserve">                url: "&lt;?php echo SITE_URL_PROFILE ; ?&gt;/profile/login_process.php",</w:t>
            </w:r>
          </w:p>
          <w:p w:rsidR="00A35FED" w:rsidRDefault="00A35FED" w:rsidP="00A35FED">
            <w:r>
              <w:t xml:space="preserve">                data: data,</w:t>
            </w:r>
          </w:p>
          <w:p w:rsidR="00A35FED" w:rsidRDefault="00A35FED" w:rsidP="00A35FED">
            <w:r>
              <w:t xml:space="preserve">                beforeSend: function () {</w:t>
            </w:r>
          </w:p>
          <w:p w:rsidR="00A35FED" w:rsidRDefault="00A35FED" w:rsidP="00A35FED">
            <w:r>
              <w:t xml:space="preserve">                    loading(1, "Verifying your credentials...");</w:t>
            </w:r>
          </w:p>
          <w:p w:rsidR="00A35FED" w:rsidRDefault="00A35FED" w:rsidP="00A35FED">
            <w:r>
              <w:t xml:space="preserve">                },</w:t>
            </w:r>
          </w:p>
          <w:p w:rsidR="00A35FED" w:rsidRDefault="00A35FED" w:rsidP="00A35FED">
            <w:r>
              <w:t xml:space="preserve">                success: function (response) {</w:t>
            </w:r>
          </w:p>
          <w:p w:rsidR="00A35FED" w:rsidRDefault="00A35FED" w:rsidP="00A35FED">
            <w:r>
              <w:t xml:space="preserve">                    loading(0, "");</w:t>
            </w:r>
          </w:p>
          <w:p w:rsidR="00A35FED" w:rsidRDefault="00A35FED" w:rsidP="00A35FED">
            <w:r>
              <w:t xml:space="preserve">                    var helpBlock = $(that).parents(".form-group").find(".help-block");</w:t>
            </w:r>
          </w:p>
          <w:p w:rsidR="00A35FED" w:rsidRDefault="00A35FED" w:rsidP="00A35FED">
            <w:r>
              <w:t xml:space="preserve">                    if (response.status === "success") {</w:t>
            </w:r>
          </w:p>
          <w:p w:rsidR="00A35FED" w:rsidRDefault="00A35FED" w:rsidP="00A35FED">
            <w:r>
              <w:t xml:space="preserve">                        helpBlock.html("");</w:t>
            </w:r>
          </w:p>
          <w:p w:rsidR="00A35FED" w:rsidRDefault="00A35FED" w:rsidP="00A35FED">
            <w:r>
              <w:t xml:space="preserve">                    } else {</w:t>
            </w:r>
          </w:p>
          <w:p w:rsidR="00A35FED" w:rsidRDefault="00A35FED" w:rsidP="00A35FED">
            <w:r>
              <w:t xml:space="preserve">                        $(that).parents(".form-group").addClass("error");</w:t>
            </w:r>
          </w:p>
          <w:p w:rsidR="00A35FED" w:rsidRDefault="00A35FED" w:rsidP="00A35FED">
            <w:r>
              <w:t xml:space="preserve">                        helpBlock.html("&lt;small&gt;" + response.message + "&lt;/small&gt;");</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lastRenderedPageBreak/>
              <w:t xml:space="preserve">    });</w:t>
            </w:r>
          </w:p>
          <w:p w:rsidR="00A35FED" w:rsidRDefault="00A35FED" w:rsidP="00A35FED">
            <w:r>
              <w:t>&lt;/script&gt;--&gt;</w:t>
            </w:r>
          </w:p>
          <w:p w:rsidR="00A35FED" w:rsidRDefault="00A35FED" w:rsidP="00A35FED">
            <w:r>
              <w:t xml:space="preserve">                        &lt;!--&lt;p class="card-text mb-3 mt-2"&gt;</w:t>
            </w:r>
          </w:p>
          <w:p w:rsidR="00A35FED" w:rsidRDefault="00A35FED" w:rsidP="00A35FED">
            <w:r>
              <w:t xml:space="preserve">                            Already registered?</w:t>
            </w:r>
          </w:p>
          <w:p w:rsidR="00A35FED" w:rsidRDefault="00A35FED" w:rsidP="00A35FED">
            <w:r>
              <w:t xml:space="preserve">                        &lt;/p&gt;</w:t>
            </w:r>
          </w:p>
          <w:p w:rsidR="00A35FED" w:rsidRDefault="00A35FED" w:rsidP="00A35FED">
            <w:r>
              <w:t xml:space="preserve">                        &lt;a href="#" class="btn_1 btn btn-primary btn-block btnToggleWidget"</w:t>
            </w:r>
          </w:p>
          <w:p w:rsidR="00A35FED" w:rsidRDefault="00A35FED" w:rsidP="00A35FED">
            <w:r>
              <w:t xml:space="preserve">                           data-href="#divLogin" data-target="#divRegister"&gt;</w:t>
            </w:r>
          </w:p>
          <w:p w:rsidR="00A35FED" w:rsidRDefault="00A35FED" w:rsidP="00A35FED">
            <w:r>
              <w:t xml:space="preserve">                            Login</w:t>
            </w:r>
          </w:p>
          <w:p w:rsidR="00A35FED" w:rsidRDefault="00A35FED" w:rsidP="00A35FED">
            <w:r>
              <w:t xml:space="preserve">                        &lt;/a&gt;--&gt;</w:t>
            </w:r>
          </w:p>
          <w:p w:rsidR="00A35FED" w:rsidRDefault="00A35FED" w:rsidP="00A35FED">
            <w:r>
              <w:t xml:space="preserve">                    &lt;/div&gt;</w:t>
            </w:r>
          </w:p>
          <w:p w:rsidR="00A35FED" w:rsidRDefault="00A35FED" w:rsidP="00A35FED">
            <w:r>
              <w:t xml:space="preserve">                   &lt;!--&lt;ul class="share-buttons"&gt;</w:t>
            </w:r>
          </w:p>
          <w:p w:rsidR="00A35FED" w:rsidRDefault="00A35FED" w:rsidP="00A35FED">
            <w:r>
              <w:t xml:space="preserve">                    &lt;li&gt;</w:t>
            </w:r>
          </w:p>
          <w:p w:rsidR="00A35FED" w:rsidRDefault="00A35FED" w:rsidP="00A35FED">
            <w:r>
              <w:t xml:space="preserve">                        &lt;a class="fb-share" href="https://www.facebook.com/sharer/sharer.php?u=https://seniorplacefinder.com/residence/elite-elder-living&amp;amp;title=Elite%20Elder%20Living%20(Powered%20by%20Senior%20Place%20Finder)" target="_blank"&gt;</w:t>
            </w:r>
          </w:p>
          <w:p w:rsidR="00A35FED" w:rsidRDefault="00A35FED" w:rsidP="00A35FED">
            <w:r>
              <w:t xml:space="preserve">                            &lt;img alt="facebook" src="svg/facebook.png" width="20" height="20"&gt;</w:t>
            </w:r>
          </w:p>
          <w:p w:rsidR="00A35FED" w:rsidRDefault="00A35FED" w:rsidP="00A35FED">
            <w:r>
              <w:t xml:space="preserve">                            Share</w:t>
            </w:r>
          </w:p>
          <w:p w:rsidR="00A35FED" w:rsidRDefault="00A35FED" w:rsidP="00A35FED">
            <w:r>
              <w:t xml:space="preserve">                        &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class="twitter-share" href="https://twitter.com/share?url=https://seniorplacefinder.com/residence/elite-elder-living&amp;amp;text=Elite%20Elder%20Living%20(Powered%20by%20Senior%20Place%20Finder)" target="_blank"&gt;</w:t>
            </w:r>
          </w:p>
          <w:p w:rsidR="00A35FED" w:rsidRDefault="00A35FED" w:rsidP="00A35FED">
            <w:r>
              <w:t xml:space="preserve">                            &lt;img alt="twiter" src="svg/twitter.png" width="20" height="20"&gt;</w:t>
            </w:r>
          </w:p>
          <w:p w:rsidR="00A35FED" w:rsidRDefault="00A35FED" w:rsidP="00A35FED">
            <w:r>
              <w:t xml:space="preserve">                            Tweet</w:t>
            </w:r>
          </w:p>
          <w:p w:rsidR="00A35FED" w:rsidRDefault="00A35FED" w:rsidP="00A35FED">
            <w:r>
              <w:t xml:space="preserve">                        &lt;/a&gt;</w:t>
            </w:r>
          </w:p>
          <w:p w:rsidR="00A35FED" w:rsidRDefault="00A35FED" w:rsidP="00A35FED">
            <w:r>
              <w:t xml:space="preserve">                    &lt;/li&gt;</w:t>
            </w:r>
          </w:p>
          <w:p w:rsidR="00A35FED" w:rsidRDefault="00A35FED" w:rsidP="00A35FED">
            <w:r>
              <w:t xml:space="preserve">                &lt;/ul&gt; --&gt;</w:t>
            </w:r>
          </w:p>
          <w:p w:rsidR="00A35FED" w:rsidRDefault="00A35FED" w:rsidP="00A35FED">
            <w:r>
              <w:t xml:space="preserve">            &lt;/aside&gt;</w:t>
            </w:r>
          </w:p>
          <w:p w:rsidR="00A35FED" w:rsidRDefault="00A35FED" w:rsidP="00A35FED">
            <w:r>
              <w:t xml:space="preserve">        &lt;/div&gt;</w:t>
            </w:r>
          </w:p>
          <w:p w:rsidR="00A35FED" w:rsidRDefault="00A35FED" w:rsidP="00A35FED">
            <w:r>
              <w:t xml:space="preserve">    &lt;/div&gt;</w:t>
            </w:r>
          </w:p>
          <w:p w:rsidR="00A35FED" w:rsidRDefault="00A35FED" w:rsidP="00A35FED">
            <w:r>
              <w:t xml:space="preserve">        &lt;/main&gt;</w:t>
            </w:r>
          </w:p>
          <w:p w:rsidR="00A35FED" w:rsidRDefault="00A35FED" w:rsidP="00A35FED">
            <w:r>
              <w:t xml:space="preserve">        &lt;!--start of modal pop-up for SeniorPlaceFinder site governance section --&gt;</w:t>
            </w:r>
          </w:p>
          <w:p w:rsidR="00A35FED" w:rsidRDefault="00A35FED" w:rsidP="00A35FED">
            <w:r>
              <w:t xml:space="preserve">            &lt;div id = "myModalContainer"&gt;</w:t>
            </w:r>
          </w:p>
          <w:p w:rsidR="00A35FED" w:rsidRDefault="00A35FED" w:rsidP="00A35FED">
            <w:r>
              <w:t xml:space="preserve">                &lt;div class="modal fade" id="myModal" style="max-height: 500px !important; margin-top: 70px;"&gt;</w:t>
            </w:r>
          </w:p>
          <w:p w:rsidR="00A35FED" w:rsidRDefault="00A35FED" w:rsidP="00A35FED">
            <w:r>
              <w:t xml:space="preserve">                    &lt;div class="modal-dialog modal-dialog-scrollable modal-lg"&gt;</w:t>
            </w:r>
          </w:p>
          <w:p w:rsidR="00A35FED" w:rsidRDefault="00A35FED" w:rsidP="00A35FED">
            <w:r>
              <w:t xml:space="preserve">                      &lt;div class="modal-content"&gt;</w:t>
            </w:r>
          </w:p>
          <w:p w:rsidR="00A35FED" w:rsidRDefault="00A35FED" w:rsidP="00A35FED"/>
          <w:p w:rsidR="00A35FED" w:rsidRDefault="00A35FED" w:rsidP="00A35FED">
            <w:r>
              <w:t xml:space="preserve">                        &lt;!-- Modal Header --&gt;</w:t>
            </w:r>
          </w:p>
          <w:p w:rsidR="00A35FED" w:rsidRDefault="00A35FED" w:rsidP="00A35FED">
            <w:r>
              <w:t xml:space="preserve">                        &lt;div class="modal-header"&gt;</w:t>
            </w:r>
          </w:p>
          <w:p w:rsidR="00A35FED" w:rsidRDefault="00A35FED" w:rsidP="00A35FED">
            <w:r>
              <w:t xml:space="preserve">                            &lt;h4 class="modal-title"&gt;Terms and Conditions&lt;/h4&gt;</w:t>
            </w:r>
          </w:p>
          <w:p w:rsidR="00A35FED" w:rsidRDefault="00A35FED" w:rsidP="00A35FED">
            <w:r>
              <w:t xml:space="preserve">                          &lt;button type="button" class="close" data-dismiss="modal"&gt;&amp;#x274C;&lt;/button&gt;</w:t>
            </w:r>
          </w:p>
          <w:p w:rsidR="00A35FED" w:rsidRDefault="00A35FED" w:rsidP="00A35FED">
            <w:r>
              <w:t xml:space="preserve">                        &lt;/div&gt;</w:t>
            </w:r>
          </w:p>
          <w:p w:rsidR="00A35FED" w:rsidRDefault="00A35FED" w:rsidP="00A35FED"/>
          <w:p w:rsidR="00A35FED" w:rsidRDefault="00A35FED" w:rsidP="00A35FED">
            <w:r>
              <w:t xml:space="preserve">                        &lt;!-- Modal body --&gt;</w:t>
            </w:r>
          </w:p>
          <w:p w:rsidR="00A35FED" w:rsidRDefault="00A35FED" w:rsidP="00A35FED">
            <w:r>
              <w:lastRenderedPageBreak/>
              <w:t xml:space="preserve">                        &lt;div class="modal-body"&gt;</w:t>
            </w:r>
          </w:p>
          <w:p w:rsidR="00A35FED" w:rsidRDefault="00A35FED" w:rsidP="00A35FED">
            <w:r>
              <w:t xml:space="preserve">                            &lt;h5&gt;Access &amp; Services&lt;/h5&gt;</w:t>
            </w:r>
          </w:p>
          <w:p w:rsidR="00A35FED" w:rsidRDefault="00A35FED" w:rsidP="00A35FED">
            <w:r>
              <w:t xml:space="preserve">                            &lt;p&gt;Your access to data, services, resources, and benefits is free. We offer you information filtered by your requests, needs, and circumstances as provided.&lt;/p&gt;</w:t>
            </w:r>
          </w:p>
          <w:p w:rsidR="00A35FED" w:rsidRDefault="00A35FED" w:rsidP="00A35FED">
            <w:r>
              <w:t xml:space="preserve">                            &lt;h5&gt;Consumer Benefit&lt;/h5&gt;</w:t>
            </w:r>
          </w:p>
          <w:p w:rsidR="00A35FED" w:rsidRDefault="00A35FED" w:rsidP="00A35FED">
            <w:r>
              <w:t xml:space="preserve">                            &lt;p&gt;With your free access to search, the senior market by your profile gets you first-hand knowledge, qualified professionals, and executives with authority to advise and act on your behalf.&lt;/p&gt;</w:t>
            </w:r>
          </w:p>
          <w:p w:rsidR="00A35FED" w:rsidRDefault="00A35FED" w:rsidP="00A35FED">
            <w:r>
              <w:t xml:space="preserve">                            &lt;p&gt;Keep Your Senior Team Lists, free initial consultations, Cash Vouchers, Gift Cards, and a private secured Dashboard to manage it all.&lt;/p&gt;</w:t>
            </w:r>
          </w:p>
          <w:p w:rsidR="00A35FED" w:rsidRDefault="00A35FED" w:rsidP="00A35FED">
            <w:r>
              <w:t xml:space="preserve">                            &lt;h5&gt;Terms &amp; Conditions&lt;/h5&gt;</w:t>
            </w:r>
          </w:p>
          <w:p w:rsidR="00A35FED" w:rsidRDefault="00A35FED" w:rsidP="00A35FED">
            <w:r>
              <w:t xml:space="preserve">                            &lt;p&gt;Users are required to respect the data and to act in good faith when searching for services and products. Also to provide status updates, and maintain your progress from emails sent and notifications in Dashboard.&lt;/p&gt;</w:t>
            </w:r>
          </w:p>
          <w:p w:rsidR="00A35FED" w:rsidRDefault="00A35FED" w:rsidP="00A35FED">
            <w:r>
              <w:t xml:space="preserve">                            &lt;h5&gt;Fees &amp; Payment&lt;/h5&gt;</w:t>
            </w:r>
          </w:p>
          <w:p w:rsidR="00A35FED" w:rsidRDefault="00A35FED" w:rsidP="00A35FED">
            <w:r>
              <w:t xml:space="preserve">                            &lt;p&gt;There is no fees for your use and access to tools and data to form Your Senior Team to support your needs as a senior. &lt;/p&gt;</w:t>
            </w:r>
          </w:p>
          <w:p w:rsidR="00A35FED" w:rsidRDefault="00A35FED" w:rsidP="00A35FED">
            <w:r>
              <w:t xml:space="preserve">                            &lt;h5&gt;Club &amp; System Rules&lt;/h5&gt;</w:t>
            </w:r>
          </w:p>
          <w:p w:rsidR="00A35FED" w:rsidRDefault="00A35FED" w:rsidP="00A35FED">
            <w:r>
              <w:t xml:space="preserve">                            &lt;p&gt;Trust and honesty can be expected from the Members of Your Senior Team and all activity is expected to abide by the rules and ethics of business and consumer rights.&lt;/p&gt;</w:t>
            </w:r>
          </w:p>
          <w:p w:rsidR="00A35FED" w:rsidRDefault="00A35FED" w:rsidP="00A35FED">
            <w:r>
              <w:t xml:space="preserve">                            &lt;p&gt;We believe that everyone should treat seniors as if they were your mother or father.&lt;/p&gt;</w:t>
            </w:r>
          </w:p>
          <w:p w:rsidR="00A35FED" w:rsidRDefault="00A35FED" w:rsidP="00A35FED">
            <w:r>
              <w:t xml:space="preserve">                            &lt;h5&gt;Privacy &amp; Security&lt;/h5&gt;</w:t>
            </w:r>
          </w:p>
          <w:p w:rsidR="00A35FED" w:rsidRDefault="00A35FED" w:rsidP="00A35FED">
            <w:r>
              <w:t xml:space="preserve">                            &lt;p&gt;Your information, activity, interactions, and communications are viewed only by you, the relevant party to any transaction you initiate, and to whom it is intended.&lt;/p&gt;</w:t>
            </w:r>
          </w:p>
          <w:p w:rsidR="00A35FED" w:rsidRDefault="00A35FED" w:rsidP="00A35FED">
            <w:r>
              <w:t xml:space="preserve">                        &lt;/div&gt;</w:t>
            </w:r>
          </w:p>
          <w:p w:rsidR="00A35FED" w:rsidRDefault="00A35FED" w:rsidP="00A35FED"/>
          <w:p w:rsidR="00A35FED" w:rsidRDefault="00A35FED" w:rsidP="00A35FED">
            <w:r>
              <w:t xml:space="preserve">                        &lt;!-- Modal footer --&gt;</w:t>
            </w:r>
          </w:p>
          <w:p w:rsidR="00A35FED" w:rsidRDefault="00A35FED" w:rsidP="00A35FED">
            <w:r>
              <w:t xml:space="preserve">                        &lt;div class="modal-footer"&gt;</w:t>
            </w:r>
          </w:p>
          <w:p w:rsidR="00A35FED" w:rsidRDefault="00A35FED" w:rsidP="00A35FED">
            <w:r>
              <w:t xml:space="preserve">                          &lt;button type="button" class="btn btn-danger" data-dismiss="modal"&gt;Close&lt;/button&gt;</w:t>
            </w:r>
          </w:p>
          <w:p w:rsidR="00A35FED" w:rsidRDefault="00A35FED" w:rsidP="00A35FED">
            <w:r>
              <w:t xml:space="preserve">                        &lt;/div&gt;</w:t>
            </w:r>
          </w:p>
          <w:p w:rsidR="00A35FED" w:rsidRDefault="00A35FED" w:rsidP="00A35FED"/>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lt;div class="modal fade" id="myModal1" style="max-height: 500px !important; margin-top: 70px;"&gt;</w:t>
            </w:r>
          </w:p>
          <w:p w:rsidR="00A35FED" w:rsidRDefault="00A35FED" w:rsidP="00A35FED">
            <w:r>
              <w:t xml:space="preserve">                    &lt;div class="modal-dialog modal-dialog-scrollable modal-lg"&gt;</w:t>
            </w:r>
          </w:p>
          <w:p w:rsidR="00A35FED" w:rsidRDefault="00A35FED" w:rsidP="00A35FED">
            <w:r>
              <w:t xml:space="preserve">                      &lt;div class="modal-content"&gt;</w:t>
            </w:r>
          </w:p>
          <w:p w:rsidR="00A35FED" w:rsidRDefault="00A35FED" w:rsidP="00A35FED"/>
          <w:p w:rsidR="00A35FED" w:rsidRDefault="00A35FED" w:rsidP="00A35FED">
            <w:r>
              <w:t xml:space="preserve">                        &lt;!-- Modal Header --&gt;</w:t>
            </w:r>
          </w:p>
          <w:p w:rsidR="00A35FED" w:rsidRDefault="00A35FED" w:rsidP="00A35FED">
            <w:r>
              <w:t xml:space="preserve">                        &lt;div class="modal-header"&gt;</w:t>
            </w:r>
          </w:p>
          <w:p w:rsidR="00A35FED" w:rsidRDefault="00A35FED" w:rsidP="00A35FED">
            <w:r>
              <w:t xml:space="preserve">                        &lt;h4 class="modal-title"&gt;Privacy Policy&lt;/h4&gt;</w:t>
            </w:r>
          </w:p>
          <w:p w:rsidR="00A35FED" w:rsidRDefault="00A35FED" w:rsidP="00A35FED">
            <w:r>
              <w:t xml:space="preserve">                          &lt;button type="button" class="close" data-dismiss="modal"&gt;&amp;#x274C;&lt;/button&gt;</w:t>
            </w:r>
          </w:p>
          <w:p w:rsidR="00A35FED" w:rsidRDefault="00A35FED" w:rsidP="00A35FED">
            <w:r>
              <w:t xml:space="preserve">                        &lt;/div&gt;</w:t>
            </w:r>
          </w:p>
          <w:p w:rsidR="00A35FED" w:rsidRDefault="00A35FED" w:rsidP="00A35FED"/>
          <w:p w:rsidR="00A35FED" w:rsidRDefault="00A35FED" w:rsidP="00A35FED">
            <w:r>
              <w:t xml:space="preserve">                        &lt;!-- Modal body --&gt;</w:t>
            </w:r>
          </w:p>
          <w:p w:rsidR="00A35FED" w:rsidRDefault="00A35FED" w:rsidP="00A35FED">
            <w:r>
              <w:t xml:space="preserve">                        &lt;div class="modal-body"&gt;</w:t>
            </w:r>
          </w:p>
          <w:p w:rsidR="00A35FED" w:rsidRDefault="00A35FED" w:rsidP="00A35FED">
            <w:r>
              <w:lastRenderedPageBreak/>
              <w:t xml:space="preserve">                            &lt;h5&gt;Access &amp; Services&lt;/h5&gt;</w:t>
            </w:r>
          </w:p>
          <w:p w:rsidR="00A35FED" w:rsidRDefault="00A35FED" w:rsidP="00A35FED">
            <w:r>
              <w:t xml:space="preserve">                            &lt;p&gt;Your access to data, services, resources, and benefits is free. We offer you information filtered by your requests, needs, and circumstances as provided.&lt;/p&gt;</w:t>
            </w:r>
          </w:p>
          <w:p w:rsidR="00A35FED" w:rsidRDefault="00A35FED" w:rsidP="00A35FED">
            <w:r>
              <w:t xml:space="preserve">                            &lt;h5&gt;Consumer Benefit&lt;/h5&gt;</w:t>
            </w:r>
          </w:p>
          <w:p w:rsidR="00A35FED" w:rsidRDefault="00A35FED" w:rsidP="00A35FED">
            <w:r>
              <w:t xml:space="preserve">                            &lt;p&gt;With your free access to search, the senior market by your profile gets you first-hand knowledge, qualified professionals, and executives with authority to advise and act on your behalf.&lt;/p&gt;</w:t>
            </w:r>
          </w:p>
          <w:p w:rsidR="00A35FED" w:rsidRDefault="00A35FED" w:rsidP="00A35FED">
            <w:r>
              <w:t xml:space="preserve">                            &lt;p&gt;Keep Your Senior Team Lists, free initial consultations, Cash Vouchers, Gift Cards, and a private secured Dashboard to manage it all.&lt;/p&gt;</w:t>
            </w:r>
          </w:p>
          <w:p w:rsidR="00A35FED" w:rsidRDefault="00A35FED" w:rsidP="00A35FED">
            <w:r>
              <w:t xml:space="preserve">                            &lt;h5&gt;Terms &amp; Conditions&lt;/h5&gt;</w:t>
            </w:r>
          </w:p>
          <w:p w:rsidR="00A35FED" w:rsidRDefault="00A35FED" w:rsidP="00A35FED">
            <w:r>
              <w:t xml:space="preserve">                            &lt;p&gt;Users are required to respect the data and to act in good faith when searching for services and products. Also to provide status updates, and maintain your progress from emails sent and notifications in Dashboard.&lt;/p&gt;</w:t>
            </w:r>
          </w:p>
          <w:p w:rsidR="00A35FED" w:rsidRDefault="00A35FED" w:rsidP="00A35FED">
            <w:r>
              <w:t xml:space="preserve">                            &lt;h5&gt;Fees &amp; Payment&lt;/h5&gt;</w:t>
            </w:r>
          </w:p>
          <w:p w:rsidR="00A35FED" w:rsidRDefault="00A35FED" w:rsidP="00A35FED">
            <w:r>
              <w:t xml:space="preserve">                            &lt;p&gt;There is no fees for your use and access to tools and data to form Your Senior Team to support your needs as a senior. &lt;/p&gt;</w:t>
            </w:r>
          </w:p>
          <w:p w:rsidR="00A35FED" w:rsidRDefault="00A35FED" w:rsidP="00A35FED">
            <w:r>
              <w:t xml:space="preserve">                            &lt;h5&gt;Club &amp; System Rules&lt;/h5&gt;</w:t>
            </w:r>
          </w:p>
          <w:p w:rsidR="00A35FED" w:rsidRDefault="00A35FED" w:rsidP="00A35FED">
            <w:r>
              <w:t xml:space="preserve">                            &lt;p&gt;Trust and honesty can be expected from the Members of Your Senior Team and all activity is expected to abide by the rules and ethics of business and consumer rights.&lt;/p&gt;</w:t>
            </w:r>
          </w:p>
          <w:p w:rsidR="00A35FED" w:rsidRDefault="00A35FED" w:rsidP="00A35FED">
            <w:r>
              <w:t xml:space="preserve">                            &lt;p&gt;We believe that everyone should treat seniors as if they were your mother or father.&lt;/p&gt;</w:t>
            </w:r>
          </w:p>
          <w:p w:rsidR="00A35FED" w:rsidRDefault="00A35FED" w:rsidP="00A35FED">
            <w:r>
              <w:t xml:space="preserve">                            &lt;h5&gt;Privacy &amp; Security&lt;/h5&gt;</w:t>
            </w:r>
          </w:p>
          <w:p w:rsidR="00A35FED" w:rsidRDefault="00A35FED" w:rsidP="00A35FED">
            <w:r>
              <w:t xml:space="preserve">                            &lt;p&gt;Your information, activity, interactions, and communications are viewed only by you, the relevant party to any transaction you initiate, and to whom it is intended.&lt;/p&gt;</w:t>
            </w:r>
          </w:p>
          <w:p w:rsidR="00A35FED" w:rsidRDefault="00A35FED" w:rsidP="00A35FED">
            <w:r>
              <w:t xml:space="preserve">                        &lt;/div&gt;</w:t>
            </w:r>
          </w:p>
          <w:p w:rsidR="00A35FED" w:rsidRDefault="00A35FED" w:rsidP="00A35FED"/>
          <w:p w:rsidR="00A35FED" w:rsidRDefault="00A35FED" w:rsidP="00A35FED">
            <w:r>
              <w:t xml:space="preserve">                        &lt;!-- Modal footer --&gt;</w:t>
            </w:r>
          </w:p>
          <w:p w:rsidR="00A35FED" w:rsidRDefault="00A35FED" w:rsidP="00A35FED">
            <w:r>
              <w:t xml:space="preserve">                        &lt;div class="modal-footer"&gt;</w:t>
            </w:r>
          </w:p>
          <w:p w:rsidR="00A35FED" w:rsidRDefault="00A35FED" w:rsidP="00A35FED">
            <w:r>
              <w:t xml:space="preserve">                          &lt;button type="button" class="btn btn-danger" data-dismiss="modal"&gt;Close&lt;/button&gt;</w:t>
            </w:r>
          </w:p>
          <w:p w:rsidR="00A35FED" w:rsidRDefault="00A35FED" w:rsidP="00A35FED">
            <w:r>
              <w:t xml:space="preserve">                        &lt;/div&gt;</w:t>
            </w:r>
          </w:p>
          <w:p w:rsidR="00A35FED" w:rsidRDefault="00A35FED" w:rsidP="00A35FED"/>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lt;div class="modal fade" id="myModal2" style="max-height: 500px !important; margin-top: 70px;"&gt;</w:t>
            </w:r>
          </w:p>
          <w:p w:rsidR="00A35FED" w:rsidRDefault="00A35FED" w:rsidP="00A35FED">
            <w:r>
              <w:t xml:space="preserve">                    &lt;div class="modal-dialog modal-dialog-scrollable modal-lg"&gt;</w:t>
            </w:r>
          </w:p>
          <w:p w:rsidR="00A35FED" w:rsidRDefault="00A35FED" w:rsidP="00A35FED">
            <w:r>
              <w:t xml:space="preserve">                      &lt;div class="modal-content"&gt;</w:t>
            </w:r>
          </w:p>
          <w:p w:rsidR="00A35FED" w:rsidRDefault="00A35FED" w:rsidP="00A35FED"/>
          <w:p w:rsidR="00A35FED" w:rsidRDefault="00A35FED" w:rsidP="00A35FED">
            <w:r>
              <w:t xml:space="preserve">                        &lt;!-- Modal Header --&gt;</w:t>
            </w:r>
          </w:p>
          <w:p w:rsidR="00A35FED" w:rsidRDefault="00A35FED" w:rsidP="00A35FED">
            <w:r>
              <w:t xml:space="preserve">                        &lt;div class="modal-header"&gt;</w:t>
            </w:r>
          </w:p>
          <w:p w:rsidR="00A35FED" w:rsidRDefault="00A35FED" w:rsidP="00A35FED">
            <w:r>
              <w:t xml:space="preserve">                        &lt;h4 class="modal-title"&gt;Cookie Policy&lt;/h4&gt;</w:t>
            </w:r>
          </w:p>
          <w:p w:rsidR="00A35FED" w:rsidRDefault="00A35FED" w:rsidP="00A35FED">
            <w:r>
              <w:t xml:space="preserve">                          &lt;button type="button" class="close" data-dismiss="modal"&gt;&amp;#x274C;&lt;/button&gt;</w:t>
            </w:r>
          </w:p>
          <w:p w:rsidR="00A35FED" w:rsidRDefault="00A35FED" w:rsidP="00A35FED">
            <w:r>
              <w:t xml:space="preserve">                        &lt;/div&gt;</w:t>
            </w:r>
          </w:p>
          <w:p w:rsidR="00A35FED" w:rsidRDefault="00A35FED" w:rsidP="00A35FED"/>
          <w:p w:rsidR="00A35FED" w:rsidRDefault="00A35FED" w:rsidP="00A35FED">
            <w:r>
              <w:t xml:space="preserve">                        &lt;!-- Modal body --&gt;</w:t>
            </w:r>
          </w:p>
          <w:p w:rsidR="00A35FED" w:rsidRDefault="00A35FED" w:rsidP="00A35FED">
            <w:r>
              <w:t xml:space="preserve">                        &lt;div class="modal-body"&gt;</w:t>
            </w:r>
          </w:p>
          <w:p w:rsidR="00A35FED" w:rsidRDefault="00A35FED" w:rsidP="00A35FED">
            <w:r>
              <w:t xml:space="preserve">                            &lt;h5&gt;Access &amp; Services&lt;/h5&gt;</w:t>
            </w:r>
          </w:p>
          <w:p w:rsidR="00A35FED" w:rsidRDefault="00A35FED" w:rsidP="00A35FED">
            <w:r>
              <w:lastRenderedPageBreak/>
              <w:t xml:space="preserve">                            &lt;p&gt;Your access to data, services, resources, and benefits is free. We offer you information filtered by your requests, needs, and circumstances as provided.&lt;/p&gt;</w:t>
            </w:r>
          </w:p>
          <w:p w:rsidR="00A35FED" w:rsidRDefault="00A35FED" w:rsidP="00A35FED">
            <w:r>
              <w:t xml:space="preserve">                            &lt;h5&gt;Consumer Benefit&lt;/h5&gt;</w:t>
            </w:r>
          </w:p>
          <w:p w:rsidR="00A35FED" w:rsidRDefault="00A35FED" w:rsidP="00A35FED">
            <w:r>
              <w:t xml:space="preserve">                            &lt;p&gt;With your free access to search, the senior market by your profile gets you first-hand knowledge, qualified professionals, and executives with authority to advise and act on your behalf.&lt;/p&gt;</w:t>
            </w:r>
          </w:p>
          <w:p w:rsidR="00A35FED" w:rsidRDefault="00A35FED" w:rsidP="00A35FED">
            <w:r>
              <w:t xml:space="preserve">                            &lt;p&gt;Keep Your Senior Team Lists, free initial consultations, Cash Vouchers, Gift Cards, and a private secured Dashboard to manage it all.&lt;/p&gt;</w:t>
            </w:r>
          </w:p>
          <w:p w:rsidR="00A35FED" w:rsidRDefault="00A35FED" w:rsidP="00A35FED">
            <w:r>
              <w:t xml:space="preserve">                            &lt;h5&gt;Terms &amp; Conditions&lt;/h5&gt;</w:t>
            </w:r>
          </w:p>
          <w:p w:rsidR="00A35FED" w:rsidRDefault="00A35FED" w:rsidP="00A35FED">
            <w:r>
              <w:t xml:space="preserve">                            &lt;p&gt;Users are required to respect the data and to act in good faith when searching for services and products. Also to provide status updates, and maintain your progress from emails sent and notifications in Dashboard.&lt;/p&gt;</w:t>
            </w:r>
          </w:p>
          <w:p w:rsidR="00A35FED" w:rsidRDefault="00A35FED" w:rsidP="00A35FED">
            <w:r>
              <w:t xml:space="preserve">                            &lt;h5&gt;Fees &amp; Payment&lt;/h5&gt;</w:t>
            </w:r>
          </w:p>
          <w:p w:rsidR="00A35FED" w:rsidRDefault="00A35FED" w:rsidP="00A35FED">
            <w:r>
              <w:t xml:space="preserve">                            &lt;p&gt;There is no fees for your use and access to tools and data to form Your Senior Team to support your needs as a senior. &lt;/p&gt;</w:t>
            </w:r>
          </w:p>
          <w:p w:rsidR="00A35FED" w:rsidRDefault="00A35FED" w:rsidP="00A35FED">
            <w:r>
              <w:t xml:space="preserve">                            &lt;h5&gt;Club &amp; System Rules&lt;/h5&gt;</w:t>
            </w:r>
          </w:p>
          <w:p w:rsidR="00A35FED" w:rsidRDefault="00A35FED" w:rsidP="00A35FED">
            <w:r>
              <w:t xml:space="preserve">                            &lt;p&gt;Trust and honesty can be expected from the Members of Your Senior Team and all activity is expected to abide by the rules and ethics of business and consumer rights.&lt;/p&gt;</w:t>
            </w:r>
          </w:p>
          <w:p w:rsidR="00A35FED" w:rsidRDefault="00A35FED" w:rsidP="00A35FED">
            <w:r>
              <w:t xml:space="preserve">                            &lt;p&gt;We believe that everyone should treat seniors as if they were your mother or father.&lt;/p&gt;</w:t>
            </w:r>
          </w:p>
          <w:p w:rsidR="00A35FED" w:rsidRDefault="00A35FED" w:rsidP="00A35FED">
            <w:r>
              <w:t xml:space="preserve">                            &lt;h5&gt;Privacy &amp; Security&lt;/h5&gt;</w:t>
            </w:r>
          </w:p>
          <w:p w:rsidR="00A35FED" w:rsidRDefault="00A35FED" w:rsidP="00A35FED">
            <w:r>
              <w:t xml:space="preserve">                            &lt;p&gt;Your information, activity, interactions, and communications are viewed only by you, the relevant party to any transaction you initiate, and to whom it is intended.&lt;/p&gt;</w:t>
            </w:r>
          </w:p>
          <w:p w:rsidR="00A35FED" w:rsidRDefault="00A35FED" w:rsidP="00A35FED">
            <w:r>
              <w:t xml:space="preserve">                        &lt;/div&gt;</w:t>
            </w:r>
          </w:p>
          <w:p w:rsidR="00A35FED" w:rsidRDefault="00A35FED" w:rsidP="00A35FED"/>
          <w:p w:rsidR="00A35FED" w:rsidRDefault="00A35FED" w:rsidP="00A35FED">
            <w:r>
              <w:t xml:space="preserve">                        &lt;!-- Modal footer --&gt;</w:t>
            </w:r>
          </w:p>
          <w:p w:rsidR="00A35FED" w:rsidRDefault="00A35FED" w:rsidP="00A35FED">
            <w:r>
              <w:t xml:space="preserve">                        &lt;div class="modal-footer"&gt;</w:t>
            </w:r>
          </w:p>
          <w:p w:rsidR="00A35FED" w:rsidRDefault="00A35FED" w:rsidP="00A35FED">
            <w:r>
              <w:t xml:space="preserve">                          &lt;button type="button" class="btn btn-danger" data-dismiss="modal"&gt;Close&lt;/button&gt;</w:t>
            </w:r>
          </w:p>
          <w:p w:rsidR="00A35FED" w:rsidRDefault="00A35FED" w:rsidP="00A35FED">
            <w:r>
              <w:t xml:space="preserve">                        &lt;/div&gt;</w:t>
            </w:r>
          </w:p>
          <w:p w:rsidR="00A35FED" w:rsidRDefault="00A35FED" w:rsidP="00A35FED"/>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ab/>
            </w:r>
            <w:r>
              <w:tab/>
            </w:r>
            <w:r>
              <w:tab/>
            </w:r>
            <w:r>
              <w:tab/>
            </w:r>
          </w:p>
          <w:p w:rsidR="00A35FED" w:rsidRDefault="00A35FED" w:rsidP="00A35FED">
            <w:r>
              <w:tab/>
            </w:r>
            <w:r>
              <w:tab/>
            </w:r>
            <w:r>
              <w:tab/>
            </w:r>
            <w:r>
              <w:tab/>
              <w:t xml:space="preserve">  &lt;!-- Modal --&gt;</w:t>
            </w:r>
          </w:p>
          <w:p w:rsidR="00A35FED" w:rsidRDefault="00A35FED" w:rsidP="00A35FED">
            <w:r>
              <w:tab/>
            </w:r>
            <w:r>
              <w:tab/>
            </w:r>
            <w:r>
              <w:tab/>
            </w:r>
            <w:r>
              <w:tab/>
              <w:t xml:space="preserve">   &lt;!--start of modal pop-up for asking registered email address SeniorPlaceFinder add to wish list section --&gt; </w:t>
            </w:r>
          </w:p>
          <w:p w:rsidR="00A35FED" w:rsidRDefault="00A35FED" w:rsidP="00A35FED">
            <w:r>
              <w:tab/>
            </w:r>
            <w:r>
              <w:tab/>
            </w:r>
            <w:r>
              <w:tab/>
            </w:r>
            <w:r>
              <w:tab/>
              <w:t xml:space="preserve">  &lt;div class="modal fade" id="myModal3" role="dialog"  style="margin-top: 70px;"&gt;</w:t>
            </w:r>
          </w:p>
          <w:p w:rsidR="00A35FED" w:rsidRDefault="00A35FED" w:rsidP="00A35FED">
            <w:r>
              <w:tab/>
            </w:r>
            <w:r>
              <w:tab/>
            </w:r>
            <w:r>
              <w:tab/>
            </w:r>
            <w:r>
              <w:tab/>
            </w:r>
            <w:r>
              <w:tab/>
              <w:t>&lt;div class="modal-dialog  modal-lg"&gt;</w:t>
            </w:r>
          </w:p>
          <w:p w:rsidR="00A35FED" w:rsidRDefault="00A35FED" w:rsidP="00A35FED">
            <w:r>
              <w:tab/>
            </w:r>
            <w:r>
              <w:tab/>
            </w:r>
            <w:r>
              <w:tab/>
            </w:r>
            <w:r>
              <w:tab/>
            </w:r>
            <w:r>
              <w:tab/>
            </w:r>
          </w:p>
          <w:p w:rsidR="00A35FED" w:rsidRDefault="00A35FED" w:rsidP="00A35FED">
            <w:r>
              <w:tab/>
            </w:r>
            <w:r>
              <w:tab/>
            </w:r>
            <w:r>
              <w:tab/>
            </w:r>
            <w:r>
              <w:tab/>
            </w:r>
            <w:r>
              <w:tab/>
              <w:t xml:space="preserve">  &lt;!-- Modal content--&gt;</w:t>
            </w:r>
          </w:p>
          <w:p w:rsidR="00A35FED" w:rsidRDefault="00A35FED" w:rsidP="00A35FED">
            <w:r>
              <w:tab/>
            </w:r>
            <w:r>
              <w:tab/>
            </w:r>
            <w:r>
              <w:tab/>
            </w:r>
            <w:r>
              <w:tab/>
            </w:r>
            <w:r>
              <w:tab/>
              <w:t xml:space="preserve">  &lt;div class="modal-content"&gt;</w:t>
            </w:r>
          </w:p>
          <w:p w:rsidR="00A35FED" w:rsidRDefault="00A35FED" w:rsidP="00A35FED">
            <w:r>
              <w:tab/>
            </w:r>
            <w:r>
              <w:tab/>
            </w:r>
            <w:r>
              <w:tab/>
            </w:r>
            <w:r>
              <w:tab/>
            </w:r>
            <w:r>
              <w:tab/>
            </w:r>
            <w:r>
              <w:tab/>
              <w:t xml:space="preserve">&lt;div class="modal-header"&gt; </w:t>
            </w:r>
          </w:p>
          <w:p w:rsidR="00A35FED" w:rsidRDefault="00A35FED" w:rsidP="00A35FED">
            <w:r>
              <w:tab/>
            </w:r>
            <w:r>
              <w:tab/>
            </w:r>
            <w:r>
              <w:tab/>
            </w:r>
            <w:r>
              <w:tab/>
            </w:r>
            <w:r>
              <w:tab/>
            </w:r>
            <w:r>
              <w:tab/>
              <w:t xml:space="preserve">  &lt;h4 class="modal-title"&gt;  &lt;?php echo $title ; ?&gt; &lt;/h4&gt;</w:t>
            </w:r>
          </w:p>
          <w:p w:rsidR="00A35FED" w:rsidRDefault="00A35FED" w:rsidP="00A35FED">
            <w:r>
              <w:tab/>
            </w:r>
            <w:r>
              <w:tab/>
            </w:r>
            <w:r>
              <w:tab/>
            </w:r>
            <w:r>
              <w:tab/>
            </w:r>
            <w:r>
              <w:tab/>
            </w:r>
            <w:r>
              <w:tab/>
              <w:t xml:space="preserve">    &lt;button type="button" class="close" data-dismiss="modal"&gt;&amp;#x274C;&lt;/button&gt;</w:t>
            </w:r>
          </w:p>
          <w:p w:rsidR="00A35FED" w:rsidRDefault="00A35FED" w:rsidP="00A35FED">
            <w:r>
              <w:tab/>
            </w:r>
            <w:r>
              <w:tab/>
            </w:r>
            <w:r>
              <w:tab/>
            </w:r>
            <w:r>
              <w:tab/>
            </w:r>
            <w:r>
              <w:tab/>
            </w:r>
            <w:r>
              <w:tab/>
              <w:t>&lt;/div&gt;</w:t>
            </w:r>
          </w:p>
          <w:p w:rsidR="00A35FED" w:rsidRDefault="00A35FED" w:rsidP="00A35FED">
            <w:r>
              <w:tab/>
            </w:r>
            <w:r>
              <w:tab/>
            </w:r>
            <w:r>
              <w:tab/>
            </w:r>
            <w:r>
              <w:tab/>
            </w:r>
            <w:r>
              <w:tab/>
            </w:r>
            <w:r>
              <w:tab/>
              <w:t>&lt;div class="modal-body"&gt;</w:t>
            </w:r>
          </w:p>
          <w:p w:rsidR="00A35FED" w:rsidRDefault="00A35FED" w:rsidP="00A35FED">
            <w:r>
              <w:lastRenderedPageBreak/>
              <w:tab/>
            </w:r>
            <w:r>
              <w:tab/>
            </w:r>
            <w:r>
              <w:tab/>
            </w:r>
            <w:r>
              <w:tab/>
            </w:r>
            <w:r>
              <w:tab/>
            </w:r>
            <w:r>
              <w:tab/>
              <w:t xml:space="preserve">    &lt;p&gt;In order to provide you with their direct contact information please enter you name and email address</w:t>
            </w:r>
          </w:p>
          <w:p w:rsidR="00A35FED" w:rsidRDefault="00A35FED" w:rsidP="00A35FED">
            <w:r>
              <w:t xml:space="preserve">                            &lt;/p&gt; </w:t>
            </w:r>
          </w:p>
          <w:p w:rsidR="00A35FED" w:rsidRDefault="00A35FED" w:rsidP="00A35FED">
            <w:r>
              <w:tab/>
            </w:r>
            <w:r>
              <w:tab/>
            </w:r>
            <w:r>
              <w:tab/>
            </w:r>
            <w:r>
              <w:tab/>
            </w:r>
            <w:r>
              <w:tab/>
            </w:r>
            <w:r>
              <w:tab/>
            </w:r>
            <w:r>
              <w:tab/>
              <w:t>&lt;form method="POST"  id="ci_form_contact" name="ci_form_contact"&gt;</w:t>
            </w:r>
          </w:p>
          <w:p w:rsidR="00A35FED" w:rsidRDefault="00A35FED" w:rsidP="00A35FED">
            <w:r>
              <w:tab/>
            </w:r>
            <w:r>
              <w:tab/>
            </w:r>
            <w:r>
              <w:tab/>
            </w:r>
            <w:r>
              <w:tab/>
            </w:r>
            <w:r>
              <w:tab/>
            </w:r>
            <w:r>
              <w:tab/>
            </w:r>
            <w:r>
              <w:tab/>
              <w:t xml:space="preserve">   //&lt;?php if ( LOGGED_STATUS == 0 ) { ?&gt; </w:t>
            </w:r>
          </w:p>
          <w:p w:rsidR="00A35FED" w:rsidRDefault="00A35FED" w:rsidP="00A35FED">
            <w:r>
              <w:tab/>
            </w:r>
            <w:r>
              <w:tab/>
            </w:r>
            <w:r>
              <w:tab/>
            </w:r>
            <w:r>
              <w:tab/>
            </w:r>
            <w:r>
              <w:tab/>
            </w:r>
            <w:r>
              <w:tab/>
            </w:r>
            <w:r>
              <w:tab/>
              <w:t xml:space="preserve">    &lt;div class="mb-3 row"&gt;</w:t>
            </w:r>
          </w:p>
          <w:p w:rsidR="00A35FED" w:rsidRDefault="00A35FED" w:rsidP="00A35FED">
            <w:r>
              <w:tab/>
            </w:r>
            <w:r>
              <w:tab/>
            </w:r>
            <w:r>
              <w:tab/>
            </w:r>
            <w:r>
              <w:tab/>
            </w:r>
            <w:r>
              <w:tab/>
            </w:r>
            <w:r>
              <w:tab/>
            </w:r>
            <w:r>
              <w:tab/>
            </w:r>
            <w:r>
              <w:tab/>
            </w:r>
            <w:r>
              <w:tab/>
              <w:t>&lt;label class="col-sm-2 col-form-label text-end"&gt;Your Name*:&lt;/label&gt;</w:t>
            </w:r>
          </w:p>
          <w:p w:rsidR="00A35FED" w:rsidRDefault="00A35FED" w:rsidP="00A35FED">
            <w:r>
              <w:tab/>
            </w:r>
            <w:r>
              <w:tab/>
            </w:r>
            <w:r>
              <w:tab/>
            </w:r>
            <w:r>
              <w:tab/>
            </w:r>
            <w:r>
              <w:tab/>
            </w:r>
            <w:r>
              <w:tab/>
            </w:r>
            <w:r>
              <w:tab/>
            </w:r>
            <w:r>
              <w:tab/>
            </w:r>
            <w:r>
              <w:tab/>
              <w:t>&lt;div class="col-sm-8"&gt;</w:t>
            </w:r>
          </w:p>
          <w:p w:rsidR="00A35FED" w:rsidRDefault="00A35FED" w:rsidP="00A35FED">
            <w:r>
              <w:tab/>
            </w:r>
            <w:r>
              <w:tab/>
            </w:r>
            <w:r>
              <w:tab/>
            </w:r>
            <w:r>
              <w:tab/>
            </w:r>
            <w:r>
              <w:tab/>
            </w:r>
            <w:r>
              <w:tab/>
            </w:r>
            <w:r>
              <w:tab/>
            </w:r>
            <w:r>
              <w:tab/>
            </w:r>
            <w:r>
              <w:tab/>
            </w:r>
            <w:r>
              <w:tab/>
              <w:t>&lt;input type="hidden" name="p_id" id="p_id" class="form-control" value="&lt;?php echo $id;?&gt;" /&gt;</w:t>
            </w:r>
          </w:p>
          <w:p w:rsidR="00A35FED" w:rsidRDefault="00A35FED" w:rsidP="00A35FED">
            <w:r>
              <w:tab/>
            </w:r>
            <w:r>
              <w:tab/>
            </w:r>
            <w:r>
              <w:tab/>
            </w:r>
            <w:r>
              <w:tab/>
            </w:r>
            <w:r>
              <w:tab/>
            </w:r>
            <w:r>
              <w:tab/>
            </w:r>
            <w:r>
              <w:tab/>
            </w:r>
            <w:r>
              <w:tab/>
            </w:r>
            <w:r>
              <w:tab/>
            </w:r>
            <w:r>
              <w:tab/>
              <w:t>&lt;input type="text" name="name" id="name" class="form-control" placeholder="Please enter your name." value="11" /&gt;</w:t>
            </w:r>
          </w:p>
          <w:p w:rsidR="00A35FED" w:rsidRDefault="00A35FED" w:rsidP="00A35FED">
            <w:r>
              <w:tab/>
            </w:r>
            <w:r>
              <w:tab/>
            </w:r>
            <w:r>
              <w:tab/>
            </w:r>
            <w:r>
              <w:tab/>
            </w:r>
            <w:r>
              <w:tab/>
            </w:r>
            <w:r>
              <w:tab/>
            </w:r>
            <w:r>
              <w:tab/>
            </w:r>
            <w:r>
              <w:tab/>
            </w:r>
            <w:r>
              <w:tab/>
              <w:t>&lt;/div&gt;</w:t>
            </w:r>
          </w:p>
          <w:p w:rsidR="00A35FED" w:rsidRDefault="00A35FED" w:rsidP="00A35FED">
            <w:r>
              <w:tab/>
            </w:r>
            <w:r>
              <w:tab/>
            </w:r>
            <w:r>
              <w:tab/>
            </w:r>
            <w:r>
              <w:tab/>
            </w:r>
            <w:r>
              <w:tab/>
            </w:r>
            <w:r>
              <w:tab/>
            </w:r>
            <w:r>
              <w:tab/>
            </w:r>
            <w:r>
              <w:tab/>
              <w:t xml:space="preserve">&lt;/div&gt;   </w:t>
            </w:r>
          </w:p>
          <w:p w:rsidR="00A35FED" w:rsidRDefault="00A35FED" w:rsidP="00A35FED">
            <w:r>
              <w:tab/>
            </w:r>
            <w:r>
              <w:tab/>
            </w:r>
            <w:r>
              <w:tab/>
            </w:r>
            <w:r>
              <w:tab/>
            </w:r>
            <w:r>
              <w:tab/>
            </w:r>
            <w:r>
              <w:tab/>
            </w:r>
            <w:r>
              <w:tab/>
            </w:r>
            <w:r>
              <w:tab/>
              <w:t>&lt;div class="mb-3 row"&gt;</w:t>
            </w:r>
          </w:p>
          <w:p w:rsidR="00A35FED" w:rsidRDefault="00A35FED" w:rsidP="00A35FED">
            <w:r>
              <w:tab/>
            </w:r>
            <w:r>
              <w:tab/>
            </w:r>
            <w:r>
              <w:tab/>
            </w:r>
            <w:r>
              <w:tab/>
            </w:r>
            <w:r>
              <w:tab/>
            </w:r>
            <w:r>
              <w:tab/>
            </w:r>
            <w:r>
              <w:tab/>
            </w:r>
            <w:r>
              <w:tab/>
            </w:r>
            <w:r>
              <w:tab/>
              <w:t>&lt;label class="col-sm-2 col-form-label text-end"&gt;Your Email*:&lt;/label&gt;</w:t>
            </w:r>
          </w:p>
          <w:p w:rsidR="00A35FED" w:rsidRDefault="00A35FED" w:rsidP="00A35FED">
            <w:r>
              <w:tab/>
            </w:r>
            <w:r>
              <w:tab/>
            </w:r>
            <w:r>
              <w:tab/>
            </w:r>
            <w:r>
              <w:tab/>
            </w:r>
            <w:r>
              <w:tab/>
            </w:r>
            <w:r>
              <w:tab/>
            </w:r>
            <w:r>
              <w:tab/>
            </w:r>
            <w:r>
              <w:tab/>
            </w:r>
            <w:r>
              <w:tab/>
              <w:t>&lt;div class="col-sm-8"&gt;</w:t>
            </w:r>
          </w:p>
          <w:p w:rsidR="00A35FED" w:rsidRDefault="00A35FED" w:rsidP="00A35FED">
            <w:r>
              <w:tab/>
            </w:r>
            <w:r>
              <w:tab/>
            </w:r>
            <w:r>
              <w:tab/>
            </w:r>
            <w:r>
              <w:tab/>
            </w:r>
            <w:r>
              <w:tab/>
            </w:r>
            <w:r>
              <w:tab/>
            </w:r>
            <w:r>
              <w:tab/>
            </w:r>
            <w:r>
              <w:tab/>
            </w:r>
            <w:r>
              <w:tab/>
            </w:r>
            <w:r>
              <w:tab/>
              <w:t>&lt;input type="hidden" name="p_id" id="p_id" class="form-control" value="&lt;?php echo $id;?&gt;" /&gt;</w:t>
            </w:r>
          </w:p>
          <w:p w:rsidR="00A35FED" w:rsidRDefault="00A35FED" w:rsidP="00A35FED">
            <w:r>
              <w:tab/>
            </w:r>
            <w:r>
              <w:tab/>
            </w:r>
            <w:r>
              <w:tab/>
            </w:r>
            <w:r>
              <w:tab/>
            </w:r>
            <w:r>
              <w:tab/>
            </w:r>
            <w:r>
              <w:tab/>
            </w:r>
            <w:r>
              <w:tab/>
            </w:r>
            <w:r>
              <w:tab/>
            </w:r>
            <w:r>
              <w:tab/>
            </w:r>
            <w:r>
              <w:tab/>
              <w:t>&lt;input type="text" name="email" id="email" class="form-control" placeholder="Please enter your email." value="a@gmail.com" /&gt;</w:t>
            </w:r>
          </w:p>
          <w:p w:rsidR="00A35FED" w:rsidRDefault="00A35FED" w:rsidP="00A35FED">
            <w:r>
              <w:tab/>
            </w:r>
            <w:r>
              <w:tab/>
            </w:r>
            <w:r>
              <w:tab/>
            </w:r>
            <w:r>
              <w:tab/>
            </w:r>
            <w:r>
              <w:tab/>
            </w:r>
            <w:r>
              <w:tab/>
            </w:r>
            <w:r>
              <w:tab/>
            </w:r>
            <w:r>
              <w:tab/>
            </w:r>
            <w:r>
              <w:tab/>
              <w:t>&lt;/div&gt;</w:t>
            </w:r>
          </w:p>
          <w:p w:rsidR="00A35FED" w:rsidRDefault="00A35FED" w:rsidP="00A35FED">
            <w:r>
              <w:tab/>
            </w:r>
            <w:r>
              <w:tab/>
            </w:r>
            <w:r>
              <w:tab/>
            </w:r>
            <w:r>
              <w:tab/>
            </w:r>
            <w:r>
              <w:tab/>
            </w:r>
            <w:r>
              <w:tab/>
            </w:r>
            <w:r>
              <w:tab/>
            </w:r>
            <w:r>
              <w:tab/>
              <w:t xml:space="preserve">&lt;/div&gt;  </w:t>
            </w:r>
          </w:p>
          <w:p w:rsidR="00A35FED" w:rsidRDefault="00A35FED" w:rsidP="00A35FED">
            <w:r>
              <w:tab/>
            </w:r>
            <w:r>
              <w:tab/>
            </w:r>
            <w:r>
              <w:tab/>
            </w:r>
            <w:r>
              <w:tab/>
            </w:r>
            <w:r>
              <w:tab/>
            </w:r>
            <w:r>
              <w:tab/>
            </w:r>
            <w:r>
              <w:tab/>
            </w:r>
            <w:r>
              <w:tab/>
              <w:t>&lt;div class="form-group"&gt;</w:t>
            </w:r>
          </w:p>
          <w:p w:rsidR="00A35FED" w:rsidRDefault="00A35FED" w:rsidP="00A35FED">
            <w:r>
              <w:tab/>
            </w:r>
            <w:r>
              <w:tab/>
            </w:r>
            <w:r>
              <w:tab/>
            </w:r>
            <w:r>
              <w:tab/>
            </w:r>
            <w:r>
              <w:tab/>
            </w:r>
            <w:r>
              <w:tab/>
            </w:r>
            <w:r>
              <w:tab/>
            </w:r>
            <w:r>
              <w:tab/>
            </w:r>
            <w:r>
              <w:tab/>
              <w:t xml:space="preserve">&lt;div class="offset-5 col-sm-6"&gt;  </w:t>
            </w:r>
          </w:p>
          <w:p w:rsidR="00A35FED" w:rsidRDefault="00A35FED" w:rsidP="00A35FED">
            <w:r>
              <w:tab/>
            </w:r>
            <w:r>
              <w:tab/>
            </w:r>
            <w:r>
              <w:tab/>
            </w:r>
            <w:r>
              <w:tab/>
            </w:r>
            <w:r>
              <w:tab/>
            </w:r>
            <w:r>
              <w:tab/>
            </w:r>
            <w:r>
              <w:tab/>
            </w:r>
            <w:r>
              <w:tab/>
            </w:r>
            <w:r>
              <w:tab/>
            </w:r>
            <w:r>
              <w:tab/>
              <w:t xml:space="preserve">&lt;button type="submit"  id="btnSubmit" class="btn btn-success"&gt;Send to &lt;?php echo $title ; ?&gt; &lt;/button&gt; </w:t>
            </w:r>
          </w:p>
          <w:p w:rsidR="00A35FED" w:rsidRDefault="00A35FED" w:rsidP="00A35FED">
            <w:r>
              <w:tab/>
            </w:r>
            <w:r>
              <w:tab/>
            </w:r>
            <w:r>
              <w:tab/>
            </w:r>
            <w:r>
              <w:tab/>
            </w:r>
            <w:r>
              <w:tab/>
            </w:r>
            <w:r>
              <w:tab/>
            </w:r>
            <w:r>
              <w:tab/>
            </w:r>
            <w:r>
              <w:tab/>
            </w:r>
            <w:r>
              <w:tab/>
              <w:t>&lt;/div&gt;</w:t>
            </w:r>
          </w:p>
          <w:p w:rsidR="00A35FED" w:rsidRDefault="00A35FED" w:rsidP="00A35FED">
            <w:r>
              <w:tab/>
            </w:r>
            <w:r>
              <w:tab/>
            </w:r>
            <w:r>
              <w:tab/>
            </w:r>
            <w:r>
              <w:tab/>
            </w:r>
            <w:r>
              <w:tab/>
            </w:r>
            <w:r>
              <w:tab/>
            </w:r>
            <w:r>
              <w:tab/>
            </w:r>
            <w:r>
              <w:tab/>
              <w:t>&lt;/div&gt;</w:t>
            </w:r>
          </w:p>
          <w:p w:rsidR="00A35FED" w:rsidRDefault="00A35FED" w:rsidP="00A35FED">
            <w:r>
              <w:t xml:space="preserve">                               //&lt;?php } else { ?&gt;</w:t>
            </w:r>
          </w:p>
          <w:p w:rsidR="00A35FED" w:rsidRDefault="00A35FED" w:rsidP="00A35FED">
            <w:r>
              <w:t xml:space="preserve">                                &lt;div class="form-group"&gt;</w:t>
            </w:r>
          </w:p>
          <w:p w:rsidR="00A35FED" w:rsidRDefault="00A35FED" w:rsidP="00A35FED">
            <w:r>
              <w:t xml:space="preserve">                                    &lt;div class="offset-1 "&gt; </w:t>
            </w:r>
          </w:p>
          <w:p w:rsidR="00A35FED" w:rsidRDefault="00A35FED" w:rsidP="00A35FED">
            <w:r>
              <w:t xml:space="preserve">                                    &lt;span&gt; Contact Information for &lt;?php echo $title ; ?&gt; is sent to your registered email id&lt;/span&gt;</w:t>
            </w:r>
          </w:p>
          <w:p w:rsidR="00A35FED" w:rsidRDefault="00A35FED" w:rsidP="00A35FED">
            <w:r>
              <w:t xml:space="preserve">                                    &lt;!--&lt;?php require_once('contact_email_process.php') ; ?&gt; --&gt;</w:t>
            </w:r>
          </w:p>
          <w:p w:rsidR="00A35FED" w:rsidRDefault="00A35FED" w:rsidP="00A35FED">
            <w:r>
              <w:t xml:space="preserve">                                    &lt;/div&gt;</w:t>
            </w:r>
          </w:p>
          <w:p w:rsidR="00A35FED" w:rsidRDefault="00A35FED" w:rsidP="00A35FED">
            <w:r>
              <w:t xml:space="preserve">                                    &lt;p&gt;Here are the details of Residence &lt;?php echo $title ; ?&gt;</w:t>
            </w:r>
          </w:p>
          <w:p w:rsidR="00A35FED" w:rsidRDefault="00A35FED" w:rsidP="00A35FED">
            <w:r>
              <w:tab/>
            </w:r>
            <w:r>
              <w:tab/>
            </w:r>
            <w:r>
              <w:tab/>
            </w:r>
            <w:r>
              <w:tab/>
              <w:t xml:space="preserve">  </w:t>
            </w:r>
            <w:r>
              <w:tab/>
            </w:r>
            <w:r>
              <w:tab/>
            </w:r>
            <w:r>
              <w:tab/>
            </w:r>
            <w:r>
              <w:tab/>
            </w:r>
            <w:r>
              <w:tab/>
            </w:r>
            <w:r>
              <w:tab/>
              <w:t>&lt;br&gt;</w:t>
            </w:r>
          </w:p>
          <w:p w:rsidR="00A35FED" w:rsidRDefault="00A35FED" w:rsidP="00A35FED">
            <w:r>
              <w:t xml:space="preserve">            </w:t>
            </w:r>
            <w:r>
              <w:tab/>
            </w:r>
            <w:r>
              <w:tab/>
            </w:r>
            <w:r>
              <w:tab/>
            </w:r>
            <w:r>
              <w:tab/>
            </w:r>
            <w:r>
              <w:tab/>
            </w:r>
            <w:r>
              <w:tab/>
              <w:t>Sales/Marketing Executive Name = &lt;?php echo $memberNameF ; ?&gt;</w:t>
            </w:r>
          </w:p>
          <w:p w:rsidR="00A35FED" w:rsidRDefault="00A35FED" w:rsidP="00A35FED">
            <w:r>
              <w:t xml:space="preserve">            </w:t>
            </w:r>
            <w:r>
              <w:tab/>
            </w:r>
            <w:r>
              <w:tab/>
            </w:r>
            <w:r>
              <w:tab/>
            </w:r>
            <w:r>
              <w:tab/>
            </w:r>
            <w:r>
              <w:tab/>
            </w:r>
            <w:r>
              <w:tab/>
              <w:t>&lt;br&gt;</w:t>
            </w:r>
          </w:p>
          <w:p w:rsidR="00A35FED" w:rsidRDefault="00A35FED" w:rsidP="00A35FED">
            <w:r>
              <w:t xml:space="preserve">            </w:t>
            </w:r>
            <w:r>
              <w:tab/>
            </w:r>
            <w:r>
              <w:tab/>
            </w:r>
            <w:r>
              <w:tab/>
            </w:r>
            <w:r>
              <w:tab/>
            </w:r>
            <w:r>
              <w:tab/>
            </w:r>
            <w:r>
              <w:tab/>
              <w:t>Executive Contact Number = &lt;?php echo $memberPhone; ?&gt;</w:t>
            </w:r>
          </w:p>
          <w:p w:rsidR="00A35FED" w:rsidRDefault="00A35FED" w:rsidP="00A35FED">
            <w:r>
              <w:t xml:space="preserve">            </w:t>
            </w:r>
            <w:r>
              <w:tab/>
            </w:r>
            <w:r>
              <w:tab/>
            </w:r>
            <w:r>
              <w:tab/>
            </w:r>
            <w:r>
              <w:tab/>
            </w:r>
            <w:r>
              <w:tab/>
            </w:r>
            <w:r>
              <w:tab/>
              <w:t>&lt;br&gt;</w:t>
            </w:r>
          </w:p>
          <w:p w:rsidR="00A35FED" w:rsidRDefault="00A35FED" w:rsidP="00A35FED">
            <w:r>
              <w:lastRenderedPageBreak/>
              <w:t xml:space="preserve">            </w:t>
            </w:r>
            <w:r>
              <w:tab/>
            </w:r>
            <w:r>
              <w:tab/>
            </w:r>
            <w:r>
              <w:tab/>
            </w:r>
            <w:r>
              <w:tab/>
            </w:r>
            <w:r>
              <w:tab/>
            </w:r>
            <w:r>
              <w:tab/>
              <w:t>Executive Email Id = '&lt;?php echo $memberEmail; ?&gt;</w:t>
            </w:r>
          </w:p>
          <w:p w:rsidR="00A35FED" w:rsidRDefault="00A35FED" w:rsidP="00A35FED">
            <w:r>
              <w:t xml:space="preserve">            </w:t>
            </w:r>
            <w:r>
              <w:tab/>
            </w:r>
            <w:r>
              <w:tab/>
            </w:r>
            <w:r>
              <w:tab/>
            </w:r>
            <w:r>
              <w:tab/>
            </w:r>
            <w:r>
              <w:tab/>
            </w:r>
            <w:r>
              <w:tab/>
              <w:t>&lt;br&gt;</w:t>
            </w:r>
          </w:p>
          <w:p w:rsidR="00A35FED" w:rsidRDefault="00A35FED" w:rsidP="00A35FED">
            <w:r>
              <w:t xml:space="preserve">            </w:t>
            </w:r>
            <w:r>
              <w:tab/>
            </w:r>
            <w:r>
              <w:tab/>
            </w:r>
            <w:r>
              <w:tab/>
            </w:r>
            <w:r>
              <w:tab/>
            </w:r>
            <w:r>
              <w:tab/>
            </w:r>
            <w:r>
              <w:tab/>
              <w:t>Residence Location = &lt;?php echo $resaddress; ?&gt;</w:t>
            </w:r>
          </w:p>
          <w:p w:rsidR="00A35FED" w:rsidRDefault="00A35FED" w:rsidP="00A35FED">
            <w:r>
              <w:t xml:space="preserve">            </w:t>
            </w:r>
            <w:r>
              <w:tab/>
            </w:r>
            <w:r>
              <w:tab/>
            </w:r>
            <w:r>
              <w:tab/>
            </w:r>
            <w:r>
              <w:tab/>
            </w:r>
            <w:r>
              <w:tab/>
            </w:r>
            <w:r>
              <w:tab/>
              <w:t>&lt;/p&gt;</w:t>
            </w:r>
          </w:p>
          <w:p w:rsidR="00A35FED" w:rsidRDefault="00A35FED" w:rsidP="00A35FED">
            <w:r>
              <w:t xml:space="preserve">                                &lt;/div&gt;</w:t>
            </w:r>
          </w:p>
          <w:p w:rsidR="00A35FED" w:rsidRDefault="00A35FED" w:rsidP="00A35FED">
            <w:r>
              <w:t xml:space="preserve">                                //&lt;?php } ?&gt;</w:t>
            </w:r>
          </w:p>
          <w:p w:rsidR="00A35FED" w:rsidRDefault="00A35FED" w:rsidP="00A35FED">
            <w:r>
              <w:tab/>
            </w:r>
            <w:r>
              <w:tab/>
            </w:r>
            <w:r>
              <w:tab/>
            </w:r>
            <w:r>
              <w:tab/>
            </w:r>
            <w:r>
              <w:tab/>
            </w:r>
            <w:r>
              <w:tab/>
            </w:r>
            <w:r>
              <w:tab/>
              <w:t xml:space="preserve">&lt;/form&gt; </w:t>
            </w:r>
          </w:p>
          <w:p w:rsidR="00A35FED" w:rsidRDefault="00A35FED" w:rsidP="00A35FED">
            <w:r>
              <w:tab/>
            </w:r>
            <w:r>
              <w:tab/>
            </w:r>
            <w:r>
              <w:tab/>
            </w:r>
            <w:r>
              <w:tab/>
            </w:r>
            <w:r>
              <w:tab/>
            </w:r>
            <w:r>
              <w:tab/>
              <w:t xml:space="preserve">  </w:t>
            </w:r>
          </w:p>
          <w:p w:rsidR="00A35FED" w:rsidRDefault="00A35FED" w:rsidP="00A35FED">
            <w:r>
              <w:tab/>
            </w:r>
            <w:r>
              <w:tab/>
            </w:r>
            <w:r>
              <w:tab/>
            </w:r>
            <w:r>
              <w:tab/>
            </w:r>
            <w:r>
              <w:tab/>
            </w:r>
            <w:r>
              <w:tab/>
              <w:t>&lt;/div&gt;</w:t>
            </w:r>
          </w:p>
          <w:p w:rsidR="00A35FED" w:rsidRDefault="00A35FED" w:rsidP="00A35FED">
            <w:r>
              <w:tab/>
            </w:r>
            <w:r>
              <w:tab/>
            </w:r>
            <w:r>
              <w:tab/>
            </w:r>
            <w:r>
              <w:tab/>
            </w:r>
            <w:r>
              <w:tab/>
            </w:r>
            <w:r>
              <w:tab/>
              <w:t>&lt;!-- Modal footer --&gt;</w:t>
            </w:r>
          </w:p>
          <w:p w:rsidR="00A35FED" w:rsidRDefault="00A35FED" w:rsidP="00A35FED">
            <w:r>
              <w:t xml:space="preserve">                        &lt;!--&lt;div class="modal-footer text-left"&gt; --&gt;</w:t>
            </w:r>
          </w:p>
          <w:p w:rsidR="00A35FED" w:rsidRDefault="00A35FED" w:rsidP="00A35FED">
            <w:r>
              <w:t xml:space="preserve">                        &lt;div class="text-left"&gt;</w:t>
            </w:r>
          </w:p>
          <w:p w:rsidR="00A35FED" w:rsidRDefault="00A35FED" w:rsidP="00A35FED">
            <w:r>
              <w:t xml:space="preserve">                          &lt;p&gt;</w:t>
            </w:r>
          </w:p>
          <w:p w:rsidR="00A35FED" w:rsidRDefault="00A35FED" w:rsidP="00A35FED">
            <w:r>
              <w:t xml:space="preserve">                          &lt;!--1. Please register in case if you haven't registered yet.    </w:t>
            </w:r>
          </w:p>
          <w:p w:rsidR="00A35FED" w:rsidRDefault="00A35FED" w:rsidP="00A35FED">
            <w:r>
              <w:t xml:space="preserve">                              </w:t>
            </w:r>
          </w:p>
          <w:p w:rsidR="00A35FED" w:rsidRDefault="00A35FED" w:rsidP="00A35FED">
            <w:r>
              <w:t xml:space="preserve">                          &lt;/p&gt;--&gt;</w:t>
            </w:r>
          </w:p>
          <w:p w:rsidR="00A35FED" w:rsidRDefault="00A35FED" w:rsidP="00A35FED">
            <w:r>
              <w:t xml:space="preserve">                          &lt;!--&lt;button type="button" class="btn btn-danger" data-dismiss="modal"&gt;Close&lt;/button&gt;--&gt;</w:t>
            </w:r>
          </w:p>
          <w:p w:rsidR="00A35FED" w:rsidRDefault="00A35FED" w:rsidP="00A35FED">
            <w:r>
              <w:t xml:space="preserve">                        &lt;/div&gt;</w:t>
            </w:r>
          </w:p>
          <w:p w:rsidR="00A35FED" w:rsidRDefault="00A35FED" w:rsidP="00A35FED">
            <w:r>
              <w:t xml:space="preserve">                        &lt;div class="modal-footer"&gt;</w:t>
            </w:r>
          </w:p>
          <w:p w:rsidR="00A35FED" w:rsidRDefault="00A35FED" w:rsidP="00A35FED">
            <w:r>
              <w:tab/>
            </w:r>
            <w:r>
              <w:tab/>
            </w:r>
            <w:r>
              <w:tab/>
            </w:r>
            <w:r>
              <w:tab/>
            </w:r>
            <w:r>
              <w:tab/>
            </w:r>
            <w:r>
              <w:tab/>
              <w:t xml:space="preserve">    </w:t>
            </w:r>
          </w:p>
          <w:p w:rsidR="00A35FED" w:rsidRDefault="00A35FED" w:rsidP="00A35FED">
            <w:r>
              <w:tab/>
            </w:r>
            <w:r>
              <w:tab/>
            </w:r>
            <w:r>
              <w:tab/>
            </w:r>
            <w:r>
              <w:tab/>
            </w:r>
            <w:r>
              <w:tab/>
            </w:r>
            <w:r>
              <w:tab/>
              <w:t xml:space="preserve">  &lt;button type="button" class="btn btn-default" data-dismiss="modal"&gt;Close&lt;/button&gt;</w:t>
            </w:r>
          </w:p>
          <w:p w:rsidR="00A35FED" w:rsidRDefault="00A35FED" w:rsidP="00A35FED">
            <w:r>
              <w:tab/>
            </w:r>
            <w:r>
              <w:tab/>
            </w:r>
            <w:r>
              <w:tab/>
            </w:r>
            <w:r>
              <w:tab/>
            </w:r>
            <w:r>
              <w:tab/>
            </w:r>
            <w:r>
              <w:tab/>
              <w:t>&lt;/div&gt;</w:t>
            </w:r>
          </w:p>
          <w:p w:rsidR="00A35FED" w:rsidRDefault="00A35FED" w:rsidP="00A35FED">
            <w:r>
              <w:tab/>
            </w:r>
            <w:r>
              <w:tab/>
            </w:r>
            <w:r>
              <w:tab/>
            </w:r>
            <w:r>
              <w:tab/>
            </w:r>
            <w:r>
              <w:tab/>
              <w:t xml:space="preserve">  &lt;/div&gt;</w:t>
            </w:r>
          </w:p>
          <w:p w:rsidR="00A35FED" w:rsidRDefault="00A35FED" w:rsidP="00A35FED">
            <w:r>
              <w:tab/>
            </w:r>
            <w:r>
              <w:tab/>
            </w:r>
            <w:r>
              <w:tab/>
            </w:r>
            <w:r>
              <w:tab/>
            </w:r>
            <w:r>
              <w:tab/>
              <w:t xml:space="preserve">  </w:t>
            </w:r>
          </w:p>
          <w:p w:rsidR="00A35FED" w:rsidRDefault="00A35FED" w:rsidP="00A35FED">
            <w:r>
              <w:tab/>
            </w:r>
            <w:r>
              <w:tab/>
            </w:r>
            <w:r>
              <w:tab/>
            </w:r>
            <w:r>
              <w:tab/>
            </w:r>
            <w:r>
              <w:tab/>
              <w:t>&lt;/div&gt;</w:t>
            </w:r>
          </w:p>
          <w:p w:rsidR="00A35FED" w:rsidRDefault="00A35FED" w:rsidP="00A35FED">
            <w:r>
              <w:tab/>
            </w:r>
            <w:r>
              <w:tab/>
            </w:r>
            <w:r>
              <w:tab/>
            </w:r>
            <w:r>
              <w:tab/>
              <w:t xml:space="preserve">  &lt;/div&gt;</w:t>
            </w:r>
          </w:p>
          <w:p w:rsidR="00A35FED" w:rsidRDefault="00A35FED" w:rsidP="00A35FED">
            <w:r>
              <w:t xml:space="preserve">                </w:t>
            </w:r>
          </w:p>
          <w:p w:rsidR="00A35FED" w:rsidRDefault="00A35FED" w:rsidP="00A35FED">
            <w:r>
              <w:t xml:space="preserve">                &lt;div class="modal fade" id="myModal311" style="max-height: 500px !important; margin-top: 70px; margin-bottom: 170px;"&gt;</w:t>
            </w:r>
          </w:p>
          <w:p w:rsidR="00A35FED" w:rsidRDefault="00A35FED" w:rsidP="00A35FED">
            <w:r>
              <w:t xml:space="preserve">                    &lt;div class="modal-dialog modal-dialog-scrollable modal-lg"&gt;</w:t>
            </w:r>
          </w:p>
          <w:p w:rsidR="00A35FED" w:rsidRDefault="00A35FED" w:rsidP="00A35FED">
            <w:r>
              <w:t xml:space="preserve">                      &lt;div class="modal-content"&gt;</w:t>
            </w:r>
          </w:p>
          <w:p w:rsidR="00A35FED" w:rsidRDefault="00A35FED" w:rsidP="00A35FED"/>
          <w:p w:rsidR="00A35FED" w:rsidRDefault="00A35FED" w:rsidP="00A35FED">
            <w:r>
              <w:t xml:space="preserve">                        &lt;!-- Modal Header --&gt;</w:t>
            </w:r>
          </w:p>
          <w:p w:rsidR="00A35FED" w:rsidRDefault="00A35FED" w:rsidP="00A35FED">
            <w:r>
              <w:t xml:space="preserve">                        &lt;div class="modal-header"&gt;</w:t>
            </w:r>
          </w:p>
          <w:p w:rsidR="00A35FED" w:rsidRDefault="00A35FED" w:rsidP="00A35FED">
            <w:r>
              <w:t xml:space="preserve">                         &lt;h5&gt;</w:t>
            </w:r>
          </w:p>
          <w:p w:rsidR="00A35FED" w:rsidRDefault="00A35FED" w:rsidP="00A35FED">
            <w:r>
              <w:t xml:space="preserve">                                &lt;i class="fa fa-tasks" aria-hidden="true"&gt;&lt;/i&gt;</w:t>
            </w:r>
          </w:p>
          <w:p w:rsidR="00A35FED" w:rsidRDefault="00A35FED" w:rsidP="00A35FED">
            <w:r>
              <w:t xml:space="preserve">                                &lt;?php echo $reqType ; ?&gt; Information of &lt;?php echo $title ; ?&gt; </w:t>
            </w:r>
          </w:p>
          <w:p w:rsidR="00A35FED" w:rsidRDefault="00A35FED" w:rsidP="00A35FED">
            <w:r>
              <w:t xml:space="preserve">                               </w:t>
            </w:r>
          </w:p>
          <w:p w:rsidR="00A35FED" w:rsidRDefault="00A35FED" w:rsidP="00A35FED">
            <w:r>
              <w:t xml:space="preserve">                            &lt;/h5&gt;</w:t>
            </w:r>
          </w:p>
          <w:p w:rsidR="00A35FED" w:rsidRDefault="00A35FED" w:rsidP="00A35FED">
            <w:r>
              <w:t xml:space="preserve">                          &lt;button type="button" class="close" data-dismiss="modal"&gt;&amp;#x274C;&lt;/button&gt;</w:t>
            </w:r>
          </w:p>
          <w:p w:rsidR="00A35FED" w:rsidRDefault="00A35FED" w:rsidP="00A35FED">
            <w:r>
              <w:t xml:space="preserve">                        &lt;/div&gt;</w:t>
            </w:r>
          </w:p>
          <w:p w:rsidR="00A35FED" w:rsidRDefault="00A35FED" w:rsidP="00A35FED">
            <w:r>
              <w:t xml:space="preserve">                        </w:t>
            </w:r>
          </w:p>
          <w:p w:rsidR="00A35FED" w:rsidRDefault="00A35FED" w:rsidP="00A35FED">
            <w:r>
              <w:t xml:space="preserve">                        &lt;!-- Modal body --&gt;</w:t>
            </w:r>
          </w:p>
          <w:p w:rsidR="00A35FED" w:rsidRDefault="00A35FED" w:rsidP="00A35FED">
            <w:r>
              <w:t xml:space="preserve">                        </w:t>
            </w:r>
          </w:p>
          <w:p w:rsidR="00A35FED" w:rsidRDefault="00A35FED" w:rsidP="00A35FED">
            <w:r>
              <w:t xml:space="preserve">                        &lt;div class="modal-body"&gt; </w:t>
            </w:r>
          </w:p>
          <w:p w:rsidR="00A35FED" w:rsidRDefault="00A35FED" w:rsidP="00A35FED">
            <w:r>
              <w:tab/>
            </w:r>
            <w:r>
              <w:tab/>
            </w:r>
            <w:r>
              <w:tab/>
            </w:r>
            <w:r>
              <w:tab/>
            </w:r>
            <w:r>
              <w:tab/>
            </w:r>
            <w:r>
              <w:tab/>
            </w:r>
            <w:r>
              <w:tab/>
              <w:t>&lt;div class=""&gt;</w:t>
            </w:r>
          </w:p>
          <w:p w:rsidR="00A35FED" w:rsidRDefault="00A35FED" w:rsidP="00A35FED">
            <w:r>
              <w:lastRenderedPageBreak/>
              <w:t xml:space="preserve">                            </w:t>
            </w:r>
          </w:p>
          <w:p w:rsidR="00A35FED" w:rsidRDefault="00A35FED" w:rsidP="00A35FED">
            <w:r>
              <w:t xml:space="preserve">                            &lt;div class="card card-body bg-light"&gt;</w:t>
            </w:r>
          </w:p>
          <w:p w:rsidR="00A35FED" w:rsidRDefault="00A35FED" w:rsidP="00A35FED">
            <w:r>
              <w:t xml:space="preserve">                           </w:t>
            </w:r>
          </w:p>
          <w:p w:rsidR="00A35FED" w:rsidRDefault="00A35FED" w:rsidP="00A35FED">
            <w:r>
              <w:t xml:space="preserve">                        &lt;br&gt;</w:t>
            </w:r>
          </w:p>
          <w:p w:rsidR="00A35FED" w:rsidRDefault="00A35FED" w:rsidP="00A35FED">
            <w:r>
              <w:t xml:space="preserve">        </w:t>
            </w:r>
          </w:p>
          <w:p w:rsidR="00A35FED" w:rsidRDefault="00A35FED" w:rsidP="00A35FED">
            <w:r>
              <w:t xml:space="preserve">                        &lt;form action="" method="post" id="getcontactresidenceForm&lt;?php echo $memberId ; ?&gt;"&gt;</w:t>
            </w:r>
          </w:p>
          <w:p w:rsidR="00A35FED" w:rsidRDefault="00A35FED" w:rsidP="00A35FED">
            <w:r>
              <w:t xml:space="preserve">                            </w:t>
            </w:r>
          </w:p>
          <w:p w:rsidR="00A35FED" w:rsidRDefault="00A35FED" w:rsidP="00A35FED">
            <w:r>
              <w:t xml:space="preserve">                            &lt;input type="hidden" name="sessionId" value="&lt;?php echo CURRENT_SESSION_ID ; ?&gt;" /&gt;</w:t>
            </w:r>
          </w:p>
          <w:p w:rsidR="00A35FED" w:rsidRDefault="00A35FED" w:rsidP="00A35FED">
            <w:r>
              <w:t xml:space="preserve">                            &lt;input type="hidden" name="item" value="User" /&gt;</w:t>
            </w:r>
          </w:p>
          <w:p w:rsidR="00A35FED" w:rsidRDefault="00A35FED" w:rsidP="00A35FED">
            <w:r>
              <w:t xml:space="preserve">                            &lt;input type="hidden" name="reqType" value="&lt;?php echo $reqType ; ?&gt;" /&gt;</w:t>
            </w:r>
          </w:p>
          <w:p w:rsidR="00A35FED" w:rsidRDefault="00A35FED" w:rsidP="00A35FED">
            <w:r>
              <w:t xml:space="preserve">                            &lt;input type="hidden" name="memberId" value="&lt;?php echo $memberId ; ?&gt;" /&gt;</w:t>
            </w:r>
          </w:p>
          <w:p w:rsidR="00A35FED" w:rsidRDefault="00A35FED" w:rsidP="00A35FED">
            <w:r>
              <w:t xml:space="preserve">                            </w:t>
            </w:r>
          </w:p>
          <w:p w:rsidR="00A35FED" w:rsidRDefault="00A35FED" w:rsidP="00A35FED">
            <w:r>
              <w:t xml:space="preserve">                </w:t>
            </w:r>
          </w:p>
          <w:p w:rsidR="00A35FED" w:rsidRDefault="00A35FED" w:rsidP="00A35FED">
            <w:r>
              <w:t xml:space="preserve">                            &lt;!--&lt;div class="mb-3 row"&gt;</w:t>
            </w:r>
          </w:p>
          <w:p w:rsidR="00A35FED" w:rsidRDefault="00A35FED" w:rsidP="00A35FED">
            <w:r>
              <w:t xml:space="preserve">                                &lt;label class="col-sm-2 col-form-label text-end"&gt;Your Name*:&lt;/label&gt;</w:t>
            </w:r>
          </w:p>
          <w:p w:rsidR="00A35FED" w:rsidRDefault="00A35FED" w:rsidP="00A35FED">
            <w:r>
              <w:t xml:space="preserve">                                &lt;div class="col-sm-8"&gt;</w:t>
            </w:r>
          </w:p>
          <w:p w:rsidR="00A35FED" w:rsidRDefault="00A35FED" w:rsidP="00A35FED">
            <w:r>
              <w:t xml:space="preserve">                                    &lt;input type="text" name="name" class="form-control" required="" value="&lt;?php echo $userName ; ?&gt;" /&gt;</w:t>
            </w:r>
          </w:p>
          <w:p w:rsidR="00A35FED" w:rsidRDefault="00A35FED" w:rsidP="00A35FED">
            <w:r>
              <w:t xml:space="preserve">                                &lt;/div&gt;</w:t>
            </w:r>
          </w:p>
          <w:p w:rsidR="00A35FED" w:rsidRDefault="00A35FED" w:rsidP="00A35FED">
            <w:r>
              <w:t xml:space="preserve">                            &lt;/div&gt;--&gt;</w:t>
            </w:r>
          </w:p>
          <w:p w:rsidR="00A35FED" w:rsidRDefault="00A35FED" w:rsidP="00A35FED">
            <w:r>
              <w:t xml:space="preserve">                            &lt;div class="mb-3 row"&gt;</w:t>
            </w:r>
          </w:p>
          <w:p w:rsidR="00A35FED" w:rsidRDefault="00A35FED" w:rsidP="00A35FED">
            <w:r>
              <w:t xml:space="preserve">                                &lt;label class="col-sm-2 col-form-label text-end"&gt;Your Email*:&lt;/label&gt;</w:t>
            </w:r>
          </w:p>
          <w:p w:rsidR="00A35FED" w:rsidRDefault="00A35FED" w:rsidP="00A35FED">
            <w:r>
              <w:t xml:space="preserve">                                &lt;div class="col-sm-8"&gt;</w:t>
            </w:r>
          </w:p>
          <w:p w:rsidR="00A35FED" w:rsidRDefault="00A35FED" w:rsidP="00A35FED">
            <w:r>
              <w:t xml:space="preserve">                                    &lt;input type="email" name="email" id="inputEmail" class="form-control" required="" value="&lt;?php echo $email ; ?&gt;" /&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mb-3 row"&gt;</w:t>
            </w:r>
          </w:p>
          <w:p w:rsidR="00A35FED" w:rsidRDefault="00A35FED" w:rsidP="00A35FED">
            <w:r>
              <w:t xml:space="preserve">                                &lt;label class="col-sm-2 col-form-label text-end"&gt;Password*:&lt;/label&gt;</w:t>
            </w:r>
          </w:p>
          <w:p w:rsidR="00A35FED" w:rsidRDefault="00A35FED" w:rsidP="00A35FED">
            <w:r>
              <w:t xml:space="preserve">                                &lt;div class="col-sm-8"&gt;</w:t>
            </w:r>
          </w:p>
          <w:p w:rsidR="00A35FED" w:rsidRDefault="00A35FED" w:rsidP="00A35FED">
            <w:r>
              <w:t xml:space="preserve">                                   &lt;input type="password" name="password" id="inputpassword" class="form-control" required="" value="" /&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lt;div class="form-group"&gt;</w:t>
            </w:r>
          </w:p>
          <w:p w:rsidR="00A35FED" w:rsidRDefault="00A35FED" w:rsidP="00A35FED">
            <w:r>
              <w:t xml:space="preserve">                                &lt;div class="offset-5 col-sm-6"&gt;</w:t>
            </w:r>
          </w:p>
          <w:p w:rsidR="00A35FED" w:rsidRDefault="00A35FED" w:rsidP="00A35FED">
            <w:r>
              <w:t xml:space="preserve">                                    &lt;div class="collapse" id="processSpan"&gt;</w:t>
            </w:r>
          </w:p>
          <w:p w:rsidR="00A35FED" w:rsidRDefault="00A35FED" w:rsidP="00A35FED">
            <w:r>
              <w:t xml:space="preserve">                                        &lt;div class="spinner-border text-primary" &gt;</w:t>
            </w:r>
          </w:p>
          <w:p w:rsidR="00A35FED" w:rsidRDefault="00A35FED" w:rsidP="00A35FED">
            <w:r>
              <w:t xml:space="preserve">                                          &lt;span class="visually-hidden"&gt;Loading...&lt;/span&gt;</w:t>
            </w:r>
          </w:p>
          <w:p w:rsidR="00A35FED" w:rsidRDefault="00A35FED" w:rsidP="00A35FED">
            <w:r>
              <w:t xml:space="preserve">                                        &lt;/div&gt; Processing please wait..</w:t>
            </w:r>
          </w:p>
          <w:p w:rsidR="00A35FED" w:rsidRDefault="00A35FED" w:rsidP="00A35FED">
            <w:r>
              <w:t xml:space="preserve">                                    &lt;/div&gt;</w:t>
            </w:r>
          </w:p>
          <w:p w:rsidR="00A35FED" w:rsidRDefault="00A35FED" w:rsidP="00A35FED">
            <w:r>
              <w:t xml:space="preserve">                                    &lt;small id="log_result&lt;?php echo $memberId ; ?&gt;"&gt;&lt;/small&gt;</w:t>
            </w:r>
          </w:p>
          <w:p w:rsidR="00A35FED" w:rsidRDefault="00A35FED" w:rsidP="00A35FED">
            <w:r>
              <w:lastRenderedPageBreak/>
              <w:t xml:space="preserve">                                    &lt;div id="submitBtnsBox" class="text-end"&gt;</w:t>
            </w:r>
          </w:p>
          <w:p w:rsidR="00A35FED" w:rsidRDefault="00A35FED" w:rsidP="00A35FED">
            <w:r>
              <w:t xml:space="preserve">                                        &lt;button type="submit" class="btn btn-success"&gt;Send to &lt;?php echo $title ; ?&gt; &lt;/button&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w:t>
            </w:r>
          </w:p>
          <w:p w:rsidR="00A35FED" w:rsidRDefault="00A35FED" w:rsidP="00A35FED">
            <w:r>
              <w:t xml:space="preserve">                        &lt;/form&gt;</w:t>
            </w:r>
          </w:p>
          <w:p w:rsidR="00A35FED" w:rsidRDefault="00A35FED" w:rsidP="00A35FED">
            <w:r>
              <w:t xml:space="preserve">                        </w:t>
            </w:r>
          </w:p>
          <w:p w:rsidR="00A35FED" w:rsidRDefault="00A35FED" w:rsidP="00A35FED">
            <w:r>
              <w:t xml:space="preserve">                  &lt;/div&gt;</w:t>
            </w:r>
          </w:p>
          <w:p w:rsidR="00A35FED" w:rsidRDefault="00A35FED" w:rsidP="00A35FED">
            <w:r>
              <w:t xml:space="preserve">                  </w:t>
            </w:r>
          </w:p>
          <w:p w:rsidR="00A35FED" w:rsidRDefault="00A35FED" w:rsidP="00A35FED">
            <w:r>
              <w:t xml:space="preserve">                &lt;/div&gt;</w:t>
            </w:r>
          </w:p>
          <w:p w:rsidR="00A35FED" w:rsidRDefault="00A35FED" w:rsidP="00A35FED">
            <w:r>
              <w:t xml:space="preserve">                    </w:t>
            </w:r>
          </w:p>
          <w:p w:rsidR="00A35FED" w:rsidRDefault="00A35FED" w:rsidP="00A35FED"/>
          <w:p w:rsidR="00A35FED" w:rsidRDefault="00A35FED" w:rsidP="00A35FED">
            <w:r>
              <w:t xml:space="preserve">                        &lt;!-- Modal footer --&gt;</w:t>
            </w:r>
          </w:p>
          <w:p w:rsidR="00A35FED" w:rsidRDefault="00A35FED" w:rsidP="00A35FED">
            <w:r>
              <w:t xml:space="preserve">                       &lt;div class="text-left"&gt;</w:t>
            </w:r>
          </w:p>
          <w:p w:rsidR="00A35FED" w:rsidRDefault="00A35FED" w:rsidP="00A35FED">
            <w:r>
              <w:t xml:space="preserve">                          &lt;p&gt;</w:t>
            </w:r>
          </w:p>
          <w:p w:rsidR="00A35FED" w:rsidRDefault="00A35FED" w:rsidP="00A35FED">
            <w:r>
              <w:t xml:space="preserve">                          1. Please register in case if you haven't registered yet.    </w:t>
            </w:r>
          </w:p>
          <w:p w:rsidR="00A35FED" w:rsidRDefault="00A35FED" w:rsidP="00A35FED">
            <w:r>
              <w:t xml:space="preserve">                              </w:t>
            </w:r>
          </w:p>
          <w:p w:rsidR="00A35FED" w:rsidRDefault="00A35FED" w:rsidP="00A35FED">
            <w:r>
              <w:t xml:space="preserve">                          &lt;/p&gt;</w:t>
            </w:r>
          </w:p>
          <w:p w:rsidR="00A35FED" w:rsidRDefault="00A35FED" w:rsidP="00A35FED">
            <w:r>
              <w:t xml:space="preserve">                          &lt;!--&lt;button type="button" class="btn btn-danger" data-dismiss="modal"&gt;Close&lt;/button&gt;--&gt;</w:t>
            </w:r>
          </w:p>
          <w:p w:rsidR="00A35FED" w:rsidRDefault="00A35FED" w:rsidP="00A35FED">
            <w:r>
              <w:t xml:space="preserve">                        &lt;/div&gt;</w:t>
            </w:r>
          </w:p>
          <w:p w:rsidR="00A35FED" w:rsidRDefault="00A35FED" w:rsidP="00A35FED"/>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end of modal pop-up for SeniorPlaceFinder Get Contact section --&gt; </w:t>
            </w:r>
          </w:p>
          <w:p w:rsidR="00A35FED" w:rsidRDefault="00A35FED" w:rsidP="00A35FED">
            <w:r>
              <w:t xml:space="preserve">                </w:t>
            </w:r>
          </w:p>
          <w:p w:rsidR="00A35FED" w:rsidRDefault="00A35FED" w:rsidP="00A35FED">
            <w:r>
              <w:t xml:space="preserve">                &lt;!--start of modal pop-up for SeniorPlaceFinder add to wish list section --&gt;  </w:t>
            </w:r>
          </w:p>
          <w:p w:rsidR="00A35FED" w:rsidRDefault="00A35FED" w:rsidP="00A35FED">
            <w:r>
              <w:t xml:space="preserve">                &lt;div class="modal fade" id="myModal4" style="max-height: 500px !important; margin-top: 70px; margin-bottom: 170px;"&gt;</w:t>
            </w:r>
          </w:p>
          <w:p w:rsidR="00A35FED" w:rsidRDefault="00A35FED" w:rsidP="00A35FED">
            <w:r>
              <w:t xml:space="preserve">                    &lt;div class="modal-dialog modal-dialog-scrollable modal-lg" style="height: 846px; width:1000;"&gt;</w:t>
            </w:r>
          </w:p>
          <w:p w:rsidR="00A35FED" w:rsidRDefault="00A35FED" w:rsidP="00A35FED">
            <w:r>
              <w:t xml:space="preserve">                      &lt;div class="modal-content"&gt;</w:t>
            </w:r>
          </w:p>
          <w:p w:rsidR="00A35FED" w:rsidRDefault="00A35FED" w:rsidP="00A35FED"/>
          <w:p w:rsidR="00A35FED" w:rsidRDefault="00A35FED" w:rsidP="00A35FED">
            <w:r>
              <w:t xml:space="preserve">                        &lt;!-- Modal Header --&gt;</w:t>
            </w:r>
          </w:p>
          <w:p w:rsidR="00A35FED" w:rsidRDefault="00A35FED" w:rsidP="00A35FED">
            <w:r>
              <w:t xml:space="preserve">                        &lt;div class="modal-header"&gt;</w:t>
            </w:r>
          </w:p>
          <w:p w:rsidR="00A35FED" w:rsidRDefault="00A35FED" w:rsidP="00A35FED">
            <w:r>
              <w:t xml:space="preserve">                        &lt;h4 class="modal-title"&gt;Add this location to your list&lt;/h4&gt;</w:t>
            </w:r>
          </w:p>
          <w:p w:rsidR="00A35FED" w:rsidRDefault="00A35FED" w:rsidP="00A35FED">
            <w:r>
              <w:t xml:space="preserve">                          &lt;button type="button" class="close" data-dismiss="modal"&gt;&amp;#x274C;&lt;/button&gt;</w:t>
            </w:r>
          </w:p>
          <w:p w:rsidR="00A35FED" w:rsidRDefault="00A35FED" w:rsidP="00A35FED">
            <w:r>
              <w:t xml:space="preserve">                        &lt;/div&gt;</w:t>
            </w:r>
          </w:p>
          <w:p w:rsidR="00A35FED" w:rsidRDefault="00A35FED" w:rsidP="00A35FED"/>
          <w:p w:rsidR="00A35FED" w:rsidRDefault="00A35FED" w:rsidP="00A35FED">
            <w:r>
              <w:t xml:space="preserve">                        &lt;!-- Modal body --&gt;</w:t>
            </w:r>
          </w:p>
          <w:p w:rsidR="00A35FED" w:rsidRDefault="00A35FED" w:rsidP="00A35FED">
            <w:r>
              <w:t xml:space="preserve">                        &lt;div class="modal-body" style= "height: 600px; overflow-y: scroll;"&gt;</w:t>
            </w:r>
          </w:p>
          <w:p w:rsidR="00A35FED" w:rsidRDefault="00A35FED" w:rsidP="00A35FED">
            <w:r>
              <w:t xml:space="preserve">                            </w:t>
            </w:r>
          </w:p>
          <w:p w:rsidR="00A35FED" w:rsidRDefault="00A35FED" w:rsidP="00A35FED">
            <w:r>
              <w:t xml:space="preserve">                            &lt;div class=""&gt;</w:t>
            </w:r>
          </w:p>
          <w:p w:rsidR="00A35FED" w:rsidRDefault="00A35FED" w:rsidP="00A35FED">
            <w:r>
              <w:lastRenderedPageBreak/>
              <w:t xml:space="preserve">                                </w:t>
            </w:r>
          </w:p>
          <w:p w:rsidR="00A35FED" w:rsidRDefault="00A35FED" w:rsidP="00A35FED">
            <w:r>
              <w:t xml:space="preserve">                            &lt;form action="" method="post" name ="wish_form" id="wish_form"&gt;</w:t>
            </w:r>
          </w:p>
          <w:p w:rsidR="00A35FED" w:rsidRDefault="00A35FED" w:rsidP="00A35FED">
            <w:r>
              <w:t xml:space="preserve">                            &lt;?php if ( LOGGED_STATUS == 0) { ?&gt; </w:t>
            </w:r>
          </w:p>
          <w:p w:rsidR="00A35FED" w:rsidRDefault="00A35FED" w:rsidP="00A35FED">
            <w:r>
              <w:t xml:space="preserve">                               &lt;div class="offset-1 mb-10 row"&gt;</w:t>
            </w:r>
          </w:p>
          <w:p w:rsidR="00A35FED" w:rsidRDefault="00A35FED" w:rsidP="00A35FED">
            <w:r>
              <w:tab/>
            </w:r>
            <w:r>
              <w:tab/>
            </w:r>
            <w:r>
              <w:tab/>
            </w:r>
            <w:r>
              <w:tab/>
            </w:r>
            <w:r>
              <w:tab/>
            </w:r>
            <w:r>
              <w:tab/>
            </w:r>
            <w:r>
              <w:tab/>
            </w:r>
            <w:r>
              <w:tab/>
            </w:r>
            <w:r>
              <w:tab/>
            </w:r>
            <w:r>
              <w:tab/>
              <w:t xml:space="preserve">&lt;p&gt;In order to save this to your list please set up a Free Account. You will be able to store and return&lt;br&gt; to access your list any time.&lt;/p&gt; </w:t>
            </w:r>
          </w:p>
          <w:p w:rsidR="00A35FED" w:rsidRDefault="00A35FED" w:rsidP="00A35FED">
            <w:r>
              <w:tab/>
            </w:r>
            <w:r>
              <w:tab/>
            </w:r>
            <w:r>
              <w:tab/>
            </w:r>
            <w:r>
              <w:tab/>
            </w:r>
            <w:r>
              <w:tab/>
            </w:r>
            <w:r>
              <w:tab/>
            </w:r>
            <w:r>
              <w:tab/>
            </w:r>
            <w:r>
              <w:tab/>
            </w:r>
            <w:r>
              <w:tab/>
              <w:t xml:space="preserve">&lt;/div&gt; </w:t>
            </w:r>
          </w:p>
          <w:p w:rsidR="00A35FED" w:rsidRDefault="00A35FED" w:rsidP="00A35FED">
            <w:r>
              <w:t xml:space="preserve">                                </w:t>
            </w:r>
          </w:p>
          <w:p w:rsidR="00A35FED" w:rsidRDefault="00A35FED" w:rsidP="00A35FED">
            <w:r>
              <w:t xml:space="preserve">                                &lt;div class="mb-3 row"&gt;</w:t>
            </w:r>
          </w:p>
          <w:p w:rsidR="00A35FED" w:rsidRDefault="00A35FED" w:rsidP="00A35FED">
            <w:r>
              <w:t xml:space="preserve">                                    &lt;label class="col-sm-3 col-form-label text-end"&gt;&lt;b&gt;Name*&lt;/b&gt;&lt;/label&gt;</w:t>
            </w:r>
          </w:p>
          <w:p w:rsidR="00A35FED" w:rsidRDefault="00A35FED" w:rsidP="00A35FED">
            <w:r>
              <w:t xml:space="preserve">                                    &lt;div class="col-sm-9"&gt;</w:t>
            </w:r>
          </w:p>
          <w:p w:rsidR="00A35FED" w:rsidRDefault="00A35FED" w:rsidP="00A35FED">
            <w:r>
              <w:t xml:space="preserve">                                        &lt;input type="text" name="title" class="form-control" placeholder="Name" required="" maxlength="50" /&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w:t>
            </w:r>
          </w:p>
          <w:p w:rsidR="00A35FED" w:rsidRDefault="00A35FED" w:rsidP="00A35FED">
            <w:r>
              <w:t xml:space="preserve">                                &lt;div class="mb-3 row"&gt;</w:t>
            </w:r>
          </w:p>
          <w:p w:rsidR="00A35FED" w:rsidRDefault="00A35FED" w:rsidP="00A35FED">
            <w:r>
              <w:t xml:space="preserve">                                    &lt;label class="col-sm-3 col-form-label text-end"&gt;&lt;b&gt;Email*&lt;/b&gt;&lt;/label&gt;</w:t>
            </w:r>
          </w:p>
          <w:p w:rsidR="00A35FED" w:rsidRDefault="00A35FED" w:rsidP="00A35FED">
            <w:r>
              <w:t xml:space="preserve">                                    &lt;div class="col-sm-9"&gt;</w:t>
            </w:r>
          </w:p>
          <w:p w:rsidR="00A35FED" w:rsidRDefault="00A35FED" w:rsidP="00A35FED">
            <w:r>
              <w:t xml:space="preserve">                                        &lt;input type="text" name="title" class="form-control" placeholder="Your email id" required="" maxlength="50" /&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mb-3 row"&gt;</w:t>
            </w:r>
          </w:p>
          <w:p w:rsidR="00A35FED" w:rsidRDefault="00A35FED" w:rsidP="00A35FED">
            <w:r>
              <w:t xml:space="preserve">                                    &lt;label class="col-sm-3 col-form-label text-end"&gt;&lt;b&gt;Password*&lt;/b&gt;&lt;/label&gt;</w:t>
            </w:r>
          </w:p>
          <w:p w:rsidR="00A35FED" w:rsidRDefault="00A35FED" w:rsidP="00A35FED">
            <w:r>
              <w:t xml:space="preserve">                                    &lt;div class="col-sm-9"&gt;</w:t>
            </w:r>
          </w:p>
          <w:p w:rsidR="00A35FED" w:rsidRDefault="00A35FED" w:rsidP="00A35FED">
            <w:r>
              <w:t xml:space="preserve">                                        &lt;input type="text" name="title" class="form-control" placeholder="Password" required="" maxlength="50" /&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mb-3 row"&gt;</w:t>
            </w:r>
          </w:p>
          <w:p w:rsidR="00A35FED" w:rsidRDefault="00A35FED" w:rsidP="00A35FED">
            <w:r>
              <w:t xml:space="preserve">                                    &lt;label class="col-sm-3 col-form-label text-end"&gt;&lt;b&gt;Confirm Password*&lt;/b&gt;&lt;/label&gt;</w:t>
            </w:r>
          </w:p>
          <w:p w:rsidR="00A35FED" w:rsidRDefault="00A35FED" w:rsidP="00A35FED">
            <w:r>
              <w:t xml:space="preserve">                                    &lt;div class="col-sm-9"&gt;</w:t>
            </w:r>
          </w:p>
          <w:p w:rsidR="00A35FED" w:rsidRDefault="00A35FED" w:rsidP="00A35FED">
            <w:r>
              <w:t xml:space="preserve">                                        &lt;input type="text" name="title" class="form-control" placeholder="Confirm Password" required="" maxlength="50" /&gt;</w:t>
            </w:r>
          </w:p>
          <w:p w:rsidR="00A35FED" w:rsidRDefault="00A35FED" w:rsidP="00A35FED">
            <w:r>
              <w:t xml:space="preserve">                                    &lt;/div&gt;</w:t>
            </w:r>
          </w:p>
          <w:p w:rsidR="00A35FED" w:rsidRDefault="00A35FED" w:rsidP="00A35FED">
            <w:r>
              <w:t xml:space="preserve">                                &lt;/div&gt;</w:t>
            </w:r>
          </w:p>
          <w:p w:rsidR="00A35FED" w:rsidRDefault="00A35FED" w:rsidP="00A35FED">
            <w:r>
              <w:tab/>
            </w:r>
            <w:r>
              <w:tab/>
            </w:r>
            <w:r>
              <w:tab/>
            </w:r>
            <w:r>
              <w:tab/>
            </w:r>
            <w:r>
              <w:tab/>
            </w:r>
            <w:r>
              <w:tab/>
            </w:r>
            <w:r>
              <w:tab/>
            </w:r>
            <w:r>
              <w:tab/>
            </w:r>
          </w:p>
          <w:p w:rsidR="00A35FED" w:rsidRDefault="00A35FED" w:rsidP="00A35FED">
            <w:r>
              <w:tab/>
            </w:r>
            <w:r>
              <w:tab/>
            </w:r>
            <w:r>
              <w:tab/>
            </w:r>
            <w:r>
              <w:tab/>
            </w:r>
            <w:r>
              <w:tab/>
            </w:r>
            <w:r>
              <w:tab/>
            </w:r>
            <w:r>
              <w:tab/>
            </w:r>
            <w:r>
              <w:tab/>
              <w:t>//&lt;?php } ?&gt;</w:t>
            </w:r>
          </w:p>
          <w:p w:rsidR="00A35FED" w:rsidRDefault="00A35FED" w:rsidP="00A35FED">
            <w:r>
              <w:tab/>
            </w:r>
            <w:r>
              <w:tab/>
            </w:r>
            <w:r>
              <w:tab/>
            </w:r>
            <w:r>
              <w:tab/>
            </w:r>
            <w:r>
              <w:tab/>
            </w:r>
            <w:r>
              <w:tab/>
            </w:r>
            <w:r>
              <w:tab/>
            </w:r>
            <w:r>
              <w:tab/>
              <w:t>&lt;p&gt;Here are the details of Residence &lt;?php echo $title ; ?&gt;</w:t>
            </w:r>
          </w:p>
          <w:p w:rsidR="00A35FED" w:rsidRDefault="00A35FED" w:rsidP="00A35FED">
            <w:r>
              <w:tab/>
            </w:r>
            <w:r>
              <w:tab/>
            </w:r>
            <w:r>
              <w:tab/>
            </w:r>
            <w:r>
              <w:tab/>
              <w:t xml:space="preserve">  </w:t>
            </w:r>
            <w:r>
              <w:tab/>
            </w:r>
            <w:r>
              <w:tab/>
            </w:r>
            <w:r>
              <w:tab/>
            </w:r>
            <w:r>
              <w:tab/>
            </w:r>
            <w:r>
              <w:tab/>
            </w:r>
            <w:r>
              <w:tab/>
              <w:t>&lt;br&gt;</w:t>
            </w:r>
          </w:p>
          <w:p w:rsidR="00A35FED" w:rsidRDefault="00A35FED" w:rsidP="00A35FED">
            <w:r>
              <w:t xml:space="preserve">            </w:t>
            </w:r>
            <w:r>
              <w:tab/>
            </w:r>
            <w:r>
              <w:tab/>
            </w:r>
            <w:r>
              <w:tab/>
            </w:r>
            <w:r>
              <w:tab/>
            </w:r>
            <w:r>
              <w:tab/>
            </w:r>
            <w:r>
              <w:tab/>
              <w:t>Sales/Marketing Executive Name = &lt;?php echo $memberNameF ; ?&gt;</w:t>
            </w:r>
          </w:p>
          <w:p w:rsidR="00A35FED" w:rsidRDefault="00A35FED" w:rsidP="00A35FED">
            <w:r>
              <w:t xml:space="preserve">            </w:t>
            </w:r>
            <w:r>
              <w:tab/>
            </w:r>
            <w:r>
              <w:tab/>
            </w:r>
            <w:r>
              <w:tab/>
            </w:r>
            <w:r>
              <w:tab/>
            </w:r>
            <w:r>
              <w:tab/>
            </w:r>
            <w:r>
              <w:tab/>
              <w:t>&lt;br&gt;</w:t>
            </w:r>
          </w:p>
          <w:p w:rsidR="00A35FED" w:rsidRDefault="00A35FED" w:rsidP="00A35FED">
            <w:r>
              <w:t xml:space="preserve">            </w:t>
            </w:r>
            <w:r>
              <w:tab/>
            </w:r>
            <w:r>
              <w:tab/>
            </w:r>
            <w:r>
              <w:tab/>
            </w:r>
            <w:r>
              <w:tab/>
            </w:r>
            <w:r>
              <w:tab/>
            </w:r>
            <w:r>
              <w:tab/>
              <w:t xml:space="preserve">Executive Contact Number = &lt;?php echo </w:t>
            </w:r>
            <w:r>
              <w:lastRenderedPageBreak/>
              <w:t>$memberPhone; ?&gt;</w:t>
            </w:r>
          </w:p>
          <w:p w:rsidR="00A35FED" w:rsidRDefault="00A35FED" w:rsidP="00A35FED">
            <w:r>
              <w:t xml:space="preserve">            </w:t>
            </w:r>
            <w:r>
              <w:tab/>
            </w:r>
            <w:r>
              <w:tab/>
            </w:r>
            <w:r>
              <w:tab/>
            </w:r>
            <w:r>
              <w:tab/>
            </w:r>
            <w:r>
              <w:tab/>
            </w:r>
            <w:r>
              <w:tab/>
              <w:t>&lt;br&gt;</w:t>
            </w:r>
          </w:p>
          <w:p w:rsidR="00A35FED" w:rsidRDefault="00A35FED" w:rsidP="00A35FED">
            <w:r>
              <w:t xml:space="preserve">            </w:t>
            </w:r>
            <w:r>
              <w:tab/>
            </w:r>
            <w:r>
              <w:tab/>
            </w:r>
            <w:r>
              <w:tab/>
            </w:r>
            <w:r>
              <w:tab/>
            </w:r>
            <w:r>
              <w:tab/>
            </w:r>
            <w:r>
              <w:tab/>
              <w:t>Executive Email Id = &lt;?php echo $memberEmail; ?&gt;</w:t>
            </w:r>
          </w:p>
          <w:p w:rsidR="00A35FED" w:rsidRDefault="00A35FED" w:rsidP="00A35FED">
            <w:r>
              <w:t xml:space="preserve">            </w:t>
            </w:r>
            <w:r>
              <w:tab/>
            </w:r>
            <w:r>
              <w:tab/>
            </w:r>
            <w:r>
              <w:tab/>
            </w:r>
            <w:r>
              <w:tab/>
            </w:r>
            <w:r>
              <w:tab/>
            </w:r>
            <w:r>
              <w:tab/>
              <w:t>&lt;br&gt;</w:t>
            </w:r>
          </w:p>
          <w:p w:rsidR="00A35FED" w:rsidRDefault="00A35FED" w:rsidP="00A35FED">
            <w:r>
              <w:t xml:space="preserve">            </w:t>
            </w:r>
            <w:r>
              <w:tab/>
            </w:r>
            <w:r>
              <w:tab/>
            </w:r>
            <w:r>
              <w:tab/>
            </w:r>
            <w:r>
              <w:tab/>
            </w:r>
            <w:r>
              <w:tab/>
            </w:r>
            <w:r>
              <w:tab/>
              <w:t>Residence Location = &lt;?php echo $resaddress; ?&gt;</w:t>
            </w:r>
          </w:p>
          <w:p w:rsidR="00A35FED" w:rsidRDefault="00A35FED" w:rsidP="00A35FED">
            <w:r>
              <w:t xml:space="preserve">            </w:t>
            </w:r>
            <w:r>
              <w:tab/>
            </w:r>
            <w:r>
              <w:tab/>
            </w:r>
            <w:r>
              <w:tab/>
            </w:r>
            <w:r>
              <w:tab/>
            </w:r>
            <w:r>
              <w:tab/>
            </w:r>
            <w:r>
              <w:tab/>
              <w:t>&lt;/p&gt;</w:t>
            </w:r>
          </w:p>
          <w:p w:rsidR="00A35FED" w:rsidRDefault="00A35FED" w:rsidP="00A35FED">
            <w:r>
              <w:tab/>
            </w:r>
            <w:r>
              <w:tab/>
            </w:r>
            <w:r>
              <w:tab/>
            </w:r>
            <w:r>
              <w:tab/>
            </w:r>
            <w:r>
              <w:tab/>
            </w:r>
            <w:r>
              <w:tab/>
            </w:r>
            <w:r>
              <w:tab/>
            </w:r>
            <w:r>
              <w:tab/>
              <w:t>&lt;div id="accordion"&gt;</w:t>
            </w:r>
          </w:p>
          <w:p w:rsidR="00A35FED" w:rsidRDefault="00A35FED" w:rsidP="00A35FED">
            <w:r>
              <w:t xml:space="preserve">                                  &lt;div class="card"&gt;</w:t>
            </w:r>
          </w:p>
          <w:p w:rsidR="00A35FED" w:rsidRDefault="00A35FED" w:rsidP="00A35FED">
            <w:r>
              <w:t xml:space="preserve">                                    &lt;div class="card-header" id="heading0"&gt;</w:t>
            </w:r>
          </w:p>
          <w:p w:rsidR="00A35FED" w:rsidRDefault="00A35FED" w:rsidP="00A35FED">
            <w:r>
              <w:t xml:space="preserve">                                      &lt;h3 class="mb-0"&gt;</w:t>
            </w:r>
          </w:p>
          <w:p w:rsidR="00A35FED" w:rsidRDefault="00A35FED" w:rsidP="00A35FED">
            <w:r>
              <w:t xml:space="preserve">                                        &lt;button class="btn btn-link" data-toggle="collapse" data-target="#collapse0" aria-expanded="false" aria-controls="collapse0"&gt; You can enhance your search by entering your needs and desires for senior living.&lt;/button&gt;</w:t>
            </w:r>
          </w:p>
          <w:p w:rsidR="00A35FED" w:rsidRDefault="00A35FED" w:rsidP="00A35FED">
            <w:r>
              <w:t xml:space="preserve">                                      &lt;/h3&gt;</w:t>
            </w:r>
          </w:p>
          <w:p w:rsidR="00A35FED" w:rsidRDefault="00A35FED" w:rsidP="00A35FED">
            <w:r>
              <w:t xml:space="preserve">                                    &lt;/div&gt;</w:t>
            </w:r>
          </w:p>
          <w:p w:rsidR="00A35FED" w:rsidRDefault="00A35FED" w:rsidP="00A35FED">
            <w:r>
              <w:t xml:space="preserve">                                    &lt;div id="collapse0" class="collapse" aria-labelledby="heading0" data-parent="#accordion"&gt;</w:t>
            </w:r>
          </w:p>
          <w:p w:rsidR="00A35FED" w:rsidRDefault="00A35FED" w:rsidP="00A35FED">
            <w:r>
              <w:t xml:space="preserve">                                      &lt;div class="card-body"&gt;</w:t>
            </w:r>
          </w:p>
          <w:p w:rsidR="00A35FED" w:rsidRDefault="00A35FED" w:rsidP="00A35FED">
            <w:r>
              <w:t xml:space="preserve">                                          &lt;form action="" method="post" id="newPropertForm"&gt;</w:t>
            </w:r>
          </w:p>
          <w:p w:rsidR="00A35FED" w:rsidRDefault="00A35FED" w:rsidP="00A35FED"/>
          <w:p w:rsidR="00A35FED" w:rsidRDefault="00A35FED" w:rsidP="00A35FED">
            <w:r>
              <w:t xml:space="preserve">                                &lt;input type="hidden" name="userTempId" value="&lt;?php echo $userTempId ; ?&gt;" /&gt;</w:t>
            </w:r>
          </w:p>
          <w:p w:rsidR="00A35FED" w:rsidRDefault="00A35FED" w:rsidP="00A35FED">
            <w:r>
              <w:t xml:space="preserve">                              </w:t>
            </w:r>
          </w:p>
          <w:p w:rsidR="00A35FED" w:rsidRDefault="00A35FED" w:rsidP="00A35FED">
            <w:r>
              <w:t xml:space="preserve">                                &lt;div class="mb-3 row"&gt;</w:t>
            </w:r>
          </w:p>
          <w:p w:rsidR="00A35FED" w:rsidRDefault="00A35FED" w:rsidP="00A35FED">
            <w:r>
              <w:tab/>
            </w:r>
            <w:r>
              <w:tab/>
            </w:r>
            <w:r>
              <w:tab/>
            </w:r>
            <w:r>
              <w:tab/>
            </w:r>
            <w:r>
              <w:tab/>
            </w:r>
            <w:r>
              <w:tab/>
            </w:r>
            <w:r>
              <w:tab/>
            </w:r>
            <w:r>
              <w:tab/>
            </w:r>
            <w:r>
              <w:tab/>
            </w:r>
            <w:r>
              <w:tab/>
              <w:t>&lt;label class="col-sm-4 col-form-label text-end"&gt;&lt;b&gt;Add a City/ State/Zipcode&lt;/b&gt;&lt;/label&gt;</w:t>
            </w:r>
          </w:p>
          <w:p w:rsidR="00A35FED" w:rsidRDefault="00A35FED" w:rsidP="00A35FED">
            <w:r>
              <w:tab/>
            </w:r>
            <w:r>
              <w:tab/>
            </w:r>
            <w:r>
              <w:tab/>
            </w:r>
            <w:r>
              <w:tab/>
            </w:r>
            <w:r>
              <w:tab/>
            </w:r>
            <w:r>
              <w:tab/>
            </w:r>
            <w:r>
              <w:tab/>
            </w:r>
            <w:r>
              <w:tab/>
            </w:r>
            <w:r>
              <w:tab/>
            </w:r>
            <w:r>
              <w:tab/>
              <w:t>&lt;div class="col-sm-6"&gt;</w:t>
            </w:r>
          </w:p>
          <w:p w:rsidR="00A35FED" w:rsidRDefault="00A35FED" w:rsidP="00A35FED">
            <w:r>
              <w:tab/>
            </w:r>
            <w:r>
              <w:tab/>
            </w:r>
            <w:r>
              <w:tab/>
            </w:r>
            <w:r>
              <w:tab/>
            </w:r>
            <w:r>
              <w:tab/>
            </w:r>
            <w:r>
              <w:tab/>
            </w:r>
            <w:r>
              <w:tab/>
            </w:r>
            <w:r>
              <w:tab/>
            </w:r>
            <w:r>
              <w:tab/>
            </w:r>
            <w:r>
              <w:tab/>
            </w:r>
            <w:r>
              <w:tab/>
              <w:t>&lt;!--&lt;select name="cityStateZip" id="cityStateZip" class="form-control" placeholder="Search city, state, zipcode" required="" &gt;</w:t>
            </w:r>
          </w:p>
          <w:p w:rsidR="00A35FED" w:rsidRDefault="00A35FED" w:rsidP="00A35FED">
            <w:r>
              <w:tab/>
            </w:r>
            <w:r>
              <w:tab/>
            </w:r>
            <w:r>
              <w:tab/>
            </w:r>
            <w:r>
              <w:tab/>
            </w:r>
            <w:r>
              <w:tab/>
            </w:r>
            <w:r>
              <w:tab/>
            </w:r>
            <w:r>
              <w:tab/>
            </w:r>
            <w:r>
              <w:tab/>
            </w:r>
            <w:r>
              <w:tab/>
            </w:r>
            <w:r>
              <w:tab/>
            </w:r>
            <w:r>
              <w:tab/>
            </w:r>
            <w:r>
              <w:tab/>
              <w:t>&lt;option value="&lt;?php echo $SCZ ; ?&gt;"&gt;&lt;?php echo $SCZ ; ?&gt;&lt;/option&gt;</w:t>
            </w:r>
          </w:p>
          <w:p w:rsidR="00A35FED" w:rsidRDefault="00A35FED" w:rsidP="00A35FED">
            <w:r>
              <w:tab/>
            </w:r>
            <w:r>
              <w:tab/>
            </w:r>
            <w:r>
              <w:tab/>
            </w:r>
            <w:r>
              <w:tab/>
            </w:r>
            <w:r>
              <w:tab/>
            </w:r>
            <w:r>
              <w:tab/>
            </w:r>
            <w:r>
              <w:tab/>
            </w:r>
            <w:r>
              <w:tab/>
            </w:r>
            <w:r>
              <w:tab/>
            </w:r>
            <w:r>
              <w:tab/>
            </w:r>
            <w:r>
              <w:tab/>
              <w:t>&lt;/select&gt;--&gt;</w:t>
            </w:r>
          </w:p>
          <w:p w:rsidR="00A35FED" w:rsidRDefault="00A35FED" w:rsidP="00A35FED">
            <w:r>
              <w:tab/>
            </w:r>
            <w:r>
              <w:tab/>
            </w:r>
            <w:r>
              <w:tab/>
            </w:r>
            <w:r>
              <w:tab/>
            </w:r>
            <w:r>
              <w:tab/>
            </w:r>
            <w:r>
              <w:tab/>
            </w:r>
            <w:r>
              <w:tab/>
            </w:r>
            <w:r>
              <w:tab/>
            </w:r>
            <w:r>
              <w:tab/>
            </w:r>
            <w:r>
              <w:tab/>
            </w:r>
            <w:r>
              <w:tab/>
              <w:t>&lt;div class="form-group"&gt;</w:t>
            </w:r>
          </w:p>
          <w:p w:rsidR="00A35FED" w:rsidRDefault="00A35FED" w:rsidP="00A35FED">
            <w:r>
              <w:tab/>
            </w:r>
            <w:r>
              <w:tab/>
            </w:r>
            <w:r>
              <w:tab/>
            </w:r>
            <w:r>
              <w:tab/>
            </w:r>
            <w:r>
              <w:tab/>
            </w:r>
            <w:r>
              <w:tab/>
            </w:r>
            <w:r>
              <w:tab/>
            </w:r>
            <w:r>
              <w:tab/>
            </w:r>
            <w:r>
              <w:tab/>
            </w:r>
            <w:r>
              <w:tab/>
            </w:r>
            <w:r>
              <w:tab/>
            </w:r>
            <w:r>
              <w:tab/>
              <w:t>&lt;input class="form-control" placeholder="City or Zip code..." type="text" name="txtLocation" id="txtLocation"/&gt;</w:t>
            </w:r>
          </w:p>
          <w:p w:rsidR="00A35FED" w:rsidRDefault="00A35FED" w:rsidP="00A35FED">
            <w:r>
              <w:tab/>
            </w:r>
            <w:r>
              <w:tab/>
            </w:r>
            <w:r>
              <w:tab/>
            </w:r>
            <w:r>
              <w:tab/>
            </w:r>
            <w:r>
              <w:tab/>
            </w:r>
            <w:r>
              <w:tab/>
            </w:r>
            <w:r>
              <w:tab/>
            </w:r>
            <w:r>
              <w:tab/>
            </w:r>
            <w:r>
              <w:tab/>
            </w:r>
            <w:r>
              <w:tab/>
            </w:r>
            <w:r>
              <w:tab/>
              <w:t>&lt;/div&gt;</w:t>
            </w:r>
          </w:p>
          <w:p w:rsidR="00A35FED" w:rsidRDefault="00A35FED" w:rsidP="00A35FED">
            <w:r>
              <w:tab/>
            </w:r>
            <w:r>
              <w:tab/>
            </w:r>
            <w:r>
              <w:tab/>
            </w:r>
            <w:r>
              <w:tab/>
            </w:r>
            <w:r>
              <w:tab/>
            </w:r>
            <w:r>
              <w:tab/>
            </w:r>
            <w:r>
              <w:tab/>
            </w:r>
            <w:r>
              <w:tab/>
            </w:r>
            <w:r>
              <w:tab/>
            </w:r>
            <w:r>
              <w:tab/>
              <w:t>&lt;/div&gt;</w:t>
            </w:r>
          </w:p>
          <w:p w:rsidR="00A35FED" w:rsidRDefault="00A35FED" w:rsidP="00A35FED">
            <w:r>
              <w:tab/>
            </w:r>
            <w:r>
              <w:tab/>
            </w:r>
            <w:r>
              <w:tab/>
            </w:r>
            <w:r>
              <w:tab/>
            </w:r>
            <w:r>
              <w:tab/>
            </w:r>
            <w:r>
              <w:tab/>
            </w:r>
            <w:r>
              <w:tab/>
            </w:r>
            <w:r>
              <w:tab/>
            </w:r>
            <w:r>
              <w:tab/>
            </w:r>
          </w:p>
          <w:p w:rsidR="00A35FED" w:rsidRDefault="00A35FED" w:rsidP="00A35FED">
            <w:r>
              <w:tab/>
            </w:r>
            <w:r>
              <w:tab/>
            </w:r>
            <w:r>
              <w:tab/>
            </w:r>
            <w:r>
              <w:tab/>
            </w:r>
            <w:r>
              <w:tab/>
            </w:r>
            <w:r>
              <w:tab/>
            </w:r>
            <w:r>
              <w:tab/>
            </w:r>
            <w:r>
              <w:tab/>
            </w:r>
            <w:r>
              <w:tab/>
            </w:r>
            <w:r>
              <w:tab/>
              <w:t>&lt;label class="col-sm-4 col-form-label text-end"&gt;&lt;b&gt;Modify your Budget&lt;/b&gt;&lt;/label&gt;</w:t>
            </w:r>
          </w:p>
          <w:p w:rsidR="00A35FED" w:rsidRDefault="00A35FED" w:rsidP="00A35FED">
            <w:r>
              <w:tab/>
            </w:r>
            <w:r>
              <w:tab/>
            </w:r>
            <w:r>
              <w:tab/>
            </w:r>
            <w:r>
              <w:tab/>
            </w:r>
            <w:r>
              <w:tab/>
            </w:r>
            <w:r>
              <w:tab/>
            </w:r>
            <w:r>
              <w:tab/>
            </w:r>
            <w:r>
              <w:tab/>
            </w:r>
            <w:r>
              <w:tab/>
            </w:r>
            <w:r>
              <w:tab/>
              <w:t>&lt;div class="col-sm-6"&gt;</w:t>
            </w:r>
          </w:p>
          <w:p w:rsidR="00A35FED" w:rsidRDefault="00A35FED" w:rsidP="00A35FED">
            <w:r>
              <w:tab/>
            </w:r>
            <w:r>
              <w:tab/>
            </w:r>
            <w:r>
              <w:tab/>
            </w:r>
            <w:r>
              <w:tab/>
            </w:r>
            <w:r>
              <w:tab/>
            </w:r>
            <w:r>
              <w:tab/>
            </w:r>
            <w:r>
              <w:tab/>
            </w:r>
            <w:r>
              <w:tab/>
            </w:r>
            <w:r>
              <w:tab/>
            </w:r>
            <w:r>
              <w:tab/>
            </w:r>
            <w:r>
              <w:tab/>
            </w:r>
          </w:p>
          <w:p w:rsidR="00A35FED" w:rsidRDefault="00A35FED" w:rsidP="00A35FED">
            <w:r>
              <w:tab/>
            </w:r>
            <w:r>
              <w:tab/>
            </w:r>
            <w:r>
              <w:tab/>
            </w:r>
            <w:r>
              <w:tab/>
            </w:r>
            <w:r>
              <w:tab/>
            </w:r>
            <w:r>
              <w:tab/>
            </w:r>
            <w:r>
              <w:tab/>
            </w:r>
            <w:r>
              <w:tab/>
            </w:r>
            <w:r>
              <w:tab/>
            </w:r>
            <w:r>
              <w:tab/>
            </w:r>
            <w:r>
              <w:tab/>
              <w:t>&lt;div class="form-group"&gt;</w:t>
            </w:r>
          </w:p>
          <w:p w:rsidR="00A35FED" w:rsidRDefault="00A35FED" w:rsidP="00A35FED">
            <w:r>
              <w:tab/>
            </w:r>
            <w:r>
              <w:tab/>
            </w:r>
            <w:r>
              <w:tab/>
            </w:r>
            <w:r>
              <w:tab/>
            </w:r>
            <w:r>
              <w:tab/>
            </w:r>
            <w:r>
              <w:tab/>
            </w:r>
            <w:r>
              <w:tab/>
            </w:r>
            <w:r>
              <w:tab/>
            </w:r>
            <w:r>
              <w:tab/>
            </w:r>
            <w:r>
              <w:tab/>
            </w:r>
            <w:r>
              <w:tab/>
            </w:r>
            <w:r>
              <w:tab/>
              <w:t>&lt;input class="form-control" placeholder="Your Budget Range" type="text" name="budget" id="budget"/&gt;</w:t>
            </w:r>
          </w:p>
          <w:p w:rsidR="00A35FED" w:rsidRDefault="00A35FED" w:rsidP="00A35FED">
            <w:r>
              <w:lastRenderedPageBreak/>
              <w:tab/>
            </w:r>
            <w:r>
              <w:tab/>
            </w:r>
            <w:r>
              <w:tab/>
            </w:r>
            <w:r>
              <w:tab/>
            </w:r>
            <w:r>
              <w:tab/>
            </w:r>
            <w:r>
              <w:tab/>
            </w:r>
            <w:r>
              <w:tab/>
            </w:r>
            <w:r>
              <w:tab/>
            </w:r>
            <w:r>
              <w:tab/>
            </w:r>
            <w:r>
              <w:tab/>
            </w:r>
            <w:r>
              <w:tab/>
              <w:t>&lt;/div&gt;</w:t>
            </w:r>
          </w:p>
          <w:p w:rsidR="00A35FED" w:rsidRDefault="00A35FED" w:rsidP="00A35FED">
            <w:r>
              <w:tab/>
            </w:r>
            <w:r>
              <w:tab/>
            </w:r>
            <w:r>
              <w:tab/>
            </w:r>
            <w:r>
              <w:tab/>
            </w:r>
            <w:r>
              <w:tab/>
            </w:r>
            <w:r>
              <w:tab/>
            </w:r>
            <w:r>
              <w:tab/>
            </w:r>
            <w:r>
              <w:tab/>
            </w:r>
            <w:r>
              <w:tab/>
            </w:r>
            <w:r>
              <w:tab/>
              <w:t>&lt;/div&gt;</w:t>
            </w:r>
          </w:p>
          <w:p w:rsidR="00A35FED" w:rsidRDefault="00A35FED" w:rsidP="00A35FED">
            <w:r>
              <w:tab/>
            </w:r>
            <w:r>
              <w:tab/>
            </w:r>
            <w:r>
              <w:tab/>
            </w:r>
            <w:r>
              <w:tab/>
            </w:r>
            <w:r>
              <w:tab/>
            </w:r>
            <w:r>
              <w:tab/>
            </w:r>
            <w:r>
              <w:tab/>
            </w:r>
            <w:r>
              <w:tab/>
            </w:r>
            <w:r>
              <w:tab/>
              <w:t xml:space="preserve">&lt;/div&gt; </w:t>
            </w:r>
          </w:p>
          <w:p w:rsidR="00A35FED" w:rsidRDefault="00A35FED" w:rsidP="00A35FED">
            <w:r>
              <w:t xml:space="preserve">                                </w:t>
            </w:r>
          </w:p>
          <w:p w:rsidR="00A35FED" w:rsidRDefault="00A35FED" w:rsidP="00A35FED">
            <w:r>
              <w:t xml:space="preserve">                                &lt;div class="mb-3 row"&gt;</w:t>
            </w:r>
          </w:p>
          <w:p w:rsidR="00A35FED" w:rsidRDefault="00A35FED" w:rsidP="00A35FED">
            <w:r>
              <w:t xml:space="preserve">                                </w:t>
            </w:r>
          </w:p>
          <w:p w:rsidR="00A35FED" w:rsidRDefault="00A35FED" w:rsidP="00A35FED">
            <w:r>
              <w:t xml:space="preserve">                                &lt;?php </w:t>
            </w:r>
          </w:p>
          <w:p w:rsidR="00A35FED" w:rsidRDefault="00A35FED" w:rsidP="00A35FED">
            <w:r>
              <w:t xml:space="preserve">                                 </w:t>
            </w:r>
          </w:p>
          <w:p w:rsidR="00A35FED" w:rsidRDefault="00A35FED" w:rsidP="00A35FED">
            <w:r>
              <w:t xml:space="preserve">                            foreach($propertyAttributes as $propertyAttributeCode=&gt;$propertyAttribute){ ?&gt;</w:t>
            </w:r>
          </w:p>
          <w:p w:rsidR="00A35FED" w:rsidRDefault="00A35FED" w:rsidP="00A35FED">
            <w:r>
              <w:t xml:space="preserve">                            &lt;div class="col-sm-4"&gt; </w:t>
            </w:r>
          </w:p>
          <w:p w:rsidR="00A35FED" w:rsidRDefault="00A35FED" w:rsidP="00A35FED">
            <w:r>
              <w:t xml:space="preserve">                                </w:t>
            </w:r>
          </w:p>
          <w:p w:rsidR="00A35FED" w:rsidRDefault="00A35FED" w:rsidP="00A35FED">
            <w:r>
              <w:t xml:space="preserve">                            &lt;label class="col-sm-12 col-form-label text-end"&gt; &lt;strong&gt;&lt;?php echo $propertyAttribute['label']; ?&gt; &lt;/strong&gt; &lt;/label&gt; </w:t>
            </w:r>
          </w:p>
          <w:p w:rsidR="00A35FED" w:rsidRDefault="00A35FED" w:rsidP="00A35FED">
            <w:r>
              <w:t xml:space="preserve">                            </w:t>
            </w:r>
          </w:p>
          <w:p w:rsidR="00A35FED" w:rsidRDefault="00A35FED" w:rsidP="00A35FED">
            <w:r>
              <w:t xml:space="preserve">                                &lt;div class="col-sm-12" class="form-control"&gt;</w:t>
            </w:r>
          </w:p>
          <w:p w:rsidR="00A35FED" w:rsidRDefault="00A35FED" w:rsidP="00A35FED">
            <w:r>
              <w:t xml:space="preserve">                                &lt;!--&lt;fieldset&gt; --&gt;</w:t>
            </w:r>
          </w:p>
          <w:p w:rsidR="00A35FED" w:rsidRDefault="00A35FED" w:rsidP="00A35FED">
            <w:r>
              <w:t xml:space="preserve">                                &lt;?php foreach($propertyAttribute['options'] as $option){ ?&gt;</w:t>
            </w:r>
          </w:p>
          <w:p w:rsidR="00A35FED" w:rsidRDefault="00A35FED" w:rsidP="00A35FED">
            <w:r>
              <w:t xml:space="preserve">                                </w:t>
            </w:r>
          </w:p>
          <w:p w:rsidR="00A35FED" w:rsidRDefault="00A35FED" w:rsidP="00A35FED">
            <w:r>
              <w:t xml:space="preserve">                                </w:t>
            </w:r>
          </w:p>
          <w:p w:rsidR="00A35FED" w:rsidRDefault="00A35FED" w:rsidP="00A35FED">
            <w:r>
              <w:t xml:space="preserve">                                 &lt;label for="&lt;?php echo $option['value']?&gt;"&gt;</w:t>
            </w:r>
          </w:p>
          <w:p w:rsidR="00A35FED" w:rsidRDefault="00A35FED" w:rsidP="00A35FED">
            <w:r>
              <w:t xml:space="preserve">                                  &lt;input &lt;?php echo $onclick ?&gt; type="checkbox" name="&lt;?php echo $propertyAttributeCode?&gt;[]" id="&lt;?php echo$propertyAttributeCode.'_'.$option['value'] ?&gt;" value="&lt;?php echo $option['value']?&gt;" &gt;</w:t>
            </w:r>
          </w:p>
          <w:p w:rsidR="00A35FED" w:rsidRDefault="00A35FED" w:rsidP="00A35FED">
            <w:r>
              <w:t xml:space="preserve">                                  &lt;?php echo $option['label']?&gt;&lt;/label&gt;</w:t>
            </w:r>
          </w:p>
          <w:p w:rsidR="00A35FED" w:rsidRDefault="00A35FED" w:rsidP="00A35FED">
            <w:r>
              <w:t xml:space="preserve">                      </w:t>
            </w:r>
          </w:p>
          <w:p w:rsidR="00A35FED" w:rsidRDefault="00A35FED" w:rsidP="00A35FED">
            <w:r>
              <w:t xml:space="preserve">                                  </w:t>
            </w:r>
          </w:p>
          <w:p w:rsidR="00A35FED" w:rsidRDefault="00A35FED" w:rsidP="00A35FED">
            <w:r>
              <w:t xml:space="preserve">                                &lt;br /&gt; </w:t>
            </w:r>
          </w:p>
          <w:p w:rsidR="00A35FED" w:rsidRDefault="00A35FED" w:rsidP="00A35FED">
            <w:r>
              <w:t xml:space="preserve">                                </w:t>
            </w:r>
          </w:p>
          <w:p w:rsidR="00A35FED" w:rsidRDefault="00A35FED" w:rsidP="00A35FED">
            <w:r>
              <w:t xml:space="preserve">                                &lt;?php  }  ?&gt;</w:t>
            </w:r>
          </w:p>
          <w:p w:rsidR="00A35FED" w:rsidRDefault="00A35FED" w:rsidP="00A35FED">
            <w:r>
              <w:t xml:space="preserve">                                </w:t>
            </w:r>
          </w:p>
          <w:p w:rsidR="00A35FED" w:rsidRDefault="00A35FED" w:rsidP="00A35FED">
            <w:r>
              <w:t xml:space="preserve">                                  &lt;!--&lt;/fieldset&gt; --&gt;</w:t>
            </w:r>
          </w:p>
          <w:p w:rsidR="00A35FED" w:rsidRDefault="00A35FED" w:rsidP="00A35FED">
            <w:r>
              <w:t xml:space="preserve">                                &lt;/div&gt;</w:t>
            </w:r>
          </w:p>
          <w:p w:rsidR="00A35FED" w:rsidRDefault="00A35FED" w:rsidP="00A35FED">
            <w:r>
              <w:t xml:space="preserve">                            &lt;/div&gt;</w:t>
            </w:r>
          </w:p>
          <w:p w:rsidR="00A35FED" w:rsidRDefault="00A35FED" w:rsidP="00A35FED">
            <w:r>
              <w:t xml:space="preserve">                          &lt;?php  }</w:t>
            </w:r>
          </w:p>
          <w:p w:rsidR="00A35FED" w:rsidRDefault="00A35FED" w:rsidP="00A35FED">
            <w:r>
              <w:t xml:space="preserve">                            ?&gt;</w:t>
            </w:r>
          </w:p>
          <w:p w:rsidR="00A35FED" w:rsidRDefault="00A35FED" w:rsidP="00A35FED">
            <w:r>
              <w:t xml:space="preserve">                        &lt;/div&gt;    </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lt;script&gt;</w:t>
            </w:r>
          </w:p>
          <w:p w:rsidR="00A35FED" w:rsidRDefault="00A35FED" w:rsidP="00A35FED">
            <w:r>
              <w:t>function priceBoxShow(checkboxid, divid) {</w:t>
            </w:r>
          </w:p>
          <w:p w:rsidR="00A35FED" w:rsidRDefault="00A35FED" w:rsidP="00A35FED">
            <w:r>
              <w:t xml:space="preserve">      var checkBox = document.getElementById(checkboxid);</w:t>
            </w:r>
          </w:p>
          <w:p w:rsidR="00A35FED" w:rsidRDefault="00A35FED" w:rsidP="00A35FED">
            <w:r>
              <w:t xml:space="preserve">  const pricebox = document.getElementById(divid);</w:t>
            </w:r>
          </w:p>
          <w:p w:rsidR="00A35FED" w:rsidRDefault="00A35FED" w:rsidP="00A35FED">
            <w:r>
              <w:t xml:space="preserve">  if (checkBox.checked == true){</w:t>
            </w:r>
          </w:p>
          <w:p w:rsidR="00A35FED" w:rsidRDefault="00A35FED" w:rsidP="00A35FED">
            <w:r>
              <w:t xml:space="preserve">   pricebox.style.display = 'block';</w:t>
            </w:r>
          </w:p>
          <w:p w:rsidR="00A35FED" w:rsidRDefault="00A35FED" w:rsidP="00A35FED">
            <w:r>
              <w:t xml:space="preserve">  } else {</w:t>
            </w:r>
          </w:p>
          <w:p w:rsidR="00A35FED" w:rsidRDefault="00A35FED" w:rsidP="00A35FED">
            <w:r>
              <w:t xml:space="preserve">    pricebox.style.display = 'none';</w:t>
            </w:r>
          </w:p>
          <w:p w:rsidR="00A35FED" w:rsidRDefault="00A35FED" w:rsidP="00A35FED">
            <w:r>
              <w:t xml:space="preserve">  }</w:t>
            </w:r>
          </w:p>
          <w:p w:rsidR="00A35FED" w:rsidRDefault="00A35FED" w:rsidP="00A35FED">
            <w:r>
              <w:lastRenderedPageBreak/>
              <w:t xml:space="preserve"> </w:t>
            </w:r>
          </w:p>
          <w:p w:rsidR="00A35FED" w:rsidRDefault="00A35FED" w:rsidP="00A35FED">
            <w:r>
              <w:t>}</w:t>
            </w:r>
          </w:p>
          <w:p w:rsidR="00A35FED" w:rsidRDefault="00A35FED" w:rsidP="00A35FED">
            <w:r>
              <w:t>&lt;/script&gt;</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lt;script&gt;</w:t>
            </w:r>
          </w:p>
          <w:p w:rsidR="00A35FED" w:rsidRDefault="00A35FED" w:rsidP="00A35FED">
            <w:r>
              <w:t>$('#cityStateZip').selectize({</w:t>
            </w:r>
          </w:p>
          <w:p w:rsidR="00A35FED" w:rsidRDefault="00A35FED" w:rsidP="00A35FED">
            <w:r>
              <w:t xml:space="preserve">    valueField: 'zipcode',</w:t>
            </w:r>
          </w:p>
          <w:p w:rsidR="00A35FED" w:rsidRDefault="00A35FED" w:rsidP="00A35FED">
            <w:r>
              <w:t xml:space="preserve">    labelField: 'display_text',</w:t>
            </w:r>
          </w:p>
          <w:p w:rsidR="00A35FED" w:rsidRDefault="00A35FED" w:rsidP="00A35FED">
            <w:r>
              <w:t xml:space="preserve">    searchField: 'display_text',</w:t>
            </w:r>
          </w:p>
          <w:p w:rsidR="00A35FED" w:rsidRDefault="00A35FED" w:rsidP="00A35FED">
            <w:r>
              <w:t xml:space="preserve">    options: [],</w:t>
            </w:r>
          </w:p>
          <w:p w:rsidR="00A35FED" w:rsidRDefault="00A35FED" w:rsidP="00A35FED">
            <w:r>
              <w:t xml:space="preserve">  create: false,</w:t>
            </w:r>
          </w:p>
          <w:p w:rsidR="00A35FED" w:rsidRDefault="00A35FED" w:rsidP="00A35FED">
            <w:r>
              <w:t xml:space="preserve">  load: function(query, callback) {</w:t>
            </w:r>
          </w:p>
          <w:p w:rsidR="00A35FED" w:rsidRDefault="00A35FED" w:rsidP="00A35FED">
            <w:r>
              <w:t xml:space="preserve">    if (!query.length) return callback();</w:t>
            </w:r>
          </w:p>
          <w:p w:rsidR="00A35FED" w:rsidRDefault="00A35FED" w:rsidP="00A35FED">
            <w:r>
              <w:t xml:space="preserve">    </w:t>
            </w:r>
          </w:p>
          <w:p w:rsidR="00A35FED" w:rsidRDefault="00A35FED" w:rsidP="00A35FED">
            <w:r>
              <w:t xml:space="preserve">    //var countryId = document.getElementById("countryId").value ;</w:t>
            </w:r>
          </w:p>
          <w:p w:rsidR="00A35FED" w:rsidRDefault="00A35FED" w:rsidP="00A35FED">
            <w:r>
              <w:t xml:space="preserve">    //var selectedCountry = "United States" ; // document.querySelector('#select-country option:checked').text ;</w:t>
            </w:r>
          </w:p>
          <w:p w:rsidR="00A35FED" w:rsidRDefault="00A35FED" w:rsidP="00A35FED">
            <w:r>
              <w:t xml:space="preserve">    </w:t>
            </w:r>
          </w:p>
          <w:p w:rsidR="00A35FED" w:rsidRDefault="00A35FED" w:rsidP="00A35FED">
            <w:r>
              <w:t xml:space="preserve">    //alert(countryId) ;</w:t>
            </w:r>
          </w:p>
          <w:p w:rsidR="00A35FED" w:rsidRDefault="00A35FED" w:rsidP="00A35FED">
            <w:r>
              <w:t xml:space="preserve">    $.ajax({</w:t>
            </w:r>
          </w:p>
          <w:p w:rsidR="00A35FED" w:rsidRDefault="00A35FED" w:rsidP="00A35FED">
            <w:r>
              <w:t xml:space="preserve">      url: '&lt;?php echo SITE_URL_PROFILE ; ?&gt;/selectize/country_usa_state_city_zipcode.php',</w:t>
            </w:r>
          </w:p>
          <w:p w:rsidR="00A35FED" w:rsidRDefault="00A35FED" w:rsidP="00A35FED">
            <w:r>
              <w:t xml:space="preserve">      type: 'GET',</w:t>
            </w:r>
          </w:p>
          <w:p w:rsidR="00A35FED" w:rsidRDefault="00A35FED" w:rsidP="00A35FED">
            <w:r>
              <w:t xml:space="preserve">      dataType: 'json',</w:t>
            </w:r>
          </w:p>
          <w:p w:rsidR="00A35FED" w:rsidRDefault="00A35FED" w:rsidP="00A35FED">
            <w:r>
              <w:t xml:space="preserve">      data: {</w:t>
            </w:r>
          </w:p>
          <w:p w:rsidR="00A35FED" w:rsidRDefault="00A35FED" w:rsidP="00A35FED">
            <w:r>
              <w:t xml:space="preserve">        //countryid: countryId,</w:t>
            </w:r>
          </w:p>
          <w:p w:rsidR="00A35FED" w:rsidRDefault="00A35FED" w:rsidP="00A35FED">
            <w:r>
              <w:t xml:space="preserve">        //countryname: selectedCountry,</w:t>
            </w:r>
          </w:p>
          <w:p w:rsidR="00A35FED" w:rsidRDefault="00A35FED" w:rsidP="00A35FED">
            <w:r>
              <w:t xml:space="preserve">        query: query,</w:t>
            </w:r>
          </w:p>
          <w:p w:rsidR="00A35FED" w:rsidRDefault="00A35FED" w:rsidP="00A35FED">
            <w:r>
              <w:t xml:space="preserve">      },</w:t>
            </w:r>
          </w:p>
          <w:p w:rsidR="00A35FED" w:rsidRDefault="00A35FED" w:rsidP="00A35FED">
            <w:r>
              <w:t xml:space="preserve">      error: function() {</w:t>
            </w:r>
          </w:p>
          <w:p w:rsidR="00A35FED" w:rsidRDefault="00A35FED" w:rsidP="00A35FED">
            <w:r>
              <w:t xml:space="preserve">        callback();</w:t>
            </w:r>
          </w:p>
          <w:p w:rsidR="00A35FED" w:rsidRDefault="00A35FED" w:rsidP="00A35FED">
            <w:r>
              <w:t xml:space="preserve">      },</w:t>
            </w:r>
          </w:p>
          <w:p w:rsidR="00A35FED" w:rsidRDefault="00A35FED" w:rsidP="00A35FED">
            <w:r>
              <w:t xml:space="preserve">      success: function(res) {</w:t>
            </w:r>
          </w:p>
          <w:p w:rsidR="00A35FED" w:rsidRDefault="00A35FED" w:rsidP="00A35FED">
            <w:r>
              <w:t xml:space="preserve">        callback(res);</w:t>
            </w:r>
          </w:p>
          <w:p w:rsidR="00A35FED" w:rsidRDefault="00A35FED" w:rsidP="00A35FED">
            <w:r>
              <w:t xml:space="preserve">        //document.getElementById('cityDiv').style.display = 'block';</w:t>
            </w:r>
          </w:p>
          <w:p w:rsidR="00A35FED" w:rsidRDefault="00A35FED" w:rsidP="00A35FED">
            <w:r>
              <w:t xml:space="preserve">        //alert(res) ;</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w:t>
            </w:r>
          </w:p>
          <w:p w:rsidR="00A35FED" w:rsidRDefault="00A35FED" w:rsidP="00A35FED">
            <w:r>
              <w:t>&lt;/script&gt;</w:t>
            </w:r>
          </w:p>
          <w:p w:rsidR="00A35FED" w:rsidRDefault="00A35FED" w:rsidP="00A35FED">
            <w:r>
              <w:t xml:space="preserve">            &lt;div class="mb-3 row"&gt;</w:t>
            </w:r>
          </w:p>
          <w:p w:rsidR="00A35FED" w:rsidRDefault="00A35FED" w:rsidP="00A35FED">
            <w:r>
              <w:t xml:space="preserve">                &lt;label class="col-sm-3 col-form-label text-end"&gt;&lt;b&gt;You are the  *&lt;/b&gt;&lt;/label&gt;</w:t>
            </w:r>
          </w:p>
          <w:p w:rsidR="00A35FED" w:rsidRDefault="00A35FED" w:rsidP="00A35FED">
            <w:r>
              <w:t xml:space="preserve">                &lt;div class="col-sm-9"&gt;</w:t>
            </w:r>
          </w:p>
          <w:p w:rsidR="00A35FED" w:rsidRDefault="00A35FED" w:rsidP="00A35FED">
            <w:r>
              <w:t xml:space="preserve">                    &lt;div class="you"&gt;</w:t>
            </w:r>
          </w:p>
          <w:p w:rsidR="00A35FED" w:rsidRDefault="00A35FED" w:rsidP="00A35FED">
            <w:r>
              <w:t xml:space="preserve">                      &lt;input type = "radio" name = "Seniors"</w:t>
            </w:r>
          </w:p>
          <w:p w:rsidR="00A35FED" w:rsidRDefault="00A35FED" w:rsidP="00A35FED">
            <w:r>
              <w:t xml:space="preserve">                        id = "Senior" value = "Senior"</w:t>
            </w:r>
          </w:p>
          <w:p w:rsidR="00A35FED" w:rsidRDefault="00A35FED" w:rsidP="00A35FED">
            <w:r>
              <w:lastRenderedPageBreak/>
              <w:t xml:space="preserve">                         checked = "checked" /&gt;</w:t>
            </w:r>
          </w:p>
          <w:p w:rsidR="00A35FED" w:rsidRDefault="00A35FED" w:rsidP="00A35FED">
            <w:r>
              <w:t xml:space="preserve">                        &lt;label for = "sizeSmall"&gt;Senior&lt;/label&gt;</w:t>
            </w:r>
          </w:p>
          <w:p w:rsidR="00A35FED" w:rsidRDefault="00A35FED" w:rsidP="00A35FED">
            <w:r>
              <w:t xml:space="preserve">                    &lt;/div&gt;</w:t>
            </w:r>
          </w:p>
          <w:p w:rsidR="00A35FED" w:rsidRDefault="00A35FED" w:rsidP="00A35FED">
            <w:r>
              <w:t xml:space="preserve">                    &lt;div class="you"&gt;</w:t>
            </w:r>
          </w:p>
          <w:p w:rsidR="00A35FED" w:rsidRDefault="00A35FED" w:rsidP="00A35FED">
            <w:r>
              <w:t xml:space="preserve">                        &lt;input type = "radio" name = "Seniors"</w:t>
            </w:r>
          </w:p>
          <w:p w:rsidR="00A35FED" w:rsidRDefault="00A35FED" w:rsidP="00A35FED">
            <w:r>
              <w:t xml:space="preserve">                         id = "sizeMed" value = "Adult Child" /&gt;</w:t>
            </w:r>
          </w:p>
          <w:p w:rsidR="00A35FED" w:rsidRDefault="00A35FED" w:rsidP="00A35FED">
            <w:r>
              <w:t xml:space="preserve">                        &lt;label for = "Adult Child"&gt;Adult Child&lt;/label&gt;</w:t>
            </w:r>
          </w:p>
          <w:p w:rsidR="00A35FED" w:rsidRDefault="00A35FED" w:rsidP="00A35FED">
            <w:r>
              <w:t xml:space="preserve">                    &lt;/div&gt;</w:t>
            </w:r>
          </w:p>
          <w:p w:rsidR="00A35FED" w:rsidRDefault="00A35FED" w:rsidP="00A35FED">
            <w:r>
              <w:t xml:space="preserve">                    &lt;div class="you"&gt;    </w:t>
            </w:r>
          </w:p>
          <w:p w:rsidR="00A35FED" w:rsidRDefault="00A35FED" w:rsidP="00A35FED">
            <w:r>
              <w:t xml:space="preserve">                        &lt;input type = "radio" name = "Seniors"</w:t>
            </w:r>
          </w:p>
          <w:p w:rsidR="00A35FED" w:rsidRDefault="00A35FED" w:rsidP="00A35FED">
            <w:r>
              <w:t xml:space="preserve">                         id = "sizeLarge" value = "Family Member" /&gt;</w:t>
            </w:r>
          </w:p>
          <w:p w:rsidR="00A35FED" w:rsidRDefault="00A35FED" w:rsidP="00A35FED">
            <w:r>
              <w:t xml:space="preserve">                        &lt;label for = "Family Member"&gt;Family Member&lt;/label&gt;</w:t>
            </w:r>
          </w:p>
          <w:p w:rsidR="00A35FED" w:rsidRDefault="00A35FED" w:rsidP="00A35FED">
            <w:r>
              <w:t xml:space="preserve">                    &lt;/div&gt;</w:t>
            </w:r>
          </w:p>
          <w:p w:rsidR="00A35FED" w:rsidRDefault="00A35FED" w:rsidP="00A35FED">
            <w:r>
              <w:t xml:space="preserve">                    &lt;div class="you"&gt;    </w:t>
            </w:r>
          </w:p>
          <w:p w:rsidR="00A35FED" w:rsidRDefault="00A35FED" w:rsidP="00A35FED">
            <w:r>
              <w:t xml:space="preserve">                        &lt;input type = "radio" name = "Seniors"</w:t>
            </w:r>
          </w:p>
          <w:p w:rsidR="00A35FED" w:rsidRDefault="00A35FED" w:rsidP="00A35FED">
            <w:r>
              <w:t xml:space="preserve">                        id = "sizeLarge" value = "Friend" /&gt;</w:t>
            </w:r>
          </w:p>
          <w:p w:rsidR="00A35FED" w:rsidRDefault="00A35FED" w:rsidP="00A35FED">
            <w:r>
              <w:t xml:space="preserve">                        &lt;label for = "Friend"&gt;Friend&lt;/label&gt;</w:t>
            </w:r>
          </w:p>
          <w:p w:rsidR="00A35FED" w:rsidRDefault="00A35FED" w:rsidP="00A35FED">
            <w:r>
              <w:t xml:space="preserve">                    &lt;/div&gt;</w:t>
            </w:r>
          </w:p>
          <w:p w:rsidR="00A35FED" w:rsidRDefault="00A35FED" w:rsidP="00A35FED">
            <w:r>
              <w:t xml:space="preserve">                    &lt;div class="you"&gt;    </w:t>
            </w:r>
          </w:p>
          <w:p w:rsidR="00A35FED" w:rsidRDefault="00A35FED" w:rsidP="00A35FED">
            <w:r>
              <w:t xml:space="preserve">                        &lt;input type = "radio" name = "Seniors"</w:t>
            </w:r>
          </w:p>
          <w:p w:rsidR="00A35FED" w:rsidRDefault="00A35FED" w:rsidP="00A35FED">
            <w:r>
              <w:t xml:space="preserve">                         id = "Advisor" value = "Advisor" /&gt;</w:t>
            </w:r>
          </w:p>
          <w:p w:rsidR="00A35FED" w:rsidRDefault="00A35FED" w:rsidP="00A35FED">
            <w:r>
              <w:t xml:space="preserve">                        &lt;label for = "Advisore"&gt;Advisor&lt;/label&gt;</w:t>
            </w:r>
          </w:p>
          <w:p w:rsidR="00A35FED" w:rsidRDefault="00A35FED" w:rsidP="00A35FED">
            <w:r>
              <w:t xml:space="preserve">                    &lt;/div&gt;</w:t>
            </w:r>
          </w:p>
          <w:p w:rsidR="00A35FED" w:rsidRDefault="00A35FED" w:rsidP="00A35FED">
            <w:r>
              <w:t xml:space="preserve">                    &lt;div class="you"&gt;    </w:t>
            </w:r>
          </w:p>
          <w:p w:rsidR="00A35FED" w:rsidRDefault="00A35FED" w:rsidP="00A35FED">
            <w:r>
              <w:t xml:space="preserve">                        &lt;input type = "radio" name = "Seniors"</w:t>
            </w:r>
          </w:p>
          <w:p w:rsidR="00A35FED" w:rsidRDefault="00A35FED" w:rsidP="00A35FED">
            <w:r>
              <w:t xml:space="preserve">                         id = "POA" value = "POA" /&gt;</w:t>
            </w:r>
          </w:p>
          <w:p w:rsidR="00A35FED" w:rsidRDefault="00A35FED" w:rsidP="00A35FED">
            <w:r>
              <w:t xml:space="preserve">                        &lt;label for = "POA"&gt;POA&lt;/label&gt;</w:t>
            </w:r>
          </w:p>
          <w:p w:rsidR="00A35FED" w:rsidRDefault="00A35FED" w:rsidP="00A35FED">
            <w:r>
              <w:t xml:space="preserve">                    &lt;/div&gt;</w:t>
            </w:r>
          </w:p>
          <w:p w:rsidR="00A35FED" w:rsidRDefault="00A35FED" w:rsidP="00A35FED">
            <w:r>
              <w:t xml:space="preserve">                    &lt;div class="you"&gt;    </w:t>
            </w:r>
          </w:p>
          <w:p w:rsidR="00A35FED" w:rsidRDefault="00A35FED" w:rsidP="00A35FED">
            <w:r>
              <w:t xml:space="preserve">                        &lt;input type = "radio" name = "Seniors"</w:t>
            </w:r>
          </w:p>
          <w:p w:rsidR="00A35FED" w:rsidRDefault="00A35FED" w:rsidP="00A35FED">
            <w:r>
              <w:t xml:space="preserve">                         id = "other" value = "Other" /&gt;</w:t>
            </w:r>
          </w:p>
          <w:p w:rsidR="00A35FED" w:rsidRDefault="00A35FED" w:rsidP="00A35FED">
            <w:r>
              <w:t xml:space="preserve">                        &lt;label for = "Other"&gt;Other&lt;/label&gt;</w:t>
            </w:r>
          </w:p>
          <w:p w:rsidR="00A35FED" w:rsidRDefault="00A35FED" w:rsidP="00A35FED">
            <w:r>
              <w:t xml:space="preserve">                    &lt;/div&gt;</w:t>
            </w:r>
          </w:p>
          <w:p w:rsidR="00A35FED" w:rsidRDefault="00A35FED" w:rsidP="00A35FED">
            <w:r>
              <w:t xml:space="preserve">                    &lt;div&gt;</w:t>
            </w:r>
          </w:p>
          <w:p w:rsidR="00A35FED" w:rsidRDefault="00A35FED" w:rsidP="00A35FED">
            <w:r>
              <w:t xml:space="preserve">                       &lt;input type="text" id="dist" name="txtbox"&gt; &lt;label&gt;&lt;/label&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 start of enable text box when radio button is selected --&gt;</w:t>
            </w:r>
          </w:p>
          <w:p w:rsidR="00A35FED" w:rsidRDefault="00A35FED" w:rsidP="00A35FED">
            <w:r>
              <w:t xml:space="preserve">                    &lt;script type="text/javascript"&gt;</w:t>
            </w:r>
          </w:p>
          <w:p w:rsidR="00A35FED" w:rsidRDefault="00A35FED" w:rsidP="00A35FED">
            <w:r>
              <w:t xml:space="preserve">                        $(document).ready(function () {</w:t>
            </w:r>
          </w:p>
          <w:p w:rsidR="00A35FED" w:rsidRDefault="00A35FED" w:rsidP="00A35FED">
            <w:r>
              <w:t xml:space="preserve">                            $("#dist").prop('disabled', true);</w:t>
            </w:r>
          </w:p>
          <w:p w:rsidR="00A35FED" w:rsidRDefault="00A35FED" w:rsidP="00A35FED">
            <w:r>
              <w:t xml:space="preserve">                            $("#other").click(function () {</w:t>
            </w:r>
          </w:p>
          <w:p w:rsidR="00A35FED" w:rsidRDefault="00A35FED" w:rsidP="00A35FED">
            <w:r>
              <w:t xml:space="preserve">                                $("#dist").prop('disabled', false);</w:t>
            </w:r>
          </w:p>
          <w:p w:rsidR="00A35FED" w:rsidRDefault="00A35FED" w:rsidP="00A35FED">
            <w:r>
              <w:t xml:space="preserve">                            });</w:t>
            </w:r>
          </w:p>
          <w:p w:rsidR="00A35FED" w:rsidRDefault="00A35FED" w:rsidP="00A35FED">
            <w:r>
              <w:t xml:space="preserve">                    }); </w:t>
            </w:r>
          </w:p>
          <w:p w:rsidR="00A35FED" w:rsidRDefault="00A35FED" w:rsidP="00A35FED">
            <w:r>
              <w:t xml:space="preserve">                    &lt;/script&gt;</w:t>
            </w:r>
          </w:p>
          <w:p w:rsidR="00A35FED" w:rsidRDefault="00A35FED" w:rsidP="00A35FED">
            <w:r>
              <w:t xml:space="preserve">                    &lt;!--&lt;script type="text/javascript"&gt;</w:t>
            </w:r>
          </w:p>
          <w:p w:rsidR="00A35FED" w:rsidRDefault="00A35FED" w:rsidP="00A35FED">
            <w:r>
              <w:lastRenderedPageBreak/>
              <w:t xml:space="preserve">                    $(document).ready(function () {</w:t>
            </w:r>
          </w:p>
          <w:p w:rsidR="00A35FED" w:rsidRDefault="00A35FED" w:rsidP="00A35FED">
            <w:r>
              <w:t xml:space="preserve">                        $("#dist").attr("disabled","disabled");</w:t>
            </w:r>
          </w:p>
          <w:p w:rsidR="00A35FED" w:rsidRDefault="00A35FED" w:rsidP="00A35FED">
            <w:r>
              <w:t xml:space="preserve">                        $("#other").click(function () {</w:t>
            </w:r>
          </w:p>
          <w:p w:rsidR="00A35FED" w:rsidRDefault="00A35FED" w:rsidP="00A35FED">
            <w:r>
              <w:t xml:space="preserve">                            $("#dist").removeAttr("disabled");</w:t>
            </w:r>
          </w:p>
          <w:p w:rsidR="00A35FED" w:rsidRDefault="00A35FED" w:rsidP="00A35FED">
            <w:r>
              <w:t xml:space="preserve">                        });</w:t>
            </w:r>
          </w:p>
          <w:p w:rsidR="00A35FED" w:rsidRDefault="00A35FED" w:rsidP="00A35FED">
            <w:r>
              <w:t xml:space="preserve">                    });</w:t>
            </w:r>
          </w:p>
          <w:p w:rsidR="00A35FED" w:rsidRDefault="00A35FED" w:rsidP="00A35FED">
            <w:r>
              <w:t xml:space="preserve">                    &lt;/script&gt; --&gt;</w:t>
            </w:r>
          </w:p>
          <w:p w:rsidR="00A35FED" w:rsidRDefault="00A35FED" w:rsidP="00A35FED">
            <w:r>
              <w:t xml:space="preserve">                &lt;!-- end of enable text box when radio button is selected --&gt;</w:t>
            </w:r>
          </w:p>
          <w:p w:rsidR="00A35FED" w:rsidRDefault="00A35FED" w:rsidP="00A35FED">
            <w:r>
              <w:t xml:space="preserve">            &lt;div class="mb-3 row"&gt;</w:t>
            </w:r>
          </w:p>
          <w:p w:rsidR="00A35FED" w:rsidRDefault="00A35FED" w:rsidP="00A35FED">
            <w:r>
              <w:t xml:space="preserve">                &lt;label class="col-sm-5 col-form-label text-end"&gt;&lt;b&gt;Birthdate of Prospective Resident*  &lt;/b&gt;&lt;/label&gt;</w:t>
            </w:r>
          </w:p>
          <w:p w:rsidR="00A35FED" w:rsidRDefault="00A35FED" w:rsidP="00A35FED">
            <w:r>
              <w:t xml:space="preserve">                &lt;div class="col-sm-6"&gt;</w:t>
            </w:r>
          </w:p>
          <w:p w:rsidR="00A35FED" w:rsidRDefault="00A35FED" w:rsidP="00A35FED">
            <w:r>
              <w:t xml:space="preserve">                    &lt;input type="date" id="start" name="trip-start"</w:t>
            </w:r>
          </w:p>
          <w:p w:rsidR="00A35FED" w:rsidRDefault="00A35FED" w:rsidP="00A35FED">
            <w:r>
              <w:t xml:space="preserve">                       value="1950-12-25;"</w:t>
            </w:r>
          </w:p>
          <w:p w:rsidR="00A35FED" w:rsidRDefault="00A35FED" w:rsidP="00A35FED">
            <w:r>
              <w:t xml:space="preserve">                       min="1922-01-01" max="2004-12-31"&gt;</w:t>
            </w:r>
          </w:p>
          <w:p w:rsidR="00A35FED" w:rsidRDefault="00A35FED" w:rsidP="00A35FED">
            <w:r>
              <w:t xml:space="preserve">                &lt;/div&gt;</w:t>
            </w:r>
          </w:p>
          <w:p w:rsidR="00A35FED" w:rsidRDefault="00A35FED" w:rsidP="00A35FED">
            <w:r>
              <w:t xml:space="preserve">            &lt;/div&gt;</w:t>
            </w:r>
          </w:p>
          <w:p w:rsidR="00A35FED" w:rsidRDefault="00A35FED" w:rsidP="00A35FED">
            <w:r>
              <w:t xml:space="preserve">            &lt;br&gt;</w:t>
            </w:r>
          </w:p>
          <w:p w:rsidR="00A35FED" w:rsidRDefault="00A35FED" w:rsidP="00A35FED">
            <w:r>
              <w:t xml:space="preserve">            </w:t>
            </w:r>
          </w:p>
          <w:p w:rsidR="00A35FED" w:rsidRDefault="00A35FED" w:rsidP="00A35FED"/>
          <w:p w:rsidR="00A35FED" w:rsidRDefault="00A35FED" w:rsidP="00A35FED"/>
          <w:p w:rsidR="00A35FED" w:rsidRDefault="00A35FED" w:rsidP="00A35FED">
            <w:r>
              <w:t xml:space="preserve">            &lt;!--&lt;div class="text-end mt-3"&gt;</w:t>
            </w:r>
          </w:p>
          <w:p w:rsidR="00A35FED" w:rsidRDefault="00A35FED" w:rsidP="00A35FED">
            <w:r>
              <w:t xml:space="preserve">                    &lt;div class="collapse" id="processSpan"&gt;</w:t>
            </w:r>
          </w:p>
          <w:p w:rsidR="00A35FED" w:rsidRDefault="00A35FED" w:rsidP="00A35FED">
            <w:r>
              <w:t xml:space="preserve">                        &lt;div class="spinner-border text-primary" role="status"&gt;</w:t>
            </w:r>
          </w:p>
          <w:p w:rsidR="00A35FED" w:rsidRDefault="00A35FED" w:rsidP="00A35FED">
            <w:r>
              <w:t xml:space="preserve">                          &lt;span class="visually-hidden"&gt;Loading...&lt;/span&gt;</w:t>
            </w:r>
          </w:p>
          <w:p w:rsidR="00A35FED" w:rsidRDefault="00A35FED" w:rsidP="00A35FED">
            <w:r>
              <w:t xml:space="preserve">                        &lt;/div&gt; Processing please wait..</w:t>
            </w:r>
          </w:p>
          <w:p w:rsidR="00A35FED" w:rsidRDefault="00A35FED" w:rsidP="00A35FED">
            <w:r>
              <w:t xml:space="preserve">                    &lt;/div&gt;</w:t>
            </w:r>
          </w:p>
          <w:p w:rsidR="00A35FED" w:rsidRDefault="00A35FED" w:rsidP="00A35FED">
            <w:r>
              <w:t xml:space="preserve">                    &lt;span id="log_result"&gt;&lt;/span&gt;</w:t>
            </w:r>
          </w:p>
          <w:p w:rsidR="00A35FED" w:rsidRDefault="00A35FED" w:rsidP="00A35FED">
            <w:r>
              <w:t xml:space="preserve">                    &lt;div id="submitBtnsBox" style="text-align: right;"&gt;</w:t>
            </w:r>
          </w:p>
          <w:p w:rsidR="00A35FED" w:rsidRDefault="00A35FED" w:rsidP="00A35FED">
            <w:r>
              <w:t xml:space="preserve">                        &lt;button name="submit" type="submit" class="btn btn-success" &gt;&lt;i class="fas fa-2x fa-pen-to-square"&gt;&lt;/i&gt; SUBMIT&lt;/button&gt;  </w:t>
            </w:r>
          </w:p>
          <w:p w:rsidR="00A35FED" w:rsidRDefault="00A35FED" w:rsidP="00A35FED">
            <w:r>
              <w:t xml:space="preserve">                        </w:t>
            </w:r>
          </w:p>
          <w:p w:rsidR="00A35FED" w:rsidRDefault="00A35FED" w:rsidP="00A35FED">
            <w:r>
              <w:t xml:space="preserve">                    &lt;/div&gt;</w:t>
            </w:r>
          </w:p>
          <w:p w:rsidR="00A35FED" w:rsidRDefault="00A35FED" w:rsidP="00A35FED">
            <w:r>
              <w:t xml:space="preserve">                &lt;/div&gt; --&gt;</w:t>
            </w:r>
          </w:p>
          <w:p w:rsidR="00A35FED" w:rsidRDefault="00A35FED" w:rsidP="00A35FED"/>
          <w:p w:rsidR="00A35FED" w:rsidRDefault="00A35FED" w:rsidP="00A35FED">
            <w:r>
              <w:t xml:space="preserve">        &lt;/form&gt;</w:t>
            </w:r>
          </w:p>
          <w:p w:rsidR="00A35FED" w:rsidRDefault="00A35FED" w:rsidP="00A35FED">
            <w:r>
              <w:t xml:space="preserve">                                          </w:t>
            </w:r>
          </w:p>
          <w:p w:rsidR="00A35FED" w:rsidRDefault="00A35FED" w:rsidP="00A35FED">
            <w:r>
              <w:t xml:space="preserve">                                        &lt;!---&lt;div class="card"&gt;</w:t>
            </w:r>
          </w:p>
          <w:p w:rsidR="00A35FED" w:rsidRDefault="00A35FED" w:rsidP="00A35FED">
            <w:r>
              <w:t xml:space="preserve">                                            </w:t>
            </w:r>
          </w:p>
          <w:p w:rsidR="00A35FED" w:rsidRDefault="00A35FED" w:rsidP="00A35FED">
            <w:r>
              <w:t xml:space="preserve">                                                                                          </w:t>
            </w:r>
          </w:p>
          <w:p w:rsidR="00A35FED" w:rsidRDefault="00A35FED" w:rsidP="00A35FED">
            <w:r>
              <w:t xml:space="preserve">                                          &lt;!--&lt;div class="card-header" id="heading0_1"&gt;</w:t>
            </w:r>
          </w:p>
          <w:p w:rsidR="00A35FED" w:rsidRDefault="00A35FED" w:rsidP="00A35FED">
            <w:r>
              <w:t xml:space="preserve">                                            &lt;h3 class="mb-0"&gt;</w:t>
            </w:r>
          </w:p>
          <w:p w:rsidR="00A35FED" w:rsidRDefault="00A35FED" w:rsidP="00A35FED">
            <w:r>
              <w:t xml:space="preserve">                                              &lt;button class="btn btn-link" data-toggle="collapse" data-target="#collapse0_1" aria-expanded="false" aria-controls="collapse0_1"&gt;sub-collapse text&lt;/button&gt;</w:t>
            </w:r>
          </w:p>
          <w:p w:rsidR="00A35FED" w:rsidRDefault="00A35FED" w:rsidP="00A35FED">
            <w:r>
              <w:t xml:space="preserve">                                            &lt;/h3&gt;</w:t>
            </w:r>
          </w:p>
          <w:p w:rsidR="00A35FED" w:rsidRDefault="00A35FED" w:rsidP="00A35FED">
            <w:r>
              <w:t xml:space="preserve">                                          &lt;/div&gt; --&gt;</w:t>
            </w:r>
          </w:p>
          <w:p w:rsidR="00A35FED" w:rsidRDefault="00A35FED" w:rsidP="00A35FED">
            <w:r>
              <w:t xml:space="preserve">                                          &lt;!-- remove data-parent here or set to "#collapse0" --&gt;</w:t>
            </w:r>
          </w:p>
          <w:p w:rsidR="00A35FED" w:rsidRDefault="00A35FED" w:rsidP="00A35FED">
            <w:r>
              <w:t xml:space="preserve">                                          &lt;!--&lt;div id="collapse0_1" class="collapse" aria-labelledby="heading0_1"&gt;</w:t>
            </w:r>
          </w:p>
          <w:p w:rsidR="00A35FED" w:rsidRDefault="00A35FED" w:rsidP="00A35FED">
            <w:r>
              <w:lastRenderedPageBreak/>
              <w:t xml:space="preserve">                                            &lt;div class="card-body"&gt;</w:t>
            </w:r>
          </w:p>
          <w:p w:rsidR="00A35FED" w:rsidRDefault="00A35FED" w:rsidP="00A35FED">
            <w:r>
              <w:t xml:space="preserve">                                            &lt;p&gt;text here...&lt;/p&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 --&gt;</w:t>
            </w:r>
          </w:p>
          <w:p w:rsidR="00A35FED" w:rsidRDefault="00A35FED" w:rsidP="00A35FED">
            <w:r>
              <w:t xml:space="preserve">                                        </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w:t>
            </w:r>
          </w:p>
          <w:p w:rsidR="00A35FED" w:rsidRDefault="00A35FED" w:rsidP="00A35FED">
            <w:r>
              <w:t xml:space="preserve">                                &lt;div class="form-group"&gt;</w:t>
            </w:r>
          </w:p>
          <w:p w:rsidR="00A35FED" w:rsidRDefault="00A35FED" w:rsidP="00A35FED">
            <w:r>
              <w:tab/>
            </w:r>
            <w:r>
              <w:tab/>
            </w:r>
            <w:r>
              <w:tab/>
            </w:r>
            <w:r>
              <w:tab/>
            </w:r>
            <w:r>
              <w:tab/>
            </w:r>
            <w:r>
              <w:tab/>
            </w:r>
            <w:r>
              <w:tab/>
            </w:r>
            <w:r>
              <w:tab/>
            </w:r>
            <w:r>
              <w:tab/>
              <w:t xml:space="preserve">&lt;div class="col-sm-6"&gt; </w:t>
            </w:r>
          </w:p>
          <w:p w:rsidR="00A35FED" w:rsidRDefault="00A35FED" w:rsidP="00A35FED">
            <w:r>
              <w:tab/>
            </w:r>
            <w:r>
              <w:tab/>
            </w:r>
            <w:r>
              <w:tab/>
            </w:r>
            <w:r>
              <w:tab/>
            </w:r>
            <w:r>
              <w:tab/>
            </w:r>
            <w:r>
              <w:tab/>
            </w:r>
            <w:r>
              <w:tab/>
            </w:r>
            <w:r>
              <w:tab/>
            </w:r>
            <w:r>
              <w:tab/>
            </w:r>
            <w:r>
              <w:tab/>
              <w:t>&lt;div id="submitBtnsBox" class="text-end"&gt;</w:t>
            </w:r>
          </w:p>
          <w:p w:rsidR="00A35FED" w:rsidRDefault="00A35FED" w:rsidP="00A35FED">
            <w:r>
              <w:tab/>
            </w:r>
            <w:r>
              <w:tab/>
            </w:r>
            <w:r>
              <w:tab/>
            </w:r>
            <w:r>
              <w:tab/>
            </w:r>
            <w:r>
              <w:tab/>
            </w:r>
            <w:r>
              <w:tab/>
            </w:r>
            <w:r>
              <w:tab/>
            </w:r>
            <w:r>
              <w:tab/>
            </w:r>
            <w:r>
              <w:tab/>
            </w:r>
            <w:r>
              <w:tab/>
            </w:r>
            <w:r>
              <w:tab/>
              <w:t>&lt;button type="submit"  id="btnSubmit1" class="btn btn-success"&gt;Save &lt;?php echo $title ; ?&gt; to your list &lt;/button&gt;</w:t>
            </w:r>
          </w:p>
          <w:p w:rsidR="00A35FED" w:rsidRDefault="00A35FED" w:rsidP="00A35FED">
            <w:r>
              <w:tab/>
            </w:r>
            <w:r>
              <w:tab/>
            </w:r>
            <w:r>
              <w:tab/>
            </w:r>
            <w:r>
              <w:tab/>
            </w:r>
            <w:r>
              <w:tab/>
            </w:r>
            <w:r>
              <w:tab/>
            </w:r>
            <w:r>
              <w:tab/>
            </w:r>
            <w:r>
              <w:tab/>
            </w:r>
            <w:r>
              <w:tab/>
            </w:r>
            <w:r>
              <w:tab/>
              <w:t>&lt;/div&gt;</w:t>
            </w:r>
          </w:p>
          <w:p w:rsidR="00A35FED" w:rsidRDefault="00A35FED" w:rsidP="00A35FED">
            <w:r>
              <w:tab/>
            </w:r>
            <w:r>
              <w:tab/>
            </w:r>
            <w:r>
              <w:tab/>
            </w:r>
            <w:r>
              <w:tab/>
            </w:r>
            <w:r>
              <w:tab/>
            </w:r>
            <w:r>
              <w:tab/>
            </w:r>
            <w:r>
              <w:tab/>
            </w:r>
            <w:r>
              <w:tab/>
            </w:r>
            <w:r>
              <w:tab/>
              <w:t>&lt;/div&gt;</w:t>
            </w:r>
          </w:p>
          <w:p w:rsidR="00A35FED" w:rsidRDefault="00A35FED" w:rsidP="00A35FED">
            <w:r>
              <w:tab/>
            </w:r>
            <w:r>
              <w:tab/>
            </w:r>
            <w:r>
              <w:tab/>
            </w:r>
            <w:r>
              <w:tab/>
            </w:r>
            <w:r>
              <w:tab/>
            </w:r>
            <w:r>
              <w:tab/>
            </w:r>
            <w:r>
              <w:tab/>
            </w:r>
            <w:r>
              <w:tab/>
              <w:t>&lt;/div&gt;</w:t>
            </w:r>
          </w:p>
          <w:p w:rsidR="00A35FED" w:rsidRDefault="00A35FED" w:rsidP="00A35FED">
            <w:r>
              <w:t xml:space="preserve">                                </w:t>
            </w:r>
          </w:p>
          <w:p w:rsidR="00A35FED" w:rsidRDefault="00A35FED" w:rsidP="00A35FED">
            <w:r>
              <w:t xml:space="preserve">                            &lt;/form&gt;</w:t>
            </w:r>
          </w:p>
          <w:p w:rsidR="00A35FED" w:rsidRDefault="00A35FED" w:rsidP="00A35FED">
            <w:r>
              <w:t xml:space="preserve">                    &lt;/div&gt;</w:t>
            </w:r>
          </w:p>
          <w:p w:rsidR="00A35FED" w:rsidRDefault="00A35FED" w:rsidP="00A35FED"/>
          <w:p w:rsidR="00A35FED" w:rsidRDefault="00A35FED" w:rsidP="00A35FED">
            <w:r>
              <w:t xml:space="preserve">                            &lt;!-- Modal footer --&gt;</w:t>
            </w:r>
          </w:p>
          <w:p w:rsidR="00A35FED" w:rsidRDefault="00A35FED" w:rsidP="00A35FED">
            <w:r>
              <w:t xml:space="preserve">                            &lt;!--&lt;div class="modal-footer text-left"&gt; --&gt;</w:t>
            </w:r>
          </w:p>
          <w:p w:rsidR="00A35FED" w:rsidRDefault="00A35FED" w:rsidP="00A35FED">
            <w:r>
              <w:t xml:space="preserve">                            &lt;div class="text-left"&gt;</w:t>
            </w:r>
          </w:p>
          <w:p w:rsidR="00A35FED" w:rsidRDefault="00A35FED" w:rsidP="00A35FED">
            <w:r>
              <w:t xml:space="preserve">                              &lt;p&gt;</w:t>
            </w:r>
          </w:p>
          <w:p w:rsidR="00A35FED" w:rsidRDefault="00A35FED" w:rsidP="00A35FED">
            <w:r>
              <w:t xml:space="preserve">                              &lt;!--&lt;b&gt;Note:&lt;/b&gt; Please register in case if you haven't registered yet.    --&gt;</w:t>
            </w:r>
          </w:p>
          <w:p w:rsidR="00A35FED" w:rsidRDefault="00A35FED" w:rsidP="00A35FED">
            <w:r>
              <w:t xml:space="preserve">                                  </w:t>
            </w:r>
          </w:p>
          <w:p w:rsidR="00A35FED" w:rsidRDefault="00A35FED" w:rsidP="00A35FED">
            <w:r>
              <w:t xml:space="preserve">                              &lt;/p&gt;</w:t>
            </w:r>
          </w:p>
          <w:p w:rsidR="00A35FED" w:rsidRDefault="00A35FED" w:rsidP="00A35FED">
            <w:r>
              <w:t xml:space="preserve">                              &lt;!--&lt;button type="button" class="btn btn-danger" data-dismiss="modal"&gt;Close&lt;/button&gt;--&gt;</w:t>
            </w:r>
          </w:p>
          <w:p w:rsidR="00A35FED" w:rsidRDefault="00A35FED" w:rsidP="00A35FED">
            <w:r>
              <w:t xml:space="preserve">                            &lt;/div&gt;</w:t>
            </w:r>
          </w:p>
          <w:p w:rsidR="00A35FED" w:rsidRDefault="00A35FED" w:rsidP="00A35FED">
            <w:r>
              <w:t xml:space="preserve">                            &lt;div class="modal-footer"&gt;</w:t>
            </w:r>
          </w:p>
          <w:p w:rsidR="00A35FED" w:rsidRDefault="00A35FED" w:rsidP="00A35FED">
            <w:r>
              <w:t xml:space="preserve">    </w:t>
            </w:r>
            <w:r>
              <w:tab/>
            </w:r>
            <w:r>
              <w:tab/>
            </w:r>
            <w:r>
              <w:tab/>
            </w:r>
            <w:r>
              <w:tab/>
            </w:r>
            <w:r>
              <w:tab/>
            </w:r>
            <w:r>
              <w:tab/>
              <w:t xml:space="preserve">    </w:t>
            </w:r>
          </w:p>
          <w:p w:rsidR="00A35FED" w:rsidRDefault="00A35FED" w:rsidP="00A35FED">
            <w:r>
              <w:t xml:space="preserve">    </w:t>
            </w:r>
            <w:r>
              <w:tab/>
            </w:r>
            <w:r>
              <w:tab/>
            </w:r>
            <w:r>
              <w:tab/>
            </w:r>
            <w:r>
              <w:tab/>
            </w:r>
            <w:r>
              <w:tab/>
            </w:r>
            <w:r>
              <w:tab/>
              <w:t xml:space="preserve">  &lt;button type="button" class="btn btn-default" data-dismiss="modal"&gt;Close&lt;/button&gt;</w:t>
            </w:r>
          </w:p>
          <w:p w:rsidR="00A35FED" w:rsidRDefault="00A35FED" w:rsidP="00A35FED">
            <w:r>
              <w:t xml:space="preserve">    </w:t>
            </w:r>
            <w:r>
              <w:tab/>
            </w:r>
            <w:r>
              <w:tab/>
            </w:r>
            <w:r>
              <w:tab/>
            </w:r>
            <w:r>
              <w:tab/>
            </w:r>
            <w:r>
              <w:tab/>
            </w:r>
            <w:r>
              <w:tab/>
              <w:t>&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lt;/div&gt;</w:t>
            </w:r>
          </w:p>
          <w:p w:rsidR="00A35FED" w:rsidRDefault="00A35FED" w:rsidP="00A35FED">
            <w:r>
              <w:t xml:space="preserve">            </w:t>
            </w:r>
          </w:p>
          <w:p w:rsidR="00A35FED" w:rsidRDefault="00A35FED" w:rsidP="00A35FED">
            <w:r>
              <w:t xml:space="preserve">                &lt;!--end of modal pop-up for SeniorPlaceFinder add to wish list section --&gt;  </w:t>
            </w:r>
          </w:p>
          <w:p w:rsidR="00A35FED" w:rsidRDefault="00A35FED" w:rsidP="00A35FED">
            <w:r>
              <w:t xml:space="preserve">                </w:t>
            </w:r>
          </w:p>
          <w:p w:rsidR="00A35FED" w:rsidRDefault="00A35FED" w:rsidP="00A35FED">
            <w:r>
              <w:lastRenderedPageBreak/>
              <w:t xml:space="preserve">                 &lt;!--start of  modal pop-up for SeniorPlaceFinder to verify email for sharing the Get Contact info Not used --&gt;     --&gt;  </w:t>
            </w:r>
          </w:p>
          <w:p w:rsidR="00A35FED" w:rsidRDefault="00A35FED" w:rsidP="00A35FED">
            <w:r>
              <w:t xml:space="preserve">                    &lt;div class="modal fade" id="myModal5" style="max-height: 500px !important; margin-top: 70px;"&gt;</w:t>
            </w:r>
          </w:p>
          <w:p w:rsidR="00A35FED" w:rsidRDefault="00A35FED" w:rsidP="00A35FED">
            <w:r>
              <w:t xml:space="preserve">                    &lt;div class="modal-dialog modal-dialog-scrollable modal-lg"&gt;</w:t>
            </w:r>
          </w:p>
          <w:p w:rsidR="00A35FED" w:rsidRDefault="00A35FED" w:rsidP="00A35FED">
            <w:r>
              <w:t xml:space="preserve">                      &lt;div class="modal-content"&gt;</w:t>
            </w:r>
          </w:p>
          <w:p w:rsidR="00A35FED" w:rsidRDefault="00A35FED" w:rsidP="00A35FED">
            <w:r>
              <w:t xml:space="preserve">            </w:t>
            </w:r>
          </w:p>
          <w:p w:rsidR="00A35FED" w:rsidRDefault="00A35FED" w:rsidP="00A35FED">
            <w:r>
              <w:t xml:space="preserve">                        &lt;!-- Modal Header --&gt;</w:t>
            </w:r>
          </w:p>
          <w:p w:rsidR="00A35FED" w:rsidRDefault="00A35FED" w:rsidP="00A35FED">
            <w:r>
              <w:t xml:space="preserve">                        &lt;div class="modal-header"&gt;</w:t>
            </w:r>
          </w:p>
          <w:p w:rsidR="00A35FED" w:rsidRDefault="00A35FED" w:rsidP="00A35FED">
            <w:r>
              <w:t xml:space="preserve">                        &lt;h4 class="modal-title"&gt;&lt;small&gt;Verify your email to receive  Contact Info for &lt;/small&gt;&lt;?php echo $title ; ?&gt; &lt;/h4&gt;</w:t>
            </w:r>
          </w:p>
          <w:p w:rsidR="00A35FED" w:rsidRDefault="00A35FED" w:rsidP="00A35FED">
            <w:r>
              <w:t xml:space="preserve">                          &lt;button type="button" class="close" data-dismiss="modal"&gt;&amp;#x274C;&lt;/button&gt;</w:t>
            </w:r>
          </w:p>
          <w:p w:rsidR="00A35FED" w:rsidRDefault="00A35FED" w:rsidP="00A35FED">
            <w:r>
              <w:t xml:space="preserve">                         </w:t>
            </w:r>
          </w:p>
          <w:p w:rsidR="00A35FED" w:rsidRDefault="00A35FED" w:rsidP="00A35FED">
            <w:r>
              <w:t xml:space="preserve">                        &lt;/div&gt;</w:t>
            </w:r>
          </w:p>
          <w:p w:rsidR="00A35FED" w:rsidRDefault="00A35FED" w:rsidP="00A35FED">
            <w:r>
              <w:t xml:space="preserve">            </w:t>
            </w:r>
          </w:p>
          <w:p w:rsidR="00A35FED" w:rsidRDefault="00A35FED" w:rsidP="00A35FED">
            <w:r>
              <w:t xml:space="preserve">                        &lt;!-- Modal body --&gt;</w:t>
            </w:r>
          </w:p>
          <w:p w:rsidR="00A35FED" w:rsidRDefault="00A35FED" w:rsidP="00A35FED">
            <w:r>
              <w:t xml:space="preserve">                        &lt;div class="modal-body" style= "height: 600px; overflow-y: scroll;"&gt;</w:t>
            </w:r>
          </w:p>
          <w:p w:rsidR="00A35FED" w:rsidRDefault="00A35FED" w:rsidP="00A35FED">
            <w:r>
              <w:t xml:space="preserve">                            &lt;form action="" method="post" id="freePropertyEvaluationForm&lt;?php echo $memberId ; ?&gt;"&gt;</w:t>
            </w:r>
          </w:p>
          <w:p w:rsidR="00A35FED" w:rsidRDefault="00A35FED" w:rsidP="00A35FED">
            <w:r>
              <w:t xml:space="preserve">                        </w:t>
            </w:r>
          </w:p>
          <w:p w:rsidR="00A35FED" w:rsidRDefault="00A35FED" w:rsidP="00A35FED">
            <w:r>
              <w:t xml:space="preserve">                        &lt;input type="hidden" name="sessionId" value="&lt;?php echo CURRENT_SESSION_ID ; ?&gt;" /&gt;</w:t>
            </w:r>
          </w:p>
          <w:p w:rsidR="00A35FED" w:rsidRDefault="00A35FED" w:rsidP="00A35FED">
            <w:r>
              <w:t xml:space="preserve">                        &lt;input type="hidden" name="item" value="User" /&gt;</w:t>
            </w:r>
          </w:p>
          <w:p w:rsidR="00A35FED" w:rsidRDefault="00A35FED" w:rsidP="00A35FED">
            <w:r>
              <w:t xml:space="preserve">                        &lt;input type="hidden" name="memberId" value="&lt;?php echo $memberId ; ?&gt;" /&gt;</w:t>
            </w:r>
          </w:p>
          <w:p w:rsidR="00A35FED" w:rsidRDefault="00A35FED" w:rsidP="00A35FED">
            <w:r>
              <w:t xml:space="preserve">                        &lt;input type="hidden" name="memberNameF" value="&lt;?php echo $nameF ; ?&gt;" /&gt;</w:t>
            </w:r>
          </w:p>
          <w:p w:rsidR="00A35FED" w:rsidRDefault="00A35FED" w:rsidP="00A35FED">
            <w:r>
              <w:t xml:space="preserve">                        &lt;input type="hidden" name="memberEmail" value="&lt;?php echo $emailOpp ; ?&gt;" /&gt;</w:t>
            </w:r>
          </w:p>
          <w:p w:rsidR="00A35FED" w:rsidRDefault="00A35FED" w:rsidP="00A35FED">
            <w:r>
              <w:t xml:space="preserve">            </w:t>
            </w:r>
          </w:p>
          <w:p w:rsidR="00A35FED" w:rsidRDefault="00A35FED" w:rsidP="00A35FED">
            <w:r>
              <w:t xml:space="preserve">            </w:t>
            </w:r>
          </w:p>
          <w:p w:rsidR="00A35FED" w:rsidRDefault="00A35FED" w:rsidP="00A35FED">
            <w:r>
              <w:t xml:space="preserve">                        &lt;div class="mb-3 row"&gt;</w:t>
            </w:r>
          </w:p>
          <w:p w:rsidR="00A35FED" w:rsidRDefault="00A35FED" w:rsidP="00A35FED">
            <w:r>
              <w:t xml:space="preserve">                            &lt;label class="col-sm-4 col-form-label text-end"&gt;Your Name*:&lt;/label&gt;</w:t>
            </w:r>
          </w:p>
          <w:p w:rsidR="00A35FED" w:rsidRDefault="00A35FED" w:rsidP="00A35FED">
            <w:r>
              <w:t xml:space="preserve">                            &lt;div class="col-sm-8"&gt;</w:t>
            </w:r>
          </w:p>
          <w:p w:rsidR="00A35FED" w:rsidRDefault="00A35FED" w:rsidP="00A35FED">
            <w:r>
              <w:t xml:space="preserve">                                &lt;input type="text" name="name" class="form-control" required="" value="&lt;?php echo $userName ; ?&gt;" /&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lt;div class="mb-3 row"&gt;</w:t>
            </w:r>
          </w:p>
          <w:p w:rsidR="00A35FED" w:rsidRDefault="00A35FED" w:rsidP="00A35FED">
            <w:r>
              <w:t xml:space="preserve">                            &lt;label class="col-sm-4 col-form-label text-end"&gt;Your Email*:&lt;/label&gt;</w:t>
            </w:r>
          </w:p>
          <w:p w:rsidR="00A35FED" w:rsidRDefault="00A35FED" w:rsidP="00A35FED">
            <w:r>
              <w:t xml:space="preserve">                            &lt;div class="col-sm-8"&gt;</w:t>
            </w:r>
          </w:p>
          <w:p w:rsidR="00A35FED" w:rsidRDefault="00A35FED" w:rsidP="00A35FED">
            <w:r>
              <w:t xml:space="preserve">                                &lt;input type="email" name="email" id="inputEmail" class="form-control" required="" value="&lt;?php echo $email ; ?&gt;" /&gt;</w:t>
            </w:r>
          </w:p>
          <w:p w:rsidR="00A35FED" w:rsidRDefault="00A35FED" w:rsidP="00A35FED">
            <w:r>
              <w:t xml:space="preserve">                            &lt;/div&gt;</w:t>
            </w:r>
          </w:p>
          <w:p w:rsidR="00A35FED" w:rsidRDefault="00A35FED" w:rsidP="00A35FED">
            <w:r>
              <w:t xml:space="preserve">                        &lt;/div&gt;</w:t>
            </w:r>
          </w:p>
          <w:p w:rsidR="00A35FED" w:rsidRDefault="00A35FED" w:rsidP="00A35FED">
            <w:r>
              <w:t xml:space="preserve">                        &lt;p style="text-align: right"&gt;&lt;small&gt;&lt;b&gt;Please click on Send Verification Code to verify your email &lt;/b&gt;&lt;/small&gt;&lt;/p&gt;</w:t>
            </w:r>
          </w:p>
          <w:p w:rsidR="00A35FED" w:rsidRDefault="00A35FED" w:rsidP="00A35FED">
            <w:r>
              <w:t xml:space="preserve">                        &lt;div class="mb-3 row"&gt;</w:t>
            </w:r>
          </w:p>
          <w:p w:rsidR="00A35FED" w:rsidRDefault="00A35FED" w:rsidP="00A35FED">
            <w:r>
              <w:t xml:space="preserve">                        </w:t>
            </w:r>
          </w:p>
          <w:p w:rsidR="00A35FED" w:rsidRDefault="00A35FED" w:rsidP="00A35FED">
            <w:r>
              <w:t xml:space="preserve">                        </w:t>
            </w:r>
          </w:p>
          <w:p w:rsidR="00A35FED" w:rsidRDefault="00A35FED" w:rsidP="00A35FED">
            <w:r>
              <w:t xml:space="preserve">                            &lt;label class="col-sm-4 col-form-label text-end"&gt;Email Verification Code*&lt;/label&gt;</w:t>
            </w:r>
          </w:p>
          <w:p w:rsidR="00A35FED" w:rsidRDefault="00A35FED" w:rsidP="00A35FED">
            <w:r>
              <w:lastRenderedPageBreak/>
              <w:t xml:space="preserve">                            &lt;div class="col-sm-8"&gt;</w:t>
            </w:r>
          </w:p>
          <w:p w:rsidR="00A35FED" w:rsidRDefault="00A35FED" w:rsidP="00A35FED">
            <w:r>
              <w:t xml:space="preserve">                                &lt;div id="vericifationMailSentResult&lt;?php echo $memberId ; ?&gt;" &gt;&lt;/div&gt;</w:t>
            </w:r>
          </w:p>
          <w:p w:rsidR="00A35FED" w:rsidRDefault="00A35FED" w:rsidP="00A35FED">
            <w:r>
              <w:t xml:space="preserve">                                &lt;div class="input-group mb-3"&gt;</w:t>
            </w:r>
          </w:p>
          <w:p w:rsidR="00A35FED" w:rsidRDefault="00A35FED" w:rsidP="00A35FED">
            <w:r>
              <w:t xml:space="preserve">                                    &lt;input type="number" name="otp" class="form-control" value=""  maxlength="6" required="" placeholder =" Enter code received on email "</w:t>
            </w:r>
          </w:p>
          <w:p w:rsidR="00A35FED" w:rsidRDefault="00A35FED" w:rsidP="00A35FED">
            <w:r>
              <w:t xml:space="preserve">                                        oninput="javascript: if (this.value.length &gt; this.maxLength) this.value = this.value.slice(0, this.maxLength);" /&gt;</w:t>
            </w:r>
          </w:p>
          <w:p w:rsidR="00A35FED" w:rsidRDefault="00A35FED" w:rsidP="00A35FED">
            <w:r>
              <w:t xml:space="preserve">                                    &lt;span class="input-group-text pointer" title="Send verification code" onclick="validateEmail&lt;?php echo $memberId ; ?&gt;();" &gt;</w:t>
            </w:r>
          </w:p>
          <w:p w:rsidR="00A35FED" w:rsidRDefault="00A35FED" w:rsidP="00A35FED">
            <w:r>
              <w:t xml:space="preserve">                            &lt;img class="collapse" id="loadingGif" src="&lt;?php echo SITE_URL_SPF ; ?&gt;/images/loading.gif" width="25" /&gt;</w:t>
            </w:r>
          </w:p>
          <w:p w:rsidR="00A35FED" w:rsidRDefault="00A35FED" w:rsidP="00A35FED">
            <w:r>
              <w:t xml:space="preserve">                            &lt;span class="material-symbols-outlined"&gt;</w:t>
            </w:r>
          </w:p>
          <w:p w:rsidR="00A35FED" w:rsidRDefault="00A35FED" w:rsidP="00A35FED">
            <w:r>
              <w:t xml:space="preserve">                            verified</w:t>
            </w:r>
          </w:p>
          <w:p w:rsidR="00A35FED" w:rsidRDefault="00A35FED" w:rsidP="00A35FED">
            <w:r>
              <w:t xml:space="preserve">                            &lt;/span&gt; Send Verification Code</w:t>
            </w:r>
          </w:p>
          <w:p w:rsidR="00A35FED" w:rsidRDefault="00A35FED" w:rsidP="00A35FED">
            <w:r>
              <w:t xml:space="preserve">                        &lt;/span&gt;</w:t>
            </w:r>
          </w:p>
          <w:p w:rsidR="00A35FED" w:rsidRDefault="00A35FED" w:rsidP="00A35FED">
            <w:r>
              <w:t xml:space="preserve">                                &lt;/div&gt;</w:t>
            </w:r>
          </w:p>
          <w:p w:rsidR="00A35FED" w:rsidRDefault="00A35FED" w:rsidP="00A35FED">
            <w:r>
              <w:t xml:space="preserve">                                    </w:t>
            </w:r>
          </w:p>
          <w:p w:rsidR="00A35FED" w:rsidRDefault="00A35FED" w:rsidP="00A35FED">
            <w:r>
              <w:t xml:space="preserve">                        </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lt;div class="form-group text-right"&gt;</w:t>
            </w:r>
          </w:p>
          <w:p w:rsidR="00A35FED" w:rsidRDefault="00A35FED" w:rsidP="00A35FED">
            <w:r>
              <w:t xml:space="preserve">            </w:t>
            </w:r>
          </w:p>
          <w:p w:rsidR="00A35FED" w:rsidRDefault="00A35FED" w:rsidP="00A35FED">
            <w:r>
              <w:t xml:space="preserve">                            &lt;div class="collapse" id="processSpan"&gt;</w:t>
            </w:r>
          </w:p>
          <w:p w:rsidR="00A35FED" w:rsidRDefault="00A35FED" w:rsidP="00A35FED">
            <w:r>
              <w:t xml:space="preserve">                                &lt;div class="spinner-border text-primary" &gt;</w:t>
            </w:r>
          </w:p>
          <w:p w:rsidR="00A35FED" w:rsidRDefault="00A35FED" w:rsidP="00A35FED">
            <w:r>
              <w:t xml:space="preserve">                                  &lt;span class="visually-hidden"&gt;Loading...&lt;/span&gt;</w:t>
            </w:r>
          </w:p>
          <w:p w:rsidR="00A35FED" w:rsidRDefault="00A35FED" w:rsidP="00A35FED">
            <w:r>
              <w:t xml:space="preserve">                                &lt;/div&gt; Processing please wait..</w:t>
            </w:r>
          </w:p>
          <w:p w:rsidR="00A35FED" w:rsidRDefault="00A35FED" w:rsidP="00A35FED">
            <w:r>
              <w:t xml:space="preserve">                            &lt;/div&gt;</w:t>
            </w:r>
          </w:p>
          <w:p w:rsidR="00A35FED" w:rsidRDefault="00A35FED" w:rsidP="00A35FED">
            <w:r>
              <w:t xml:space="preserve">                            &lt;small id="log_result&lt;?php echo $memberId ; ?&gt;"&gt;&lt;/small&gt;</w:t>
            </w:r>
          </w:p>
          <w:p w:rsidR="00A35FED" w:rsidRDefault="00A35FED" w:rsidP="00A35FED">
            <w:r>
              <w:t xml:space="preserve">                            &lt;div id="submitBtnsBox" class="text-end"&gt;</w:t>
            </w:r>
          </w:p>
          <w:p w:rsidR="00A35FED" w:rsidRDefault="00A35FED" w:rsidP="00A35FED">
            <w:r>
              <w:t xml:space="preserve">                                &lt;button type="submit" class="btn btn-success"&gt;Send &lt;/button&gt;</w:t>
            </w:r>
          </w:p>
          <w:p w:rsidR="00A35FED" w:rsidRDefault="00A35FED" w:rsidP="00A35FED">
            <w:r>
              <w:t xml:space="preserve">                            &lt;/div&gt;</w:t>
            </w:r>
          </w:p>
          <w:p w:rsidR="00A35FED" w:rsidRDefault="00A35FED" w:rsidP="00A35FED">
            <w:r>
              <w:t xml:space="preserve">                            &lt;!--&lt;div id="submitBtnsBox" class="text-end"&gt;</w:t>
            </w:r>
          </w:p>
          <w:p w:rsidR="00A35FED" w:rsidRDefault="00A35FED" w:rsidP="00A35FED">
            <w:r>
              <w:t xml:space="preserve">                                &lt;button type="submit" class="btn btn-success"&gt;Send to &lt;?php echo $title ; ?&gt; &lt;/button&gt;</w:t>
            </w:r>
          </w:p>
          <w:p w:rsidR="00A35FED" w:rsidRDefault="00A35FED" w:rsidP="00A35FED">
            <w:r>
              <w:t xml:space="preserve">                            &lt;/div&gt;--&gt;</w:t>
            </w:r>
          </w:p>
          <w:p w:rsidR="00A35FED" w:rsidRDefault="00A35FED" w:rsidP="00A35FED">
            <w:r>
              <w:t xml:space="preserve">                        &lt;/div&gt;</w:t>
            </w:r>
          </w:p>
          <w:p w:rsidR="00A35FED" w:rsidRDefault="00A35FED" w:rsidP="00A35FED">
            <w:r>
              <w:t xml:space="preserve">            </w:t>
            </w:r>
          </w:p>
          <w:p w:rsidR="00A35FED" w:rsidRDefault="00A35FED" w:rsidP="00A35FED">
            <w:r>
              <w:t xml:space="preserve">              </w:t>
            </w:r>
          </w:p>
          <w:p w:rsidR="00A35FED" w:rsidRDefault="00A35FED" w:rsidP="00A35FED">
            <w:r>
              <w:t xml:space="preserve">                    &lt;/form&gt; </w:t>
            </w:r>
          </w:p>
          <w:p w:rsidR="00A35FED" w:rsidRDefault="00A35FED" w:rsidP="00A35FED">
            <w:r>
              <w:t xml:space="preserve">                        </w:t>
            </w:r>
          </w:p>
          <w:p w:rsidR="00A35FED" w:rsidRDefault="00A35FED" w:rsidP="00A35FED">
            <w:r>
              <w:t xml:space="preserve">                        &lt;/div&gt;</w:t>
            </w:r>
          </w:p>
          <w:p w:rsidR="00A35FED" w:rsidRDefault="00A35FED" w:rsidP="00A35FED">
            <w:r>
              <w:t xml:space="preserve">            </w:t>
            </w:r>
          </w:p>
          <w:p w:rsidR="00A35FED" w:rsidRDefault="00A35FED" w:rsidP="00A35FED">
            <w:r>
              <w:t xml:space="preserve">                        &lt;!-- Modal footer --&gt;</w:t>
            </w:r>
          </w:p>
          <w:p w:rsidR="00A35FED" w:rsidRDefault="00A35FED" w:rsidP="00A35FED">
            <w:r>
              <w:t xml:space="preserve">                        &lt;div class="modal-footer"&gt;</w:t>
            </w:r>
          </w:p>
          <w:p w:rsidR="00A35FED" w:rsidRDefault="00A35FED" w:rsidP="00A35FED">
            <w:r>
              <w:t xml:space="preserve">                          &lt;button type="button" class="btn btn-danger" data-dismiss="modal"&gt;Close&lt;/button&gt;</w:t>
            </w:r>
          </w:p>
          <w:p w:rsidR="00A35FED" w:rsidRDefault="00A35FED" w:rsidP="00A35FED">
            <w:r>
              <w:lastRenderedPageBreak/>
              <w:t xml:space="preserve">                        &lt;/div&gt;</w:t>
            </w:r>
          </w:p>
          <w:p w:rsidR="00A35FED" w:rsidRDefault="00A35FED" w:rsidP="00A35FED">
            <w:r>
              <w:t xml:space="preserve">            </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end of modal pop-up for SeniorPlaceFinder to verify email for sharing the Get Contact info Not used--&gt;    </w:t>
            </w:r>
          </w:p>
          <w:p w:rsidR="00A35FED" w:rsidRDefault="00A35FED" w:rsidP="00A35FED">
            <w:r>
              <w:t xml:space="preserve">                </w:t>
            </w:r>
          </w:p>
          <w:p w:rsidR="00A35FED" w:rsidRDefault="00A35FED" w:rsidP="00A35FED">
            <w:r>
              <w:t xml:space="preserve">                &lt;!--start of new modal pop-up for SeniorPlaceFinder Get contact info after Logged status changed --&gt;  </w:t>
            </w:r>
          </w:p>
          <w:p w:rsidR="00A35FED" w:rsidRDefault="00A35FED" w:rsidP="00A35FED">
            <w:r>
              <w:t xml:space="preserve">                &lt;div class="modal fade" id="myModal6" style="max-height: 500px !important; margin-top: 70px; margin-bottom: 170px;"&gt;</w:t>
            </w:r>
          </w:p>
          <w:p w:rsidR="00A35FED" w:rsidRDefault="00A35FED" w:rsidP="00A35FED">
            <w:r>
              <w:t xml:space="preserve">                    &lt;div class="modal-dialog modal-dialog-scrollable modal-lg" style="height: 846px; width:1000;"&gt;</w:t>
            </w:r>
          </w:p>
          <w:p w:rsidR="00A35FED" w:rsidRDefault="00A35FED" w:rsidP="00A35FED">
            <w:r>
              <w:t xml:space="preserve">                      &lt;div class="modal-content"&gt;</w:t>
            </w:r>
          </w:p>
          <w:p w:rsidR="00A35FED" w:rsidRDefault="00A35FED" w:rsidP="00A35FED"/>
          <w:p w:rsidR="00A35FED" w:rsidRDefault="00A35FED" w:rsidP="00A35FED">
            <w:r>
              <w:t xml:space="preserve">                        &lt;!-- Modal Header --&gt;</w:t>
            </w:r>
          </w:p>
          <w:p w:rsidR="00A35FED" w:rsidRDefault="00A35FED" w:rsidP="00A35FED">
            <w:r>
              <w:t xml:space="preserve">                        &lt;div class="modal-header"&gt;</w:t>
            </w:r>
          </w:p>
          <w:p w:rsidR="00A35FED" w:rsidRDefault="00A35FED" w:rsidP="00A35FED">
            <w:r>
              <w:t xml:space="preserve">                        &lt;h4 class="modal-title"&gt;Add this location to your list&lt;/h4&gt;</w:t>
            </w:r>
          </w:p>
          <w:p w:rsidR="00A35FED" w:rsidRDefault="00A35FED" w:rsidP="00A35FED">
            <w:r>
              <w:t xml:space="preserve">                          &lt;button type="button" class="close" data-dismiss="modal"&gt;&amp;#x274C;&lt;/button&gt;</w:t>
            </w:r>
          </w:p>
          <w:p w:rsidR="00A35FED" w:rsidRDefault="00A35FED" w:rsidP="00A35FED">
            <w:r>
              <w:t xml:space="preserve">                        &lt;/div&gt;</w:t>
            </w:r>
          </w:p>
          <w:p w:rsidR="00A35FED" w:rsidRDefault="00A35FED" w:rsidP="00A35FED"/>
          <w:p w:rsidR="00A35FED" w:rsidRDefault="00A35FED" w:rsidP="00A35FED">
            <w:r>
              <w:t xml:space="preserve">                        &lt;!-- Modal body --&gt;</w:t>
            </w:r>
          </w:p>
          <w:p w:rsidR="00A35FED" w:rsidRDefault="00A35FED" w:rsidP="00A35FED">
            <w:r>
              <w:t xml:space="preserve">                        &lt;div class="modal-body" style= "height: 600px; overflow-y: scroll;"&gt;</w:t>
            </w:r>
          </w:p>
          <w:p w:rsidR="00A35FED" w:rsidRDefault="00A35FED" w:rsidP="00A35FED">
            <w:r>
              <w:t xml:space="preserve">                            </w:t>
            </w:r>
          </w:p>
          <w:p w:rsidR="00A35FED" w:rsidRDefault="00A35FED" w:rsidP="00A35FED">
            <w:r>
              <w:t xml:space="preserve">                            &lt;div class=""&gt;</w:t>
            </w:r>
          </w:p>
          <w:p w:rsidR="00A35FED" w:rsidRDefault="00A35FED" w:rsidP="00A35FED">
            <w:r>
              <w:t xml:space="preserve">                                </w:t>
            </w:r>
          </w:p>
          <w:p w:rsidR="00A35FED" w:rsidRDefault="00A35FED" w:rsidP="00A35FED">
            <w:r>
              <w:t xml:space="preserve">                            &lt;form action="" method="post" name ="wish_form" id="wish_form"&gt;</w:t>
            </w:r>
          </w:p>
          <w:p w:rsidR="00A35FED" w:rsidRDefault="00A35FED" w:rsidP="00A35FED">
            <w:r>
              <w:t xml:space="preserve">                            &lt;?php if ( LOGGED_STATUS == 0 ) { ?&gt; </w:t>
            </w:r>
          </w:p>
          <w:p w:rsidR="00A35FED" w:rsidRDefault="00A35FED" w:rsidP="00A35FED">
            <w:r>
              <w:t xml:space="preserve">                               &lt;div class="offset-1 mb-10 row"&gt;</w:t>
            </w:r>
          </w:p>
          <w:p w:rsidR="00A35FED" w:rsidRDefault="00A35FED" w:rsidP="00A35FED">
            <w:r>
              <w:tab/>
            </w:r>
            <w:r>
              <w:tab/>
            </w:r>
            <w:r>
              <w:tab/>
            </w:r>
            <w:r>
              <w:tab/>
            </w:r>
            <w:r>
              <w:tab/>
            </w:r>
            <w:r>
              <w:tab/>
            </w:r>
            <w:r>
              <w:tab/>
            </w:r>
            <w:r>
              <w:tab/>
            </w:r>
            <w:r>
              <w:tab/>
            </w:r>
            <w:r>
              <w:tab/>
              <w:t xml:space="preserve">&lt;p&gt;In order to save this to your list please set up a Free Account. You will be able to store and return&lt;br&gt; to access your list any time.&lt;/p&gt; </w:t>
            </w:r>
          </w:p>
          <w:p w:rsidR="00A35FED" w:rsidRDefault="00A35FED" w:rsidP="00A35FED">
            <w:r>
              <w:tab/>
            </w:r>
            <w:r>
              <w:tab/>
            </w:r>
            <w:r>
              <w:tab/>
            </w:r>
            <w:r>
              <w:tab/>
            </w:r>
            <w:r>
              <w:tab/>
            </w:r>
            <w:r>
              <w:tab/>
            </w:r>
            <w:r>
              <w:tab/>
            </w:r>
            <w:r>
              <w:tab/>
            </w:r>
            <w:r>
              <w:tab/>
              <w:t xml:space="preserve">&lt;/div&gt; </w:t>
            </w:r>
          </w:p>
          <w:p w:rsidR="00A35FED" w:rsidRDefault="00A35FED" w:rsidP="00A35FED">
            <w:r>
              <w:t xml:space="preserve">                                </w:t>
            </w:r>
          </w:p>
          <w:p w:rsidR="00A35FED" w:rsidRDefault="00A35FED" w:rsidP="00A35FED">
            <w:r>
              <w:t xml:space="preserve">                                &lt;div class="mb-3 row"&gt;</w:t>
            </w:r>
          </w:p>
          <w:p w:rsidR="00A35FED" w:rsidRDefault="00A35FED" w:rsidP="00A35FED">
            <w:r>
              <w:t xml:space="preserve">                                    &lt;label class="col-sm-3 col-form-label text-end"&gt;&lt;b&gt;Name*&lt;/b&gt;&lt;/label&gt;</w:t>
            </w:r>
          </w:p>
          <w:p w:rsidR="00A35FED" w:rsidRDefault="00A35FED" w:rsidP="00A35FED">
            <w:r>
              <w:t xml:space="preserve">                                    &lt;div class="col-sm-9"&gt;</w:t>
            </w:r>
          </w:p>
          <w:p w:rsidR="00A35FED" w:rsidRDefault="00A35FED" w:rsidP="00A35FED">
            <w:r>
              <w:t xml:space="preserve">                                        &lt;input type="text" name="title" class="form-control" placeholder="Name" required="" maxlength="50" /&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w:t>
            </w:r>
          </w:p>
          <w:p w:rsidR="00A35FED" w:rsidRDefault="00A35FED" w:rsidP="00A35FED">
            <w:r>
              <w:t xml:space="preserve">                                &lt;div class="mb-3 row"&gt;</w:t>
            </w:r>
          </w:p>
          <w:p w:rsidR="00A35FED" w:rsidRDefault="00A35FED" w:rsidP="00A35FED">
            <w:r>
              <w:t xml:space="preserve">                                    &lt;label class="col-sm-3 col-form-label text-end"&gt;&lt;b&gt;Email*&lt;/b&gt;&lt;/label&gt;</w:t>
            </w:r>
          </w:p>
          <w:p w:rsidR="00A35FED" w:rsidRDefault="00A35FED" w:rsidP="00A35FED">
            <w:r>
              <w:t xml:space="preserve">                                    &lt;div class="col-sm-9"&gt;</w:t>
            </w:r>
          </w:p>
          <w:p w:rsidR="00A35FED" w:rsidRDefault="00A35FED" w:rsidP="00A35FED">
            <w:r>
              <w:t xml:space="preserve">                                        &lt;input type="text" name="title" class="form-control" placeholder="Your email id" </w:t>
            </w:r>
            <w:r>
              <w:lastRenderedPageBreak/>
              <w:t>required="" maxlength="50" /&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mb-3 row"&gt;</w:t>
            </w:r>
          </w:p>
          <w:p w:rsidR="00A35FED" w:rsidRDefault="00A35FED" w:rsidP="00A35FED">
            <w:r>
              <w:t xml:space="preserve">                                    &lt;label class="col-sm-3 col-form-label text-end"&gt;&lt;b&gt;Password*&lt;/b&gt;&lt;/label&gt;</w:t>
            </w:r>
          </w:p>
          <w:p w:rsidR="00A35FED" w:rsidRDefault="00A35FED" w:rsidP="00A35FED">
            <w:r>
              <w:t xml:space="preserve">                                    &lt;div class="col-sm-9"&gt;</w:t>
            </w:r>
          </w:p>
          <w:p w:rsidR="00A35FED" w:rsidRDefault="00A35FED" w:rsidP="00A35FED">
            <w:r>
              <w:t xml:space="preserve">                                        &lt;input type="text" name="title" class="form-control" placeholder="Password" required="" maxlength="50" /&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mb-3 row"&gt;</w:t>
            </w:r>
          </w:p>
          <w:p w:rsidR="00A35FED" w:rsidRDefault="00A35FED" w:rsidP="00A35FED">
            <w:r>
              <w:t xml:space="preserve">                                    &lt;label class="col-sm-3 col-form-label text-end"&gt;&lt;b&gt;Confirm Password*&lt;/b&gt;&lt;/label&gt;</w:t>
            </w:r>
          </w:p>
          <w:p w:rsidR="00A35FED" w:rsidRDefault="00A35FED" w:rsidP="00A35FED">
            <w:r>
              <w:t xml:space="preserve">                                    &lt;div class="col-sm-9"&gt;</w:t>
            </w:r>
          </w:p>
          <w:p w:rsidR="00A35FED" w:rsidRDefault="00A35FED" w:rsidP="00A35FED">
            <w:r>
              <w:t xml:space="preserve">                                        &lt;input type="text" name="title" class="form-control" placeholder="Confirm Password" required="" maxlength="50" /&gt;</w:t>
            </w:r>
          </w:p>
          <w:p w:rsidR="00A35FED" w:rsidRDefault="00A35FED" w:rsidP="00A35FED">
            <w:r>
              <w:t xml:space="preserve">                                    &lt;/div&gt;</w:t>
            </w:r>
          </w:p>
          <w:p w:rsidR="00A35FED" w:rsidRDefault="00A35FED" w:rsidP="00A35FED">
            <w:r>
              <w:t xml:space="preserve">                                &lt;/div&gt;</w:t>
            </w:r>
          </w:p>
          <w:p w:rsidR="00A35FED" w:rsidRDefault="00A35FED" w:rsidP="00A35FED">
            <w:r>
              <w:tab/>
            </w:r>
            <w:r>
              <w:tab/>
            </w:r>
            <w:r>
              <w:tab/>
            </w:r>
            <w:r>
              <w:tab/>
            </w:r>
            <w:r>
              <w:tab/>
            </w:r>
            <w:r>
              <w:tab/>
            </w:r>
            <w:r>
              <w:tab/>
            </w:r>
            <w:r>
              <w:tab/>
            </w:r>
          </w:p>
          <w:p w:rsidR="00A35FED" w:rsidRDefault="00A35FED" w:rsidP="00A35FED">
            <w:r>
              <w:tab/>
            </w:r>
            <w:r>
              <w:tab/>
            </w:r>
            <w:r>
              <w:tab/>
            </w:r>
            <w:r>
              <w:tab/>
            </w:r>
            <w:r>
              <w:tab/>
            </w:r>
            <w:r>
              <w:tab/>
            </w:r>
            <w:r>
              <w:tab/>
            </w:r>
            <w:r>
              <w:tab/>
              <w:t>//&lt;?php } ?&gt;</w:t>
            </w:r>
          </w:p>
          <w:p w:rsidR="00A35FED" w:rsidRDefault="00A35FED" w:rsidP="00A35FED">
            <w:r>
              <w:tab/>
            </w:r>
            <w:r>
              <w:tab/>
            </w:r>
            <w:r>
              <w:tab/>
            </w:r>
            <w:r>
              <w:tab/>
            </w:r>
            <w:r>
              <w:tab/>
            </w:r>
            <w:r>
              <w:tab/>
            </w:r>
            <w:r>
              <w:tab/>
            </w:r>
            <w:r>
              <w:tab/>
              <w:t>&lt;p&gt;Here are the details of Residence &lt;?php echo $title ; ?&gt;</w:t>
            </w:r>
          </w:p>
          <w:p w:rsidR="00A35FED" w:rsidRDefault="00A35FED" w:rsidP="00A35FED">
            <w:r>
              <w:tab/>
            </w:r>
            <w:r>
              <w:tab/>
            </w:r>
            <w:r>
              <w:tab/>
            </w:r>
            <w:r>
              <w:tab/>
              <w:t xml:space="preserve">  </w:t>
            </w:r>
            <w:r>
              <w:tab/>
            </w:r>
            <w:r>
              <w:tab/>
            </w:r>
            <w:r>
              <w:tab/>
            </w:r>
            <w:r>
              <w:tab/>
            </w:r>
            <w:r>
              <w:tab/>
            </w:r>
            <w:r>
              <w:tab/>
              <w:t>&lt;br&gt;</w:t>
            </w:r>
          </w:p>
          <w:p w:rsidR="00A35FED" w:rsidRDefault="00A35FED" w:rsidP="00A35FED">
            <w:r>
              <w:t xml:space="preserve">            </w:t>
            </w:r>
            <w:r>
              <w:tab/>
            </w:r>
            <w:r>
              <w:tab/>
            </w:r>
            <w:r>
              <w:tab/>
            </w:r>
            <w:r>
              <w:tab/>
            </w:r>
            <w:r>
              <w:tab/>
            </w:r>
            <w:r>
              <w:tab/>
              <w:t>Sales/Marketing Executive Name = &lt;?php echo $memberNameF ; ?&gt;</w:t>
            </w:r>
          </w:p>
          <w:p w:rsidR="00A35FED" w:rsidRDefault="00A35FED" w:rsidP="00A35FED">
            <w:r>
              <w:t xml:space="preserve">            </w:t>
            </w:r>
            <w:r>
              <w:tab/>
            </w:r>
            <w:r>
              <w:tab/>
            </w:r>
            <w:r>
              <w:tab/>
            </w:r>
            <w:r>
              <w:tab/>
            </w:r>
            <w:r>
              <w:tab/>
            </w:r>
            <w:r>
              <w:tab/>
              <w:t>&lt;br&gt;</w:t>
            </w:r>
          </w:p>
          <w:p w:rsidR="00A35FED" w:rsidRDefault="00A35FED" w:rsidP="00A35FED">
            <w:r>
              <w:t xml:space="preserve">            </w:t>
            </w:r>
            <w:r>
              <w:tab/>
            </w:r>
            <w:r>
              <w:tab/>
            </w:r>
            <w:r>
              <w:tab/>
            </w:r>
            <w:r>
              <w:tab/>
            </w:r>
            <w:r>
              <w:tab/>
            </w:r>
            <w:r>
              <w:tab/>
              <w:t>Executive Contact Number = &lt;?php echo $memberPhone; ?&gt;</w:t>
            </w:r>
          </w:p>
          <w:p w:rsidR="00A35FED" w:rsidRDefault="00A35FED" w:rsidP="00A35FED">
            <w:r>
              <w:t xml:space="preserve">            </w:t>
            </w:r>
            <w:r>
              <w:tab/>
            </w:r>
            <w:r>
              <w:tab/>
            </w:r>
            <w:r>
              <w:tab/>
            </w:r>
            <w:r>
              <w:tab/>
            </w:r>
            <w:r>
              <w:tab/>
            </w:r>
            <w:r>
              <w:tab/>
              <w:t>&lt;br&gt;</w:t>
            </w:r>
          </w:p>
          <w:p w:rsidR="00A35FED" w:rsidRDefault="00A35FED" w:rsidP="00A35FED">
            <w:r>
              <w:t xml:space="preserve">            </w:t>
            </w:r>
            <w:r>
              <w:tab/>
            </w:r>
            <w:r>
              <w:tab/>
            </w:r>
            <w:r>
              <w:tab/>
            </w:r>
            <w:r>
              <w:tab/>
            </w:r>
            <w:r>
              <w:tab/>
            </w:r>
            <w:r>
              <w:tab/>
              <w:t>Executive Email Id = &lt;?php echo $memberEmail; ?&gt;</w:t>
            </w:r>
          </w:p>
          <w:p w:rsidR="00A35FED" w:rsidRDefault="00A35FED" w:rsidP="00A35FED">
            <w:r>
              <w:t xml:space="preserve">            </w:t>
            </w:r>
            <w:r>
              <w:tab/>
            </w:r>
            <w:r>
              <w:tab/>
            </w:r>
            <w:r>
              <w:tab/>
            </w:r>
            <w:r>
              <w:tab/>
            </w:r>
            <w:r>
              <w:tab/>
            </w:r>
            <w:r>
              <w:tab/>
              <w:t>&lt;br&gt;</w:t>
            </w:r>
          </w:p>
          <w:p w:rsidR="00A35FED" w:rsidRDefault="00A35FED" w:rsidP="00A35FED">
            <w:r>
              <w:t xml:space="preserve">            </w:t>
            </w:r>
            <w:r>
              <w:tab/>
            </w:r>
            <w:r>
              <w:tab/>
            </w:r>
            <w:r>
              <w:tab/>
            </w:r>
            <w:r>
              <w:tab/>
            </w:r>
            <w:r>
              <w:tab/>
            </w:r>
            <w:r>
              <w:tab/>
              <w:t>Residence Location = &lt;?php echo $resaddress; ?&gt;</w:t>
            </w:r>
          </w:p>
          <w:p w:rsidR="00A35FED" w:rsidRDefault="00A35FED" w:rsidP="00A35FED">
            <w:r>
              <w:t xml:space="preserve">            </w:t>
            </w:r>
            <w:r>
              <w:tab/>
            </w:r>
            <w:r>
              <w:tab/>
            </w:r>
            <w:r>
              <w:tab/>
            </w:r>
            <w:r>
              <w:tab/>
            </w:r>
            <w:r>
              <w:tab/>
            </w:r>
            <w:r>
              <w:tab/>
              <w:t>&lt;/p&gt;</w:t>
            </w:r>
          </w:p>
          <w:p w:rsidR="00A35FED" w:rsidRDefault="00A35FED" w:rsidP="00A35FED">
            <w:r>
              <w:tab/>
            </w:r>
            <w:r>
              <w:tab/>
            </w:r>
            <w:r>
              <w:tab/>
            </w:r>
            <w:r>
              <w:tab/>
            </w:r>
            <w:r>
              <w:tab/>
            </w:r>
            <w:r>
              <w:tab/>
            </w:r>
            <w:r>
              <w:tab/>
            </w:r>
            <w:r>
              <w:tab/>
              <w:t>&lt;div id="accordion"&gt;</w:t>
            </w:r>
          </w:p>
          <w:p w:rsidR="00A35FED" w:rsidRDefault="00A35FED" w:rsidP="00A35FED">
            <w:r>
              <w:t xml:space="preserve">                                  &lt;div class="card"&gt;</w:t>
            </w:r>
          </w:p>
          <w:p w:rsidR="00A35FED" w:rsidRDefault="00A35FED" w:rsidP="00A35FED">
            <w:r>
              <w:t xml:space="preserve">                                    &lt;div class="card-header" id="heading0"&gt;</w:t>
            </w:r>
          </w:p>
          <w:p w:rsidR="00A35FED" w:rsidRDefault="00A35FED" w:rsidP="00A35FED">
            <w:r>
              <w:t xml:space="preserve">                                      &lt;h3 class="mb-0"&gt;</w:t>
            </w:r>
          </w:p>
          <w:p w:rsidR="00A35FED" w:rsidRDefault="00A35FED" w:rsidP="00A35FED">
            <w:r>
              <w:t xml:space="preserve">                                        &lt;button class="btn btn-link" data-toggle="collapse" data-target="#collapse0" aria-expanded="false" aria-controls="collapse0"&gt; You can enhance your search by entering your needs and desires for senior living.&lt;/button&gt;</w:t>
            </w:r>
          </w:p>
          <w:p w:rsidR="00A35FED" w:rsidRDefault="00A35FED" w:rsidP="00A35FED">
            <w:r>
              <w:t xml:space="preserve">                                      &lt;/h3&gt;</w:t>
            </w:r>
          </w:p>
          <w:p w:rsidR="00A35FED" w:rsidRDefault="00A35FED" w:rsidP="00A35FED">
            <w:r>
              <w:t xml:space="preserve">                                    &lt;/div&gt;</w:t>
            </w:r>
          </w:p>
          <w:p w:rsidR="00A35FED" w:rsidRDefault="00A35FED" w:rsidP="00A35FED">
            <w:r>
              <w:t xml:space="preserve">                                    &lt;div id="collapse0" class="collapse" aria-labelledby="heading0" data-parent="#accordion"&gt;</w:t>
            </w:r>
          </w:p>
          <w:p w:rsidR="00A35FED" w:rsidRDefault="00A35FED" w:rsidP="00A35FED">
            <w:r>
              <w:t xml:space="preserve">                                      &lt;div class="card-body"&gt;</w:t>
            </w:r>
          </w:p>
          <w:p w:rsidR="00A35FED" w:rsidRDefault="00A35FED" w:rsidP="00A35FED">
            <w:r>
              <w:t xml:space="preserve">                                          &lt;form action="" method="post" id="newPropertForm"&gt;</w:t>
            </w:r>
          </w:p>
          <w:p w:rsidR="00A35FED" w:rsidRDefault="00A35FED" w:rsidP="00A35FED"/>
          <w:p w:rsidR="00A35FED" w:rsidRDefault="00A35FED" w:rsidP="00A35FED">
            <w:r>
              <w:t xml:space="preserve">                                &lt;input type="hidden" name="userTempId" value="&lt;?php echo $userTempId ; ?&gt;" /&gt;</w:t>
            </w:r>
          </w:p>
          <w:p w:rsidR="00A35FED" w:rsidRDefault="00A35FED" w:rsidP="00A35FED">
            <w:r>
              <w:t xml:space="preserve">                              </w:t>
            </w:r>
          </w:p>
          <w:p w:rsidR="00A35FED" w:rsidRDefault="00A35FED" w:rsidP="00A35FED">
            <w:r>
              <w:lastRenderedPageBreak/>
              <w:t xml:space="preserve">                                &lt;div class="mb-3 row"&gt;</w:t>
            </w:r>
          </w:p>
          <w:p w:rsidR="00A35FED" w:rsidRDefault="00A35FED" w:rsidP="00A35FED">
            <w:r>
              <w:tab/>
            </w:r>
            <w:r>
              <w:tab/>
            </w:r>
            <w:r>
              <w:tab/>
            </w:r>
            <w:r>
              <w:tab/>
            </w:r>
            <w:r>
              <w:tab/>
            </w:r>
            <w:r>
              <w:tab/>
            </w:r>
            <w:r>
              <w:tab/>
            </w:r>
            <w:r>
              <w:tab/>
            </w:r>
            <w:r>
              <w:tab/>
            </w:r>
            <w:r>
              <w:tab/>
              <w:t>&lt;label class="col-sm-4 col-form-label text-end"&gt;&lt;b&gt;Add a City/ State/Zipcode&lt;/b&gt;&lt;/label&gt;</w:t>
            </w:r>
          </w:p>
          <w:p w:rsidR="00A35FED" w:rsidRDefault="00A35FED" w:rsidP="00A35FED">
            <w:r>
              <w:tab/>
            </w:r>
            <w:r>
              <w:tab/>
            </w:r>
            <w:r>
              <w:tab/>
            </w:r>
            <w:r>
              <w:tab/>
            </w:r>
            <w:r>
              <w:tab/>
            </w:r>
            <w:r>
              <w:tab/>
            </w:r>
            <w:r>
              <w:tab/>
            </w:r>
            <w:r>
              <w:tab/>
            </w:r>
            <w:r>
              <w:tab/>
            </w:r>
            <w:r>
              <w:tab/>
              <w:t>&lt;div class="col-sm-6"&gt;</w:t>
            </w:r>
          </w:p>
          <w:p w:rsidR="00A35FED" w:rsidRDefault="00A35FED" w:rsidP="00A35FED">
            <w:r>
              <w:tab/>
            </w:r>
            <w:r>
              <w:tab/>
            </w:r>
            <w:r>
              <w:tab/>
            </w:r>
            <w:r>
              <w:tab/>
            </w:r>
            <w:r>
              <w:tab/>
            </w:r>
            <w:r>
              <w:tab/>
            </w:r>
            <w:r>
              <w:tab/>
            </w:r>
            <w:r>
              <w:tab/>
            </w:r>
            <w:r>
              <w:tab/>
            </w:r>
            <w:r>
              <w:tab/>
            </w:r>
            <w:r>
              <w:tab/>
              <w:t>&lt;!--&lt;select name="cityStateZip" id="cityStateZip" class="form-control" placeholder="Search city, state, zipcode" required="" &gt;</w:t>
            </w:r>
          </w:p>
          <w:p w:rsidR="00A35FED" w:rsidRDefault="00A35FED" w:rsidP="00A35FED">
            <w:r>
              <w:tab/>
            </w:r>
            <w:r>
              <w:tab/>
            </w:r>
            <w:r>
              <w:tab/>
            </w:r>
            <w:r>
              <w:tab/>
            </w:r>
            <w:r>
              <w:tab/>
            </w:r>
            <w:r>
              <w:tab/>
            </w:r>
            <w:r>
              <w:tab/>
            </w:r>
            <w:r>
              <w:tab/>
            </w:r>
            <w:r>
              <w:tab/>
            </w:r>
            <w:r>
              <w:tab/>
            </w:r>
            <w:r>
              <w:tab/>
            </w:r>
            <w:r>
              <w:tab/>
              <w:t>&lt;option value="&lt;?php echo $SCZ ; ?&gt;"&gt;&lt;?php echo $SCZ ; ?&gt;&lt;/option&gt;</w:t>
            </w:r>
          </w:p>
          <w:p w:rsidR="00A35FED" w:rsidRDefault="00A35FED" w:rsidP="00A35FED">
            <w:r>
              <w:tab/>
            </w:r>
            <w:r>
              <w:tab/>
            </w:r>
            <w:r>
              <w:tab/>
            </w:r>
            <w:r>
              <w:tab/>
            </w:r>
            <w:r>
              <w:tab/>
            </w:r>
            <w:r>
              <w:tab/>
            </w:r>
            <w:r>
              <w:tab/>
            </w:r>
            <w:r>
              <w:tab/>
            </w:r>
            <w:r>
              <w:tab/>
            </w:r>
            <w:r>
              <w:tab/>
            </w:r>
            <w:r>
              <w:tab/>
              <w:t>&lt;/select&gt;--&gt;</w:t>
            </w:r>
          </w:p>
          <w:p w:rsidR="00A35FED" w:rsidRDefault="00A35FED" w:rsidP="00A35FED">
            <w:r>
              <w:tab/>
            </w:r>
            <w:r>
              <w:tab/>
            </w:r>
            <w:r>
              <w:tab/>
            </w:r>
            <w:r>
              <w:tab/>
            </w:r>
            <w:r>
              <w:tab/>
            </w:r>
            <w:r>
              <w:tab/>
            </w:r>
            <w:r>
              <w:tab/>
            </w:r>
            <w:r>
              <w:tab/>
            </w:r>
            <w:r>
              <w:tab/>
            </w:r>
            <w:r>
              <w:tab/>
            </w:r>
            <w:r>
              <w:tab/>
              <w:t>&lt;div class="form-group"&gt;</w:t>
            </w:r>
          </w:p>
          <w:p w:rsidR="00A35FED" w:rsidRDefault="00A35FED" w:rsidP="00A35FED">
            <w:r>
              <w:tab/>
            </w:r>
            <w:r>
              <w:tab/>
            </w:r>
            <w:r>
              <w:tab/>
            </w:r>
            <w:r>
              <w:tab/>
            </w:r>
            <w:r>
              <w:tab/>
            </w:r>
            <w:r>
              <w:tab/>
            </w:r>
            <w:r>
              <w:tab/>
            </w:r>
            <w:r>
              <w:tab/>
            </w:r>
            <w:r>
              <w:tab/>
            </w:r>
            <w:r>
              <w:tab/>
            </w:r>
            <w:r>
              <w:tab/>
            </w:r>
            <w:r>
              <w:tab/>
              <w:t>&lt;input class="form-control" placeholder="City or Zip code..." type="text" name="txtLocation" id="txtLocation"/&gt;</w:t>
            </w:r>
          </w:p>
          <w:p w:rsidR="00A35FED" w:rsidRDefault="00A35FED" w:rsidP="00A35FED">
            <w:r>
              <w:tab/>
            </w:r>
            <w:r>
              <w:tab/>
            </w:r>
            <w:r>
              <w:tab/>
            </w:r>
            <w:r>
              <w:tab/>
            </w:r>
            <w:r>
              <w:tab/>
            </w:r>
            <w:r>
              <w:tab/>
            </w:r>
            <w:r>
              <w:tab/>
            </w:r>
            <w:r>
              <w:tab/>
            </w:r>
            <w:r>
              <w:tab/>
            </w:r>
            <w:r>
              <w:tab/>
            </w:r>
            <w:r>
              <w:tab/>
              <w:t>&lt;/div&gt;</w:t>
            </w:r>
          </w:p>
          <w:p w:rsidR="00A35FED" w:rsidRDefault="00A35FED" w:rsidP="00A35FED">
            <w:r>
              <w:tab/>
            </w:r>
            <w:r>
              <w:tab/>
            </w:r>
            <w:r>
              <w:tab/>
            </w:r>
            <w:r>
              <w:tab/>
            </w:r>
            <w:r>
              <w:tab/>
            </w:r>
            <w:r>
              <w:tab/>
            </w:r>
            <w:r>
              <w:tab/>
            </w:r>
            <w:r>
              <w:tab/>
            </w:r>
            <w:r>
              <w:tab/>
            </w:r>
            <w:r>
              <w:tab/>
              <w:t>&lt;/div&gt;</w:t>
            </w:r>
          </w:p>
          <w:p w:rsidR="00A35FED" w:rsidRDefault="00A35FED" w:rsidP="00A35FED">
            <w:r>
              <w:tab/>
            </w:r>
            <w:r>
              <w:tab/>
            </w:r>
            <w:r>
              <w:tab/>
            </w:r>
            <w:r>
              <w:tab/>
            </w:r>
            <w:r>
              <w:tab/>
            </w:r>
            <w:r>
              <w:tab/>
            </w:r>
            <w:r>
              <w:tab/>
            </w:r>
            <w:r>
              <w:tab/>
            </w:r>
            <w:r>
              <w:tab/>
            </w:r>
          </w:p>
          <w:p w:rsidR="00A35FED" w:rsidRDefault="00A35FED" w:rsidP="00A35FED">
            <w:r>
              <w:tab/>
            </w:r>
            <w:r>
              <w:tab/>
            </w:r>
            <w:r>
              <w:tab/>
            </w:r>
            <w:r>
              <w:tab/>
            </w:r>
            <w:r>
              <w:tab/>
            </w:r>
            <w:r>
              <w:tab/>
            </w:r>
            <w:r>
              <w:tab/>
            </w:r>
            <w:r>
              <w:tab/>
            </w:r>
            <w:r>
              <w:tab/>
            </w:r>
            <w:r>
              <w:tab/>
              <w:t>&lt;label class="col-sm-4 col-form-label text-end"&gt;&lt;b&gt;Modify your Budget&lt;/b&gt;&lt;/label&gt;</w:t>
            </w:r>
          </w:p>
          <w:p w:rsidR="00A35FED" w:rsidRDefault="00A35FED" w:rsidP="00A35FED">
            <w:r>
              <w:tab/>
            </w:r>
            <w:r>
              <w:tab/>
            </w:r>
            <w:r>
              <w:tab/>
            </w:r>
            <w:r>
              <w:tab/>
            </w:r>
            <w:r>
              <w:tab/>
            </w:r>
            <w:r>
              <w:tab/>
            </w:r>
            <w:r>
              <w:tab/>
            </w:r>
            <w:r>
              <w:tab/>
            </w:r>
            <w:r>
              <w:tab/>
            </w:r>
            <w:r>
              <w:tab/>
              <w:t>&lt;div class="col-sm-6"&gt;</w:t>
            </w:r>
          </w:p>
          <w:p w:rsidR="00A35FED" w:rsidRDefault="00A35FED" w:rsidP="00A35FED">
            <w:r>
              <w:tab/>
            </w:r>
            <w:r>
              <w:tab/>
            </w:r>
            <w:r>
              <w:tab/>
            </w:r>
            <w:r>
              <w:tab/>
            </w:r>
            <w:r>
              <w:tab/>
            </w:r>
            <w:r>
              <w:tab/>
            </w:r>
            <w:r>
              <w:tab/>
            </w:r>
            <w:r>
              <w:tab/>
            </w:r>
            <w:r>
              <w:tab/>
            </w:r>
            <w:r>
              <w:tab/>
            </w:r>
            <w:r>
              <w:tab/>
            </w:r>
          </w:p>
          <w:p w:rsidR="00A35FED" w:rsidRDefault="00A35FED" w:rsidP="00A35FED">
            <w:r>
              <w:tab/>
            </w:r>
            <w:r>
              <w:tab/>
            </w:r>
            <w:r>
              <w:tab/>
            </w:r>
            <w:r>
              <w:tab/>
            </w:r>
            <w:r>
              <w:tab/>
            </w:r>
            <w:r>
              <w:tab/>
            </w:r>
            <w:r>
              <w:tab/>
            </w:r>
            <w:r>
              <w:tab/>
            </w:r>
            <w:r>
              <w:tab/>
            </w:r>
            <w:r>
              <w:tab/>
            </w:r>
            <w:r>
              <w:tab/>
              <w:t>&lt;div class="form-group"&gt;</w:t>
            </w:r>
          </w:p>
          <w:p w:rsidR="00A35FED" w:rsidRDefault="00A35FED" w:rsidP="00A35FED">
            <w:r>
              <w:tab/>
            </w:r>
            <w:r>
              <w:tab/>
            </w:r>
            <w:r>
              <w:tab/>
            </w:r>
            <w:r>
              <w:tab/>
            </w:r>
            <w:r>
              <w:tab/>
            </w:r>
            <w:r>
              <w:tab/>
            </w:r>
            <w:r>
              <w:tab/>
            </w:r>
            <w:r>
              <w:tab/>
            </w:r>
            <w:r>
              <w:tab/>
            </w:r>
            <w:r>
              <w:tab/>
            </w:r>
            <w:r>
              <w:tab/>
            </w:r>
            <w:r>
              <w:tab/>
              <w:t>&lt;input class="form-control" placeholder="Your Budget Range" type="text" name="budget" id="budget"/&gt;</w:t>
            </w:r>
          </w:p>
          <w:p w:rsidR="00A35FED" w:rsidRDefault="00A35FED" w:rsidP="00A35FED">
            <w:r>
              <w:tab/>
            </w:r>
            <w:r>
              <w:tab/>
            </w:r>
            <w:r>
              <w:tab/>
            </w:r>
            <w:r>
              <w:tab/>
            </w:r>
            <w:r>
              <w:tab/>
            </w:r>
            <w:r>
              <w:tab/>
            </w:r>
            <w:r>
              <w:tab/>
            </w:r>
            <w:r>
              <w:tab/>
            </w:r>
            <w:r>
              <w:tab/>
            </w:r>
            <w:r>
              <w:tab/>
            </w:r>
            <w:r>
              <w:tab/>
              <w:t>&lt;/div&gt;</w:t>
            </w:r>
          </w:p>
          <w:p w:rsidR="00A35FED" w:rsidRDefault="00A35FED" w:rsidP="00A35FED">
            <w:r>
              <w:tab/>
            </w:r>
            <w:r>
              <w:tab/>
            </w:r>
            <w:r>
              <w:tab/>
            </w:r>
            <w:r>
              <w:tab/>
            </w:r>
            <w:r>
              <w:tab/>
            </w:r>
            <w:r>
              <w:tab/>
            </w:r>
            <w:r>
              <w:tab/>
            </w:r>
            <w:r>
              <w:tab/>
            </w:r>
            <w:r>
              <w:tab/>
            </w:r>
            <w:r>
              <w:tab/>
              <w:t>&lt;/div&gt;</w:t>
            </w:r>
          </w:p>
          <w:p w:rsidR="00A35FED" w:rsidRDefault="00A35FED" w:rsidP="00A35FED">
            <w:r>
              <w:tab/>
            </w:r>
            <w:r>
              <w:tab/>
            </w:r>
            <w:r>
              <w:tab/>
            </w:r>
            <w:r>
              <w:tab/>
            </w:r>
            <w:r>
              <w:tab/>
            </w:r>
            <w:r>
              <w:tab/>
            </w:r>
            <w:r>
              <w:tab/>
            </w:r>
            <w:r>
              <w:tab/>
            </w:r>
            <w:r>
              <w:tab/>
              <w:t xml:space="preserve">&lt;/div&gt; </w:t>
            </w:r>
          </w:p>
          <w:p w:rsidR="00A35FED" w:rsidRDefault="00A35FED" w:rsidP="00A35FED">
            <w:r>
              <w:t xml:space="preserve">                                </w:t>
            </w:r>
          </w:p>
          <w:p w:rsidR="00A35FED" w:rsidRDefault="00A35FED" w:rsidP="00A35FED">
            <w:r>
              <w:t xml:space="preserve">                                &lt;div class="mb-3 row"&gt;</w:t>
            </w:r>
          </w:p>
          <w:p w:rsidR="00A35FED" w:rsidRDefault="00A35FED" w:rsidP="00A35FED">
            <w:r>
              <w:t xml:space="preserve">                                </w:t>
            </w:r>
          </w:p>
          <w:p w:rsidR="00A35FED" w:rsidRDefault="00A35FED" w:rsidP="00A35FED">
            <w:r>
              <w:t xml:space="preserve">                                &lt;?php </w:t>
            </w:r>
          </w:p>
          <w:p w:rsidR="00A35FED" w:rsidRDefault="00A35FED" w:rsidP="00A35FED">
            <w:r>
              <w:t xml:space="preserve">                                 </w:t>
            </w:r>
          </w:p>
          <w:p w:rsidR="00A35FED" w:rsidRDefault="00A35FED" w:rsidP="00A35FED">
            <w:r>
              <w:t xml:space="preserve">                            foreach($propertyAttributes as $propertyAttributeCode=&gt;$propertyAttribute){ ?&gt;</w:t>
            </w:r>
          </w:p>
          <w:p w:rsidR="00A35FED" w:rsidRDefault="00A35FED" w:rsidP="00A35FED">
            <w:r>
              <w:t xml:space="preserve">                            &lt;div class="col-sm-4"&gt; </w:t>
            </w:r>
          </w:p>
          <w:p w:rsidR="00A35FED" w:rsidRDefault="00A35FED" w:rsidP="00A35FED">
            <w:r>
              <w:t xml:space="preserve">                                </w:t>
            </w:r>
          </w:p>
          <w:p w:rsidR="00A35FED" w:rsidRDefault="00A35FED" w:rsidP="00A35FED">
            <w:r>
              <w:t xml:space="preserve">                            &lt;label class="col-sm-12 col-form-label text-end"&gt; &lt;strong&gt;&lt;?php echo $propertyAttribute['label']; ?&gt; &lt;/strong&gt; &lt;/label&gt; </w:t>
            </w:r>
          </w:p>
          <w:p w:rsidR="00A35FED" w:rsidRDefault="00A35FED" w:rsidP="00A35FED">
            <w:r>
              <w:t xml:space="preserve">                            </w:t>
            </w:r>
          </w:p>
          <w:p w:rsidR="00A35FED" w:rsidRDefault="00A35FED" w:rsidP="00A35FED">
            <w:r>
              <w:t xml:space="preserve">                                &lt;div class="col-sm-12" class="form-control"&gt;</w:t>
            </w:r>
          </w:p>
          <w:p w:rsidR="00A35FED" w:rsidRDefault="00A35FED" w:rsidP="00A35FED">
            <w:r>
              <w:t xml:space="preserve">                                &lt;!--&lt;fieldset&gt; --&gt;</w:t>
            </w:r>
          </w:p>
          <w:p w:rsidR="00A35FED" w:rsidRDefault="00A35FED" w:rsidP="00A35FED">
            <w:r>
              <w:t xml:space="preserve">                                &lt;?php foreach($propertyAttribute['options'] as $option){ ?&gt;</w:t>
            </w:r>
          </w:p>
          <w:p w:rsidR="00A35FED" w:rsidRDefault="00A35FED" w:rsidP="00A35FED">
            <w:r>
              <w:t xml:space="preserve">                                </w:t>
            </w:r>
          </w:p>
          <w:p w:rsidR="00A35FED" w:rsidRDefault="00A35FED" w:rsidP="00A35FED">
            <w:r>
              <w:t xml:space="preserve">                                </w:t>
            </w:r>
          </w:p>
          <w:p w:rsidR="00A35FED" w:rsidRDefault="00A35FED" w:rsidP="00A35FED">
            <w:r>
              <w:t xml:space="preserve">                                 &lt;label for="&lt;?php echo $option['value']?&gt;"&gt;</w:t>
            </w:r>
          </w:p>
          <w:p w:rsidR="00A35FED" w:rsidRDefault="00A35FED" w:rsidP="00A35FED">
            <w:r>
              <w:t xml:space="preserve">                                  &lt;input &lt;?php echo $onclick ?&gt; type="checkbox" name="&lt;?php echo $propertyAttributeCode?&gt;[]" id="&lt;?php echo$propertyAttributeCode.'_'.$option['value'] ?&gt;" </w:t>
            </w:r>
            <w:r>
              <w:lastRenderedPageBreak/>
              <w:t>value="&lt;?php echo $option['value']?&gt;" &gt;</w:t>
            </w:r>
          </w:p>
          <w:p w:rsidR="00A35FED" w:rsidRDefault="00A35FED" w:rsidP="00A35FED">
            <w:r>
              <w:t xml:space="preserve">                                  &lt;?php echo $option['label']?&gt;&lt;/label&gt;</w:t>
            </w:r>
          </w:p>
          <w:p w:rsidR="00A35FED" w:rsidRDefault="00A35FED" w:rsidP="00A35FED">
            <w:r>
              <w:t xml:space="preserve">                      </w:t>
            </w:r>
          </w:p>
          <w:p w:rsidR="00A35FED" w:rsidRDefault="00A35FED" w:rsidP="00A35FED">
            <w:r>
              <w:t xml:space="preserve">                                  </w:t>
            </w:r>
          </w:p>
          <w:p w:rsidR="00A35FED" w:rsidRDefault="00A35FED" w:rsidP="00A35FED">
            <w:r>
              <w:t xml:space="preserve">                                &lt;br /&gt; </w:t>
            </w:r>
          </w:p>
          <w:p w:rsidR="00A35FED" w:rsidRDefault="00A35FED" w:rsidP="00A35FED">
            <w:r>
              <w:t xml:space="preserve">                                </w:t>
            </w:r>
          </w:p>
          <w:p w:rsidR="00A35FED" w:rsidRDefault="00A35FED" w:rsidP="00A35FED">
            <w:r>
              <w:t xml:space="preserve">                                &lt;?php  }  ?&gt;</w:t>
            </w:r>
          </w:p>
          <w:p w:rsidR="00A35FED" w:rsidRDefault="00A35FED" w:rsidP="00A35FED">
            <w:r>
              <w:t xml:space="preserve">                                </w:t>
            </w:r>
          </w:p>
          <w:p w:rsidR="00A35FED" w:rsidRDefault="00A35FED" w:rsidP="00A35FED">
            <w:r>
              <w:t xml:space="preserve">                                  &lt;!--&lt;/fieldset&gt; --&gt;</w:t>
            </w:r>
          </w:p>
          <w:p w:rsidR="00A35FED" w:rsidRDefault="00A35FED" w:rsidP="00A35FED">
            <w:r>
              <w:t xml:space="preserve">                                &lt;/div&gt;</w:t>
            </w:r>
          </w:p>
          <w:p w:rsidR="00A35FED" w:rsidRDefault="00A35FED" w:rsidP="00A35FED">
            <w:r>
              <w:t xml:space="preserve">                            &lt;/div&gt;</w:t>
            </w:r>
          </w:p>
          <w:p w:rsidR="00A35FED" w:rsidRDefault="00A35FED" w:rsidP="00A35FED">
            <w:r>
              <w:t xml:space="preserve">                          &lt;?php  }</w:t>
            </w:r>
          </w:p>
          <w:p w:rsidR="00A35FED" w:rsidRDefault="00A35FED" w:rsidP="00A35FED">
            <w:r>
              <w:t xml:space="preserve">                            ?&gt;</w:t>
            </w:r>
          </w:p>
          <w:p w:rsidR="00A35FED" w:rsidRDefault="00A35FED" w:rsidP="00A35FED">
            <w:r>
              <w:t xml:space="preserve">                        &lt;/div&gt;    </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lt;script&gt;</w:t>
            </w:r>
          </w:p>
          <w:p w:rsidR="00A35FED" w:rsidRDefault="00A35FED" w:rsidP="00A35FED">
            <w:r>
              <w:t>function priceBoxShow(checkboxid, divid) {</w:t>
            </w:r>
          </w:p>
          <w:p w:rsidR="00A35FED" w:rsidRDefault="00A35FED" w:rsidP="00A35FED">
            <w:r>
              <w:t xml:space="preserve">      var checkBox = document.getElementById(checkboxid);</w:t>
            </w:r>
          </w:p>
          <w:p w:rsidR="00A35FED" w:rsidRDefault="00A35FED" w:rsidP="00A35FED">
            <w:r>
              <w:t xml:space="preserve">  const pricebox = document.getElementById(divid);</w:t>
            </w:r>
          </w:p>
          <w:p w:rsidR="00A35FED" w:rsidRDefault="00A35FED" w:rsidP="00A35FED">
            <w:r>
              <w:t xml:space="preserve">  if (checkBox.checked == true){</w:t>
            </w:r>
          </w:p>
          <w:p w:rsidR="00A35FED" w:rsidRDefault="00A35FED" w:rsidP="00A35FED">
            <w:r>
              <w:t xml:space="preserve">   pricebox.style.display = 'block';</w:t>
            </w:r>
          </w:p>
          <w:p w:rsidR="00A35FED" w:rsidRDefault="00A35FED" w:rsidP="00A35FED">
            <w:r>
              <w:t xml:space="preserve">  } else {</w:t>
            </w:r>
          </w:p>
          <w:p w:rsidR="00A35FED" w:rsidRDefault="00A35FED" w:rsidP="00A35FED">
            <w:r>
              <w:t xml:space="preserve">    pricebox.style.display = 'none';</w:t>
            </w:r>
          </w:p>
          <w:p w:rsidR="00A35FED" w:rsidRDefault="00A35FED" w:rsidP="00A35FED">
            <w:r>
              <w:t xml:space="preserve">  }</w:t>
            </w:r>
          </w:p>
          <w:p w:rsidR="00A35FED" w:rsidRDefault="00A35FED" w:rsidP="00A35FED">
            <w:r>
              <w:t xml:space="preserve"> </w:t>
            </w:r>
          </w:p>
          <w:p w:rsidR="00A35FED" w:rsidRDefault="00A35FED" w:rsidP="00A35FED">
            <w:r>
              <w:t>}</w:t>
            </w:r>
          </w:p>
          <w:p w:rsidR="00A35FED" w:rsidRDefault="00A35FED" w:rsidP="00A35FED">
            <w:r>
              <w:t>&lt;/script&gt;</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lt;script&gt;</w:t>
            </w:r>
          </w:p>
          <w:p w:rsidR="00A35FED" w:rsidRDefault="00A35FED" w:rsidP="00A35FED">
            <w:r>
              <w:t>$('#cityStateZip').selectize({</w:t>
            </w:r>
          </w:p>
          <w:p w:rsidR="00A35FED" w:rsidRDefault="00A35FED" w:rsidP="00A35FED">
            <w:r>
              <w:t xml:space="preserve">    valueField: 'zipcode',</w:t>
            </w:r>
          </w:p>
          <w:p w:rsidR="00A35FED" w:rsidRDefault="00A35FED" w:rsidP="00A35FED">
            <w:r>
              <w:t xml:space="preserve">    labelField: 'display_text',</w:t>
            </w:r>
          </w:p>
          <w:p w:rsidR="00A35FED" w:rsidRDefault="00A35FED" w:rsidP="00A35FED">
            <w:r>
              <w:t xml:space="preserve">    searchField: 'display_text',</w:t>
            </w:r>
          </w:p>
          <w:p w:rsidR="00A35FED" w:rsidRDefault="00A35FED" w:rsidP="00A35FED">
            <w:r>
              <w:t xml:space="preserve">    options: [],</w:t>
            </w:r>
          </w:p>
          <w:p w:rsidR="00A35FED" w:rsidRDefault="00A35FED" w:rsidP="00A35FED">
            <w:r>
              <w:t xml:space="preserve">  create: false,</w:t>
            </w:r>
          </w:p>
          <w:p w:rsidR="00A35FED" w:rsidRDefault="00A35FED" w:rsidP="00A35FED">
            <w:r>
              <w:t xml:space="preserve">  load: function(query, callback) {</w:t>
            </w:r>
          </w:p>
          <w:p w:rsidR="00A35FED" w:rsidRDefault="00A35FED" w:rsidP="00A35FED">
            <w:r>
              <w:t xml:space="preserve">    if (!query.length) return callback();</w:t>
            </w:r>
          </w:p>
          <w:p w:rsidR="00A35FED" w:rsidRDefault="00A35FED" w:rsidP="00A35FED">
            <w:r>
              <w:t xml:space="preserve">    </w:t>
            </w:r>
          </w:p>
          <w:p w:rsidR="00A35FED" w:rsidRDefault="00A35FED" w:rsidP="00A35FED">
            <w:r>
              <w:t xml:space="preserve">    //var countryId = document.getElementById("countryId").value ;</w:t>
            </w:r>
          </w:p>
          <w:p w:rsidR="00A35FED" w:rsidRDefault="00A35FED" w:rsidP="00A35FED">
            <w:r>
              <w:t xml:space="preserve">    //var selectedCountry = "United States" ; // document.querySelector('#select-country option:checked').text ;</w:t>
            </w:r>
          </w:p>
          <w:p w:rsidR="00A35FED" w:rsidRDefault="00A35FED" w:rsidP="00A35FED">
            <w:r>
              <w:t xml:space="preserve">    </w:t>
            </w:r>
          </w:p>
          <w:p w:rsidR="00A35FED" w:rsidRDefault="00A35FED" w:rsidP="00A35FED">
            <w:r>
              <w:t xml:space="preserve">    //alert(countryId) ;</w:t>
            </w:r>
          </w:p>
          <w:p w:rsidR="00A35FED" w:rsidRDefault="00A35FED" w:rsidP="00A35FED">
            <w:r>
              <w:t xml:space="preserve">    $.ajax({</w:t>
            </w:r>
          </w:p>
          <w:p w:rsidR="00A35FED" w:rsidRDefault="00A35FED" w:rsidP="00A35FED">
            <w:r>
              <w:lastRenderedPageBreak/>
              <w:t xml:space="preserve">      url: '&lt;?php echo SITE_URL_PROFILE ; ?&gt;/selectize/country_usa_state_city_zipcode.php',</w:t>
            </w:r>
          </w:p>
          <w:p w:rsidR="00A35FED" w:rsidRDefault="00A35FED" w:rsidP="00A35FED">
            <w:r>
              <w:t xml:space="preserve">      type: 'GET',</w:t>
            </w:r>
          </w:p>
          <w:p w:rsidR="00A35FED" w:rsidRDefault="00A35FED" w:rsidP="00A35FED">
            <w:r>
              <w:t xml:space="preserve">      dataType: 'json',</w:t>
            </w:r>
          </w:p>
          <w:p w:rsidR="00A35FED" w:rsidRDefault="00A35FED" w:rsidP="00A35FED">
            <w:r>
              <w:t xml:space="preserve">      data: {</w:t>
            </w:r>
          </w:p>
          <w:p w:rsidR="00A35FED" w:rsidRDefault="00A35FED" w:rsidP="00A35FED">
            <w:r>
              <w:t xml:space="preserve">        //countryid: countryId,</w:t>
            </w:r>
          </w:p>
          <w:p w:rsidR="00A35FED" w:rsidRDefault="00A35FED" w:rsidP="00A35FED">
            <w:r>
              <w:t xml:space="preserve">        //countryname: selectedCountry,</w:t>
            </w:r>
          </w:p>
          <w:p w:rsidR="00A35FED" w:rsidRDefault="00A35FED" w:rsidP="00A35FED">
            <w:r>
              <w:t xml:space="preserve">        query: query,</w:t>
            </w:r>
          </w:p>
          <w:p w:rsidR="00A35FED" w:rsidRDefault="00A35FED" w:rsidP="00A35FED">
            <w:r>
              <w:t xml:space="preserve">      },</w:t>
            </w:r>
          </w:p>
          <w:p w:rsidR="00A35FED" w:rsidRDefault="00A35FED" w:rsidP="00A35FED">
            <w:r>
              <w:t xml:space="preserve">      error: function() {</w:t>
            </w:r>
          </w:p>
          <w:p w:rsidR="00A35FED" w:rsidRDefault="00A35FED" w:rsidP="00A35FED">
            <w:r>
              <w:t xml:space="preserve">        callback();</w:t>
            </w:r>
          </w:p>
          <w:p w:rsidR="00A35FED" w:rsidRDefault="00A35FED" w:rsidP="00A35FED">
            <w:r>
              <w:t xml:space="preserve">      },</w:t>
            </w:r>
          </w:p>
          <w:p w:rsidR="00A35FED" w:rsidRDefault="00A35FED" w:rsidP="00A35FED">
            <w:r>
              <w:t xml:space="preserve">      success: function(res) {</w:t>
            </w:r>
          </w:p>
          <w:p w:rsidR="00A35FED" w:rsidRDefault="00A35FED" w:rsidP="00A35FED">
            <w:r>
              <w:t xml:space="preserve">        callback(res);</w:t>
            </w:r>
          </w:p>
          <w:p w:rsidR="00A35FED" w:rsidRDefault="00A35FED" w:rsidP="00A35FED">
            <w:r>
              <w:t xml:space="preserve">        //document.getElementById('cityDiv').style.display = 'block';</w:t>
            </w:r>
          </w:p>
          <w:p w:rsidR="00A35FED" w:rsidRDefault="00A35FED" w:rsidP="00A35FED">
            <w:r>
              <w:t xml:space="preserve">        //alert(res) ;</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w:t>
            </w:r>
          </w:p>
          <w:p w:rsidR="00A35FED" w:rsidRDefault="00A35FED" w:rsidP="00A35FED">
            <w:r>
              <w:t>&lt;/script&gt;</w:t>
            </w:r>
          </w:p>
          <w:p w:rsidR="00A35FED" w:rsidRDefault="00A35FED" w:rsidP="00A35FED">
            <w:r>
              <w:t xml:space="preserve">            &lt;div class="mb-3 row"&gt;</w:t>
            </w:r>
          </w:p>
          <w:p w:rsidR="00A35FED" w:rsidRDefault="00A35FED" w:rsidP="00A35FED">
            <w:r>
              <w:t xml:space="preserve">                &lt;label class="col-sm-3 col-form-label text-end"&gt;&lt;b&gt;You are the  *&lt;/b&gt;&lt;/label&gt;</w:t>
            </w:r>
          </w:p>
          <w:p w:rsidR="00A35FED" w:rsidRDefault="00A35FED" w:rsidP="00A35FED">
            <w:r>
              <w:t xml:space="preserve">                &lt;div class="col-sm-9"&gt;</w:t>
            </w:r>
          </w:p>
          <w:p w:rsidR="00A35FED" w:rsidRDefault="00A35FED" w:rsidP="00A35FED">
            <w:r>
              <w:t xml:space="preserve">                    &lt;div class="you"&gt;</w:t>
            </w:r>
          </w:p>
          <w:p w:rsidR="00A35FED" w:rsidRDefault="00A35FED" w:rsidP="00A35FED">
            <w:r>
              <w:t xml:space="preserve">                      &lt;input type = "radio" name = "Seniors"</w:t>
            </w:r>
          </w:p>
          <w:p w:rsidR="00A35FED" w:rsidRDefault="00A35FED" w:rsidP="00A35FED">
            <w:r>
              <w:t xml:space="preserve">                        id = "Senior" value = "Senior"</w:t>
            </w:r>
          </w:p>
          <w:p w:rsidR="00A35FED" w:rsidRDefault="00A35FED" w:rsidP="00A35FED">
            <w:r>
              <w:t xml:space="preserve">                         checked = "checked" /&gt;</w:t>
            </w:r>
          </w:p>
          <w:p w:rsidR="00A35FED" w:rsidRDefault="00A35FED" w:rsidP="00A35FED">
            <w:r>
              <w:t xml:space="preserve">                        &lt;label for = "sizeSmall"&gt;Senior&lt;/label&gt;</w:t>
            </w:r>
          </w:p>
          <w:p w:rsidR="00A35FED" w:rsidRDefault="00A35FED" w:rsidP="00A35FED">
            <w:r>
              <w:t xml:space="preserve">                    &lt;/div&gt;</w:t>
            </w:r>
          </w:p>
          <w:p w:rsidR="00A35FED" w:rsidRDefault="00A35FED" w:rsidP="00A35FED">
            <w:r>
              <w:t xml:space="preserve">                    &lt;div class="you"&gt;</w:t>
            </w:r>
          </w:p>
          <w:p w:rsidR="00A35FED" w:rsidRDefault="00A35FED" w:rsidP="00A35FED">
            <w:r>
              <w:t xml:space="preserve">                        &lt;input type = "radio" name = "Seniors"</w:t>
            </w:r>
          </w:p>
          <w:p w:rsidR="00A35FED" w:rsidRDefault="00A35FED" w:rsidP="00A35FED">
            <w:r>
              <w:t xml:space="preserve">                         id = "sizeMed" value = "Adult Child" /&gt;</w:t>
            </w:r>
          </w:p>
          <w:p w:rsidR="00A35FED" w:rsidRDefault="00A35FED" w:rsidP="00A35FED">
            <w:r>
              <w:t xml:space="preserve">                        &lt;label for = "Adult Child"&gt;Adult Child&lt;/label&gt;</w:t>
            </w:r>
          </w:p>
          <w:p w:rsidR="00A35FED" w:rsidRDefault="00A35FED" w:rsidP="00A35FED">
            <w:r>
              <w:t xml:space="preserve">                    &lt;/div&gt;</w:t>
            </w:r>
          </w:p>
          <w:p w:rsidR="00A35FED" w:rsidRDefault="00A35FED" w:rsidP="00A35FED">
            <w:r>
              <w:t xml:space="preserve">                    &lt;div class="you"&gt;    </w:t>
            </w:r>
          </w:p>
          <w:p w:rsidR="00A35FED" w:rsidRDefault="00A35FED" w:rsidP="00A35FED">
            <w:r>
              <w:t xml:space="preserve">                        &lt;input type = "radio" name = "Seniors"</w:t>
            </w:r>
          </w:p>
          <w:p w:rsidR="00A35FED" w:rsidRDefault="00A35FED" w:rsidP="00A35FED">
            <w:r>
              <w:t xml:space="preserve">                         id = "sizeLarge" value = "Family Member" /&gt;</w:t>
            </w:r>
          </w:p>
          <w:p w:rsidR="00A35FED" w:rsidRDefault="00A35FED" w:rsidP="00A35FED">
            <w:r>
              <w:t xml:space="preserve">                        &lt;label for = "Family Member"&gt;Family Member&lt;/label&gt;</w:t>
            </w:r>
          </w:p>
          <w:p w:rsidR="00A35FED" w:rsidRDefault="00A35FED" w:rsidP="00A35FED">
            <w:r>
              <w:t xml:space="preserve">                    &lt;/div&gt;</w:t>
            </w:r>
          </w:p>
          <w:p w:rsidR="00A35FED" w:rsidRDefault="00A35FED" w:rsidP="00A35FED">
            <w:r>
              <w:t xml:space="preserve">                    &lt;div class="you"&gt;    </w:t>
            </w:r>
          </w:p>
          <w:p w:rsidR="00A35FED" w:rsidRDefault="00A35FED" w:rsidP="00A35FED">
            <w:r>
              <w:t xml:space="preserve">                        &lt;input type = "radio" name = "Seniors"</w:t>
            </w:r>
          </w:p>
          <w:p w:rsidR="00A35FED" w:rsidRDefault="00A35FED" w:rsidP="00A35FED">
            <w:r>
              <w:t xml:space="preserve">                        id = "sizeLarge" value = "Friend" /&gt;</w:t>
            </w:r>
          </w:p>
          <w:p w:rsidR="00A35FED" w:rsidRDefault="00A35FED" w:rsidP="00A35FED">
            <w:r>
              <w:t xml:space="preserve">                        &lt;label for = "Friend"&gt;Friend&lt;/label&gt;</w:t>
            </w:r>
          </w:p>
          <w:p w:rsidR="00A35FED" w:rsidRDefault="00A35FED" w:rsidP="00A35FED">
            <w:r>
              <w:t xml:space="preserve">                    &lt;/div&gt;</w:t>
            </w:r>
          </w:p>
          <w:p w:rsidR="00A35FED" w:rsidRDefault="00A35FED" w:rsidP="00A35FED">
            <w:r>
              <w:t xml:space="preserve">                    &lt;div class="you"&gt;    </w:t>
            </w:r>
          </w:p>
          <w:p w:rsidR="00A35FED" w:rsidRDefault="00A35FED" w:rsidP="00A35FED">
            <w:r>
              <w:t xml:space="preserve">                        &lt;input type = "radio" name = "Seniors"</w:t>
            </w:r>
          </w:p>
          <w:p w:rsidR="00A35FED" w:rsidRDefault="00A35FED" w:rsidP="00A35FED">
            <w:r>
              <w:t xml:space="preserve">                         id = "Advisor" value = "Advisor" /&gt;</w:t>
            </w:r>
          </w:p>
          <w:p w:rsidR="00A35FED" w:rsidRDefault="00A35FED" w:rsidP="00A35FED">
            <w:r>
              <w:t xml:space="preserve">                        &lt;label for = "Advisore"&gt;Advisor&lt;/label&gt;</w:t>
            </w:r>
          </w:p>
          <w:p w:rsidR="00A35FED" w:rsidRDefault="00A35FED" w:rsidP="00A35FED">
            <w:r>
              <w:lastRenderedPageBreak/>
              <w:t xml:space="preserve">                    &lt;/div&gt;</w:t>
            </w:r>
          </w:p>
          <w:p w:rsidR="00A35FED" w:rsidRDefault="00A35FED" w:rsidP="00A35FED">
            <w:r>
              <w:t xml:space="preserve">                    &lt;div class="you"&gt;    </w:t>
            </w:r>
          </w:p>
          <w:p w:rsidR="00A35FED" w:rsidRDefault="00A35FED" w:rsidP="00A35FED">
            <w:r>
              <w:t xml:space="preserve">                        &lt;input type = "radio" name = "Seniors"</w:t>
            </w:r>
          </w:p>
          <w:p w:rsidR="00A35FED" w:rsidRDefault="00A35FED" w:rsidP="00A35FED">
            <w:r>
              <w:t xml:space="preserve">                         id = "POA" value = "POA" /&gt;</w:t>
            </w:r>
          </w:p>
          <w:p w:rsidR="00A35FED" w:rsidRDefault="00A35FED" w:rsidP="00A35FED">
            <w:r>
              <w:t xml:space="preserve">                        &lt;label for = "POA"&gt;POA&lt;/label&gt;</w:t>
            </w:r>
          </w:p>
          <w:p w:rsidR="00A35FED" w:rsidRDefault="00A35FED" w:rsidP="00A35FED">
            <w:r>
              <w:t xml:space="preserve">                    &lt;/div&gt;</w:t>
            </w:r>
          </w:p>
          <w:p w:rsidR="00A35FED" w:rsidRDefault="00A35FED" w:rsidP="00A35FED">
            <w:r>
              <w:t xml:space="preserve">                    &lt;div class="you"&gt;    </w:t>
            </w:r>
          </w:p>
          <w:p w:rsidR="00A35FED" w:rsidRDefault="00A35FED" w:rsidP="00A35FED">
            <w:r>
              <w:t xml:space="preserve">                        &lt;input type = "radio" name = "Seniors"</w:t>
            </w:r>
          </w:p>
          <w:p w:rsidR="00A35FED" w:rsidRDefault="00A35FED" w:rsidP="00A35FED">
            <w:r>
              <w:t xml:space="preserve">                         id = "other" value = "Other" /&gt;</w:t>
            </w:r>
          </w:p>
          <w:p w:rsidR="00A35FED" w:rsidRDefault="00A35FED" w:rsidP="00A35FED">
            <w:r>
              <w:t xml:space="preserve">                        &lt;label for = "Other"&gt;Other&lt;/label&gt;</w:t>
            </w:r>
          </w:p>
          <w:p w:rsidR="00A35FED" w:rsidRDefault="00A35FED" w:rsidP="00A35FED">
            <w:r>
              <w:t xml:space="preserve">                    &lt;/div&gt;</w:t>
            </w:r>
          </w:p>
          <w:p w:rsidR="00A35FED" w:rsidRDefault="00A35FED" w:rsidP="00A35FED">
            <w:r>
              <w:t xml:space="preserve">                    &lt;div&gt;</w:t>
            </w:r>
          </w:p>
          <w:p w:rsidR="00A35FED" w:rsidRDefault="00A35FED" w:rsidP="00A35FED">
            <w:r>
              <w:t xml:space="preserve">                       &lt;input type="text" id="dist" name="txtbox"&gt; &lt;label&gt;&lt;/label&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 start of enable text box when radio button is selected --&gt;</w:t>
            </w:r>
          </w:p>
          <w:p w:rsidR="00A35FED" w:rsidRDefault="00A35FED" w:rsidP="00A35FED">
            <w:r>
              <w:t xml:space="preserve">                    &lt;script type="text/javascript"&gt;</w:t>
            </w:r>
          </w:p>
          <w:p w:rsidR="00A35FED" w:rsidRDefault="00A35FED" w:rsidP="00A35FED">
            <w:r>
              <w:t xml:space="preserve">                        $(document).ready(function () {</w:t>
            </w:r>
          </w:p>
          <w:p w:rsidR="00A35FED" w:rsidRDefault="00A35FED" w:rsidP="00A35FED">
            <w:r>
              <w:t xml:space="preserve">                            $("#dist").prop('disabled', true);</w:t>
            </w:r>
          </w:p>
          <w:p w:rsidR="00A35FED" w:rsidRDefault="00A35FED" w:rsidP="00A35FED">
            <w:r>
              <w:t xml:space="preserve">                            $("#other").click(function () {</w:t>
            </w:r>
          </w:p>
          <w:p w:rsidR="00A35FED" w:rsidRDefault="00A35FED" w:rsidP="00A35FED">
            <w:r>
              <w:t xml:space="preserve">                                $("#dist").prop('disabled', false);</w:t>
            </w:r>
          </w:p>
          <w:p w:rsidR="00A35FED" w:rsidRDefault="00A35FED" w:rsidP="00A35FED">
            <w:r>
              <w:t xml:space="preserve">                            });</w:t>
            </w:r>
          </w:p>
          <w:p w:rsidR="00A35FED" w:rsidRDefault="00A35FED" w:rsidP="00A35FED">
            <w:r>
              <w:t xml:space="preserve">                    }); </w:t>
            </w:r>
          </w:p>
          <w:p w:rsidR="00A35FED" w:rsidRDefault="00A35FED" w:rsidP="00A35FED">
            <w:r>
              <w:t xml:space="preserve">                    &lt;/script&gt;</w:t>
            </w:r>
          </w:p>
          <w:p w:rsidR="00A35FED" w:rsidRDefault="00A35FED" w:rsidP="00A35FED">
            <w:r>
              <w:t xml:space="preserve">                    &lt;!--&lt;script type="text/javascript"&gt;</w:t>
            </w:r>
          </w:p>
          <w:p w:rsidR="00A35FED" w:rsidRDefault="00A35FED" w:rsidP="00A35FED">
            <w:r>
              <w:t xml:space="preserve">                    $(document).ready(function () {</w:t>
            </w:r>
          </w:p>
          <w:p w:rsidR="00A35FED" w:rsidRDefault="00A35FED" w:rsidP="00A35FED">
            <w:r>
              <w:t xml:space="preserve">                        $("#dist").attr("disabled","disabled");</w:t>
            </w:r>
          </w:p>
          <w:p w:rsidR="00A35FED" w:rsidRDefault="00A35FED" w:rsidP="00A35FED">
            <w:r>
              <w:t xml:space="preserve">                        $("#other").click(function () {</w:t>
            </w:r>
          </w:p>
          <w:p w:rsidR="00A35FED" w:rsidRDefault="00A35FED" w:rsidP="00A35FED">
            <w:r>
              <w:t xml:space="preserve">                            $("#dist").removeAttr("disabled");</w:t>
            </w:r>
          </w:p>
          <w:p w:rsidR="00A35FED" w:rsidRDefault="00A35FED" w:rsidP="00A35FED">
            <w:r>
              <w:t xml:space="preserve">                        });</w:t>
            </w:r>
          </w:p>
          <w:p w:rsidR="00A35FED" w:rsidRDefault="00A35FED" w:rsidP="00A35FED">
            <w:r>
              <w:t xml:space="preserve">                    });</w:t>
            </w:r>
          </w:p>
          <w:p w:rsidR="00A35FED" w:rsidRDefault="00A35FED" w:rsidP="00A35FED">
            <w:r>
              <w:t xml:space="preserve">                    &lt;/script&gt; --&gt;</w:t>
            </w:r>
          </w:p>
          <w:p w:rsidR="00A35FED" w:rsidRDefault="00A35FED" w:rsidP="00A35FED">
            <w:r>
              <w:t xml:space="preserve">                &lt;!-- end of enable text box when radio button is selected --&gt;</w:t>
            </w:r>
          </w:p>
          <w:p w:rsidR="00A35FED" w:rsidRDefault="00A35FED" w:rsidP="00A35FED">
            <w:r>
              <w:t xml:space="preserve">            &lt;div class="mb-3 row"&gt;</w:t>
            </w:r>
          </w:p>
          <w:p w:rsidR="00A35FED" w:rsidRDefault="00A35FED" w:rsidP="00A35FED">
            <w:r>
              <w:t xml:space="preserve">                &lt;label class="col-sm-5 col-form-label text-end"&gt;&lt;b&gt;Birthdate of Prospective Resident*  &lt;/b&gt;&lt;/label&gt;</w:t>
            </w:r>
          </w:p>
          <w:p w:rsidR="00A35FED" w:rsidRDefault="00A35FED" w:rsidP="00A35FED">
            <w:r>
              <w:t xml:space="preserve">                &lt;div class="col-sm-6"&gt;</w:t>
            </w:r>
          </w:p>
          <w:p w:rsidR="00A35FED" w:rsidRDefault="00A35FED" w:rsidP="00A35FED">
            <w:r>
              <w:t xml:space="preserve">                    &lt;input type="date" id="start" name="trip-start"</w:t>
            </w:r>
          </w:p>
          <w:p w:rsidR="00A35FED" w:rsidRDefault="00A35FED" w:rsidP="00A35FED">
            <w:r>
              <w:t xml:space="preserve">                       value="1950-12-25;"</w:t>
            </w:r>
          </w:p>
          <w:p w:rsidR="00A35FED" w:rsidRDefault="00A35FED" w:rsidP="00A35FED">
            <w:r>
              <w:t xml:space="preserve">                       min="1922-01-01" max="2004-12-31"&gt;</w:t>
            </w:r>
          </w:p>
          <w:p w:rsidR="00A35FED" w:rsidRDefault="00A35FED" w:rsidP="00A35FED">
            <w:r>
              <w:t xml:space="preserve">                &lt;/div&gt;</w:t>
            </w:r>
          </w:p>
          <w:p w:rsidR="00A35FED" w:rsidRDefault="00A35FED" w:rsidP="00A35FED">
            <w:r>
              <w:t xml:space="preserve">            &lt;/div&gt;</w:t>
            </w:r>
          </w:p>
          <w:p w:rsidR="00A35FED" w:rsidRDefault="00A35FED" w:rsidP="00A35FED">
            <w:r>
              <w:t xml:space="preserve">            &lt;br&gt;</w:t>
            </w:r>
          </w:p>
          <w:p w:rsidR="00A35FED" w:rsidRDefault="00A35FED" w:rsidP="00A35FED">
            <w:r>
              <w:t xml:space="preserve">            </w:t>
            </w:r>
          </w:p>
          <w:p w:rsidR="00A35FED" w:rsidRDefault="00A35FED" w:rsidP="00A35FED"/>
          <w:p w:rsidR="00A35FED" w:rsidRDefault="00A35FED" w:rsidP="00A35FED"/>
          <w:p w:rsidR="00A35FED" w:rsidRDefault="00A35FED" w:rsidP="00A35FED">
            <w:r>
              <w:t xml:space="preserve">            &lt;!--&lt;div class="text-end mt-3"&gt;</w:t>
            </w:r>
          </w:p>
          <w:p w:rsidR="00A35FED" w:rsidRDefault="00A35FED" w:rsidP="00A35FED">
            <w:r>
              <w:lastRenderedPageBreak/>
              <w:t xml:space="preserve">                    &lt;div class="collapse" id="processSpan"&gt;</w:t>
            </w:r>
          </w:p>
          <w:p w:rsidR="00A35FED" w:rsidRDefault="00A35FED" w:rsidP="00A35FED">
            <w:r>
              <w:t xml:space="preserve">                        &lt;div class="spinner-border text-primary" role="status"&gt;</w:t>
            </w:r>
          </w:p>
          <w:p w:rsidR="00A35FED" w:rsidRDefault="00A35FED" w:rsidP="00A35FED">
            <w:r>
              <w:t xml:space="preserve">                          &lt;span class="visually-hidden"&gt;Loading...&lt;/span&gt;</w:t>
            </w:r>
          </w:p>
          <w:p w:rsidR="00A35FED" w:rsidRDefault="00A35FED" w:rsidP="00A35FED">
            <w:r>
              <w:t xml:space="preserve">                        &lt;/div&gt; Processing please wait..</w:t>
            </w:r>
          </w:p>
          <w:p w:rsidR="00A35FED" w:rsidRDefault="00A35FED" w:rsidP="00A35FED">
            <w:r>
              <w:t xml:space="preserve">                    &lt;/div&gt;</w:t>
            </w:r>
          </w:p>
          <w:p w:rsidR="00A35FED" w:rsidRDefault="00A35FED" w:rsidP="00A35FED">
            <w:r>
              <w:t xml:space="preserve">                    &lt;span id="log_result"&gt;&lt;/span&gt;</w:t>
            </w:r>
          </w:p>
          <w:p w:rsidR="00A35FED" w:rsidRDefault="00A35FED" w:rsidP="00A35FED">
            <w:r>
              <w:t xml:space="preserve">                    &lt;div id="submitBtnsBox" style="text-align: right;"&gt;</w:t>
            </w:r>
          </w:p>
          <w:p w:rsidR="00A35FED" w:rsidRDefault="00A35FED" w:rsidP="00A35FED">
            <w:r>
              <w:t xml:space="preserve">                        &lt;button name="submit" type="submit" class="btn btn-success" &gt;&lt;i class="fas fa-2x fa-pen-to-square"&gt;&lt;/i&gt; SUBMIT&lt;/button&gt;  </w:t>
            </w:r>
          </w:p>
          <w:p w:rsidR="00A35FED" w:rsidRDefault="00A35FED" w:rsidP="00A35FED">
            <w:r>
              <w:t xml:space="preserve">                        </w:t>
            </w:r>
          </w:p>
          <w:p w:rsidR="00A35FED" w:rsidRDefault="00A35FED" w:rsidP="00A35FED">
            <w:r>
              <w:t xml:space="preserve">                    &lt;/div&gt;</w:t>
            </w:r>
          </w:p>
          <w:p w:rsidR="00A35FED" w:rsidRDefault="00A35FED" w:rsidP="00A35FED">
            <w:r>
              <w:t xml:space="preserve">                &lt;/div&gt; --&gt;</w:t>
            </w:r>
          </w:p>
          <w:p w:rsidR="00A35FED" w:rsidRDefault="00A35FED" w:rsidP="00A35FED"/>
          <w:p w:rsidR="00A35FED" w:rsidRDefault="00A35FED" w:rsidP="00A35FED">
            <w:r>
              <w:t xml:space="preserve">        &lt;/form&gt;</w:t>
            </w:r>
          </w:p>
          <w:p w:rsidR="00A35FED" w:rsidRDefault="00A35FED" w:rsidP="00A35FED">
            <w:r>
              <w:t xml:space="preserve">                                          </w:t>
            </w:r>
          </w:p>
          <w:p w:rsidR="00A35FED" w:rsidRDefault="00A35FED" w:rsidP="00A35FED">
            <w:r>
              <w:t xml:space="preserve">                                        &lt;!---&lt;div class="card"&gt;</w:t>
            </w:r>
          </w:p>
          <w:p w:rsidR="00A35FED" w:rsidRDefault="00A35FED" w:rsidP="00A35FED">
            <w:r>
              <w:t xml:space="preserve">                                            </w:t>
            </w:r>
          </w:p>
          <w:p w:rsidR="00A35FED" w:rsidRDefault="00A35FED" w:rsidP="00A35FED">
            <w:r>
              <w:t xml:space="preserve">                                                                                          </w:t>
            </w:r>
          </w:p>
          <w:p w:rsidR="00A35FED" w:rsidRDefault="00A35FED" w:rsidP="00A35FED">
            <w:r>
              <w:t xml:space="preserve">                                          &lt;!--&lt;div class="card-header" id="heading0_1"&gt;</w:t>
            </w:r>
          </w:p>
          <w:p w:rsidR="00A35FED" w:rsidRDefault="00A35FED" w:rsidP="00A35FED">
            <w:r>
              <w:t xml:space="preserve">                                            &lt;h3 class="mb-0"&gt;</w:t>
            </w:r>
          </w:p>
          <w:p w:rsidR="00A35FED" w:rsidRDefault="00A35FED" w:rsidP="00A35FED">
            <w:r>
              <w:t xml:space="preserve">                                              &lt;button class="btn btn-link" data-toggle="collapse" data-target="#collapse0_1" aria-expanded="false" aria-controls="collapse0_1"&gt;sub-collapse text&lt;/button&gt;</w:t>
            </w:r>
          </w:p>
          <w:p w:rsidR="00A35FED" w:rsidRDefault="00A35FED" w:rsidP="00A35FED">
            <w:r>
              <w:t xml:space="preserve">                                            &lt;/h3&gt;</w:t>
            </w:r>
          </w:p>
          <w:p w:rsidR="00A35FED" w:rsidRDefault="00A35FED" w:rsidP="00A35FED">
            <w:r>
              <w:t xml:space="preserve">                                          &lt;/div&gt; --&gt;</w:t>
            </w:r>
          </w:p>
          <w:p w:rsidR="00A35FED" w:rsidRDefault="00A35FED" w:rsidP="00A35FED">
            <w:r>
              <w:t xml:space="preserve">                                          &lt;!-- remove data-parent here or set to "#collapse0" --&gt;</w:t>
            </w:r>
          </w:p>
          <w:p w:rsidR="00A35FED" w:rsidRDefault="00A35FED" w:rsidP="00A35FED">
            <w:r>
              <w:t xml:space="preserve">                                          &lt;!--&lt;div id="collapse0_1" class="collapse" aria-labelledby="heading0_1"&gt;</w:t>
            </w:r>
          </w:p>
          <w:p w:rsidR="00A35FED" w:rsidRDefault="00A35FED" w:rsidP="00A35FED">
            <w:r>
              <w:t xml:space="preserve">                                            &lt;div class="card-body"&gt;</w:t>
            </w:r>
          </w:p>
          <w:p w:rsidR="00A35FED" w:rsidRDefault="00A35FED" w:rsidP="00A35FED">
            <w:r>
              <w:t xml:space="preserve">                                            &lt;p&gt;text here...&lt;/p&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 --&gt;</w:t>
            </w:r>
          </w:p>
          <w:p w:rsidR="00A35FED" w:rsidRDefault="00A35FED" w:rsidP="00A35FED">
            <w:r>
              <w:t xml:space="preserve">                                        </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w:t>
            </w:r>
          </w:p>
          <w:p w:rsidR="00A35FED" w:rsidRDefault="00A35FED" w:rsidP="00A35FED">
            <w:r>
              <w:t xml:space="preserve">                                &lt;div class="form-group"&gt;</w:t>
            </w:r>
          </w:p>
          <w:p w:rsidR="00A35FED" w:rsidRDefault="00A35FED" w:rsidP="00A35FED">
            <w:r>
              <w:tab/>
            </w:r>
            <w:r>
              <w:tab/>
            </w:r>
            <w:r>
              <w:tab/>
            </w:r>
            <w:r>
              <w:tab/>
            </w:r>
            <w:r>
              <w:tab/>
            </w:r>
            <w:r>
              <w:tab/>
            </w:r>
            <w:r>
              <w:tab/>
            </w:r>
            <w:r>
              <w:tab/>
            </w:r>
            <w:r>
              <w:tab/>
              <w:t xml:space="preserve">&lt;div class="offset-3 col-sm-6"&gt; </w:t>
            </w:r>
          </w:p>
          <w:p w:rsidR="00A35FED" w:rsidRDefault="00A35FED" w:rsidP="00A35FED">
            <w:r>
              <w:tab/>
            </w:r>
            <w:r>
              <w:tab/>
            </w:r>
            <w:r>
              <w:tab/>
            </w:r>
            <w:r>
              <w:tab/>
            </w:r>
            <w:r>
              <w:tab/>
            </w:r>
            <w:r>
              <w:tab/>
            </w:r>
            <w:r>
              <w:tab/>
            </w:r>
            <w:r>
              <w:tab/>
            </w:r>
            <w:r>
              <w:tab/>
            </w:r>
            <w:r>
              <w:tab/>
              <w:t>&lt;div id="submitBtnsBox" class="text-end"&gt;</w:t>
            </w:r>
          </w:p>
          <w:p w:rsidR="00A35FED" w:rsidRDefault="00A35FED" w:rsidP="00A35FED">
            <w:r>
              <w:tab/>
            </w:r>
            <w:r>
              <w:tab/>
            </w:r>
            <w:r>
              <w:tab/>
            </w:r>
            <w:r>
              <w:tab/>
            </w:r>
            <w:r>
              <w:tab/>
            </w:r>
            <w:r>
              <w:tab/>
            </w:r>
            <w:r>
              <w:tab/>
            </w:r>
            <w:r>
              <w:tab/>
            </w:r>
            <w:r>
              <w:tab/>
            </w:r>
            <w:r>
              <w:tab/>
            </w:r>
            <w:r>
              <w:tab/>
              <w:t>&lt;button type="submit"  id="btnSubmit1" class="btn btn-success"&gt;Save &lt;?php echo $title ; ?&gt; to your list &lt;/button&gt;</w:t>
            </w:r>
          </w:p>
          <w:p w:rsidR="00A35FED" w:rsidRDefault="00A35FED" w:rsidP="00A35FED">
            <w:r>
              <w:tab/>
            </w:r>
            <w:r>
              <w:tab/>
            </w:r>
            <w:r>
              <w:tab/>
            </w:r>
            <w:r>
              <w:tab/>
            </w:r>
            <w:r>
              <w:tab/>
            </w:r>
            <w:r>
              <w:tab/>
            </w:r>
            <w:r>
              <w:tab/>
            </w:r>
            <w:r>
              <w:tab/>
            </w:r>
            <w:r>
              <w:tab/>
            </w:r>
            <w:r>
              <w:tab/>
              <w:t>&lt;/div&gt;</w:t>
            </w:r>
          </w:p>
          <w:p w:rsidR="00A35FED" w:rsidRDefault="00A35FED" w:rsidP="00A35FED">
            <w:r>
              <w:tab/>
            </w:r>
            <w:r>
              <w:tab/>
            </w:r>
            <w:r>
              <w:tab/>
            </w:r>
            <w:r>
              <w:tab/>
            </w:r>
            <w:r>
              <w:tab/>
            </w:r>
            <w:r>
              <w:tab/>
            </w:r>
            <w:r>
              <w:tab/>
            </w:r>
            <w:r>
              <w:tab/>
            </w:r>
            <w:r>
              <w:tab/>
              <w:t>&lt;/div&gt;</w:t>
            </w:r>
          </w:p>
          <w:p w:rsidR="00A35FED" w:rsidRDefault="00A35FED" w:rsidP="00A35FED">
            <w:r>
              <w:tab/>
            </w:r>
            <w:r>
              <w:tab/>
            </w:r>
            <w:r>
              <w:tab/>
            </w:r>
            <w:r>
              <w:tab/>
            </w:r>
            <w:r>
              <w:tab/>
            </w:r>
            <w:r>
              <w:tab/>
            </w:r>
            <w:r>
              <w:tab/>
            </w:r>
            <w:r>
              <w:tab/>
              <w:t>&lt;/div&gt;</w:t>
            </w:r>
          </w:p>
          <w:p w:rsidR="00A35FED" w:rsidRDefault="00A35FED" w:rsidP="00A35FED">
            <w:r>
              <w:lastRenderedPageBreak/>
              <w:t xml:space="preserve">                                </w:t>
            </w:r>
          </w:p>
          <w:p w:rsidR="00A35FED" w:rsidRDefault="00A35FED" w:rsidP="00A35FED">
            <w:r>
              <w:t xml:space="preserve">                            &lt;/form&gt;</w:t>
            </w:r>
          </w:p>
          <w:p w:rsidR="00A35FED" w:rsidRDefault="00A35FED" w:rsidP="00A35FED">
            <w:r>
              <w:t xml:space="preserve">                    &lt;/div&gt;</w:t>
            </w:r>
          </w:p>
          <w:p w:rsidR="00A35FED" w:rsidRDefault="00A35FED" w:rsidP="00A35FED"/>
          <w:p w:rsidR="00A35FED" w:rsidRDefault="00A35FED" w:rsidP="00A35FED">
            <w:r>
              <w:t xml:space="preserve">                            &lt;!-- Modal footer --&gt;</w:t>
            </w:r>
          </w:p>
          <w:p w:rsidR="00A35FED" w:rsidRDefault="00A35FED" w:rsidP="00A35FED">
            <w:r>
              <w:t xml:space="preserve">                            &lt;!--&lt;div class="modal-footer text-left"&gt; --&gt;</w:t>
            </w:r>
          </w:p>
          <w:p w:rsidR="00A35FED" w:rsidRDefault="00A35FED" w:rsidP="00A35FED">
            <w:r>
              <w:t xml:space="preserve">                            &lt;div class="text-left"&gt;</w:t>
            </w:r>
          </w:p>
          <w:p w:rsidR="00A35FED" w:rsidRDefault="00A35FED" w:rsidP="00A35FED">
            <w:r>
              <w:t xml:space="preserve">                              &lt;p&gt;</w:t>
            </w:r>
          </w:p>
          <w:p w:rsidR="00A35FED" w:rsidRDefault="00A35FED" w:rsidP="00A35FED">
            <w:r>
              <w:t xml:space="preserve">                              &lt;!--&lt;b&gt;Note:&lt;/b&gt; Please register in case if you haven't registered yet.    --&gt;</w:t>
            </w:r>
          </w:p>
          <w:p w:rsidR="00A35FED" w:rsidRDefault="00A35FED" w:rsidP="00A35FED">
            <w:r>
              <w:t xml:space="preserve">                                  </w:t>
            </w:r>
          </w:p>
          <w:p w:rsidR="00A35FED" w:rsidRDefault="00A35FED" w:rsidP="00A35FED">
            <w:r>
              <w:t xml:space="preserve">                              &lt;/p&gt;</w:t>
            </w:r>
          </w:p>
          <w:p w:rsidR="00A35FED" w:rsidRDefault="00A35FED" w:rsidP="00A35FED">
            <w:r>
              <w:t xml:space="preserve">                              &lt;!--&lt;button type="button" class="btn btn-danger" data-dismiss="modal"&gt;Close&lt;/button&gt;--&gt;</w:t>
            </w:r>
          </w:p>
          <w:p w:rsidR="00A35FED" w:rsidRDefault="00A35FED" w:rsidP="00A35FED">
            <w:r>
              <w:t xml:space="preserve">                            &lt;/div&gt;</w:t>
            </w:r>
          </w:p>
          <w:p w:rsidR="00A35FED" w:rsidRDefault="00A35FED" w:rsidP="00A35FED">
            <w:r>
              <w:t xml:space="preserve">                            &lt;div class="modal-footer"&gt;</w:t>
            </w:r>
          </w:p>
          <w:p w:rsidR="00A35FED" w:rsidRDefault="00A35FED" w:rsidP="00A35FED">
            <w:r>
              <w:t xml:space="preserve">    </w:t>
            </w:r>
            <w:r>
              <w:tab/>
            </w:r>
            <w:r>
              <w:tab/>
            </w:r>
            <w:r>
              <w:tab/>
            </w:r>
            <w:r>
              <w:tab/>
            </w:r>
            <w:r>
              <w:tab/>
            </w:r>
            <w:r>
              <w:tab/>
              <w:t xml:space="preserve">    </w:t>
            </w:r>
          </w:p>
          <w:p w:rsidR="00A35FED" w:rsidRDefault="00A35FED" w:rsidP="00A35FED">
            <w:r>
              <w:t xml:space="preserve">    </w:t>
            </w:r>
            <w:r>
              <w:tab/>
            </w:r>
            <w:r>
              <w:tab/>
            </w:r>
            <w:r>
              <w:tab/>
            </w:r>
            <w:r>
              <w:tab/>
            </w:r>
            <w:r>
              <w:tab/>
            </w:r>
            <w:r>
              <w:tab/>
              <w:t xml:space="preserve">  &lt;button type="button" class="btn btn-default" data-dismiss="modal"&gt;Close&lt;/button&gt;</w:t>
            </w:r>
          </w:p>
          <w:p w:rsidR="00A35FED" w:rsidRDefault="00A35FED" w:rsidP="00A35FED">
            <w:r>
              <w:t xml:space="preserve">    </w:t>
            </w:r>
            <w:r>
              <w:tab/>
            </w:r>
            <w:r>
              <w:tab/>
            </w:r>
            <w:r>
              <w:tab/>
            </w:r>
            <w:r>
              <w:tab/>
            </w:r>
            <w:r>
              <w:tab/>
            </w:r>
            <w:r>
              <w:tab/>
              <w:t>&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lt;/div&gt;</w:t>
            </w:r>
          </w:p>
          <w:p w:rsidR="00A35FED" w:rsidRDefault="00A35FED" w:rsidP="00A35FED">
            <w:r>
              <w:t xml:space="preserve">                &lt;!--start of new modal pop-up for SeniorPlaceFinder Get contact info after Logged status changed --&gt;  </w:t>
            </w:r>
          </w:p>
          <w:p w:rsidR="00A35FED" w:rsidRDefault="00A35FED" w:rsidP="00A35FED">
            <w:r>
              <w:t xml:space="preserve">         </w:t>
            </w:r>
          </w:p>
          <w:p w:rsidR="00A35FED" w:rsidRDefault="00A35FED" w:rsidP="00A35FED">
            <w:r>
              <w:t xml:space="preserve">        &lt;footer&gt;</w:t>
            </w:r>
          </w:p>
          <w:p w:rsidR="00A35FED" w:rsidRDefault="00A35FED" w:rsidP="00A35FED">
            <w:r>
              <w:t xml:space="preserve">    &lt;div class="container margin_60_35"&gt;</w:t>
            </w:r>
          </w:p>
          <w:p w:rsidR="00A35FED" w:rsidRDefault="00A35FED" w:rsidP="00A35FED">
            <w:r>
              <w:t xml:space="preserve">        &lt;div class="row"&gt;</w:t>
            </w:r>
          </w:p>
          <w:p w:rsidR="00A35FED" w:rsidRDefault="00A35FED" w:rsidP="00A35FED">
            <w:r>
              <w:t xml:space="preserve">            &lt;div class="col-lg-4 col-md-6 col-sm-6"&gt;</w:t>
            </w:r>
          </w:p>
          <w:p w:rsidR="00A35FED" w:rsidRDefault="00A35FED" w:rsidP="00A35FED">
            <w:r>
              <w:t xml:space="preserve">                &lt;div&gt;</w:t>
            </w:r>
          </w:p>
          <w:p w:rsidR="00A35FED" w:rsidRDefault="00A35FED" w:rsidP="00A35FED">
            <w:r>
              <w:t xml:space="preserve">                    &lt;img src="spf/img/logo.png" width="200"/&gt;</w:t>
            </w:r>
          </w:p>
          <w:p w:rsidR="00A35FED" w:rsidRDefault="00A35FED" w:rsidP="00A35FED">
            <w:r>
              <w:t xml:space="preserve">                    &lt;p class="mt-1 mb-0 text-justify"&gt;</w:t>
            </w:r>
          </w:p>
          <w:p w:rsidR="00A35FED" w:rsidRDefault="00A35FED" w:rsidP="00A35FED">
            <w:r>
              <w:t xml:space="preserve">                        Senior Living Gateway  is part of &lt;b&gt;Your Senior Team&lt;/b&gt;,</w:t>
            </w:r>
          </w:p>
          <w:p w:rsidR="00A35FED" w:rsidRDefault="00A35FED" w:rsidP="00A35FED">
            <w:r>
              <w:t xml:space="preserve">                        and is committed to offering seniors, families </w:t>
            </w:r>
          </w:p>
          <w:p w:rsidR="00A35FED" w:rsidRDefault="00A35FED" w:rsidP="00A35FED">
            <w:r>
              <w:t xml:space="preserve">                        and businesses, the power to learn, qualify, and </w:t>
            </w:r>
          </w:p>
          <w:p w:rsidR="00A35FED" w:rsidRDefault="00A35FED" w:rsidP="00A35FED">
            <w:r>
              <w:t xml:space="preserve">                        connect with professionals for the purpose of </w:t>
            </w:r>
          </w:p>
          <w:p w:rsidR="00A35FED" w:rsidRDefault="00A35FED" w:rsidP="00A35FED">
            <w:r>
              <w:t xml:space="preserve">                        freely securing one's lifestyle, healthcare, and </w:t>
            </w:r>
          </w:p>
          <w:p w:rsidR="00A35FED" w:rsidRDefault="00A35FED" w:rsidP="00A35FED">
            <w:r>
              <w:t xml:space="preserve">                        wealth in retirement and while aging. &lt;/br&gt;</w:t>
            </w:r>
          </w:p>
          <w:p w:rsidR="00A35FED" w:rsidRDefault="00A35FED" w:rsidP="00A35FED">
            <w:r>
              <w:t xml:space="preserve">                    &lt;i&gt;&lt;b&gt;&amp;emsp;&amp;emsp;Empowering seniors to live life better.&lt;/b&gt;&lt;/i&gt;</w:t>
            </w:r>
          </w:p>
          <w:p w:rsidR="00A35FED" w:rsidRDefault="00A35FED" w:rsidP="00A35FED">
            <w:r>
              <w:t xml:space="preserve">                    &lt;/p&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col-lg-4 col-md-6 col-sm-6"&gt;</w:t>
            </w:r>
          </w:p>
          <w:p w:rsidR="00A35FED" w:rsidRDefault="00A35FED" w:rsidP="00A35FED">
            <w:r>
              <w:t xml:space="preserve">                &lt;a aria-controls="divQuickContacts" aria-expanded="false" class="collapse_bt_mobile"</w:t>
            </w:r>
          </w:p>
          <w:p w:rsidR="00A35FED" w:rsidRDefault="00A35FED" w:rsidP="00A35FED">
            <w:r>
              <w:t xml:space="preserve">                   data-target="#divQuickContacts" data-toggle="collapse"&gt;</w:t>
            </w:r>
          </w:p>
          <w:p w:rsidR="00A35FED" w:rsidRDefault="00A35FED" w:rsidP="00A35FED">
            <w:r>
              <w:t xml:space="preserve">                    &lt;h3&gt;Contacts&lt;/h3&gt;</w:t>
            </w:r>
          </w:p>
          <w:p w:rsidR="00A35FED" w:rsidRDefault="00A35FED" w:rsidP="00A35FED">
            <w:r>
              <w:t xml:space="preserve">                    &lt;div class="circle-plus closed"&gt;</w:t>
            </w:r>
          </w:p>
          <w:p w:rsidR="00A35FED" w:rsidRDefault="00A35FED" w:rsidP="00A35FED">
            <w:r>
              <w:lastRenderedPageBreak/>
              <w:t xml:space="preserve">                        &lt;div class="horizontal"&gt;&lt;/div&gt;</w:t>
            </w:r>
          </w:p>
          <w:p w:rsidR="00A35FED" w:rsidRDefault="00A35FED" w:rsidP="00A35FED">
            <w:r>
              <w:t xml:space="preserve">                        &lt;div class="vertical"&gt;&lt;/div&gt;</w:t>
            </w:r>
          </w:p>
          <w:p w:rsidR="00A35FED" w:rsidRDefault="00A35FED" w:rsidP="00A35FED">
            <w:r>
              <w:t xml:space="preserve">                    &lt;/div&gt;</w:t>
            </w:r>
          </w:p>
          <w:p w:rsidR="00A35FED" w:rsidRDefault="00A35FED" w:rsidP="00A35FED">
            <w:r>
              <w:t xml:space="preserve">                &lt;/a&gt;</w:t>
            </w:r>
          </w:p>
          <w:p w:rsidR="00A35FED" w:rsidRDefault="00A35FED" w:rsidP="00A35FED">
            <w:r>
              <w:t xml:space="preserve">                &lt;div class="collapse show" id="divQuickContacts"&gt;</w:t>
            </w:r>
          </w:p>
          <w:p w:rsidR="00A35FED" w:rsidRDefault="00A35FED" w:rsidP="00A35FED">
            <w:r>
              <w:t xml:space="preserve">                    &lt;p class="mb-2 text-justify"&gt;</w:t>
            </w:r>
          </w:p>
          <w:p w:rsidR="00A35FED" w:rsidRDefault="00A35FED" w:rsidP="00A35FED">
            <w:r>
              <w:t xml:space="preserve">                        We are always looking to improve and offer a better service. If you have any ideas or questions</w:t>
            </w:r>
          </w:p>
          <w:p w:rsidR="00A35FED" w:rsidRDefault="00A35FED" w:rsidP="00A35FED">
            <w:r>
              <w:t xml:space="preserve">                        call.</w:t>
            </w:r>
          </w:p>
          <w:p w:rsidR="00A35FED" w:rsidRDefault="00A35FED" w:rsidP="00A35FED">
            <w:r>
              <w:t xml:space="preserve">                    &lt;/p&gt;</w:t>
            </w:r>
          </w:p>
          <w:p w:rsidR="00A35FED" w:rsidRDefault="00A35FED" w:rsidP="00A35FED">
            <w:r>
              <w:t xml:space="preserve">                    &lt;ul class="contacts mt-3"&gt;</w:t>
            </w:r>
          </w:p>
          <w:p w:rsidR="00A35FED" w:rsidRDefault="00A35FED" w:rsidP="00A35FED">
            <w:r>
              <w:t xml:space="preserve">                        &lt;li&gt;</w:t>
            </w:r>
          </w:p>
          <w:p w:rsidR="00A35FED" w:rsidRDefault="00A35FED" w:rsidP="00A35FED">
            <w:r>
              <w:t xml:space="preserve">                            &lt;img alt="phone" src="svg/phone.png" width="20" height="20"&gt;</w:t>
            </w:r>
          </w:p>
          <w:p w:rsidR="00A35FED" w:rsidRDefault="00A35FED" w:rsidP="00A35FED">
            <w:r>
              <w:t xml:space="preserve">                            (+1) 833-487-7786</w:t>
            </w:r>
          </w:p>
          <w:p w:rsidR="00A35FED" w:rsidRDefault="00A35FED" w:rsidP="00A35FED">
            <w:r>
              <w:t xml:space="preserve">                        &lt;/li&gt;</w:t>
            </w:r>
          </w:p>
          <w:p w:rsidR="00A35FED" w:rsidRDefault="00A35FED" w:rsidP="00A35FED">
            <w:r>
              <w:t xml:space="preserve">                        &lt;li&gt;</w:t>
            </w:r>
          </w:p>
          <w:p w:rsidR="00A35FED" w:rsidRDefault="00A35FED" w:rsidP="00A35FED">
            <w:r>
              <w:t xml:space="preserve">                                &lt;img alt="mail" src="svg/mail.png" width="20" height="20"&gt;</w:t>
            </w:r>
          </w:p>
          <w:p w:rsidR="00A35FED" w:rsidRDefault="00A35FED" w:rsidP="00A35FED">
            <w:r>
              <w:t xml:space="preserve">                            &lt;a href="mailto:info@yourseniorteam.com"&gt;info@yourseniorteam.com&lt;/a&gt;</w:t>
            </w:r>
          </w:p>
          <w:p w:rsidR="00A35FED" w:rsidRDefault="00A35FED" w:rsidP="00A35FED">
            <w:r>
              <w:t xml:space="preserve">                        &lt;/li&gt;</w:t>
            </w:r>
          </w:p>
          <w:p w:rsidR="00A35FED" w:rsidRDefault="00A35FED" w:rsidP="00A35FED">
            <w:r>
              <w:t xml:space="preserve">                    &lt;/ul&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col-lg-4 col-md-6 col-sm-6"&gt;</w:t>
            </w:r>
          </w:p>
          <w:p w:rsidR="00A35FED" w:rsidRDefault="00A35FED" w:rsidP="00A35FED">
            <w:r>
              <w:t xml:space="preserve">                &lt;!--&lt;a aria-controls="divQuickSubscribe" aria-expanded="false" class="collapse_bt_mobile"</w:t>
            </w:r>
          </w:p>
          <w:p w:rsidR="00A35FED" w:rsidRDefault="00A35FED" w:rsidP="00A35FED">
            <w:r>
              <w:t xml:space="preserve">                   data-target="#divQuickSubscribe" data-toggle="collapse"&gt;</w:t>
            </w:r>
          </w:p>
          <w:p w:rsidR="00A35FED" w:rsidRDefault="00A35FED" w:rsidP="00A35FED">
            <w:r>
              <w:t xml:space="preserve">                    &lt;div class="circle-plus closed"&gt;</w:t>
            </w:r>
          </w:p>
          <w:p w:rsidR="00A35FED" w:rsidRDefault="00A35FED" w:rsidP="00A35FED">
            <w:r>
              <w:t xml:space="preserve">                        &lt;div class="horizontal"&gt;&lt;/div&gt;</w:t>
            </w:r>
          </w:p>
          <w:p w:rsidR="00A35FED" w:rsidRDefault="00A35FED" w:rsidP="00A35FED">
            <w:r>
              <w:t xml:space="preserve">                        &lt;div class="vertical"&gt;&lt;/div&gt;</w:t>
            </w:r>
          </w:p>
          <w:p w:rsidR="00A35FED" w:rsidRDefault="00A35FED" w:rsidP="00A35FED">
            <w:r>
              <w:t xml:space="preserve">                    &lt;/div&gt;</w:t>
            </w:r>
          </w:p>
          <w:p w:rsidR="00A35FED" w:rsidRDefault="00A35FED" w:rsidP="00A35FED">
            <w:r>
              <w:t xml:space="preserve">                    &lt;h3&gt;Keep in touch&lt;/h3&gt;</w:t>
            </w:r>
          </w:p>
          <w:p w:rsidR="00A35FED" w:rsidRDefault="00A35FED" w:rsidP="00A35FED">
            <w:r>
              <w:t xml:space="preserve">                &lt;/a&gt;--&gt;</w:t>
            </w:r>
          </w:p>
          <w:p w:rsidR="00A35FED" w:rsidRDefault="00A35FED" w:rsidP="00A35FED">
            <w:r>
              <w:t xml:space="preserve">                &lt;div class="collapse show" id="divQuickSubscribe"&gt;</w:t>
            </w:r>
          </w:p>
          <w:p w:rsidR="00A35FED" w:rsidRDefault="00A35FED" w:rsidP="00A35FED">
            <w:r>
              <w:t xml:space="preserve">                    &lt;div id="newsletter"&gt;</w:t>
            </w:r>
          </w:p>
          <w:p w:rsidR="00A35FED" w:rsidRDefault="00A35FED" w:rsidP="00A35FED">
            <w:r>
              <w:t xml:space="preserve">                        &lt;div id="message-newsletter"&gt;&lt;/div&gt;</w:t>
            </w:r>
          </w:p>
          <w:p w:rsidR="00A35FED" w:rsidRDefault="00A35FED" w:rsidP="00A35FED">
            <w:r>
              <w:t xml:space="preserve">                        &lt;!--&lt;form action="javascript:;" id="newsletter_form" method="post" name="newsletter_form"&gt;</w:t>
            </w:r>
          </w:p>
          <w:p w:rsidR="00A35FED" w:rsidRDefault="00A35FED" w:rsidP="00A35FED">
            <w:r>
              <w:t xml:space="preserve">                            &lt;div class="form-group"&gt;</w:t>
            </w:r>
          </w:p>
          <w:p w:rsidR="00A35FED" w:rsidRDefault="00A35FED" w:rsidP="00A35FED">
            <w:r>
              <w:t xml:space="preserve">                                &lt;input class="form-control" id="email_newsletter" name="email_newsletter"</w:t>
            </w:r>
          </w:p>
          <w:p w:rsidR="00A35FED" w:rsidRDefault="00A35FED" w:rsidP="00A35FED">
            <w:r>
              <w:t xml:space="preserve">                                       placeholder="Your email" type="email"/&gt;</w:t>
            </w:r>
          </w:p>
          <w:p w:rsidR="00A35FED" w:rsidRDefault="00A35FED" w:rsidP="00A35FED">
            <w:r>
              <w:t xml:space="preserve">                                &lt;input id="submit-newsletter" type="submit" value="Submit"&gt;</w:t>
            </w:r>
          </w:p>
          <w:p w:rsidR="00A35FED" w:rsidRDefault="00A35FED" w:rsidP="00A35FED">
            <w:r>
              <w:t xml:space="preserve">                            &lt;/div&gt;</w:t>
            </w:r>
          </w:p>
          <w:p w:rsidR="00A35FED" w:rsidRDefault="00A35FED" w:rsidP="00A35FED">
            <w:r>
              <w:t xml:space="preserve">                        &lt;/form&gt;--&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follow_us"&gt;</w:t>
            </w:r>
          </w:p>
          <w:p w:rsidR="00A35FED" w:rsidRDefault="00A35FED" w:rsidP="00A35FED">
            <w:r>
              <w:t xml:space="preserve">                    &lt;h5 class="mt-2"&gt;Follow Us&lt;/h5&gt;</w:t>
            </w:r>
          </w:p>
          <w:p w:rsidR="00A35FED" w:rsidRDefault="00A35FED" w:rsidP="00A35FED">
            <w:r>
              <w:t xml:space="preserve">                    &lt;ul&gt;</w:t>
            </w:r>
          </w:p>
          <w:p w:rsidR="00A35FED" w:rsidRDefault="00A35FED" w:rsidP="00A35FED">
            <w:r>
              <w:t xml:space="preserve">                        &lt;li class="facebook"&gt;</w:t>
            </w:r>
          </w:p>
          <w:p w:rsidR="00A35FED" w:rsidRDefault="00A35FED" w:rsidP="00A35FED">
            <w:r>
              <w:lastRenderedPageBreak/>
              <w:t xml:space="preserve">                            &lt;a href="https://www.facebook.com/Senior-Place-Finder-1602955246662850/" target="_blank"&gt;</w:t>
            </w:r>
          </w:p>
          <w:p w:rsidR="00A35FED" w:rsidRDefault="00A35FED" w:rsidP="00A35FED">
            <w:r>
              <w:t xml:space="preserve">                                &lt;img alt="facebook" src="svg/facebook.png" width="20" height="20"&gt;</w:t>
            </w:r>
          </w:p>
          <w:p w:rsidR="00A35FED" w:rsidRDefault="00A35FED" w:rsidP="00A35FED">
            <w:r>
              <w:t xml:space="preserve">                            &lt;/a&gt;</w:t>
            </w:r>
          </w:p>
          <w:p w:rsidR="00A35FED" w:rsidRDefault="00A35FED" w:rsidP="00A35FED">
            <w:r>
              <w:t xml:space="preserve">                        &lt;/li&gt;</w:t>
            </w:r>
          </w:p>
          <w:p w:rsidR="00A35FED" w:rsidRDefault="00A35FED" w:rsidP="00A35FED">
            <w:r>
              <w:t xml:space="preserve">                        &lt;li class="twitter"&gt;</w:t>
            </w:r>
          </w:p>
          <w:p w:rsidR="00A35FED" w:rsidRDefault="00A35FED" w:rsidP="00A35FED">
            <w:r>
              <w:t xml:space="preserve">                            &lt;a href="https://twitter.com/TheSeniorTeam2" target="_blank"&gt;</w:t>
            </w:r>
          </w:p>
          <w:p w:rsidR="00A35FED" w:rsidRDefault="00A35FED" w:rsidP="00A35FED">
            <w:r>
              <w:t xml:space="preserve">                                &lt;img alt="twitter" src="svg/twitter.png" width="20" height="20"&gt;</w:t>
            </w:r>
          </w:p>
          <w:p w:rsidR="00A35FED" w:rsidRDefault="00A35FED" w:rsidP="00A35FED">
            <w:r>
              <w:t xml:space="preserve">                            &lt;/a&gt;</w:t>
            </w:r>
          </w:p>
          <w:p w:rsidR="00A35FED" w:rsidRDefault="00A35FED" w:rsidP="00A35FED">
            <w:r>
              <w:t xml:space="preserve">                        &lt;/li&gt;</w:t>
            </w:r>
          </w:p>
          <w:p w:rsidR="00A35FED" w:rsidRDefault="00A35FED" w:rsidP="00A35FED">
            <w:r>
              <w:t xml:space="preserve">                        &lt;li class="youtube"&gt;</w:t>
            </w:r>
          </w:p>
          <w:p w:rsidR="00A35FED" w:rsidRDefault="00A35FED" w:rsidP="00A35FED">
            <w:r>
              <w:t xml:space="preserve">                            &lt;a href="https://www.youtube.com/watch?v=nyNd17hZlqA" target="_blank"&gt;</w:t>
            </w:r>
          </w:p>
          <w:p w:rsidR="00A35FED" w:rsidRDefault="00A35FED" w:rsidP="00A35FED">
            <w:r>
              <w:t xml:space="preserve">                                &lt;img alt="youtube" src="svg/youtube.png" width="20" height="20"&gt;</w:t>
            </w:r>
          </w:p>
          <w:p w:rsidR="00A35FED" w:rsidRDefault="00A35FED" w:rsidP="00A35FED">
            <w:r>
              <w:t xml:space="preserve">                            &lt;/a&gt;</w:t>
            </w:r>
          </w:p>
          <w:p w:rsidR="00A35FED" w:rsidRDefault="00A35FED" w:rsidP="00A35FED">
            <w:r>
              <w:t xml:space="preserve">                        &lt;/li&gt;</w:t>
            </w:r>
          </w:p>
          <w:p w:rsidR="00A35FED" w:rsidRDefault="00A35FED" w:rsidP="00A35FED">
            <w:r>
              <w:t xml:space="preserve">                        &lt;li class="pinterest"&gt;</w:t>
            </w:r>
          </w:p>
          <w:p w:rsidR="00A35FED" w:rsidRDefault="00A35FED" w:rsidP="00A35FED">
            <w:r>
              <w:t xml:space="preserve">                            &lt;a href="https://www.pinterest.co.uk/pin/707557791432144028/" target="_blank"&gt;</w:t>
            </w:r>
          </w:p>
          <w:p w:rsidR="00A35FED" w:rsidRDefault="00A35FED" w:rsidP="00A35FED">
            <w:r>
              <w:t xml:space="preserve">                                &lt;img alt="pinterest" src="svg/pinterest.png" width="20" height="20"&gt;</w:t>
            </w:r>
          </w:p>
          <w:p w:rsidR="00A35FED" w:rsidRDefault="00A35FED" w:rsidP="00A35FED">
            <w:r>
              <w:t xml:space="preserve">                            &lt;/a&gt;</w:t>
            </w:r>
          </w:p>
          <w:p w:rsidR="00A35FED" w:rsidRDefault="00A35FED" w:rsidP="00A35FED">
            <w:r>
              <w:t xml:space="preserve">                        &lt;/li&gt;</w:t>
            </w:r>
          </w:p>
          <w:p w:rsidR="00A35FED" w:rsidRDefault="00A35FED" w:rsidP="00A35FED">
            <w:r>
              <w:t xml:space="preserve">                        &lt;li class="instagram"&gt;</w:t>
            </w:r>
          </w:p>
          <w:p w:rsidR="00A35FED" w:rsidRDefault="00A35FED" w:rsidP="00A35FED">
            <w:r>
              <w:t xml:space="preserve">                             &lt;a href="https://www.instagram.com/yourseniorteam1/" target="_blank"&gt;</w:t>
            </w:r>
          </w:p>
          <w:p w:rsidR="00A35FED" w:rsidRDefault="00A35FED" w:rsidP="00A35FED">
            <w:r>
              <w:t xml:space="preserve">                              &lt;img alt="instagram" src="svg/instagram.png" width="20" height="20"&gt;</w:t>
            </w:r>
          </w:p>
          <w:p w:rsidR="00A35FED" w:rsidRDefault="00A35FED" w:rsidP="00A35FED">
            <w:r>
              <w:t xml:space="preserve">                            &lt;/a&gt;</w:t>
            </w:r>
          </w:p>
          <w:p w:rsidR="00A35FED" w:rsidRDefault="00A35FED" w:rsidP="00A35FED">
            <w:r>
              <w:t xml:space="preserve">                        &lt;/li&gt;</w:t>
            </w:r>
          </w:p>
          <w:p w:rsidR="00A35FED" w:rsidRDefault="00A35FED" w:rsidP="00A35FED">
            <w:r>
              <w:t xml:space="preserve">                        &lt;li class="linkedin"&gt;</w:t>
            </w:r>
          </w:p>
          <w:p w:rsidR="00A35FED" w:rsidRDefault="00A35FED" w:rsidP="00A35FED">
            <w:r>
              <w:t xml:space="preserve">                        &lt;a href="https://www.linkedin.com/in/steve-fecske-7721291a" target="_blank"&gt;</w:t>
            </w:r>
          </w:p>
          <w:p w:rsidR="00A35FED" w:rsidRDefault="00A35FED" w:rsidP="00A35FED">
            <w:r>
              <w:t xml:space="preserve">                            &lt;img alt="linkedin" src="svg/linkedin.png" width="20" height="20"&gt;</w:t>
            </w:r>
          </w:p>
          <w:p w:rsidR="00A35FED" w:rsidRDefault="00A35FED" w:rsidP="00A35FED">
            <w:r>
              <w:t xml:space="preserve">                        &lt;/a&gt;</w:t>
            </w:r>
          </w:p>
          <w:p w:rsidR="00A35FED" w:rsidRDefault="00A35FED" w:rsidP="00A35FED">
            <w:r>
              <w:t xml:space="preserve">                        &lt;/li&gt;</w:t>
            </w:r>
          </w:p>
          <w:p w:rsidR="00A35FED" w:rsidRDefault="00A35FED" w:rsidP="00A35FED">
            <w:r>
              <w:t xml:space="preserve">                    &lt;/ul&gt;</w:t>
            </w:r>
          </w:p>
          <w:p w:rsidR="00A35FED" w:rsidRDefault="00A35FED" w:rsidP="00A35FED">
            <w:r>
              <w:t xml:space="preserve">                &lt;a href="https://yourseniorteam.com/" target="_blank"&gt;</w:t>
            </w:r>
          </w:p>
          <w:p w:rsidR="00A35FED" w:rsidRDefault="00A35FED" w:rsidP="00A35FED">
            <w:r>
              <w:t xml:space="preserve">                    &lt;br&gt;</w:t>
            </w:r>
          </w:p>
          <w:p w:rsidR="00A35FED" w:rsidRDefault="00A35FED" w:rsidP="00A35FED">
            <w:r>
              <w:t xml:space="preserve">                    &lt;img src="img/icon/YSTlogoFix2.png" width="150" /&gt;</w:t>
            </w:r>
          </w:p>
          <w:p w:rsidR="00A35FED" w:rsidRDefault="00A35FED" w:rsidP="00A35FED">
            <w:r>
              <w:t xml:space="preserve">                    &lt;/a&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br&gt;</w:t>
            </w:r>
          </w:p>
          <w:p w:rsidR="00A35FED" w:rsidRDefault="00A35FED" w:rsidP="00A35FED">
            <w:r>
              <w:t xml:space="preserve">        &lt;br&gt;</w:t>
            </w:r>
          </w:p>
          <w:p w:rsidR="00A35FED" w:rsidRDefault="00A35FED" w:rsidP="00A35FED">
            <w:r>
              <w:t xml:space="preserve">        &lt;span&gt;</w:t>
            </w:r>
          </w:p>
          <w:p w:rsidR="00A35FED" w:rsidRDefault="00A35FED" w:rsidP="00A35FED">
            <w:r>
              <w:t xml:space="preserve">            Copyright &amp;copy; 2022</w:t>
            </w:r>
          </w:p>
          <w:p w:rsidR="00A35FED" w:rsidRDefault="00A35FED" w:rsidP="00A35FED">
            <w:r>
              <w:t xml:space="preserve">           &lt;a &gt;</w:t>
            </w:r>
          </w:p>
          <w:p w:rsidR="00A35FED" w:rsidRDefault="00A35FED" w:rsidP="00A35FED">
            <w:r>
              <w:t xml:space="preserve">                The Senior Team Inc.</w:t>
            </w:r>
          </w:p>
          <w:p w:rsidR="00A35FED" w:rsidRDefault="00A35FED" w:rsidP="00A35FED">
            <w:r>
              <w:t xml:space="preserve">                </w:t>
            </w:r>
          </w:p>
          <w:p w:rsidR="00A35FED" w:rsidRDefault="00A35FED" w:rsidP="00A35FED">
            <w:r>
              <w:t xml:space="preserve">            &lt;/a&gt;, All rights reserved.</w:t>
            </w:r>
          </w:p>
          <w:p w:rsidR="00A35FED" w:rsidRDefault="00A35FED" w:rsidP="00A35FED">
            <w:r>
              <w:t xml:space="preserve">        &lt;/span&gt;</w:t>
            </w:r>
          </w:p>
          <w:p w:rsidR="00A35FED" w:rsidRDefault="00A35FED" w:rsidP="00A35FED">
            <w:r>
              <w:t xml:space="preserve">        &lt;hr&gt;</w:t>
            </w:r>
          </w:p>
          <w:p w:rsidR="00A35FED" w:rsidRDefault="00A35FED" w:rsidP="00A35FED">
            <w:r>
              <w:lastRenderedPageBreak/>
              <w:t xml:space="preserve">        &lt;div class="row"&gt;</w:t>
            </w:r>
          </w:p>
          <w:p w:rsidR="00A35FED" w:rsidRDefault="00A35FED" w:rsidP="00A35FED">
            <w:r>
              <w:t xml:space="preserve">            </w:t>
            </w:r>
          </w:p>
          <w:p w:rsidR="00A35FED" w:rsidRDefault="00A35FED" w:rsidP="00A35FED">
            <w:r>
              <w:t xml:space="preserve">            &lt;div class="col-lg-12"&gt;</w:t>
            </w:r>
          </w:p>
          <w:p w:rsidR="00A35FED" w:rsidRDefault="00A35FED" w:rsidP="00A35FED">
            <w:r>
              <w:t xml:space="preserve">                &lt;ul class="text-center copyright"&gt;</w:t>
            </w:r>
          </w:p>
          <w:p w:rsidR="00A35FED" w:rsidRDefault="00A35FED" w:rsidP="00A35FED">
            <w:r>
              <w:t xml:space="preserve">                    &lt;li class="float-left"&gt;</w:t>
            </w:r>
          </w:p>
          <w:p w:rsidR="00A35FED" w:rsidRDefault="00A35FED" w:rsidP="00A35FED">
            <w:r>
              <w:t xml:space="preserve">                        &lt;span&gt;</w:t>
            </w:r>
          </w:p>
          <w:p w:rsidR="00A35FED" w:rsidRDefault="00A35FED" w:rsidP="00A35FED">
            <w:r>
              <w:t xml:space="preserve">                            Developed by The Senior Team Inc.</w:t>
            </w:r>
          </w:p>
          <w:p w:rsidR="00A35FED" w:rsidRDefault="00A35FED" w:rsidP="00A35FED">
            <w:r>
              <w:t xml:space="preserve">                        &lt;/span&gt;</w:t>
            </w:r>
          </w:p>
          <w:p w:rsidR="00A35FED" w:rsidRDefault="00A35FED" w:rsidP="00A35FED">
            <w:r>
              <w:t xml:space="preserve">                    &lt;/li&gt;</w:t>
            </w:r>
          </w:p>
          <w:p w:rsidR="00A35FED" w:rsidRDefault="00A35FED" w:rsidP="00A35FED">
            <w:r>
              <w:t xml:space="preserve">                    &lt;ul class="float-right" id="additional_links"&gt;</w:t>
            </w:r>
          </w:p>
          <w:p w:rsidR="00A35FED" w:rsidRDefault="00A35FED" w:rsidP="00A35FED">
            <w:r>
              <w:t xml:space="preserve">                        &lt;li&gt;</w:t>
            </w:r>
          </w:p>
          <w:p w:rsidR="00A35FED" w:rsidRDefault="00A35FED" w:rsidP="00A35FED">
            <w:r>
              <w:t xml:space="preserve">                            &lt;a id="myBtn"&gt;Terms &amp; Conditions&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id="myBtn1"&gt;Privacy Policy&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id="myBtn2"&gt;Cookie Policy&lt;/a&gt;</w:t>
            </w:r>
          </w:p>
          <w:p w:rsidR="00A35FED" w:rsidRDefault="00A35FED" w:rsidP="00A35FED">
            <w:r>
              <w:t xml:space="preserve">                        &lt;/li&gt;</w:t>
            </w:r>
          </w:p>
          <w:p w:rsidR="00A35FED" w:rsidRDefault="00A35FED" w:rsidP="00A35FED">
            <w:r>
              <w:t xml:space="preserve">                    &lt;/ul&gt;</w:t>
            </w:r>
          </w:p>
          <w:p w:rsidR="00A35FED" w:rsidRDefault="00A35FED" w:rsidP="00A35FED">
            <w:r>
              <w:t xml:space="preserve">                &lt;/ul&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footer&gt;</w:t>
            </w:r>
          </w:p>
          <w:p w:rsidR="00A35FED" w:rsidRDefault="00A35FED" w:rsidP="00A35FED">
            <w:r>
              <w:t xml:space="preserve">    &lt;/div&gt;</w:t>
            </w:r>
          </w:p>
          <w:p w:rsidR="00A35FED" w:rsidRDefault="00A35FED" w:rsidP="00A35FED">
            <w:r>
              <w:t>&lt;/div&gt;</w:t>
            </w:r>
          </w:p>
          <w:p w:rsidR="00A35FED" w:rsidRDefault="00A35FED" w:rsidP="00A35FED">
            <w:r>
              <w:t xml:space="preserve">    &lt;/div&gt;</w:t>
            </w:r>
          </w:p>
          <w:p w:rsidR="00A35FED" w:rsidRDefault="00A35FED" w:rsidP="00A35FED">
            <w:r>
              <w:t>&lt;/div&gt;</w:t>
            </w:r>
          </w:p>
          <w:p w:rsidR="00A35FED" w:rsidRDefault="00A35FED" w:rsidP="00A35FED"/>
          <w:p w:rsidR="00A35FED" w:rsidRDefault="00A35FED" w:rsidP="00A35FED">
            <w:r>
              <w:t>&lt;script type="text/javascript"&gt;</w:t>
            </w:r>
          </w:p>
          <w:p w:rsidR="00A35FED" w:rsidRDefault="00A35FED" w:rsidP="00A35FED">
            <w:r>
              <w:t xml:space="preserve">    var isMobile = /iPhone|Android/i.test(navigator.userAgent);</w:t>
            </w:r>
          </w:p>
          <w:p w:rsidR="00A35FED" w:rsidRDefault="00A35FED" w:rsidP="00A35FED">
            <w:r>
              <w:t xml:space="preserve">    $(document).ready(function () {</w:t>
            </w:r>
          </w:p>
          <w:p w:rsidR="00A35FED" w:rsidRDefault="00A35FED" w:rsidP="00A35FED">
            <w:r>
              <w:t xml:space="preserve">        // jQuery reverse</w:t>
            </w:r>
          </w:p>
          <w:p w:rsidR="00A35FED" w:rsidRDefault="00A35FED" w:rsidP="00A35FED">
            <w:r>
              <w:t xml:space="preserve">        $.fn.reverse = [].reverse;</w:t>
            </w:r>
          </w:p>
          <w:p w:rsidR="00A35FED" w:rsidRDefault="00A35FED" w:rsidP="00A35FED">
            <w:r>
              <w:t xml:space="preserve">        $(".floating-widget ul li").hover(function () {</w:t>
            </w:r>
          </w:p>
          <w:p w:rsidR="00A35FED" w:rsidRDefault="00A35FED" w:rsidP="00A35FED">
            <w:r>
              <w:t xml:space="preserve">            $(this).toggleClass("active");</w:t>
            </w:r>
          </w:p>
          <w:p w:rsidR="00A35FED" w:rsidRDefault="00A35FED" w:rsidP="00A35FED">
            <w:r>
              <w:t xml:space="preserve">        });</w:t>
            </w:r>
          </w:p>
          <w:p w:rsidR="00A35FED" w:rsidRDefault="00A35FED" w:rsidP="00A35FED">
            <w:r>
              <w:t xml:space="preserve">        if (isMobile) {</w:t>
            </w:r>
          </w:p>
          <w:p w:rsidR="00A35FED" w:rsidRDefault="00A35FED" w:rsidP="00A35FED">
            <w:r>
              <w:t xml:space="preserve">            // Toggle-on-click behaviour.</w:t>
            </w:r>
          </w:p>
          <w:p w:rsidR="00A35FED" w:rsidRDefault="00A35FED" w:rsidP="00A35FED">
            <w:r>
              <w:t xml:space="preserve">            $(document).on('click.floatingWidget', '.floating-widget &gt; a', function (e) {</w:t>
            </w:r>
          </w:p>
          <w:p w:rsidR="00A35FED" w:rsidRDefault="00A35FED" w:rsidP="00A35FED">
            <w:r>
              <w:t xml:space="preserve">                var $this = $(this);</w:t>
            </w:r>
          </w:p>
          <w:p w:rsidR="00A35FED" w:rsidRDefault="00A35FED" w:rsidP="00A35FED">
            <w:r>
              <w:t xml:space="preserve">                var $menu = $this.parent();</w:t>
            </w:r>
          </w:p>
          <w:p w:rsidR="00A35FED" w:rsidRDefault="00A35FED" w:rsidP="00A35FED">
            <w:r>
              <w:t xml:space="preserve">                if ($menu.hasClass('open')) {</w:t>
            </w:r>
          </w:p>
          <w:p w:rsidR="00A35FED" w:rsidRDefault="00A35FED" w:rsidP="00A35FED">
            <w:r>
              <w:t xml:space="preserve">                    closeFABMenu($menu);</w:t>
            </w:r>
          </w:p>
          <w:p w:rsidR="00A35FED" w:rsidRDefault="00A35FED" w:rsidP="00A35FED">
            <w:r>
              <w:t xml:space="preserve">                } else {</w:t>
            </w:r>
          </w:p>
          <w:p w:rsidR="00A35FED" w:rsidRDefault="00A35FED" w:rsidP="00A35FED">
            <w:r>
              <w:t xml:space="preserve">                    openFABMenu($menu);</w:t>
            </w:r>
          </w:p>
          <w:p w:rsidR="00A35FED" w:rsidRDefault="00A35FED" w:rsidP="00A35FED">
            <w:r>
              <w:t xml:space="preserve">                }</w:t>
            </w:r>
          </w:p>
          <w:p w:rsidR="00A35FED" w:rsidRDefault="00A35FED" w:rsidP="00A35FED">
            <w:r>
              <w:lastRenderedPageBreak/>
              <w:t xml:space="preserve">            });</w:t>
            </w:r>
          </w:p>
          <w:p w:rsidR="00A35FED" w:rsidRDefault="00A35FED" w:rsidP="00A35FED">
            <w:r>
              <w:t xml:space="preserve">        } else {</w:t>
            </w:r>
          </w:p>
          <w:p w:rsidR="00A35FED" w:rsidRDefault="00A35FED" w:rsidP="00A35FED">
            <w:r>
              <w:t xml:space="preserve">            var $menu = $(".floating-widget");</w:t>
            </w:r>
          </w:p>
          <w:p w:rsidR="00A35FED" w:rsidRDefault="00A35FED" w:rsidP="00A35FED">
            <w:r>
              <w:t xml:space="preserve">            openFABMenu($menu);</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fn.extend({</w:t>
            </w:r>
          </w:p>
          <w:p w:rsidR="00A35FED" w:rsidRDefault="00A35FED" w:rsidP="00A35FED">
            <w:r>
              <w:t xml:space="preserve">        openFAB: function () {</w:t>
            </w:r>
          </w:p>
          <w:p w:rsidR="00A35FED" w:rsidRDefault="00A35FED" w:rsidP="00A35FED">
            <w:r>
              <w:t xml:space="preserve">            openFABMenu($(this));</w:t>
            </w:r>
          </w:p>
          <w:p w:rsidR="00A35FED" w:rsidRDefault="00A35FED" w:rsidP="00A35FED">
            <w:r>
              <w:t xml:space="preserve">        },</w:t>
            </w:r>
          </w:p>
          <w:p w:rsidR="00A35FED" w:rsidRDefault="00A35FED" w:rsidP="00A35FED">
            <w:r>
              <w:t xml:space="preserve">        closeFAB: function () {</w:t>
            </w:r>
          </w:p>
          <w:p w:rsidR="00A35FED" w:rsidRDefault="00A35FED" w:rsidP="00A35FED">
            <w:r>
              <w:t xml:space="preserve">            closeFABMenu($(this));</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var openFABMenu = function (btn) {</w:t>
            </w:r>
          </w:p>
          <w:p w:rsidR="00A35FED" w:rsidRDefault="00A35FED" w:rsidP="00A35FED">
            <w:r>
              <w:t xml:space="preserve">        $this = btn;</w:t>
            </w:r>
          </w:p>
          <w:p w:rsidR="00A35FED" w:rsidRDefault="00A35FED" w:rsidP="00A35FED">
            <w:r>
              <w:t xml:space="preserve">        if ($this.hasClass('open') === false) {</w:t>
            </w:r>
          </w:p>
          <w:p w:rsidR="00A35FED" w:rsidRDefault="00A35FED" w:rsidP="00A35FED"/>
          <w:p w:rsidR="00A35FED" w:rsidRDefault="00A35FED" w:rsidP="00A35FED">
            <w:r>
              <w:t xml:space="preserve">            // Get direction option</w:t>
            </w:r>
          </w:p>
          <w:p w:rsidR="00A35FED" w:rsidRDefault="00A35FED" w:rsidP="00A35FED">
            <w:r>
              <w:t xml:space="preserve">            var horizontal = $this.hasClass('horizontal');</w:t>
            </w:r>
          </w:p>
          <w:p w:rsidR="00A35FED" w:rsidRDefault="00A35FED" w:rsidP="00A35FED">
            <w:r>
              <w:t xml:space="preserve">            var offsetY, offsetX;</w:t>
            </w:r>
          </w:p>
          <w:p w:rsidR="00A35FED" w:rsidRDefault="00A35FED" w:rsidP="00A35FED"/>
          <w:p w:rsidR="00A35FED" w:rsidRDefault="00A35FED" w:rsidP="00A35FED">
            <w:r>
              <w:t xml:space="preserve">            if (horizontal === true) {</w:t>
            </w:r>
          </w:p>
          <w:p w:rsidR="00A35FED" w:rsidRDefault="00A35FED" w:rsidP="00A35FED">
            <w:r>
              <w:t xml:space="preserve">                offsetX = 40;</w:t>
            </w:r>
          </w:p>
          <w:p w:rsidR="00A35FED" w:rsidRDefault="00A35FED" w:rsidP="00A35FED">
            <w:r>
              <w:t xml:space="preserve">            } else {</w:t>
            </w:r>
          </w:p>
          <w:p w:rsidR="00A35FED" w:rsidRDefault="00A35FED" w:rsidP="00A35FED">
            <w:r>
              <w:t xml:space="preserve">                offsetY = 40;</w:t>
            </w:r>
          </w:p>
          <w:p w:rsidR="00A35FED" w:rsidRDefault="00A35FED" w:rsidP="00A35FED">
            <w:r>
              <w:t xml:space="preserve">            }</w:t>
            </w:r>
          </w:p>
          <w:p w:rsidR="00A35FED" w:rsidRDefault="00A35FED" w:rsidP="00A35FED"/>
          <w:p w:rsidR="00A35FED" w:rsidRDefault="00A35FED" w:rsidP="00A35FED">
            <w:r>
              <w:t xml:space="preserve">            $this.addClass('open');</w:t>
            </w:r>
          </w:p>
          <w:p w:rsidR="00A35FED" w:rsidRDefault="00A35FED" w:rsidP="00A35FED">
            <w:r>
              <w:t xml:space="preserve">            $this.find('ul .float-item').velocity(</w:t>
            </w:r>
          </w:p>
          <w:p w:rsidR="00A35FED" w:rsidRDefault="00A35FED" w:rsidP="00A35FED">
            <w:r>
              <w:t xml:space="preserve">                {scaleY: ".4", scaleX: ".4", translateY: offsetY + 'px', translateX: offsetX + 'px'},</w:t>
            </w:r>
          </w:p>
          <w:p w:rsidR="00A35FED" w:rsidRDefault="00A35FED" w:rsidP="00A35FED">
            <w:r>
              <w:t xml:space="preserve">                {duration: 0});</w:t>
            </w:r>
          </w:p>
          <w:p w:rsidR="00A35FED" w:rsidRDefault="00A35FED" w:rsidP="00A35FED"/>
          <w:p w:rsidR="00A35FED" w:rsidRDefault="00A35FED" w:rsidP="00A35FED">
            <w:r>
              <w:t xml:space="preserve">            var time = 0;</w:t>
            </w:r>
          </w:p>
          <w:p w:rsidR="00A35FED" w:rsidRDefault="00A35FED" w:rsidP="00A35FED">
            <w:r>
              <w:t xml:space="preserve">            $this.find('ul .float-item').reverse().each(function () {</w:t>
            </w:r>
          </w:p>
          <w:p w:rsidR="00A35FED" w:rsidRDefault="00A35FED" w:rsidP="00A35FED">
            <w:r>
              <w:t xml:space="preserve">                $(this).velocity(</w:t>
            </w:r>
          </w:p>
          <w:p w:rsidR="00A35FED" w:rsidRDefault="00A35FED" w:rsidP="00A35FED">
            <w:r>
              <w:t xml:space="preserve">                    {opacity: "1", scaleX: "1", scaleY: "1", translateY: "0", translateX: '0'},</w:t>
            </w:r>
          </w:p>
          <w:p w:rsidR="00A35FED" w:rsidRDefault="00A35FED" w:rsidP="00A35FED">
            <w:r>
              <w:t xml:space="preserve">                    {duration: 80, delay: time});</w:t>
            </w:r>
          </w:p>
          <w:p w:rsidR="00A35FED" w:rsidRDefault="00A35FED" w:rsidP="00A35FED">
            <w:r>
              <w:t xml:space="preserve">                time += 40;</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var closeFABMenu = function (btn) {</w:t>
            </w:r>
          </w:p>
          <w:p w:rsidR="00A35FED" w:rsidRDefault="00A35FED" w:rsidP="00A35FED">
            <w:r>
              <w:t xml:space="preserve">        $this = btn;</w:t>
            </w:r>
          </w:p>
          <w:p w:rsidR="00A35FED" w:rsidRDefault="00A35FED" w:rsidP="00A35FED">
            <w:r>
              <w:t xml:space="preserve">        // Get direction option</w:t>
            </w:r>
          </w:p>
          <w:p w:rsidR="00A35FED" w:rsidRDefault="00A35FED" w:rsidP="00A35FED">
            <w:r>
              <w:lastRenderedPageBreak/>
              <w:t xml:space="preserve">        var horizontal = $this.hasClass('horizontal');</w:t>
            </w:r>
          </w:p>
          <w:p w:rsidR="00A35FED" w:rsidRDefault="00A35FED" w:rsidP="00A35FED">
            <w:r>
              <w:t xml:space="preserve">        var offsetY, offsetX;</w:t>
            </w:r>
          </w:p>
          <w:p w:rsidR="00A35FED" w:rsidRDefault="00A35FED" w:rsidP="00A35FED"/>
          <w:p w:rsidR="00A35FED" w:rsidRDefault="00A35FED" w:rsidP="00A35FED">
            <w:r>
              <w:t xml:space="preserve">        if (horizontal === true) {</w:t>
            </w:r>
          </w:p>
          <w:p w:rsidR="00A35FED" w:rsidRDefault="00A35FED" w:rsidP="00A35FED">
            <w:r>
              <w:t xml:space="preserve">            offsetX = 40;</w:t>
            </w:r>
          </w:p>
          <w:p w:rsidR="00A35FED" w:rsidRDefault="00A35FED" w:rsidP="00A35FED">
            <w:r>
              <w:t xml:space="preserve">        } else {</w:t>
            </w:r>
          </w:p>
          <w:p w:rsidR="00A35FED" w:rsidRDefault="00A35FED" w:rsidP="00A35FED">
            <w:r>
              <w:t xml:space="preserve">            offsetY = 40;</w:t>
            </w:r>
          </w:p>
          <w:p w:rsidR="00A35FED" w:rsidRDefault="00A35FED" w:rsidP="00A35FED">
            <w:r>
              <w:t xml:space="preserve">        }</w:t>
            </w:r>
          </w:p>
          <w:p w:rsidR="00A35FED" w:rsidRDefault="00A35FED" w:rsidP="00A35FED"/>
          <w:p w:rsidR="00A35FED" w:rsidRDefault="00A35FED" w:rsidP="00A35FED">
            <w:r>
              <w:t xml:space="preserve">        $this.removeClass('open');</w:t>
            </w:r>
          </w:p>
          <w:p w:rsidR="00A35FED" w:rsidRDefault="00A35FED" w:rsidP="00A35FED">
            <w:r>
              <w:t xml:space="preserve">        var time = 0;</w:t>
            </w:r>
          </w:p>
          <w:p w:rsidR="00A35FED" w:rsidRDefault="00A35FED" w:rsidP="00A35FED">
            <w:r>
              <w:t xml:space="preserve">        $this.find('ul .float-item').velocity("stop", true);</w:t>
            </w:r>
          </w:p>
          <w:p w:rsidR="00A35FED" w:rsidRDefault="00A35FED" w:rsidP="00A35FED">
            <w:r>
              <w:t xml:space="preserve">        $this.find('ul .float-item').velocity(</w:t>
            </w:r>
          </w:p>
          <w:p w:rsidR="00A35FED" w:rsidRDefault="00A35FED" w:rsidP="00A35FED">
            <w:r>
              <w:t xml:space="preserve">            {opacity: "0", scaleX: ".4", scaleY: ".4", translateY: offsetY + 'px', translateX: offsetX + 'px'},</w:t>
            </w:r>
          </w:p>
          <w:p w:rsidR="00A35FED" w:rsidRDefault="00A35FED" w:rsidP="00A35FED">
            <w:r>
              <w:t xml:space="preserve">            {duration: 80}</w:t>
            </w:r>
          </w:p>
          <w:p w:rsidR="00A35FED" w:rsidRDefault="00A35FED" w:rsidP="00A35FED">
            <w:r>
              <w:t xml:space="preserve">        );</w:t>
            </w:r>
          </w:p>
          <w:p w:rsidR="00A35FED" w:rsidRDefault="00A35FED" w:rsidP="00A35FED">
            <w:r>
              <w:t xml:space="preserve">    };</w:t>
            </w:r>
          </w:p>
          <w:p w:rsidR="00A35FED" w:rsidRDefault="00A35FED" w:rsidP="00A35FED">
            <w:r>
              <w:t>&lt;/script&gt;</w:t>
            </w:r>
          </w:p>
          <w:p w:rsidR="00A35FED" w:rsidRDefault="00A35FED" w:rsidP="00A35FED">
            <w:r>
              <w:t>&lt;div id="divLoader" class="loading-widget" align="center"&gt;</w:t>
            </w:r>
          </w:p>
          <w:p w:rsidR="00A35FED" w:rsidRDefault="00A35FED" w:rsidP="00A35FED">
            <w:r>
              <w:t xml:space="preserve">    &lt;br/&gt;</w:t>
            </w:r>
          </w:p>
          <w:p w:rsidR="00A35FED" w:rsidRDefault="00A35FED" w:rsidP="00A35FED">
            <w:r>
              <w:t xml:space="preserve">    &lt;p class="text-default"&gt;</w:t>
            </w:r>
          </w:p>
          <w:p w:rsidR="00A35FED" w:rsidRDefault="00A35FED" w:rsidP="00A35FED">
            <w:r>
              <w:t xml:space="preserve">        Loading, Please Wait for a while...</w:t>
            </w:r>
          </w:p>
          <w:p w:rsidR="00A35FED" w:rsidRDefault="00A35FED" w:rsidP="00A35FED">
            <w:r>
              <w:t xml:space="preserve">    &lt;/p&gt;</w:t>
            </w:r>
          </w:p>
          <w:p w:rsidR="00A35FED" w:rsidRDefault="00A35FED" w:rsidP="00A35FED">
            <w:r>
              <w:t xml:space="preserve">    &lt;br/&gt;</w:t>
            </w:r>
          </w:p>
          <w:p w:rsidR="00A35FED" w:rsidRDefault="00A35FED" w:rsidP="00A35FED">
            <w:r>
              <w:t>&lt;/div&gt;</w:t>
            </w:r>
          </w:p>
          <w:p w:rsidR="00A35FED" w:rsidRDefault="00A35FED" w:rsidP="00A35FED">
            <w:r>
              <w:t>&lt;div id="divOverlay" class="loading-overlay"&gt;&lt;/div&gt;</w:t>
            </w:r>
          </w:p>
          <w:p w:rsidR="00A35FED" w:rsidRDefault="00A35FED" w:rsidP="00A35FED">
            <w:r>
              <w:t>&lt;!--&lt;script type="text/javascript"&gt;</w:t>
            </w:r>
          </w:p>
          <w:p w:rsidR="00A35FED" w:rsidRDefault="00A35FED" w:rsidP="00A35FED">
            <w:r>
              <w:t xml:space="preserve">    window.loading = function (show, message) {</w:t>
            </w:r>
          </w:p>
          <w:p w:rsidR="00A35FED" w:rsidRDefault="00A35FED" w:rsidP="00A35FED">
            <w:r>
              <w:t xml:space="preserve">        let overlay = $(".loading-overlay");</w:t>
            </w:r>
          </w:p>
          <w:p w:rsidR="00A35FED" w:rsidRDefault="00A35FED" w:rsidP="00A35FED">
            <w:r>
              <w:t xml:space="preserve">        let loading = $(".loading-widget");</w:t>
            </w:r>
          </w:p>
          <w:p w:rsidR="00A35FED" w:rsidRDefault="00A35FED" w:rsidP="00A35FED">
            <w:r>
              <w:t xml:space="preserve">        $("p", loading).html(message);</w:t>
            </w:r>
          </w:p>
          <w:p w:rsidR="00A35FED" w:rsidRDefault="00A35FED" w:rsidP="00A35FED">
            <w:r>
              <w:t xml:space="preserve">        if (show) {</w:t>
            </w:r>
          </w:p>
          <w:p w:rsidR="00A35FED" w:rsidRDefault="00A35FED" w:rsidP="00A35FED">
            <w:r>
              <w:t xml:space="preserve">            let top = Math.max($(window).height() / 2 - loading[0].offsetHeight / 2 - 50, 0);</w:t>
            </w:r>
          </w:p>
          <w:p w:rsidR="00A35FED" w:rsidRDefault="00A35FED" w:rsidP="00A35FED">
            <w:r>
              <w:t xml:space="preserve">            overlay.fadeIn();</w:t>
            </w:r>
          </w:p>
          <w:p w:rsidR="00A35FED" w:rsidRDefault="00A35FED" w:rsidP="00A35FED">
            <w:r>
              <w:t xml:space="preserve">            loading.fadeIn();</w:t>
            </w:r>
          </w:p>
          <w:p w:rsidR="00A35FED" w:rsidRDefault="00A35FED" w:rsidP="00A35FED">
            <w:r>
              <w:t xml:space="preserve">            loading.css({</w:t>
            </w:r>
          </w:p>
          <w:p w:rsidR="00A35FED" w:rsidRDefault="00A35FED" w:rsidP="00A35FED">
            <w:r>
              <w:t xml:space="preserve">                top: top</w:t>
            </w:r>
          </w:p>
          <w:p w:rsidR="00A35FED" w:rsidRDefault="00A35FED" w:rsidP="00A35FED">
            <w:r>
              <w:t xml:space="preserve">            });</w:t>
            </w:r>
          </w:p>
          <w:p w:rsidR="00A35FED" w:rsidRDefault="00A35FED" w:rsidP="00A35FED">
            <w:r>
              <w:t xml:space="preserve">        } else {</w:t>
            </w:r>
          </w:p>
          <w:p w:rsidR="00A35FED" w:rsidRDefault="00A35FED" w:rsidP="00A35FED">
            <w:r>
              <w:t xml:space="preserve">            overlay.fadeOut();</w:t>
            </w:r>
          </w:p>
          <w:p w:rsidR="00A35FED" w:rsidRDefault="00A35FED" w:rsidP="00A35FED">
            <w:r>
              <w:t xml:space="preserve">            loading.fadeOut();</w:t>
            </w:r>
          </w:p>
          <w:p w:rsidR="00A35FED" w:rsidRDefault="00A35FED" w:rsidP="00A35FED">
            <w:r>
              <w:t xml:space="preserve">        }</w:t>
            </w:r>
          </w:p>
          <w:p w:rsidR="00A35FED" w:rsidRDefault="00A35FED" w:rsidP="00A35FED">
            <w:r>
              <w:t xml:space="preserve">    }</w:t>
            </w:r>
          </w:p>
          <w:p w:rsidR="00A35FED" w:rsidRDefault="00A35FED" w:rsidP="00A35FED">
            <w:r>
              <w:t>&lt;/script&gt; --&gt;</w:t>
            </w:r>
          </w:p>
          <w:p w:rsidR="00A35FED" w:rsidRDefault="00A35FED" w:rsidP="00A35FED">
            <w:r>
              <w:t>&lt;style type="text/css"&gt;</w:t>
            </w:r>
          </w:p>
          <w:p w:rsidR="00A35FED" w:rsidRDefault="00A35FED" w:rsidP="00A35FED">
            <w:r>
              <w:t xml:space="preserve">    .loading-overlay {</w:t>
            </w:r>
          </w:p>
          <w:p w:rsidR="00A35FED" w:rsidRDefault="00A35FED" w:rsidP="00A35FED">
            <w:r>
              <w:t xml:space="preserve">        display: none;</w:t>
            </w:r>
          </w:p>
          <w:p w:rsidR="00A35FED" w:rsidRDefault="00A35FED" w:rsidP="00A35FED">
            <w:r>
              <w:t xml:space="preserve">        position: fixed;</w:t>
            </w:r>
          </w:p>
          <w:p w:rsidR="00A35FED" w:rsidRDefault="00A35FED" w:rsidP="00A35FED">
            <w:r>
              <w:lastRenderedPageBreak/>
              <w:t xml:space="preserve">        top: 0;</w:t>
            </w:r>
          </w:p>
          <w:p w:rsidR="00A35FED" w:rsidRDefault="00A35FED" w:rsidP="00A35FED">
            <w:r>
              <w:t xml:space="preserve">        left: 0;</w:t>
            </w:r>
          </w:p>
          <w:p w:rsidR="00A35FED" w:rsidRDefault="00A35FED" w:rsidP="00A35FED">
            <w:r>
              <w:t xml:space="preserve">        background-color: #FFFFFF;</w:t>
            </w:r>
          </w:p>
          <w:p w:rsidR="00A35FED" w:rsidRDefault="00A35FED" w:rsidP="00A35FED">
            <w:r>
              <w:t xml:space="preserve">        z-index: 10060;</w:t>
            </w:r>
          </w:p>
          <w:p w:rsidR="00A35FED" w:rsidRDefault="00A35FED" w:rsidP="00A35FED">
            <w:r>
              <w:t xml:space="preserve">        opacity: 0.8;</w:t>
            </w:r>
          </w:p>
          <w:p w:rsidR="00A35FED" w:rsidRDefault="00A35FED" w:rsidP="00A35FED">
            <w:r>
              <w:t xml:space="preserve">        filter: alpha(opacity=80);</w:t>
            </w:r>
          </w:p>
          <w:p w:rsidR="00A35FED" w:rsidRDefault="00A35FED" w:rsidP="00A35FED">
            <w:r>
              <w:t xml:space="preserve">        -moz-opacity: 0.8;</w:t>
            </w:r>
          </w:p>
          <w:p w:rsidR="00A35FED" w:rsidRDefault="00A35FED" w:rsidP="00A35FED">
            <w:r>
              <w:t xml:space="preserve">        min-height: 100%;</w:t>
            </w:r>
          </w:p>
          <w:p w:rsidR="00A35FED" w:rsidRDefault="00A35FED" w:rsidP="00A35FED">
            <w:r>
              <w:t xml:space="preserve">        width: 100%;</w:t>
            </w:r>
          </w:p>
          <w:p w:rsidR="00A35FED" w:rsidRDefault="00A35FED" w:rsidP="00A35FED">
            <w:r>
              <w:t xml:space="preserve">    }</w:t>
            </w:r>
          </w:p>
          <w:p w:rsidR="00A35FED" w:rsidRDefault="00A35FED" w:rsidP="00A35FED">
            <w:r>
              <w:t xml:space="preserve">    .loading-widget {</w:t>
            </w:r>
          </w:p>
          <w:p w:rsidR="00A35FED" w:rsidRDefault="00A35FED" w:rsidP="00A35FED">
            <w:r>
              <w:t xml:space="preserve">        font-family: Arial;</w:t>
            </w:r>
          </w:p>
          <w:p w:rsidR="00A35FED" w:rsidRDefault="00A35FED" w:rsidP="00A35FED">
            <w:r>
              <w:t xml:space="preserve">        font-size: 10pt;</w:t>
            </w:r>
          </w:p>
          <w:p w:rsidR="00A35FED" w:rsidRDefault="00A35FED" w:rsidP="00A35FED">
            <w:r>
              <w:t xml:space="preserve">        width: 350px;</w:t>
            </w:r>
          </w:p>
          <w:p w:rsidR="00A35FED" w:rsidRDefault="00A35FED" w:rsidP="00A35FED">
            <w:r>
              <w:t xml:space="preserve">        height: 130px;</w:t>
            </w:r>
          </w:p>
          <w:p w:rsidR="00A35FED" w:rsidRDefault="00A35FED" w:rsidP="00A35FED">
            <w:r>
              <w:t xml:space="preserve">        display: none;</w:t>
            </w:r>
          </w:p>
          <w:p w:rsidR="00A35FED" w:rsidRDefault="00A35FED" w:rsidP="00A35FED">
            <w:r>
              <w:t xml:space="preserve">        position: fixed;</w:t>
            </w:r>
          </w:p>
          <w:p w:rsidR="00A35FED" w:rsidRDefault="00A35FED" w:rsidP="00A35FED">
            <w:r>
              <w:t xml:space="preserve">        background: transparent url("img/loader.gif") 50% 50% no-repeat;</w:t>
            </w:r>
          </w:p>
          <w:p w:rsidR="00A35FED" w:rsidRDefault="00A35FED" w:rsidP="00A35FED">
            <w:r>
              <w:t xml:space="preserve">        z-index: 10080;</w:t>
            </w:r>
          </w:p>
          <w:p w:rsidR="00A35FED" w:rsidRDefault="00A35FED" w:rsidP="00A35FED">
            <w:r>
              <w:t xml:space="preserve">        left: 50%;</w:t>
            </w:r>
          </w:p>
          <w:p w:rsidR="00A35FED" w:rsidRDefault="00A35FED" w:rsidP="00A35FED">
            <w:r>
              <w:t xml:space="preserve">        margin-left: -175px;</w:t>
            </w:r>
          </w:p>
          <w:p w:rsidR="00A35FED" w:rsidRDefault="00A35FED" w:rsidP="00A35FED">
            <w:r>
              <w:t xml:space="preserve">    }</w:t>
            </w:r>
          </w:p>
          <w:p w:rsidR="00A35FED" w:rsidRDefault="00A35FED" w:rsidP="00A35FED">
            <w:r>
              <w:t xml:space="preserve">    .loading-widget p {</w:t>
            </w:r>
          </w:p>
          <w:p w:rsidR="00A35FED" w:rsidRDefault="00A35FED" w:rsidP="00A35FED">
            <w:r>
              <w:t xml:space="preserve">        margin-top: 130px;</w:t>
            </w:r>
          </w:p>
          <w:p w:rsidR="00A35FED" w:rsidRDefault="00A35FED" w:rsidP="00A35FED">
            <w:r>
              <w:t xml:space="preserve">        font-weight: bolder;</w:t>
            </w:r>
          </w:p>
          <w:p w:rsidR="00A35FED" w:rsidRDefault="00A35FED" w:rsidP="00A35FED">
            <w:r>
              <w:t xml:space="preserve">        color: #035b67;</w:t>
            </w:r>
          </w:p>
          <w:p w:rsidR="00A35FED" w:rsidRDefault="00A35FED" w:rsidP="00A35FED">
            <w:r>
              <w:t xml:space="preserve">        font-size: 18px;</w:t>
            </w:r>
          </w:p>
          <w:p w:rsidR="00A35FED" w:rsidRDefault="00A35FED" w:rsidP="00A35FED">
            <w:r>
              <w:t xml:space="preserve">    }</w:t>
            </w:r>
          </w:p>
          <w:p w:rsidR="00A35FED" w:rsidRDefault="00A35FED" w:rsidP="00A35FED">
            <w:r>
              <w:t>&lt;/style&gt;</w:t>
            </w:r>
          </w:p>
          <w:p w:rsidR="00A35FED" w:rsidRDefault="00A35FED" w:rsidP="00A35FED"/>
          <w:p w:rsidR="00A35FED" w:rsidRDefault="00A35FED" w:rsidP="00A35FED">
            <w:r>
              <w:t>&lt;!--&lt;div id="toTop"&gt;&lt;/div&gt; --&gt;</w:t>
            </w:r>
          </w:p>
          <w:p w:rsidR="00A35FED" w:rsidRDefault="00A35FED" w:rsidP="00A35FED"/>
          <w:p w:rsidR="00A35FED" w:rsidRDefault="00A35FED" w:rsidP="00A35FED">
            <w:r>
              <w:t>&lt;!--&lt;script type="text/javascript"&gt;</w:t>
            </w:r>
          </w:p>
          <w:p w:rsidR="00A35FED" w:rsidRDefault="00A35FED" w:rsidP="00A35FED">
            <w:r>
              <w:t xml:space="preserve">    $(document).ready(function () {</w:t>
            </w:r>
          </w:p>
          <w:p w:rsidR="00A35FED" w:rsidRDefault="00A35FED" w:rsidP="00A35FED">
            <w:r>
              <w:t xml:space="preserve">        /*if (document.referrer !== "" &amp;&amp;</w:t>
            </w:r>
          </w:p>
          <w:p w:rsidR="00A35FED" w:rsidRDefault="00A35FED" w:rsidP="00A35FED">
            <w:r>
              <w:t xml:space="preserve">            (new URL(document.referrer)).origin !== window.location.origin &amp;&amp;</w:t>
            </w:r>
          </w:p>
          <w:p w:rsidR="00A35FED" w:rsidRDefault="00A35FED" w:rsidP="00A35FED">
            <w:r>
              <w:t xml:space="preserve">            lscache.get("last_visited")) {</w:t>
            </w:r>
          </w:p>
          <w:p w:rsidR="00A35FED" w:rsidRDefault="00A35FED" w:rsidP="00A35FED">
            <w:r>
              <w:t xml:space="preserve">            var lastVisited = lscache.get("last_visited");</w:t>
            </w:r>
          </w:p>
          <w:p w:rsidR="00A35FED" w:rsidRDefault="00A35FED" w:rsidP="00A35FED">
            <w:r>
              <w:t xml:space="preserve">            lscache.remove("last_visited");</w:t>
            </w:r>
          </w:p>
          <w:p w:rsidR="00A35FED" w:rsidRDefault="00A35FED" w:rsidP="00A35FED">
            <w:r>
              <w:t xml:space="preserve">            window.location.href = lastVisited;</w:t>
            </w:r>
          </w:p>
          <w:p w:rsidR="00A35FED" w:rsidRDefault="00A35FED" w:rsidP="00A35FED">
            <w:r>
              <w:t xml:space="preserve">        } else {</w:t>
            </w:r>
          </w:p>
          <w:p w:rsidR="00A35FED" w:rsidRDefault="00A35FED" w:rsidP="00A35FED">
            <w:r>
              <w:t xml:space="preserve">            //lscache.set("last_visited", window.location.href);</w:t>
            </w:r>
          </w:p>
          <w:p w:rsidR="00A35FED" w:rsidRDefault="00A35FED" w:rsidP="00A35FED">
            <w:r>
              <w:t xml:space="preserve">        }*/</w:t>
            </w:r>
          </w:p>
          <w:p w:rsidR="00A35FED" w:rsidRDefault="00A35FED" w:rsidP="00A35FED">
            <w:r>
              <w:t xml:space="preserve">        /*window.onbeforeunload = function() {</w:t>
            </w:r>
          </w:p>
          <w:p w:rsidR="00A35FED" w:rsidRDefault="00A35FED" w:rsidP="00A35FED">
            <w:r>
              <w:t xml:space="preserve">            lscache.set("last_visited", window.location.href);</w:t>
            </w:r>
          </w:p>
          <w:p w:rsidR="00A35FED" w:rsidRDefault="00A35FED" w:rsidP="00A35FED">
            <w:r>
              <w:t xml:space="preserve">            return;</w:t>
            </w:r>
          </w:p>
          <w:p w:rsidR="00A35FED" w:rsidRDefault="00A35FED" w:rsidP="00A35FED">
            <w:r>
              <w:t xml:space="preserve">        }*/</w:t>
            </w:r>
          </w:p>
          <w:p w:rsidR="00A35FED" w:rsidRDefault="00A35FED" w:rsidP="00A35FED">
            <w:r>
              <w:t xml:space="preserve">        fnUpdateWishFlag();</w:t>
            </w:r>
          </w:p>
          <w:p w:rsidR="00A35FED" w:rsidRDefault="00A35FED" w:rsidP="00A35FED">
            <w:r>
              <w:lastRenderedPageBreak/>
              <w:t xml:space="preserve">        $(document.body).on("click", ".btn-wishlist", function (e) {</w:t>
            </w:r>
          </w:p>
          <w:p w:rsidR="00A35FED" w:rsidRDefault="00A35FED" w:rsidP="00A35FED">
            <w:r>
              <w:t xml:space="preserve">            e.preventDefault();</w:t>
            </w:r>
          </w:p>
          <w:p w:rsidR="00A35FED" w:rsidRDefault="00A35FED" w:rsidP="00A35FED">
            <w:r>
              <w:t xml:space="preserve">            var that = this;</w:t>
            </w:r>
          </w:p>
          <w:p w:rsidR="00A35FED" w:rsidRDefault="00A35FED" w:rsidP="00A35FED">
            <w:r>
              <w:t xml:space="preserve">            let href = $(that).data("href");</w:t>
            </w:r>
          </w:p>
          <w:p w:rsidR="00A35FED" w:rsidRDefault="00A35FED" w:rsidP="00A35FED">
            <w:r>
              <w:t xml:space="preserve">            let rid = $(that).data("id");</w:t>
            </w:r>
          </w:p>
          <w:p w:rsidR="00A35FED" w:rsidRDefault="00A35FED" w:rsidP="00A35FED">
            <w:r>
              <w:t xml:space="preserve">            if (href) {</w:t>
            </w:r>
          </w:p>
          <w:p w:rsidR="00A35FED" w:rsidRDefault="00A35FED" w:rsidP="00A35FED">
            <w:r>
              <w:t xml:space="preserve">                $.ajax({</w:t>
            </w:r>
          </w:p>
          <w:p w:rsidR="00A35FED" w:rsidRDefault="00A35FED" w:rsidP="00A35FED">
            <w:r>
              <w:t xml:space="preserve">                    type: "get",</w:t>
            </w:r>
          </w:p>
          <w:p w:rsidR="00A35FED" w:rsidRDefault="00A35FED" w:rsidP="00A35FED">
            <w:r>
              <w:t xml:space="preserve">                    url: href,</w:t>
            </w:r>
          </w:p>
          <w:p w:rsidR="00A35FED" w:rsidRDefault="00A35FED" w:rsidP="00A35FED">
            <w:r>
              <w:t xml:space="preserve">                    beforeSend: function () {</w:t>
            </w:r>
          </w:p>
          <w:p w:rsidR="00A35FED" w:rsidRDefault="00A35FED" w:rsidP="00A35FED">
            <w:r>
              <w:t xml:space="preserve">                        $(that).addClass("block-loader");</w:t>
            </w:r>
          </w:p>
          <w:p w:rsidR="00A35FED" w:rsidRDefault="00A35FED" w:rsidP="00A35FED">
            <w:r>
              <w:t xml:space="preserve">                    },</w:t>
            </w:r>
          </w:p>
          <w:p w:rsidR="00A35FED" w:rsidRDefault="00A35FED" w:rsidP="00A35FED">
            <w:r>
              <w:t xml:space="preserve">                    success: function (response) {</w:t>
            </w:r>
          </w:p>
          <w:p w:rsidR="00A35FED" w:rsidRDefault="00A35FED" w:rsidP="00A35FED">
            <w:r>
              <w:t xml:space="preserve">                        $(that).removeClass("block-loader");</w:t>
            </w:r>
          </w:p>
          <w:p w:rsidR="00A35FED" w:rsidRDefault="00A35FED" w:rsidP="00A35FED">
            <w:r>
              <w:t xml:space="preserve">                        $(that).toggleClass("liked");</w:t>
            </w:r>
          </w:p>
          <w:p w:rsidR="00A35FED" w:rsidRDefault="00A35FED" w:rsidP="00A35FED">
            <w:r>
              <w:t xml:space="preserve">                        $("span", that).text($(that).hasClass("liked") ? "In Your List" : "Add To My List");</w:t>
            </w:r>
          </w:p>
          <w:p w:rsidR="00A35FED" w:rsidRDefault="00A35FED" w:rsidP="00A35FED">
            <w:r>
              <w:t xml:space="preserve">                        $(that).attr("data-original-title", $(that).hasClass("liked") ? "Remove From Your List" : "Add To My List").tooltip('show');</w:t>
            </w:r>
          </w:p>
          <w:p w:rsidR="00A35FED" w:rsidRDefault="00A35FED" w:rsidP="00A35FED">
            <w:r>
              <w:t xml:space="preserve">                    }</w:t>
            </w:r>
          </w:p>
          <w:p w:rsidR="00A35FED" w:rsidRDefault="00A35FED" w:rsidP="00A35FED">
            <w:r>
              <w:t xml:space="preserve">                });</w:t>
            </w:r>
          </w:p>
          <w:p w:rsidR="00A35FED" w:rsidRDefault="00A35FED" w:rsidP="00A35FED">
            <w:r>
              <w:t xml:space="preserve">            } else {</w:t>
            </w:r>
          </w:p>
          <w:p w:rsidR="00A35FED" w:rsidRDefault="00A35FED" w:rsidP="00A35FED">
            <w:r>
              <w:t xml:space="preserve">                let wishList = lscache.get("wishlist") || [];</w:t>
            </w:r>
          </w:p>
          <w:p w:rsidR="00A35FED" w:rsidRDefault="00A35FED" w:rsidP="00A35FED">
            <w:r>
              <w:t xml:space="preserve">                if (wishList.includes(rid)) {</w:t>
            </w:r>
          </w:p>
          <w:p w:rsidR="00A35FED" w:rsidRDefault="00A35FED" w:rsidP="00A35FED">
            <w:r>
              <w:t xml:space="preserve">                    wishList = _.without(wishList, rid);</w:t>
            </w:r>
          </w:p>
          <w:p w:rsidR="00A35FED" w:rsidRDefault="00A35FED" w:rsidP="00A35FED">
            <w:r>
              <w:t xml:space="preserve">                } else {</w:t>
            </w:r>
          </w:p>
          <w:p w:rsidR="00A35FED" w:rsidRDefault="00A35FED" w:rsidP="00A35FED">
            <w:r>
              <w:t xml:space="preserve">                    wishList.push(rid);</w:t>
            </w:r>
          </w:p>
          <w:p w:rsidR="00A35FED" w:rsidRDefault="00A35FED" w:rsidP="00A35FED">
            <w:r>
              <w:t xml:space="preserve">                }</w:t>
            </w:r>
          </w:p>
          <w:p w:rsidR="00A35FED" w:rsidRDefault="00A35FED" w:rsidP="00A35FED">
            <w:r>
              <w:t xml:space="preserve">                lscache.set("wishlist", wishList);</w:t>
            </w:r>
          </w:p>
          <w:p w:rsidR="00A35FED" w:rsidRDefault="00A35FED" w:rsidP="00A35FED">
            <w:r>
              <w:t xml:space="preserve">                $(this).toggleClass("liked");</w:t>
            </w:r>
          </w:p>
          <w:p w:rsidR="00A35FED" w:rsidRDefault="00A35FED" w:rsidP="00A35FED">
            <w:r>
              <w:t xml:space="preserve">                $("span", this).text($(this).hasClass("liked") ? "In Your List" : "Add To My List");</w:t>
            </w:r>
          </w:p>
          <w:p w:rsidR="00A35FED" w:rsidRDefault="00A35FED" w:rsidP="00A35FED">
            <w:r>
              <w:t xml:space="preserve">                $(this).attr("data-original-title", $(this).hasClass("liked") ? "Remove From Your List" : "Add To My List").tooltip('show');</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window.fnUpdateWishFlag = function () {</w:t>
            </w:r>
          </w:p>
          <w:p w:rsidR="00A35FED" w:rsidRDefault="00A35FED" w:rsidP="00A35FED">
            <w:r>
              <w:t xml:space="preserve">        let wishList = lscache.get("wishlist") || [];</w:t>
            </w:r>
          </w:p>
          <w:p w:rsidR="00A35FED" w:rsidRDefault="00A35FED" w:rsidP="00A35FED">
            <w:r>
              <w:t xml:space="preserve">        wishList.forEach(function (item) {</w:t>
            </w:r>
          </w:p>
          <w:p w:rsidR="00A35FED" w:rsidRDefault="00A35FED" w:rsidP="00A35FED">
            <w:r>
              <w:t xml:space="preserve">            $(".btn-wishlist[data-id='" + item + "']").addClass("liked");</w:t>
            </w:r>
          </w:p>
          <w:p w:rsidR="00A35FED" w:rsidRDefault="00A35FED" w:rsidP="00A35FED">
            <w:r>
              <w:t xml:space="preserve">            $(".btn-wishlist[data-id='" + item + "'].liked span").text("In Your List");</w:t>
            </w:r>
          </w:p>
          <w:p w:rsidR="00A35FED" w:rsidRDefault="00A35FED" w:rsidP="00A35FED">
            <w:r>
              <w:t xml:space="preserve">            $(".btn-wishlist[data-id='" + item + "'].liked").attr("title", "Remove From Your List");</w:t>
            </w:r>
          </w:p>
          <w:p w:rsidR="00A35FED" w:rsidRDefault="00A35FED" w:rsidP="00A35FED">
            <w:r>
              <w:t xml:space="preserve">        });</w:t>
            </w:r>
          </w:p>
          <w:p w:rsidR="00A35FED" w:rsidRDefault="00A35FED" w:rsidP="00A35FED">
            <w:r>
              <w:t xml:space="preserve">    };</w:t>
            </w:r>
          </w:p>
          <w:p w:rsidR="00A35FED" w:rsidRDefault="00A35FED" w:rsidP="00A35FED">
            <w:r>
              <w:t xml:space="preserve">    &lt;/script&gt;--&gt;</w:t>
            </w:r>
          </w:p>
          <w:p w:rsidR="00A35FED" w:rsidRDefault="00A35FED" w:rsidP="00A35FED">
            <w:r>
              <w:t>&lt;script src="spf/js/theme.js"&gt;&lt;/script&gt;</w:t>
            </w:r>
          </w:p>
          <w:p w:rsidR="00A35FED" w:rsidRDefault="00A35FED" w:rsidP="00A35FED">
            <w:r>
              <w:t>&lt;script src="js/lscache.js"&gt;&lt;/script&gt;</w:t>
            </w:r>
          </w:p>
          <w:p w:rsidR="00A35FED" w:rsidRDefault="00A35FED" w:rsidP="00A35FED">
            <w:r>
              <w:t>&lt;script src="js/notify.js"&gt;&lt;/script&gt;</w:t>
            </w:r>
          </w:p>
          <w:p w:rsidR="00A35FED" w:rsidRDefault="00A35FED" w:rsidP="00A35FED">
            <w:r>
              <w:t>&lt;script src="js/common.js"&gt;&lt;/script&gt;</w:t>
            </w:r>
          </w:p>
          <w:p w:rsidR="00A35FED" w:rsidRDefault="00A35FED" w:rsidP="00A35FED">
            <w:r>
              <w:lastRenderedPageBreak/>
              <w:t>&lt;script src="js/validator.js"&gt;&lt;/script&gt;</w:t>
            </w:r>
          </w:p>
          <w:p w:rsidR="00A35FED" w:rsidRDefault="00A35FED" w:rsidP="00A35FED">
            <w:r>
              <w:t>&lt;script src="js/selectize.js"&gt;&lt;/script&gt;</w:t>
            </w:r>
          </w:p>
          <w:p w:rsidR="00A35FED" w:rsidRDefault="00A35FED" w:rsidP="00A35FED">
            <w:r>
              <w:t>&lt;script src="js/lightgallery.js"&gt;&lt;/script&gt;</w:t>
            </w:r>
          </w:p>
          <w:p w:rsidR="00A35FED" w:rsidRDefault="00A35FED" w:rsidP="00A35FED">
            <w:r>
              <w:t>&lt;script src="js/velocity.js"&gt;&lt;/script&gt;</w:t>
            </w:r>
          </w:p>
          <w:p w:rsidR="00A35FED" w:rsidRDefault="00A35FED" w:rsidP="00A35FED">
            <w:r>
              <w:t>&lt;script src="spf/js/init.js"&gt;&lt;/script&gt;</w:t>
            </w:r>
          </w:p>
          <w:p w:rsidR="00A35FED" w:rsidRDefault="00A35FED" w:rsidP="00A35FED"/>
          <w:p w:rsidR="00A35FED" w:rsidRDefault="00A35FED" w:rsidP="00A35FED">
            <w:r>
              <w:t>&lt;script type="text/javascript"&gt;</w:t>
            </w:r>
          </w:p>
          <w:p w:rsidR="00A35FED" w:rsidRDefault="00A35FED" w:rsidP="00A35FED">
            <w:r>
              <w:t xml:space="preserve">        $(document).ready(function () {</w:t>
            </w:r>
          </w:p>
          <w:p w:rsidR="00A35FED" w:rsidRDefault="00A35FED" w:rsidP="00A35FED">
            <w:r>
              <w:t xml:space="preserve">            $('#ddlRating').selectize();</w:t>
            </w:r>
          </w:p>
          <w:p w:rsidR="00A35FED" w:rsidRDefault="00A35FED" w:rsidP="00A35FED">
            <w:r>
              <w:t xml:space="preserve">                $('#divResults').owlCarousel({</w:t>
            </w:r>
          </w:p>
          <w:p w:rsidR="00A35FED" w:rsidRDefault="00A35FED" w:rsidP="00A35FED">
            <w:r>
              <w:t xml:space="preserve">                center: false,</w:t>
            </w:r>
          </w:p>
          <w:p w:rsidR="00A35FED" w:rsidRDefault="00A35FED" w:rsidP="00A35FED">
            <w:r>
              <w:t xml:space="preserve">                items: 2,</w:t>
            </w:r>
          </w:p>
          <w:p w:rsidR="00A35FED" w:rsidRDefault="00A35FED" w:rsidP="00A35FED">
            <w:r>
              <w:t xml:space="preserve">                loop: false,</w:t>
            </w:r>
          </w:p>
          <w:p w:rsidR="00A35FED" w:rsidRDefault="00A35FED" w:rsidP="00A35FED">
            <w:r>
              <w:t xml:space="preserve">                margin: 5,</w:t>
            </w:r>
          </w:p>
          <w:p w:rsidR="00A35FED" w:rsidRDefault="00A35FED" w:rsidP="00A35FED">
            <w:r>
              <w:t xml:space="preserve">                dots: false,</w:t>
            </w:r>
          </w:p>
          <w:p w:rsidR="00A35FED" w:rsidRDefault="00A35FED" w:rsidP="00A35FED">
            <w:r>
              <w:t xml:space="preserve">                responsive: {</w:t>
            </w:r>
          </w:p>
          <w:p w:rsidR="00A35FED" w:rsidRDefault="00A35FED" w:rsidP="00A35FED">
            <w:r>
              <w:t xml:space="preserve">                    0: {</w:t>
            </w:r>
          </w:p>
          <w:p w:rsidR="00A35FED" w:rsidRDefault="00A35FED" w:rsidP="00A35FED">
            <w:r>
              <w:t xml:space="preserve">                        items: 1</w:t>
            </w:r>
          </w:p>
          <w:p w:rsidR="00A35FED" w:rsidRDefault="00A35FED" w:rsidP="00A35FED">
            <w:r>
              <w:t xml:space="preserve">                    },</w:t>
            </w:r>
          </w:p>
          <w:p w:rsidR="00A35FED" w:rsidRDefault="00A35FED" w:rsidP="00A35FED">
            <w:r>
              <w:t xml:space="preserve">                    600: {</w:t>
            </w:r>
          </w:p>
          <w:p w:rsidR="00A35FED" w:rsidRDefault="00A35FED" w:rsidP="00A35FED">
            <w:r>
              <w:t xml:space="preserve">                        items: 2</w:t>
            </w:r>
          </w:p>
          <w:p w:rsidR="00A35FED" w:rsidRDefault="00A35FED" w:rsidP="00A35FED">
            <w:r>
              <w:t xml:space="preserve">                    },</w:t>
            </w:r>
          </w:p>
          <w:p w:rsidR="00A35FED" w:rsidRDefault="00A35FED" w:rsidP="00A35FED">
            <w:r>
              <w:t xml:space="preserve">                    767: {</w:t>
            </w:r>
          </w:p>
          <w:p w:rsidR="00A35FED" w:rsidRDefault="00A35FED" w:rsidP="00A35FED">
            <w:r>
              <w:t xml:space="preserve">                        items: 2</w:t>
            </w:r>
          </w:p>
          <w:p w:rsidR="00A35FED" w:rsidRDefault="00A35FED" w:rsidP="00A35FED">
            <w:r>
              <w:t xml:space="preserve">                    },</w:t>
            </w:r>
          </w:p>
          <w:p w:rsidR="00A35FED" w:rsidRDefault="00A35FED" w:rsidP="00A35FED">
            <w:r>
              <w:t xml:space="preserve">                    1000: {</w:t>
            </w:r>
          </w:p>
          <w:p w:rsidR="00A35FED" w:rsidRDefault="00A35FED" w:rsidP="00A35FED">
            <w:r>
              <w:t xml:space="preserve">                        items: 6</w:t>
            </w:r>
          </w:p>
          <w:p w:rsidR="00A35FED" w:rsidRDefault="00A35FED" w:rsidP="00A35FED">
            <w:r>
              <w:t xml:space="preserve">                    },</w:t>
            </w:r>
          </w:p>
          <w:p w:rsidR="00A35FED" w:rsidRDefault="00A35FED" w:rsidP="00A35FED">
            <w:r>
              <w:t xml:space="preserve">                    1400: {</w:t>
            </w:r>
          </w:p>
          <w:p w:rsidR="00A35FED" w:rsidRDefault="00A35FED" w:rsidP="00A35FED">
            <w:r>
              <w:t xml:space="preserve">                        items: 6</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divResults").trigger("to.owl.carousel", $current);</w:t>
            </w:r>
          </w:p>
          <w:p w:rsidR="00A35FED" w:rsidRDefault="00A35FED" w:rsidP="00A35FED">
            <w:r>
              <w:t xml:space="preserve">            $(document.body).on("click", "#btnGetContact", function (e) {</w:t>
            </w:r>
          </w:p>
          <w:p w:rsidR="00A35FED" w:rsidRDefault="00A35FED" w:rsidP="00A35FED">
            <w:r>
              <w:t xml:space="preserve">                e.preventDefault();</w:t>
            </w:r>
          </w:p>
          <w:p w:rsidR="00A35FED" w:rsidRDefault="00A35FED" w:rsidP="00A35FED">
            <w:r>
              <w:t xml:space="preserve">                var target = $("#divContactInfo");</w:t>
            </w:r>
          </w:p>
          <w:p w:rsidR="00A35FED" w:rsidRDefault="00A35FED" w:rsidP="00A35FED">
            <w:r>
              <w:t xml:space="preserve">                var href = $(this).data("href");</w:t>
            </w:r>
          </w:p>
          <w:p w:rsidR="00A35FED" w:rsidRDefault="00A35FED" w:rsidP="00A35FED">
            <w:r>
              <w:t xml:space="preserve">                $.ajax({</w:t>
            </w:r>
          </w:p>
          <w:p w:rsidR="00A35FED" w:rsidRDefault="00A35FED" w:rsidP="00A35FED">
            <w:r>
              <w:t xml:space="preserve">                    type: "get",</w:t>
            </w:r>
          </w:p>
          <w:p w:rsidR="00A35FED" w:rsidRDefault="00A35FED" w:rsidP="00A35FED">
            <w:r>
              <w:t xml:space="preserve">                    url: href,</w:t>
            </w:r>
          </w:p>
          <w:p w:rsidR="00A35FED" w:rsidRDefault="00A35FED" w:rsidP="00A35FED">
            <w:r>
              <w:t xml:space="preserve">                    beforeSend: function () {</w:t>
            </w:r>
          </w:p>
          <w:p w:rsidR="00A35FED" w:rsidRDefault="00A35FED" w:rsidP="00A35FED">
            <w:r>
              <w:t xml:space="preserve">                        target.addClass("block-loader");</w:t>
            </w:r>
          </w:p>
          <w:p w:rsidR="00A35FED" w:rsidRDefault="00A35FED" w:rsidP="00A35FED">
            <w:r>
              <w:t xml:space="preserve">                    },</w:t>
            </w:r>
          </w:p>
          <w:p w:rsidR="00A35FED" w:rsidRDefault="00A35FED" w:rsidP="00A35FED">
            <w:r>
              <w:t xml:space="preserve">                    success: function (response) {</w:t>
            </w:r>
          </w:p>
          <w:p w:rsidR="00A35FED" w:rsidRDefault="00A35FED" w:rsidP="00A35FED">
            <w:r>
              <w:t xml:space="preserve">                        target.html(response);</w:t>
            </w:r>
          </w:p>
          <w:p w:rsidR="00A35FED" w:rsidRDefault="00A35FED" w:rsidP="00A35FED">
            <w:r>
              <w:t xml:space="preserve">                        target.removeClass("block-loader");</w:t>
            </w:r>
          </w:p>
          <w:p w:rsidR="00A35FED" w:rsidRDefault="00A35FED" w:rsidP="00A35FED">
            <w:r>
              <w:t xml:space="preserve">                    }</w:t>
            </w:r>
          </w:p>
          <w:p w:rsidR="00A35FED" w:rsidRDefault="00A35FED" w:rsidP="00A35FED">
            <w:r>
              <w:lastRenderedPageBreak/>
              <w:t xml:space="preserve">                });</w:t>
            </w:r>
          </w:p>
          <w:p w:rsidR="00A35FED" w:rsidRDefault="00A35FED" w:rsidP="00A35FED">
            <w:r>
              <w:t xml:space="preserve">            });</w:t>
            </w:r>
          </w:p>
          <w:p w:rsidR="00A35FED" w:rsidRDefault="00A35FED" w:rsidP="00A35FED">
            <w:r>
              <w:t xml:space="preserve">            $(document.body).on("click", ".btnToggleWidget", function (e) {</w:t>
            </w:r>
          </w:p>
          <w:p w:rsidR="00A35FED" w:rsidRDefault="00A35FED" w:rsidP="00A35FED">
            <w:r>
              <w:t xml:space="preserve">                e.preventDefault();</w:t>
            </w:r>
          </w:p>
          <w:p w:rsidR="00A35FED" w:rsidRDefault="00A35FED" w:rsidP="00A35FED">
            <w:r>
              <w:t xml:space="preserve">                var target = $(this).data("target");</w:t>
            </w:r>
          </w:p>
          <w:p w:rsidR="00A35FED" w:rsidRDefault="00A35FED" w:rsidP="00A35FED">
            <w:r>
              <w:t xml:space="preserve">                var href = $(this).data("href");</w:t>
            </w:r>
          </w:p>
          <w:p w:rsidR="00A35FED" w:rsidRDefault="00A35FED" w:rsidP="00A35FED">
            <w:r>
              <w:t xml:space="preserve">                $(target).hide();</w:t>
            </w:r>
          </w:p>
          <w:p w:rsidR="00A35FED" w:rsidRDefault="00A35FED" w:rsidP="00A35FED">
            <w:r>
              <w:t xml:space="preserve">                $(href).show();</w:t>
            </w:r>
          </w:p>
          <w:p w:rsidR="00A35FED" w:rsidRDefault="00A35FED" w:rsidP="00A35FED">
            <w:r>
              <w:t xml:space="preserve">            });</w:t>
            </w:r>
          </w:p>
          <w:p w:rsidR="00A35FED" w:rsidRDefault="00A35FED" w:rsidP="00A35FED">
            <w:r>
              <w:t xml:space="preserve">            $(document.body).on("click", ".toggle-result", function (e) {</w:t>
            </w:r>
          </w:p>
          <w:p w:rsidR="00A35FED" w:rsidRDefault="00A35FED" w:rsidP="00A35FED">
            <w:r>
              <w:t xml:space="preserve">                e.preventDefault();</w:t>
            </w:r>
          </w:p>
          <w:p w:rsidR="00A35FED" w:rsidRDefault="00A35FED" w:rsidP="00A35FED">
            <w:r>
              <w:t xml:space="preserve">                var target = $(this).data("target");</w:t>
            </w:r>
          </w:p>
          <w:p w:rsidR="00A35FED" w:rsidRDefault="00A35FED" w:rsidP="00A35FED">
            <w:r>
              <w:t xml:space="preserve">                if ($(this).hasClass("in")) {</w:t>
            </w:r>
          </w:p>
          <w:p w:rsidR="00A35FED" w:rsidRDefault="00A35FED" w:rsidP="00A35FED">
            <w:r>
              <w:t xml:space="preserve">                    $(target).fadeOut("slow");</w:t>
            </w:r>
          </w:p>
          <w:p w:rsidR="00A35FED" w:rsidRDefault="00A35FED" w:rsidP="00A35FED">
            <w:r>
              <w:t xml:space="preserve">                    $(this).html("Show &lt;i class='fas fa-eye fa-rotate-90'&gt;&lt;/i&gt;").removeClass("in");</w:t>
            </w:r>
          </w:p>
          <w:p w:rsidR="00A35FED" w:rsidRDefault="00A35FED" w:rsidP="00A35FED">
            <w:r>
              <w:t xml:space="preserve">                } else {</w:t>
            </w:r>
          </w:p>
          <w:p w:rsidR="00A35FED" w:rsidRDefault="00A35FED" w:rsidP="00A35FED">
            <w:r>
              <w:t xml:space="preserve">                    $(target).show();</w:t>
            </w:r>
          </w:p>
          <w:p w:rsidR="00A35FED" w:rsidRDefault="00A35FED" w:rsidP="00A35FED">
            <w:r>
              <w:t xml:space="preserve">                    $(this).html("Hide &lt;i class='fas fa-eye-slash fa-rotate-90'&gt;&lt;/i&gt;").addClass("in");</w:t>
            </w:r>
          </w:p>
          <w:p w:rsidR="00A35FED" w:rsidRDefault="00A35FED" w:rsidP="00A35FED">
            <w:r>
              <w:t xml:space="preserve">                }</w:t>
            </w:r>
          </w:p>
          <w:p w:rsidR="00A35FED" w:rsidRDefault="00A35FED" w:rsidP="00A35FED">
            <w:r>
              <w:t xml:space="preserve">            });</w:t>
            </w:r>
          </w:p>
          <w:p w:rsidR="00A35FED" w:rsidRDefault="00A35FED" w:rsidP="00A35FED">
            <w:r>
              <w:t xml:space="preserve">            $(document.body).on("click", "#btnReview", function (e) {</w:t>
            </w:r>
          </w:p>
          <w:p w:rsidR="00A35FED" w:rsidRDefault="00A35FED" w:rsidP="00A35FED">
            <w:r>
              <w:t xml:space="preserve">                e.preventDefault();</w:t>
            </w:r>
          </w:p>
          <w:p w:rsidR="00A35FED" w:rsidRDefault="00A35FED" w:rsidP="00A35FED">
            <w:r>
              <w:t xml:space="preserve">                var container = $("#divReviewContainer");</w:t>
            </w:r>
          </w:p>
          <w:p w:rsidR="00A35FED" w:rsidRDefault="00A35FED" w:rsidP="00A35FED">
            <w:r>
              <w:t xml:space="preserve">                var target = $("#divReviews");</w:t>
            </w:r>
          </w:p>
          <w:p w:rsidR="00A35FED" w:rsidRDefault="00A35FED" w:rsidP="00A35FED">
            <w:r>
              <w:t xml:space="preserve">                var href = $(this).attr("href");</w:t>
            </w:r>
          </w:p>
          <w:p w:rsidR="00A35FED" w:rsidRDefault="00A35FED" w:rsidP="00A35FED">
            <w:r>
              <w:t xml:space="preserve">                var postData = {</w:t>
            </w:r>
          </w:p>
          <w:p w:rsidR="00A35FED" w:rsidRDefault="00A35FED" w:rsidP="00A35FED">
            <w:r>
              <w:t xml:space="preserve">                    "rating": $("#ddlRating").val(),</w:t>
            </w:r>
          </w:p>
          <w:p w:rsidR="00A35FED" w:rsidRDefault="00A35FED" w:rsidP="00A35FED">
            <w:r>
              <w:t xml:space="preserve">                    "comment": $("#txtComment").val()</w:t>
            </w:r>
          </w:p>
          <w:p w:rsidR="00A35FED" w:rsidRDefault="00A35FED" w:rsidP="00A35FED">
            <w:r>
              <w:t xml:space="preserve">                };</w:t>
            </w:r>
          </w:p>
          <w:p w:rsidR="00A35FED" w:rsidRDefault="00A35FED" w:rsidP="00A35FED">
            <w:r>
              <w:t xml:space="preserve">                $.ajax({</w:t>
            </w:r>
          </w:p>
          <w:p w:rsidR="00A35FED" w:rsidRDefault="00A35FED" w:rsidP="00A35FED">
            <w:r>
              <w:t xml:space="preserve">                    type: "POST",</w:t>
            </w:r>
          </w:p>
          <w:p w:rsidR="00A35FED" w:rsidRDefault="00A35FED" w:rsidP="00A35FED">
            <w:r>
              <w:t xml:space="preserve">                    headers: {</w:t>
            </w:r>
          </w:p>
          <w:p w:rsidR="00A35FED" w:rsidRDefault="00A35FED" w:rsidP="00A35FED">
            <w:r>
              <w:t xml:space="preserve">                        'X-CSRF-TOKEN': "dgqJnlX1u9TY9MEkfnEcAOPCkhA13RV7pHlBGUUg",</w:t>
            </w:r>
          </w:p>
          <w:p w:rsidR="00A35FED" w:rsidRDefault="00A35FED" w:rsidP="00A35FED">
            <w:r>
              <w:t xml:space="preserve">                        'Access-Control-Allow-Origin': '*'</w:t>
            </w:r>
          </w:p>
          <w:p w:rsidR="00A35FED" w:rsidRDefault="00A35FED" w:rsidP="00A35FED">
            <w:r>
              <w:t xml:space="preserve">                    },</w:t>
            </w:r>
          </w:p>
          <w:p w:rsidR="00A35FED" w:rsidRDefault="00A35FED" w:rsidP="00A35FED">
            <w:r>
              <w:t xml:space="preserve">                    url: href,</w:t>
            </w:r>
          </w:p>
          <w:p w:rsidR="00A35FED" w:rsidRDefault="00A35FED" w:rsidP="00A35FED">
            <w:r>
              <w:t xml:space="preserve">                    data: postData,</w:t>
            </w:r>
          </w:p>
          <w:p w:rsidR="00A35FED" w:rsidRDefault="00A35FED" w:rsidP="00A35FED">
            <w:r>
              <w:t xml:space="preserve">                    beforeSend: function () {</w:t>
            </w:r>
          </w:p>
          <w:p w:rsidR="00A35FED" w:rsidRDefault="00A35FED" w:rsidP="00A35FED">
            <w:r>
              <w:t xml:space="preserve">                        container.addClass("block-loader");</w:t>
            </w:r>
          </w:p>
          <w:p w:rsidR="00A35FED" w:rsidRDefault="00A35FED" w:rsidP="00A35FED">
            <w:r>
              <w:t xml:space="preserve">                    },</w:t>
            </w:r>
          </w:p>
          <w:p w:rsidR="00A35FED" w:rsidRDefault="00A35FED" w:rsidP="00A35FED">
            <w:r>
              <w:t xml:space="preserve">                    success: function (response) {</w:t>
            </w:r>
          </w:p>
          <w:p w:rsidR="00A35FED" w:rsidRDefault="00A35FED" w:rsidP="00A35FED">
            <w:r>
              <w:t xml:space="preserve">                        target.append(response);</w:t>
            </w:r>
          </w:p>
          <w:p w:rsidR="00A35FED" w:rsidRDefault="00A35FED" w:rsidP="00A35FED">
            <w:r>
              <w:t xml:space="preserve">                        container.remove();</w:t>
            </w:r>
          </w:p>
          <w:p w:rsidR="00A35FED" w:rsidRDefault="00A35FED" w:rsidP="00A35FED">
            <w:r>
              <w:t xml:space="preserve">                        $(".pre-review").remove();</w:t>
            </w:r>
          </w:p>
          <w:p w:rsidR="00A35FED" w:rsidRDefault="00A35FED" w:rsidP="00A35FED">
            <w:r>
              <w:t xml:space="preserve">                        $(".post-review").show();</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lastRenderedPageBreak/>
              <w:t xml:space="preserve">                    });</w:t>
            </w:r>
          </w:p>
          <w:p w:rsidR="00A35FED" w:rsidRDefault="00A35FED" w:rsidP="00A35FED">
            <w:r>
              <w:t xml:space="preserve">    &lt;/script&gt;</w:t>
            </w:r>
          </w:p>
          <w:p w:rsidR="00A35FED" w:rsidRDefault="00A35FED" w:rsidP="00A35FED">
            <w:r>
              <w:t xml:space="preserve">    &lt;!--Login/Logout messages --&gt;</w:t>
            </w:r>
          </w:p>
          <w:p w:rsidR="00A35FED" w:rsidRDefault="00A35FED" w:rsidP="00A35FED">
            <w:r>
              <w:t>&lt;script type="text/javascript"&gt;</w:t>
            </w:r>
          </w:p>
          <w:p w:rsidR="00A35FED" w:rsidRDefault="00A35FED" w:rsidP="00A35FED">
            <w:r>
              <w:t xml:space="preserve">    $(document).ready(function () {</w:t>
            </w:r>
          </w:p>
          <w:p w:rsidR="00A35FED" w:rsidRDefault="00A35FED" w:rsidP="00A35FED">
            <w:r>
              <w:t xml:space="preserve">            });</w:t>
            </w:r>
          </w:p>
          <w:p w:rsidR="00A35FED" w:rsidRDefault="00A35FED" w:rsidP="00A35FED">
            <w:r>
              <w:t xml:space="preserve">    function onStorageEvent(e) {</w:t>
            </w:r>
          </w:p>
          <w:p w:rsidR="00A35FED" w:rsidRDefault="00A35FED" w:rsidP="00A35FED">
            <w:r>
              <w:t xml:space="preserve">        if (e.key === "session-expired") {</w:t>
            </w:r>
          </w:p>
          <w:p w:rsidR="00A35FED" w:rsidRDefault="00A35FED" w:rsidP="00A35FED">
            <w:r>
              <w:t xml:space="preserve">            swal.fire({</w:t>
            </w:r>
          </w:p>
          <w:p w:rsidR="00A35FED" w:rsidRDefault="00A35FED" w:rsidP="00A35FED">
            <w:r>
              <w:t xml:space="preserve">                title: "You Session seems Expired!!",</w:t>
            </w:r>
          </w:p>
          <w:p w:rsidR="00A35FED" w:rsidRDefault="00A35FED" w:rsidP="00A35FED">
            <w:r>
              <w:t xml:space="preserve">                text: "You have logged out from your other active session.",</w:t>
            </w:r>
          </w:p>
          <w:p w:rsidR="00A35FED" w:rsidRDefault="00A35FED" w:rsidP="00A35FED">
            <w:r>
              <w:t xml:space="preserve">                icon: "info",</w:t>
            </w:r>
          </w:p>
          <w:p w:rsidR="00A35FED" w:rsidRDefault="00A35FED" w:rsidP="00A35FED">
            <w:r>
              <w:t xml:space="preserve">                confirmButtonColor: "#DD6B55",</w:t>
            </w:r>
          </w:p>
          <w:p w:rsidR="00A35FED" w:rsidRDefault="00A35FED" w:rsidP="00A35FED">
            <w:r>
              <w:t xml:space="preserve">                confirmButtonText: "Ok, Got it!!",</w:t>
            </w:r>
          </w:p>
          <w:p w:rsidR="00A35FED" w:rsidRDefault="00A35FED" w:rsidP="00A35FED">
            <w:r>
              <w:t xml:space="preserve">                showLoaderOnConfirm: true,</w:t>
            </w:r>
          </w:p>
          <w:p w:rsidR="00A35FED" w:rsidRDefault="00A35FED" w:rsidP="00A35FED">
            <w:r>
              <w:t xml:space="preserve">                allowOutsideClick: false</w:t>
            </w:r>
          </w:p>
          <w:p w:rsidR="00A35FED" w:rsidRDefault="00A35FED" w:rsidP="00A35FED">
            <w:r>
              <w:t xml:space="preserve">            }).then((result) =&gt; {</w:t>
            </w:r>
          </w:p>
          <w:p w:rsidR="00A35FED" w:rsidRDefault="00A35FED" w:rsidP="00A35FED">
            <w:r>
              <w:t xml:space="preserve">                if (result.value) {</w:t>
            </w:r>
          </w:p>
          <w:p w:rsidR="00A35FED" w:rsidRDefault="00A35FED" w:rsidP="00A35FED">
            <w:r>
              <w:t xml:space="preserve">                    Swal.fire({</w:t>
            </w:r>
          </w:p>
          <w:p w:rsidR="00A35FED" w:rsidRDefault="00A35FED" w:rsidP="00A35FED">
            <w:r>
              <w:t xml:space="preserve">                        title: 'Please wait!!',</w:t>
            </w:r>
          </w:p>
          <w:p w:rsidR="00A35FED" w:rsidRDefault="00A35FED" w:rsidP="00A35FED">
            <w:r>
              <w:t xml:space="preserve">                        showLoaderOnConfirm: true,</w:t>
            </w:r>
          </w:p>
          <w:p w:rsidR="00A35FED" w:rsidRDefault="00A35FED" w:rsidP="00A35FED">
            <w:r>
              <w:t xml:space="preserve">                        showConfirmButton: false,</w:t>
            </w:r>
          </w:p>
          <w:p w:rsidR="00A35FED" w:rsidRDefault="00A35FED" w:rsidP="00A35FED">
            <w:r>
              <w:t xml:space="preserve">                        allowOutsideClick: false,</w:t>
            </w:r>
          </w:p>
          <w:p w:rsidR="00A35FED" w:rsidRDefault="00A35FED" w:rsidP="00A35FED">
            <w:r>
              <w:t xml:space="preserve">                        onBeforeOpen: () =&gt; {</w:t>
            </w:r>
          </w:p>
          <w:p w:rsidR="00A35FED" w:rsidRDefault="00A35FED" w:rsidP="00A35FED">
            <w:r>
              <w:t xml:space="preserve">                            Swal.showLoading();</w:t>
            </w:r>
          </w:p>
          <w:p w:rsidR="00A35FED" w:rsidRDefault="00A35FED" w:rsidP="00A35FED">
            <w:r>
              <w:t xml:space="preserve">                        }</w:t>
            </w:r>
          </w:p>
          <w:p w:rsidR="00A35FED" w:rsidRDefault="00A35FED" w:rsidP="00A35FED">
            <w:r>
              <w:t xml:space="preserve">                    });</w:t>
            </w:r>
          </w:p>
          <w:p w:rsidR="00A35FED" w:rsidRDefault="00A35FED" w:rsidP="00A35FED">
            <w:r>
              <w:t xml:space="preserve">                    window.location.reload();</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window.addEventListener('storage', onStorageEvent);</w:t>
            </w:r>
          </w:p>
          <w:p w:rsidR="00A35FED" w:rsidRDefault="00A35FED" w:rsidP="00A35FED">
            <w:r>
              <w:t xml:space="preserve">    /*$(document).ready(function () {</w:t>
            </w:r>
          </w:p>
          <w:p w:rsidR="00A35FED" w:rsidRDefault="00A35FED" w:rsidP="00A35FED">
            <w:r>
              <w:t xml:space="preserve">        const timeout = 20000;  // 900000 ms = 15 minutes</w:t>
            </w:r>
          </w:p>
          <w:p w:rsidR="00A35FED" w:rsidRDefault="00A35FED" w:rsidP="00A35FED">
            <w:r>
              <w:t xml:space="preserve">        var idleTimer = null;</w:t>
            </w:r>
          </w:p>
          <w:p w:rsidR="00A35FED" w:rsidRDefault="00A35FED" w:rsidP="00A35FED">
            <w:r>
              <w:t xml:space="preserve">        $('*').bind('mousemove click mouseup mousedown keydown keypress keyup submit change mouseenter scroll resize dblclick', function () {</w:t>
            </w:r>
          </w:p>
          <w:p w:rsidR="00A35FED" w:rsidRDefault="00A35FED" w:rsidP="00A35FED">
            <w:r>
              <w:t xml:space="preserve">            clearTimeout(idleTimer);</w:t>
            </w:r>
          </w:p>
          <w:p w:rsidR="00A35FED" w:rsidRDefault="00A35FED" w:rsidP="00A35FED"/>
          <w:p w:rsidR="00A35FED" w:rsidRDefault="00A35FED" w:rsidP="00A35FED">
            <w:r>
              <w:t xml:space="preserve">            idleTimer = setTimeout(function () {</w:t>
            </w:r>
          </w:p>
          <w:p w:rsidR="00A35FED" w:rsidRDefault="00A35FED" w:rsidP="00A35FED">
            <w:r>
              <w:t xml:space="preserve">                /!*document.getElementById('logout-form').submit();*!/</w:t>
            </w:r>
          </w:p>
          <w:p w:rsidR="00A35FED" w:rsidRDefault="00A35FED" w:rsidP="00A35FED">
            <w:r>
              <w:t xml:space="preserve">                alert("You are idle for more than 60 seconds")</w:t>
            </w:r>
          </w:p>
          <w:p w:rsidR="00A35FED" w:rsidRDefault="00A35FED" w:rsidP="00A35FED">
            <w:r>
              <w:t xml:space="preserve">            }, timeout);</w:t>
            </w:r>
          </w:p>
          <w:p w:rsidR="00A35FED" w:rsidRDefault="00A35FED" w:rsidP="00A35FED">
            <w:r>
              <w:t xml:space="preserve">        });</w:t>
            </w:r>
          </w:p>
          <w:p w:rsidR="00A35FED" w:rsidRDefault="00A35FED" w:rsidP="00A35FED">
            <w:r>
              <w:t xml:space="preserve">        $("body").trigger("mousemove");</w:t>
            </w:r>
          </w:p>
          <w:p w:rsidR="00A35FED" w:rsidRDefault="00A35FED" w:rsidP="00A35FED">
            <w:r>
              <w:t xml:space="preserve">    });*/</w:t>
            </w:r>
          </w:p>
          <w:p w:rsidR="00A35FED" w:rsidRDefault="00A35FED" w:rsidP="00A35FED">
            <w:r>
              <w:t>&lt;/script&gt;</w:t>
            </w:r>
          </w:p>
          <w:p w:rsidR="00A35FED" w:rsidRDefault="00A35FED" w:rsidP="00A35FED"/>
          <w:p w:rsidR="00A35FED" w:rsidRDefault="00A35FED" w:rsidP="00A35FED">
            <w:r>
              <w:t>&lt;!--Modal pop-up script --&gt;</w:t>
            </w:r>
          </w:p>
          <w:p w:rsidR="00A35FED" w:rsidRDefault="00A35FED" w:rsidP="00A35FED">
            <w:r>
              <w:t>&lt;script type="text/javascript"&gt;</w:t>
            </w:r>
          </w:p>
          <w:p w:rsidR="00A35FED" w:rsidRDefault="00A35FED" w:rsidP="00A35FED"/>
          <w:p w:rsidR="00A35FED" w:rsidRDefault="00A35FED" w:rsidP="00A35FED">
            <w:r>
              <w:t xml:space="preserve">    $("#myBtn").click(function(){</w:t>
            </w:r>
          </w:p>
          <w:p w:rsidR="00A35FED" w:rsidRDefault="00A35FED" w:rsidP="00A35FED">
            <w:r>
              <w:t xml:space="preserve">        $("#myModal").modal();</w:t>
            </w:r>
          </w:p>
          <w:p w:rsidR="00A35FED" w:rsidRDefault="00A35FED" w:rsidP="00A35FED">
            <w:r>
              <w:t xml:space="preserve">        $(".modal-backdrop").addClass("modal fade show");</w:t>
            </w:r>
          </w:p>
          <w:p w:rsidR="00A35FED" w:rsidRDefault="00A35FED" w:rsidP="00A35FED">
            <w:r>
              <w:t xml:space="preserve">    });</w:t>
            </w:r>
          </w:p>
          <w:p w:rsidR="00A35FED" w:rsidRDefault="00A35FED" w:rsidP="00A35FED">
            <w:r>
              <w:t xml:space="preserve">    $("#myBtn1").click(function(){</w:t>
            </w:r>
          </w:p>
          <w:p w:rsidR="00A35FED" w:rsidRDefault="00A35FED" w:rsidP="00A35FED">
            <w:r>
              <w:t xml:space="preserve">        $("#myModal1").modal();</w:t>
            </w:r>
          </w:p>
          <w:p w:rsidR="00A35FED" w:rsidRDefault="00A35FED" w:rsidP="00A35FED">
            <w:r>
              <w:t xml:space="preserve">        $(".modal-backdrop").addClass("modal fade show");</w:t>
            </w:r>
          </w:p>
          <w:p w:rsidR="00A35FED" w:rsidRDefault="00A35FED" w:rsidP="00A35FED">
            <w:r>
              <w:t xml:space="preserve">    });</w:t>
            </w:r>
          </w:p>
          <w:p w:rsidR="00A35FED" w:rsidRDefault="00A35FED" w:rsidP="00A35FED">
            <w:r>
              <w:t xml:space="preserve">    $("#myBtn2").click(function(){</w:t>
            </w:r>
          </w:p>
          <w:p w:rsidR="00A35FED" w:rsidRDefault="00A35FED" w:rsidP="00A35FED">
            <w:r>
              <w:t xml:space="preserve">        $("#myModal2").modal();</w:t>
            </w:r>
          </w:p>
          <w:p w:rsidR="00A35FED" w:rsidRDefault="00A35FED" w:rsidP="00A35FED">
            <w:r>
              <w:t xml:space="preserve">        $(".modal-backdrop").addClass("modal fade show");</w:t>
            </w:r>
          </w:p>
          <w:p w:rsidR="00A35FED" w:rsidRDefault="00A35FED" w:rsidP="00A35FED">
            <w:r>
              <w:t xml:space="preserve">    });</w:t>
            </w:r>
          </w:p>
          <w:p w:rsidR="00A35FED" w:rsidRDefault="00A35FED" w:rsidP="00A35FED">
            <w:r>
              <w:t xml:space="preserve">     $("#myBtn3").click(function(){</w:t>
            </w:r>
          </w:p>
          <w:p w:rsidR="00A35FED" w:rsidRDefault="00A35FED" w:rsidP="00A35FED">
            <w:r>
              <w:t xml:space="preserve">        $("#myModal3").modal();</w:t>
            </w:r>
          </w:p>
          <w:p w:rsidR="00A35FED" w:rsidRDefault="00A35FED" w:rsidP="00A35FED">
            <w:r>
              <w:t xml:space="preserve">        $(".modal-backdrop").addClass("modal fade show");</w:t>
            </w:r>
          </w:p>
          <w:p w:rsidR="00A35FED" w:rsidRDefault="00A35FED" w:rsidP="00A35FED">
            <w:r>
              <w:t xml:space="preserve">    });</w:t>
            </w:r>
          </w:p>
          <w:p w:rsidR="00A35FED" w:rsidRDefault="00A35FED" w:rsidP="00A35FED">
            <w:r>
              <w:t xml:space="preserve">    $("#myBtn4").click(function(){</w:t>
            </w:r>
          </w:p>
          <w:p w:rsidR="00A35FED" w:rsidRDefault="00A35FED" w:rsidP="00A35FED">
            <w:r>
              <w:t xml:space="preserve">        $("#myModal4").modal();</w:t>
            </w:r>
          </w:p>
          <w:p w:rsidR="00A35FED" w:rsidRDefault="00A35FED" w:rsidP="00A35FED">
            <w:r>
              <w:t xml:space="preserve">        $(".modal-backdrop").addClass("modal fade show");</w:t>
            </w:r>
          </w:p>
          <w:p w:rsidR="00A35FED" w:rsidRDefault="00A35FED" w:rsidP="00A35FED">
            <w:r>
              <w:t xml:space="preserve">    });</w:t>
            </w:r>
          </w:p>
          <w:p w:rsidR="00A35FED" w:rsidRDefault="00A35FED" w:rsidP="00A35FED">
            <w:r>
              <w:t xml:space="preserve">     $("#myBtn5").click(function(){</w:t>
            </w:r>
          </w:p>
          <w:p w:rsidR="00A35FED" w:rsidRDefault="00A35FED" w:rsidP="00A35FED">
            <w:r>
              <w:t xml:space="preserve">        $("#myModal5").modal();</w:t>
            </w:r>
          </w:p>
          <w:p w:rsidR="00A35FED" w:rsidRDefault="00A35FED" w:rsidP="00A35FED">
            <w:r>
              <w:t xml:space="preserve">        $(".modal-backdrop").addClass("modal fade show");</w:t>
            </w:r>
          </w:p>
          <w:p w:rsidR="00A35FED" w:rsidRDefault="00A35FED" w:rsidP="00A35FED">
            <w:r>
              <w:t xml:space="preserve">    });</w:t>
            </w:r>
          </w:p>
          <w:p w:rsidR="00A35FED" w:rsidRDefault="00A35FED" w:rsidP="00A35FED">
            <w:r>
              <w:t xml:space="preserve">     $("#myBtn6").click(function(){</w:t>
            </w:r>
          </w:p>
          <w:p w:rsidR="00A35FED" w:rsidRDefault="00A35FED" w:rsidP="00A35FED">
            <w:r>
              <w:t xml:space="preserve">        $("#myModal6").modal();</w:t>
            </w:r>
          </w:p>
          <w:p w:rsidR="00A35FED" w:rsidRDefault="00A35FED" w:rsidP="00A35FED">
            <w:r>
              <w:t xml:space="preserve">        $(".modal-backdrop").addClass("modal fade show");</w:t>
            </w:r>
          </w:p>
          <w:p w:rsidR="00A35FED" w:rsidRDefault="00A35FED" w:rsidP="00A35FED">
            <w:r>
              <w:t xml:space="preserve">    });</w:t>
            </w:r>
          </w:p>
          <w:p w:rsidR="00A35FED" w:rsidRDefault="00A35FED" w:rsidP="00A35FED">
            <w:r>
              <w:t>&lt;/script&gt;</w:t>
            </w:r>
          </w:p>
          <w:p w:rsidR="00A35FED" w:rsidRDefault="00A35FED" w:rsidP="00A35FED"/>
          <w:p w:rsidR="00A35FED" w:rsidRDefault="00A35FED" w:rsidP="00A35FED"/>
          <w:p w:rsidR="00A35FED" w:rsidRDefault="00A35FED" w:rsidP="00A35FED"/>
          <w:p w:rsidR="00A35FED" w:rsidRDefault="00A35FED" w:rsidP="00A35FED">
            <w:r>
              <w:t>&lt;!--From Validation--&gt;</w:t>
            </w:r>
          </w:p>
          <w:p w:rsidR="00A35FED" w:rsidRDefault="00A35FED" w:rsidP="00A35FED">
            <w:r>
              <w:t>&lt;script src="js/from-validation-js/jquery.min.js"&gt;&lt;/script&gt;</w:t>
            </w:r>
          </w:p>
          <w:p w:rsidR="00A35FED" w:rsidRDefault="00A35FED" w:rsidP="00A35FED">
            <w:r>
              <w:t xml:space="preserve">&lt;script src="js/from-validation-js/jquery.validate.min.js"&gt;&lt;/script&gt; </w:t>
            </w:r>
          </w:p>
          <w:p w:rsidR="00A35FED" w:rsidRDefault="00A35FED" w:rsidP="00A35FED">
            <w:r>
              <w:t xml:space="preserve">&lt;script src="js/from-validation-js/filevalidation.js"&gt;&lt;/script&gt; </w:t>
            </w:r>
          </w:p>
          <w:p w:rsidR="00A35FED" w:rsidRDefault="00A35FED" w:rsidP="00A35FED">
            <w:r>
              <w:t xml:space="preserve">&lt;script src="js/from-validation-js/sweetalert.min.js"&gt;&lt;/script&gt;  </w:t>
            </w:r>
          </w:p>
          <w:p w:rsidR="00A35FED" w:rsidRDefault="00A35FED" w:rsidP="00A35FED"/>
          <w:p w:rsidR="00A35FED" w:rsidRDefault="00A35FED" w:rsidP="00A35FED"/>
          <w:p w:rsidR="00A35FED" w:rsidRDefault="00A35FED" w:rsidP="00A35FED">
            <w:r>
              <w:t>&lt;!--Wish Form - Add to your Wishlist --&gt;</w:t>
            </w:r>
          </w:p>
          <w:p w:rsidR="00A35FED" w:rsidRDefault="00A35FED" w:rsidP="00A35FED">
            <w:r>
              <w:t>&lt;script&gt;</w:t>
            </w:r>
          </w:p>
          <w:p w:rsidR="00A35FED" w:rsidRDefault="00A35FED" w:rsidP="00A35FED">
            <w:r>
              <w:t xml:space="preserve">//Form Validation </w:t>
            </w:r>
          </w:p>
          <w:p w:rsidR="00A35FED" w:rsidRDefault="00A35FED" w:rsidP="00A35FED">
            <w:r>
              <w:t>$("#wish_form").validate({</w:t>
            </w:r>
          </w:p>
          <w:p w:rsidR="00A35FED" w:rsidRDefault="00A35FED" w:rsidP="00A35FED">
            <w:r>
              <w:t xml:space="preserve">rules: {  </w:t>
            </w:r>
          </w:p>
          <w:p w:rsidR="00A35FED" w:rsidRDefault="00A35FED" w:rsidP="00A35FED">
            <w:r>
              <w:lastRenderedPageBreak/>
              <w:tab/>
              <w:t>email1: {</w:t>
            </w:r>
          </w:p>
          <w:p w:rsidR="00A35FED" w:rsidRDefault="00A35FED" w:rsidP="00A35FED">
            <w:r>
              <w:tab/>
            </w:r>
            <w:r>
              <w:tab/>
            </w:r>
            <w:r>
              <w:tab/>
              <w:t xml:space="preserve">required: true, </w:t>
            </w:r>
          </w:p>
          <w:p w:rsidR="00A35FED" w:rsidRDefault="00A35FED" w:rsidP="00A35FED">
            <w:r>
              <w:tab/>
            </w:r>
            <w:r>
              <w:tab/>
            </w:r>
            <w:r>
              <w:tab/>
              <w:t>email:true</w:t>
            </w:r>
          </w:p>
          <w:p w:rsidR="00A35FED" w:rsidRDefault="00A35FED" w:rsidP="00A35FED">
            <w:r>
              <w:tab/>
            </w:r>
            <w:r>
              <w:tab/>
              <w:t xml:space="preserve">},   </w:t>
            </w:r>
          </w:p>
          <w:p w:rsidR="00A35FED" w:rsidRDefault="00A35FED" w:rsidP="00A35FED">
            <w:r>
              <w:t>},</w:t>
            </w:r>
          </w:p>
          <w:p w:rsidR="00A35FED" w:rsidRDefault="00A35FED" w:rsidP="00A35FED">
            <w:r>
              <w:t>//For custom messages</w:t>
            </w:r>
          </w:p>
          <w:p w:rsidR="00A35FED" w:rsidRDefault="00A35FED" w:rsidP="00A35FED">
            <w:r>
              <w:t xml:space="preserve">messages: { </w:t>
            </w:r>
          </w:p>
          <w:p w:rsidR="00A35FED" w:rsidRDefault="00A35FED" w:rsidP="00A35FED">
            <w:r>
              <w:tab/>
              <w:t>email1:{</w:t>
            </w:r>
          </w:p>
          <w:p w:rsidR="00A35FED" w:rsidRDefault="00A35FED" w:rsidP="00A35FED">
            <w:r>
              <w:tab/>
            </w:r>
            <w:r>
              <w:tab/>
            </w:r>
            <w:r>
              <w:tab/>
              <w:t xml:space="preserve">required: "Please enter email id", </w:t>
            </w:r>
          </w:p>
          <w:p w:rsidR="00A35FED" w:rsidRDefault="00A35FED" w:rsidP="00A35FED">
            <w:r>
              <w:tab/>
            </w:r>
            <w:r>
              <w:tab/>
            </w:r>
            <w:r>
              <w:tab/>
              <w:t>email1: "Please enter a valid email address"</w:t>
            </w:r>
          </w:p>
          <w:p w:rsidR="00A35FED" w:rsidRDefault="00A35FED" w:rsidP="00A35FED">
            <w:r>
              <w:tab/>
            </w:r>
            <w:r>
              <w:tab/>
              <w:t xml:space="preserve">},  </w:t>
            </w:r>
          </w:p>
          <w:p w:rsidR="00A35FED" w:rsidRDefault="00A35FED" w:rsidP="00A35FED"/>
          <w:p w:rsidR="00A35FED" w:rsidRDefault="00A35FED" w:rsidP="00A35FED">
            <w:r>
              <w:t>},</w:t>
            </w:r>
          </w:p>
          <w:p w:rsidR="00A35FED" w:rsidRDefault="00A35FED" w:rsidP="00A35FED">
            <w:r>
              <w:t>errorElement : 'div',</w:t>
            </w:r>
          </w:p>
          <w:p w:rsidR="00A35FED" w:rsidRDefault="00A35FED" w:rsidP="00A35FED">
            <w:r>
              <w:t>errorPlacement: function(error, element) {</w:t>
            </w:r>
          </w:p>
          <w:p w:rsidR="00A35FED" w:rsidRDefault="00A35FED" w:rsidP="00A35FED">
            <w:r>
              <w:tab/>
              <w:t>var placement = $(element).data('error');</w:t>
            </w:r>
          </w:p>
          <w:p w:rsidR="00A35FED" w:rsidRDefault="00A35FED" w:rsidP="00A35FED">
            <w:r>
              <w:tab/>
              <w:t>if (placement) {</w:t>
            </w:r>
          </w:p>
          <w:p w:rsidR="00A35FED" w:rsidRDefault="00A35FED" w:rsidP="00A35FED">
            <w:r>
              <w:tab/>
              <w:t>$(placement).append(error)</w:t>
            </w:r>
          </w:p>
          <w:p w:rsidR="00A35FED" w:rsidRDefault="00A35FED" w:rsidP="00A35FED">
            <w:r>
              <w:tab/>
              <w:t>} else {</w:t>
            </w:r>
          </w:p>
          <w:p w:rsidR="00A35FED" w:rsidRDefault="00A35FED" w:rsidP="00A35FED">
            <w:r>
              <w:tab/>
              <w:t>error.insertAfter(element);</w:t>
            </w:r>
          </w:p>
          <w:p w:rsidR="00A35FED" w:rsidRDefault="00A35FED" w:rsidP="00A35FED">
            <w:r>
              <w:tab/>
              <w:t>}</w:t>
            </w:r>
          </w:p>
          <w:p w:rsidR="00A35FED" w:rsidRDefault="00A35FED" w:rsidP="00A35FED">
            <w:r>
              <w:t>},</w:t>
            </w:r>
          </w:p>
          <w:p w:rsidR="00A35FED" w:rsidRDefault="00A35FED" w:rsidP="00A35FED">
            <w:r>
              <w:tab/>
              <w:t>submitHandler: function(form) {</w:t>
            </w:r>
          </w:p>
          <w:p w:rsidR="00A35FED" w:rsidRDefault="00A35FED" w:rsidP="00A35FED"/>
          <w:p w:rsidR="00A35FED" w:rsidRDefault="00A35FED" w:rsidP="00A35FED">
            <w:r>
              <w:tab/>
            </w:r>
            <w:r>
              <w:tab/>
              <w:t xml:space="preserve">var formData = new FormData(document.getElementsByName('wish_form')[0]); </w:t>
            </w:r>
          </w:p>
          <w:p w:rsidR="00A35FED" w:rsidRDefault="00A35FED" w:rsidP="00A35FED">
            <w:r>
              <w:tab/>
            </w:r>
            <w:r>
              <w:tab/>
              <w:t>// console.log(formData);return false;</w:t>
            </w:r>
            <w:r>
              <w:tab/>
              <w:t xml:space="preserve"> </w:t>
            </w:r>
          </w:p>
          <w:p w:rsidR="00A35FED" w:rsidRDefault="00A35FED" w:rsidP="00A35FED">
            <w:r>
              <w:tab/>
            </w:r>
            <w:r>
              <w:tab/>
            </w:r>
          </w:p>
          <w:p w:rsidR="00A35FED" w:rsidRDefault="00A35FED" w:rsidP="00A35FED">
            <w:r>
              <w:tab/>
            </w:r>
            <w:r>
              <w:tab/>
              <w:t>$.ajax({</w:t>
            </w:r>
          </w:p>
          <w:p w:rsidR="00A35FED" w:rsidRDefault="00A35FED" w:rsidP="00A35FED">
            <w:r>
              <w:tab/>
            </w:r>
            <w:r>
              <w:tab/>
            </w:r>
            <w:r>
              <w:tab/>
            </w:r>
            <w:r>
              <w:tab/>
              <w:t>url: "/spf_wishlist_insert_process.php",</w:t>
            </w:r>
          </w:p>
          <w:p w:rsidR="00A35FED" w:rsidRDefault="00A35FED" w:rsidP="00A35FED">
            <w:r>
              <w:tab/>
            </w:r>
            <w:r>
              <w:tab/>
            </w:r>
            <w:r>
              <w:tab/>
            </w:r>
            <w:r>
              <w:tab/>
              <w:t>type: 'POST',</w:t>
            </w:r>
          </w:p>
          <w:p w:rsidR="00A35FED" w:rsidRDefault="00A35FED" w:rsidP="00A35FED">
            <w:r>
              <w:tab/>
            </w:r>
            <w:r>
              <w:tab/>
            </w:r>
            <w:r>
              <w:tab/>
            </w:r>
            <w:r>
              <w:tab/>
              <w:t>data: formData,</w:t>
            </w:r>
          </w:p>
          <w:p w:rsidR="00A35FED" w:rsidRDefault="00A35FED" w:rsidP="00A35FED">
            <w:r>
              <w:tab/>
            </w:r>
            <w:r>
              <w:tab/>
            </w:r>
            <w:r>
              <w:tab/>
            </w:r>
            <w:r>
              <w:tab/>
              <w:t>// async: false,</w:t>
            </w:r>
          </w:p>
          <w:p w:rsidR="00A35FED" w:rsidRDefault="00A35FED" w:rsidP="00A35FED">
            <w:r>
              <w:tab/>
            </w:r>
            <w:r>
              <w:tab/>
            </w:r>
            <w:r>
              <w:tab/>
            </w:r>
            <w:r>
              <w:tab/>
              <w:t>cache: false,</w:t>
            </w:r>
          </w:p>
          <w:p w:rsidR="00A35FED" w:rsidRDefault="00A35FED" w:rsidP="00A35FED">
            <w:r>
              <w:tab/>
            </w:r>
            <w:r>
              <w:tab/>
            </w:r>
            <w:r>
              <w:tab/>
            </w:r>
            <w:r>
              <w:tab/>
              <w:t>contentType: false,</w:t>
            </w:r>
          </w:p>
          <w:p w:rsidR="00A35FED" w:rsidRDefault="00A35FED" w:rsidP="00A35FED">
            <w:r>
              <w:tab/>
            </w:r>
            <w:r>
              <w:tab/>
            </w:r>
            <w:r>
              <w:tab/>
            </w:r>
            <w:r>
              <w:tab/>
              <w:t>processData: false,</w:t>
            </w:r>
          </w:p>
          <w:p w:rsidR="00A35FED" w:rsidRDefault="00A35FED" w:rsidP="00A35FED">
            <w:r>
              <w:tab/>
            </w:r>
            <w:r>
              <w:tab/>
            </w:r>
            <w:r>
              <w:tab/>
            </w:r>
            <w:r>
              <w:tab/>
              <w:t>beforeSend: function(){</w:t>
            </w:r>
          </w:p>
          <w:p w:rsidR="00A35FED" w:rsidRDefault="00A35FED" w:rsidP="00A35FED">
            <w:r>
              <w:tab/>
            </w:r>
            <w:r>
              <w:tab/>
            </w:r>
            <w:r>
              <w:tab/>
            </w:r>
            <w:r>
              <w:tab/>
            </w:r>
            <w:r>
              <w:tab/>
              <w:t>$('#cover-spin').show();</w:t>
            </w:r>
          </w:p>
          <w:p w:rsidR="00A35FED" w:rsidRDefault="00A35FED" w:rsidP="00A35FED">
            <w:r>
              <w:tab/>
            </w:r>
            <w:r>
              <w:tab/>
            </w:r>
            <w:r>
              <w:tab/>
            </w:r>
            <w:r>
              <w:tab/>
            </w:r>
            <w:r>
              <w:tab/>
              <w:t>$("#btnSubmit").attr("disabled", true);</w:t>
            </w:r>
          </w:p>
          <w:p w:rsidR="00A35FED" w:rsidRDefault="00A35FED" w:rsidP="00A35FED">
            <w:r>
              <w:tab/>
            </w:r>
            <w:r>
              <w:tab/>
            </w:r>
            <w:r>
              <w:tab/>
            </w:r>
            <w:r>
              <w:tab/>
              <w:t>},</w:t>
            </w:r>
          </w:p>
          <w:p w:rsidR="00A35FED" w:rsidRDefault="00A35FED" w:rsidP="00A35FED">
            <w:r>
              <w:tab/>
            </w:r>
            <w:r>
              <w:tab/>
            </w:r>
            <w:r>
              <w:tab/>
            </w:r>
            <w:r>
              <w:tab/>
              <w:t xml:space="preserve">success: function (returndata) {   </w:t>
            </w:r>
          </w:p>
          <w:p w:rsidR="00A35FED" w:rsidRDefault="00A35FED" w:rsidP="00A35FED">
            <w:r>
              <w:tab/>
            </w:r>
            <w:r>
              <w:tab/>
            </w:r>
            <w:r>
              <w:tab/>
            </w:r>
            <w:r>
              <w:tab/>
            </w:r>
            <w:r>
              <w:tab/>
              <w:t>console.log(returndata);return false;</w:t>
            </w:r>
            <w:r>
              <w:tab/>
              <w:t xml:space="preserve"> </w:t>
            </w:r>
          </w:p>
          <w:p w:rsidR="00A35FED" w:rsidRDefault="00A35FED" w:rsidP="00A35FED">
            <w:r>
              <w:tab/>
            </w:r>
            <w:r>
              <w:tab/>
            </w:r>
            <w:r>
              <w:tab/>
            </w:r>
            <w:r>
              <w:tab/>
            </w:r>
            <w:r>
              <w:tab/>
              <w:t>if(returndata==1){</w:t>
            </w:r>
          </w:p>
          <w:p w:rsidR="00A35FED" w:rsidRDefault="00A35FED" w:rsidP="00A35FED">
            <w:r>
              <w:tab/>
            </w:r>
            <w:r>
              <w:tab/>
            </w:r>
            <w:r>
              <w:tab/>
            </w:r>
            <w:r>
              <w:tab/>
            </w:r>
            <w:r>
              <w:tab/>
            </w:r>
            <w:r>
              <w:tab/>
              <w:t>swal("Successfully Saved to your Wish List", {</w:t>
            </w:r>
          </w:p>
          <w:p w:rsidR="00A35FED" w:rsidRDefault="00A35FED" w:rsidP="00A35FED">
            <w:r>
              <w:tab/>
            </w:r>
            <w:r>
              <w:tab/>
            </w:r>
            <w:r>
              <w:tab/>
            </w:r>
            <w:r>
              <w:tab/>
            </w:r>
            <w:r>
              <w:tab/>
            </w:r>
            <w:r>
              <w:tab/>
            </w:r>
            <w:r>
              <w:tab/>
            </w:r>
            <w:r>
              <w:tab/>
              <w:t xml:space="preserve">  icon: "success",</w:t>
            </w:r>
          </w:p>
          <w:p w:rsidR="00A35FED" w:rsidRDefault="00A35FED" w:rsidP="00A35FED">
            <w:r>
              <w:tab/>
            </w:r>
            <w:r>
              <w:tab/>
            </w:r>
            <w:r>
              <w:tab/>
            </w:r>
            <w:r>
              <w:tab/>
            </w:r>
            <w:r>
              <w:tab/>
            </w:r>
            <w:r>
              <w:tab/>
            </w:r>
            <w:r>
              <w:tab/>
              <w:t xml:space="preserve">});  </w:t>
            </w:r>
          </w:p>
          <w:p w:rsidR="00A35FED" w:rsidRDefault="00A35FED" w:rsidP="00A35FED">
            <w:r>
              <w:tab/>
            </w:r>
            <w:r>
              <w:tab/>
            </w:r>
            <w:r>
              <w:tab/>
            </w:r>
            <w:r>
              <w:tab/>
            </w:r>
            <w:r>
              <w:tab/>
            </w:r>
            <w:r>
              <w:tab/>
              <w:t xml:space="preserve">setTimeout(function(){  location.reload(); }, 1000);   </w:t>
            </w:r>
          </w:p>
          <w:p w:rsidR="00A35FED" w:rsidRDefault="00A35FED" w:rsidP="00A35FED">
            <w:r>
              <w:tab/>
            </w:r>
            <w:r>
              <w:tab/>
            </w:r>
            <w:r>
              <w:tab/>
            </w:r>
            <w:r>
              <w:tab/>
            </w:r>
            <w:r>
              <w:tab/>
              <w:t>}else{</w:t>
            </w:r>
          </w:p>
          <w:p w:rsidR="00A35FED" w:rsidRDefault="00A35FED" w:rsidP="00A35FED">
            <w:r>
              <w:tab/>
            </w:r>
            <w:r>
              <w:tab/>
            </w:r>
            <w:r>
              <w:tab/>
            </w:r>
            <w:r>
              <w:tab/>
            </w:r>
            <w:r>
              <w:tab/>
            </w:r>
            <w:r>
              <w:tab/>
              <w:t>swal("Alert", returndata, "error");</w:t>
            </w:r>
          </w:p>
          <w:p w:rsidR="00A35FED" w:rsidRDefault="00A35FED" w:rsidP="00A35FED">
            <w:r>
              <w:lastRenderedPageBreak/>
              <w:tab/>
            </w:r>
            <w:r>
              <w:tab/>
            </w:r>
            <w:r>
              <w:tab/>
            </w:r>
            <w:r>
              <w:tab/>
            </w:r>
            <w:r>
              <w:tab/>
            </w:r>
            <w:r>
              <w:tab/>
              <w:t>return false;</w:t>
            </w:r>
          </w:p>
          <w:p w:rsidR="00A35FED" w:rsidRDefault="00A35FED" w:rsidP="00A35FED">
            <w:r>
              <w:tab/>
            </w:r>
            <w:r>
              <w:tab/>
            </w:r>
            <w:r>
              <w:tab/>
            </w:r>
            <w:r>
              <w:tab/>
            </w:r>
            <w:r>
              <w:tab/>
              <w:t xml:space="preserve">} </w:t>
            </w:r>
          </w:p>
          <w:p w:rsidR="00A35FED" w:rsidRDefault="00A35FED" w:rsidP="00A35FED">
            <w:r>
              <w:tab/>
            </w:r>
            <w:r>
              <w:tab/>
            </w:r>
            <w:r>
              <w:tab/>
            </w:r>
            <w:r>
              <w:tab/>
              <w:t>},</w:t>
            </w:r>
          </w:p>
          <w:p w:rsidR="00A35FED" w:rsidRDefault="00A35FED" w:rsidP="00A35FED">
            <w:r>
              <w:tab/>
            </w:r>
            <w:r>
              <w:tab/>
            </w:r>
            <w:r>
              <w:tab/>
            </w:r>
            <w:r>
              <w:tab/>
              <w:t>complete: function(){</w:t>
            </w:r>
          </w:p>
          <w:p w:rsidR="00A35FED" w:rsidRDefault="00A35FED" w:rsidP="00A35FED">
            <w:r>
              <w:tab/>
            </w:r>
            <w:r>
              <w:tab/>
            </w:r>
            <w:r>
              <w:tab/>
            </w:r>
            <w:r>
              <w:tab/>
            </w:r>
            <w:r>
              <w:tab/>
              <w:t>$('#cover-spin').hide();</w:t>
            </w:r>
          </w:p>
          <w:p w:rsidR="00A35FED" w:rsidRDefault="00A35FED" w:rsidP="00A35FED">
            <w:r>
              <w:tab/>
            </w:r>
            <w:r>
              <w:tab/>
            </w:r>
            <w:r>
              <w:tab/>
            </w:r>
            <w:r>
              <w:tab/>
            </w:r>
            <w:r>
              <w:tab/>
              <w:t>$("#btnSubmit").attr("disabled", false);</w:t>
            </w:r>
          </w:p>
          <w:p w:rsidR="00A35FED" w:rsidRDefault="00A35FED" w:rsidP="00A35FED">
            <w:r>
              <w:tab/>
            </w:r>
            <w:r>
              <w:tab/>
            </w:r>
            <w:r>
              <w:tab/>
            </w:r>
            <w:r>
              <w:tab/>
              <w:t>}</w:t>
            </w:r>
          </w:p>
          <w:p w:rsidR="00A35FED" w:rsidRDefault="00A35FED" w:rsidP="00A35FED">
            <w:r>
              <w:tab/>
            </w:r>
            <w:r>
              <w:tab/>
              <w:t>});</w:t>
            </w:r>
          </w:p>
          <w:p w:rsidR="00A35FED" w:rsidRDefault="00A35FED" w:rsidP="00A35FED">
            <w:r>
              <w:tab/>
            </w:r>
            <w:r>
              <w:tab/>
            </w:r>
          </w:p>
          <w:p w:rsidR="00A35FED" w:rsidRDefault="00A35FED" w:rsidP="00A35FED">
            <w:r>
              <w:tab/>
            </w:r>
            <w:r>
              <w:tab/>
            </w:r>
          </w:p>
          <w:p w:rsidR="00A35FED" w:rsidRDefault="00A35FED" w:rsidP="00A35FED"/>
          <w:p w:rsidR="00A35FED" w:rsidRDefault="00A35FED" w:rsidP="00A35FED">
            <w:r>
              <w:tab/>
              <w:t>}</w:t>
            </w:r>
          </w:p>
          <w:p w:rsidR="00A35FED" w:rsidRDefault="00A35FED" w:rsidP="00A35FED">
            <w:r>
              <w:t xml:space="preserve">});     </w:t>
            </w:r>
          </w:p>
          <w:p w:rsidR="00A35FED" w:rsidRDefault="00A35FED" w:rsidP="00A35FED"/>
          <w:p w:rsidR="00A35FED" w:rsidRDefault="00A35FED" w:rsidP="00A35FED">
            <w:r>
              <w:t xml:space="preserve">//Form Validation </w:t>
            </w:r>
          </w:p>
          <w:p w:rsidR="00A35FED" w:rsidRDefault="00A35FED" w:rsidP="00A35FED">
            <w:r>
              <w:t>$("#ci_form_contact").validate({</w:t>
            </w:r>
          </w:p>
          <w:p w:rsidR="00A35FED" w:rsidRDefault="00A35FED" w:rsidP="00A35FED">
            <w:r>
              <w:t xml:space="preserve">rules: {  </w:t>
            </w:r>
          </w:p>
          <w:p w:rsidR="00A35FED" w:rsidRDefault="00A35FED" w:rsidP="00A35FED">
            <w:r>
              <w:tab/>
              <w:t>name: {</w:t>
            </w:r>
          </w:p>
          <w:p w:rsidR="00A35FED" w:rsidRDefault="00A35FED" w:rsidP="00A35FED">
            <w:r>
              <w:tab/>
            </w:r>
            <w:r>
              <w:tab/>
            </w:r>
            <w:r>
              <w:tab/>
              <w:t xml:space="preserve">required: true,   </w:t>
            </w:r>
          </w:p>
          <w:p w:rsidR="00A35FED" w:rsidRDefault="00A35FED" w:rsidP="00A35FED">
            <w:r>
              <w:tab/>
            </w:r>
            <w:r>
              <w:tab/>
              <w:t xml:space="preserve">},   </w:t>
            </w:r>
          </w:p>
          <w:p w:rsidR="00A35FED" w:rsidRDefault="00A35FED" w:rsidP="00A35FED">
            <w:r>
              <w:tab/>
              <w:t>email: {</w:t>
            </w:r>
          </w:p>
          <w:p w:rsidR="00A35FED" w:rsidRDefault="00A35FED" w:rsidP="00A35FED">
            <w:r>
              <w:tab/>
            </w:r>
            <w:r>
              <w:tab/>
            </w:r>
            <w:r>
              <w:tab/>
              <w:t xml:space="preserve">required: true, </w:t>
            </w:r>
          </w:p>
          <w:p w:rsidR="00A35FED" w:rsidRDefault="00A35FED" w:rsidP="00A35FED">
            <w:r>
              <w:tab/>
            </w:r>
            <w:r>
              <w:tab/>
            </w:r>
            <w:r>
              <w:tab/>
              <w:t>email:true</w:t>
            </w:r>
          </w:p>
          <w:p w:rsidR="00A35FED" w:rsidRDefault="00A35FED" w:rsidP="00A35FED">
            <w:r>
              <w:tab/>
            </w:r>
            <w:r>
              <w:tab/>
              <w:t xml:space="preserve">}, </w:t>
            </w:r>
          </w:p>
          <w:p w:rsidR="00A35FED" w:rsidRDefault="00A35FED" w:rsidP="00A35FED">
            <w:r>
              <w:t>},</w:t>
            </w:r>
          </w:p>
          <w:p w:rsidR="00A35FED" w:rsidRDefault="00A35FED" w:rsidP="00A35FED">
            <w:r>
              <w:t>//For custom messages</w:t>
            </w:r>
          </w:p>
          <w:p w:rsidR="00A35FED" w:rsidRDefault="00A35FED" w:rsidP="00A35FED">
            <w:r>
              <w:t xml:space="preserve">messages: { </w:t>
            </w:r>
          </w:p>
          <w:p w:rsidR="00A35FED" w:rsidRDefault="00A35FED" w:rsidP="00A35FED">
            <w:r>
              <w:tab/>
              <w:t>name:{</w:t>
            </w:r>
          </w:p>
          <w:p w:rsidR="00A35FED" w:rsidRDefault="00A35FED" w:rsidP="00A35FED">
            <w:r>
              <w:tab/>
            </w:r>
            <w:r>
              <w:tab/>
            </w:r>
            <w:r>
              <w:tab/>
              <w:t xml:space="preserve">required: "Please enter name",  </w:t>
            </w:r>
          </w:p>
          <w:p w:rsidR="00A35FED" w:rsidRDefault="00A35FED" w:rsidP="00A35FED">
            <w:r>
              <w:tab/>
            </w:r>
            <w:r>
              <w:tab/>
              <w:t xml:space="preserve">},  </w:t>
            </w:r>
          </w:p>
          <w:p w:rsidR="00A35FED" w:rsidRDefault="00A35FED" w:rsidP="00A35FED">
            <w:r>
              <w:tab/>
              <w:t>email:{</w:t>
            </w:r>
          </w:p>
          <w:p w:rsidR="00A35FED" w:rsidRDefault="00A35FED" w:rsidP="00A35FED">
            <w:r>
              <w:tab/>
            </w:r>
            <w:r>
              <w:tab/>
            </w:r>
            <w:r>
              <w:tab/>
              <w:t xml:space="preserve">required: "Please enter email id", </w:t>
            </w:r>
          </w:p>
          <w:p w:rsidR="00A35FED" w:rsidRDefault="00A35FED" w:rsidP="00A35FED">
            <w:r>
              <w:tab/>
            </w:r>
            <w:r>
              <w:tab/>
            </w:r>
            <w:r>
              <w:tab/>
              <w:t>email: "Please enter a valid email address"</w:t>
            </w:r>
          </w:p>
          <w:p w:rsidR="00A35FED" w:rsidRDefault="00A35FED" w:rsidP="00A35FED">
            <w:r>
              <w:tab/>
            </w:r>
            <w:r>
              <w:tab/>
              <w:t xml:space="preserve">},   </w:t>
            </w:r>
          </w:p>
          <w:p w:rsidR="00A35FED" w:rsidRDefault="00A35FED" w:rsidP="00A35FED"/>
          <w:p w:rsidR="00A35FED" w:rsidRDefault="00A35FED" w:rsidP="00A35FED">
            <w:r>
              <w:t>},</w:t>
            </w:r>
          </w:p>
          <w:p w:rsidR="00A35FED" w:rsidRDefault="00A35FED" w:rsidP="00A35FED">
            <w:r>
              <w:t>errorElement : 'div',</w:t>
            </w:r>
          </w:p>
          <w:p w:rsidR="00A35FED" w:rsidRDefault="00A35FED" w:rsidP="00A35FED">
            <w:r>
              <w:t>errorPlacement: function(error, element) {</w:t>
            </w:r>
          </w:p>
          <w:p w:rsidR="00A35FED" w:rsidRDefault="00A35FED" w:rsidP="00A35FED">
            <w:r>
              <w:tab/>
              <w:t>var placement = $(element).data('error');</w:t>
            </w:r>
          </w:p>
          <w:p w:rsidR="00A35FED" w:rsidRDefault="00A35FED" w:rsidP="00A35FED">
            <w:r>
              <w:tab/>
              <w:t>if (placement) {</w:t>
            </w:r>
          </w:p>
          <w:p w:rsidR="00A35FED" w:rsidRDefault="00A35FED" w:rsidP="00A35FED">
            <w:r>
              <w:tab/>
              <w:t>$(placement).append(error)</w:t>
            </w:r>
          </w:p>
          <w:p w:rsidR="00A35FED" w:rsidRDefault="00A35FED" w:rsidP="00A35FED">
            <w:r>
              <w:tab/>
              <w:t>} else {</w:t>
            </w:r>
          </w:p>
          <w:p w:rsidR="00A35FED" w:rsidRDefault="00A35FED" w:rsidP="00A35FED">
            <w:r>
              <w:tab/>
              <w:t>error.insertAfter(element);</w:t>
            </w:r>
          </w:p>
          <w:p w:rsidR="00A35FED" w:rsidRDefault="00A35FED" w:rsidP="00A35FED">
            <w:r>
              <w:tab/>
              <w:t>}</w:t>
            </w:r>
          </w:p>
          <w:p w:rsidR="00A35FED" w:rsidRDefault="00A35FED" w:rsidP="00A35FED">
            <w:r>
              <w:t>},</w:t>
            </w:r>
          </w:p>
          <w:p w:rsidR="00A35FED" w:rsidRDefault="00A35FED" w:rsidP="00A35FED">
            <w:r>
              <w:tab/>
              <w:t>submitHandler: function(form) {</w:t>
            </w:r>
          </w:p>
          <w:p w:rsidR="00A35FED" w:rsidRDefault="00A35FED" w:rsidP="00A35FED"/>
          <w:p w:rsidR="00A35FED" w:rsidRDefault="00A35FED" w:rsidP="00A35FED">
            <w:r>
              <w:tab/>
            </w:r>
            <w:r>
              <w:tab/>
              <w:t xml:space="preserve">var formData = new FormData(document.getElementsByName('ci_form_contact')[0]); </w:t>
            </w:r>
          </w:p>
          <w:p w:rsidR="00A35FED" w:rsidRDefault="00A35FED" w:rsidP="00A35FED">
            <w:r>
              <w:lastRenderedPageBreak/>
              <w:tab/>
            </w:r>
            <w:r>
              <w:tab/>
              <w:t>// console.log(formData);return false;</w:t>
            </w:r>
            <w:r>
              <w:tab/>
              <w:t xml:space="preserve"> </w:t>
            </w:r>
          </w:p>
          <w:p w:rsidR="00A35FED" w:rsidRDefault="00A35FED" w:rsidP="00A35FED">
            <w:r>
              <w:tab/>
            </w:r>
            <w:r>
              <w:tab/>
            </w:r>
          </w:p>
          <w:p w:rsidR="00A35FED" w:rsidRDefault="00A35FED" w:rsidP="00A35FED">
            <w:r>
              <w:tab/>
            </w:r>
            <w:r>
              <w:tab/>
              <w:t>$.ajax({</w:t>
            </w:r>
          </w:p>
          <w:p w:rsidR="00A35FED" w:rsidRDefault="00A35FED" w:rsidP="00A35FED">
            <w:r>
              <w:tab/>
            </w:r>
            <w:r>
              <w:tab/>
            </w:r>
            <w:r>
              <w:tab/>
            </w:r>
            <w:r>
              <w:tab/>
              <w:t>url: "/contact_submit_process.php",</w:t>
            </w:r>
          </w:p>
          <w:p w:rsidR="00A35FED" w:rsidRDefault="00A35FED" w:rsidP="00A35FED">
            <w:r>
              <w:tab/>
            </w:r>
            <w:r>
              <w:tab/>
            </w:r>
            <w:r>
              <w:tab/>
            </w:r>
            <w:r>
              <w:tab/>
              <w:t>type: 'POST',</w:t>
            </w:r>
          </w:p>
          <w:p w:rsidR="00A35FED" w:rsidRDefault="00A35FED" w:rsidP="00A35FED">
            <w:r>
              <w:tab/>
            </w:r>
            <w:r>
              <w:tab/>
            </w:r>
            <w:r>
              <w:tab/>
            </w:r>
            <w:r>
              <w:tab/>
              <w:t>data: formData,</w:t>
            </w:r>
          </w:p>
          <w:p w:rsidR="00A35FED" w:rsidRDefault="00A35FED" w:rsidP="00A35FED">
            <w:r>
              <w:tab/>
            </w:r>
            <w:r>
              <w:tab/>
            </w:r>
            <w:r>
              <w:tab/>
            </w:r>
            <w:r>
              <w:tab/>
              <w:t>// async: false,</w:t>
            </w:r>
          </w:p>
          <w:p w:rsidR="00A35FED" w:rsidRDefault="00A35FED" w:rsidP="00A35FED">
            <w:r>
              <w:tab/>
            </w:r>
            <w:r>
              <w:tab/>
            </w:r>
            <w:r>
              <w:tab/>
            </w:r>
            <w:r>
              <w:tab/>
              <w:t>cache: false,</w:t>
            </w:r>
          </w:p>
          <w:p w:rsidR="00A35FED" w:rsidRDefault="00A35FED" w:rsidP="00A35FED">
            <w:r>
              <w:tab/>
            </w:r>
            <w:r>
              <w:tab/>
            </w:r>
            <w:r>
              <w:tab/>
            </w:r>
            <w:r>
              <w:tab/>
              <w:t>contentType: false,</w:t>
            </w:r>
          </w:p>
          <w:p w:rsidR="00A35FED" w:rsidRDefault="00A35FED" w:rsidP="00A35FED">
            <w:r>
              <w:tab/>
            </w:r>
            <w:r>
              <w:tab/>
            </w:r>
            <w:r>
              <w:tab/>
            </w:r>
            <w:r>
              <w:tab/>
              <w:t>processData: false,</w:t>
            </w:r>
          </w:p>
          <w:p w:rsidR="00A35FED" w:rsidRDefault="00A35FED" w:rsidP="00A35FED">
            <w:r>
              <w:tab/>
            </w:r>
            <w:r>
              <w:tab/>
            </w:r>
            <w:r>
              <w:tab/>
            </w:r>
            <w:r>
              <w:tab/>
              <w:t>beforeSend: function(){</w:t>
            </w:r>
          </w:p>
          <w:p w:rsidR="00A35FED" w:rsidRDefault="00A35FED" w:rsidP="00A35FED">
            <w:r>
              <w:tab/>
            </w:r>
            <w:r>
              <w:tab/>
            </w:r>
            <w:r>
              <w:tab/>
            </w:r>
            <w:r>
              <w:tab/>
            </w:r>
            <w:r>
              <w:tab/>
              <w:t>$('#cover-spin').show();</w:t>
            </w:r>
          </w:p>
          <w:p w:rsidR="00A35FED" w:rsidRDefault="00A35FED" w:rsidP="00A35FED">
            <w:r>
              <w:tab/>
            </w:r>
            <w:r>
              <w:tab/>
            </w:r>
            <w:r>
              <w:tab/>
            </w:r>
            <w:r>
              <w:tab/>
            </w:r>
            <w:r>
              <w:tab/>
              <w:t>$("#btnSubmit").attr("disabled", true);</w:t>
            </w:r>
          </w:p>
          <w:p w:rsidR="00A35FED" w:rsidRDefault="00A35FED" w:rsidP="00A35FED">
            <w:r>
              <w:tab/>
            </w:r>
            <w:r>
              <w:tab/>
            </w:r>
            <w:r>
              <w:tab/>
            </w:r>
            <w:r>
              <w:tab/>
              <w:t>},</w:t>
            </w:r>
          </w:p>
          <w:p w:rsidR="00A35FED" w:rsidRDefault="00A35FED" w:rsidP="00A35FED">
            <w:r>
              <w:tab/>
            </w:r>
            <w:r>
              <w:tab/>
            </w:r>
            <w:r>
              <w:tab/>
            </w:r>
            <w:r>
              <w:tab/>
              <w:t xml:space="preserve">success: function (returndata) {   </w:t>
            </w:r>
          </w:p>
          <w:p w:rsidR="00A35FED" w:rsidRDefault="00A35FED" w:rsidP="00A35FED">
            <w:r>
              <w:tab/>
            </w:r>
            <w:r>
              <w:tab/>
            </w:r>
            <w:r>
              <w:tab/>
            </w:r>
            <w:r>
              <w:tab/>
            </w:r>
            <w:r>
              <w:tab/>
              <w:t>console.log(returndata);return false;</w:t>
            </w:r>
            <w:r>
              <w:tab/>
              <w:t xml:space="preserve"> </w:t>
            </w:r>
          </w:p>
          <w:p w:rsidR="00A35FED" w:rsidRDefault="00A35FED" w:rsidP="00A35FED">
            <w:r>
              <w:tab/>
            </w:r>
            <w:r>
              <w:tab/>
            </w:r>
            <w:r>
              <w:tab/>
            </w:r>
            <w:r>
              <w:tab/>
            </w:r>
            <w:r>
              <w:tab/>
              <w:t>if(returndata==1){</w:t>
            </w:r>
          </w:p>
          <w:p w:rsidR="00A35FED" w:rsidRDefault="00A35FED" w:rsidP="00A35FED">
            <w:r>
              <w:tab/>
            </w:r>
            <w:r>
              <w:tab/>
            </w:r>
            <w:r>
              <w:tab/>
            </w:r>
            <w:r>
              <w:tab/>
            </w:r>
            <w:r>
              <w:tab/>
            </w:r>
            <w:r>
              <w:tab/>
              <w:t>swal("Mail has been sent to your mail id", {</w:t>
            </w:r>
          </w:p>
          <w:p w:rsidR="00A35FED" w:rsidRDefault="00A35FED" w:rsidP="00A35FED">
            <w:r>
              <w:tab/>
            </w:r>
            <w:r>
              <w:tab/>
            </w:r>
            <w:r>
              <w:tab/>
            </w:r>
            <w:r>
              <w:tab/>
            </w:r>
            <w:r>
              <w:tab/>
            </w:r>
            <w:r>
              <w:tab/>
            </w:r>
            <w:r>
              <w:tab/>
            </w:r>
            <w:r>
              <w:tab/>
              <w:t xml:space="preserve">  icon: "success",</w:t>
            </w:r>
          </w:p>
          <w:p w:rsidR="00A35FED" w:rsidRDefault="00A35FED" w:rsidP="00A35FED">
            <w:r>
              <w:tab/>
            </w:r>
            <w:r>
              <w:tab/>
            </w:r>
            <w:r>
              <w:tab/>
            </w:r>
            <w:r>
              <w:tab/>
            </w:r>
            <w:r>
              <w:tab/>
            </w:r>
            <w:r>
              <w:tab/>
            </w:r>
            <w:r>
              <w:tab/>
              <w:t xml:space="preserve">});  </w:t>
            </w:r>
          </w:p>
          <w:p w:rsidR="00A35FED" w:rsidRDefault="00A35FED" w:rsidP="00A35FED">
            <w:r>
              <w:tab/>
            </w:r>
            <w:r>
              <w:tab/>
            </w:r>
            <w:r>
              <w:tab/>
            </w:r>
            <w:r>
              <w:tab/>
            </w:r>
            <w:r>
              <w:tab/>
            </w:r>
            <w:r>
              <w:tab/>
              <w:t xml:space="preserve">setTimeout(function(){  location.reload(); }, 1000);   </w:t>
            </w:r>
          </w:p>
          <w:p w:rsidR="00A35FED" w:rsidRDefault="00A35FED" w:rsidP="00A35FED">
            <w:r>
              <w:tab/>
            </w:r>
            <w:r>
              <w:tab/>
            </w:r>
            <w:r>
              <w:tab/>
            </w:r>
            <w:r>
              <w:tab/>
            </w:r>
            <w:r>
              <w:tab/>
              <w:t>}else{</w:t>
            </w:r>
          </w:p>
          <w:p w:rsidR="00A35FED" w:rsidRDefault="00A35FED" w:rsidP="00A35FED">
            <w:r>
              <w:tab/>
            </w:r>
            <w:r>
              <w:tab/>
            </w:r>
            <w:r>
              <w:tab/>
            </w:r>
            <w:r>
              <w:tab/>
            </w:r>
            <w:r>
              <w:tab/>
            </w:r>
            <w:r>
              <w:tab/>
              <w:t>swal("Alert", returndata, "error");</w:t>
            </w:r>
          </w:p>
          <w:p w:rsidR="00A35FED" w:rsidRDefault="00A35FED" w:rsidP="00A35FED">
            <w:r>
              <w:tab/>
            </w:r>
            <w:r>
              <w:tab/>
            </w:r>
            <w:r>
              <w:tab/>
            </w:r>
            <w:r>
              <w:tab/>
            </w:r>
            <w:r>
              <w:tab/>
            </w:r>
            <w:r>
              <w:tab/>
              <w:t>return false;</w:t>
            </w:r>
          </w:p>
          <w:p w:rsidR="00A35FED" w:rsidRDefault="00A35FED" w:rsidP="00A35FED">
            <w:r>
              <w:tab/>
            </w:r>
            <w:r>
              <w:tab/>
            </w:r>
            <w:r>
              <w:tab/>
            </w:r>
            <w:r>
              <w:tab/>
            </w:r>
            <w:r>
              <w:tab/>
              <w:t xml:space="preserve">} </w:t>
            </w:r>
          </w:p>
          <w:p w:rsidR="00A35FED" w:rsidRDefault="00A35FED" w:rsidP="00A35FED">
            <w:r>
              <w:tab/>
            </w:r>
            <w:r>
              <w:tab/>
            </w:r>
            <w:r>
              <w:tab/>
            </w:r>
            <w:r>
              <w:tab/>
              <w:t>},</w:t>
            </w:r>
          </w:p>
          <w:p w:rsidR="00A35FED" w:rsidRDefault="00A35FED" w:rsidP="00A35FED">
            <w:r>
              <w:tab/>
            </w:r>
            <w:r>
              <w:tab/>
            </w:r>
            <w:r>
              <w:tab/>
            </w:r>
            <w:r>
              <w:tab/>
              <w:t>complete: function(){</w:t>
            </w:r>
          </w:p>
          <w:p w:rsidR="00A35FED" w:rsidRDefault="00A35FED" w:rsidP="00A35FED">
            <w:r>
              <w:tab/>
            </w:r>
            <w:r>
              <w:tab/>
            </w:r>
            <w:r>
              <w:tab/>
            </w:r>
            <w:r>
              <w:tab/>
            </w:r>
            <w:r>
              <w:tab/>
              <w:t>$('#cover-spin').hide();</w:t>
            </w:r>
          </w:p>
          <w:p w:rsidR="00A35FED" w:rsidRDefault="00A35FED" w:rsidP="00A35FED">
            <w:r>
              <w:tab/>
            </w:r>
            <w:r>
              <w:tab/>
            </w:r>
            <w:r>
              <w:tab/>
            </w:r>
            <w:r>
              <w:tab/>
            </w:r>
            <w:r>
              <w:tab/>
              <w:t>$("#btnSubmit").attr("disabled", false);</w:t>
            </w:r>
          </w:p>
          <w:p w:rsidR="00A35FED" w:rsidRDefault="00A35FED" w:rsidP="00A35FED">
            <w:r>
              <w:tab/>
            </w:r>
            <w:r>
              <w:tab/>
            </w:r>
            <w:r>
              <w:tab/>
            </w:r>
            <w:r>
              <w:tab/>
              <w:t>}</w:t>
            </w:r>
          </w:p>
          <w:p w:rsidR="00A35FED" w:rsidRDefault="00A35FED" w:rsidP="00A35FED">
            <w:r>
              <w:tab/>
            </w:r>
            <w:r>
              <w:tab/>
              <w:t>});</w:t>
            </w:r>
          </w:p>
          <w:p w:rsidR="00A35FED" w:rsidRDefault="00A35FED" w:rsidP="00A35FED">
            <w:r>
              <w:tab/>
            </w:r>
            <w:r>
              <w:tab/>
            </w:r>
          </w:p>
          <w:p w:rsidR="00A35FED" w:rsidRDefault="00A35FED" w:rsidP="00A35FED">
            <w:r>
              <w:tab/>
            </w:r>
            <w:r>
              <w:tab/>
            </w:r>
          </w:p>
          <w:p w:rsidR="00A35FED" w:rsidRDefault="00A35FED" w:rsidP="00A35FED"/>
          <w:p w:rsidR="00A35FED" w:rsidRDefault="00A35FED" w:rsidP="00A35FED">
            <w:r>
              <w:tab/>
              <w:t>}</w:t>
            </w:r>
          </w:p>
          <w:p w:rsidR="00A35FED" w:rsidRDefault="00A35FED" w:rsidP="00A35FED">
            <w:r>
              <w:t xml:space="preserve">});     </w:t>
            </w:r>
          </w:p>
          <w:p w:rsidR="00A35FED" w:rsidRDefault="00A35FED" w:rsidP="00A35FED"/>
          <w:p w:rsidR="00A35FED" w:rsidRDefault="00A35FED" w:rsidP="00A35FED">
            <w:r>
              <w:t>&lt;/script&gt;</w:t>
            </w:r>
          </w:p>
          <w:p w:rsidR="00A35FED" w:rsidRDefault="00A35FED" w:rsidP="00A35FED">
            <w:r>
              <w:t>&lt;/body&gt;</w:t>
            </w:r>
          </w:p>
          <w:p w:rsidR="00A35FED" w:rsidRDefault="00A35FED" w:rsidP="00A35FED"/>
          <w:p w:rsidR="0048012D" w:rsidRDefault="00A35FED" w:rsidP="00A35FED">
            <w:r>
              <w:t>&lt;/html&gt;</w:t>
            </w:r>
          </w:p>
        </w:tc>
      </w:tr>
    </w:tbl>
    <w:p w:rsidR="0048012D" w:rsidRDefault="0048012D" w:rsidP="0048012D"/>
    <w:p w:rsidR="0048012D" w:rsidRDefault="0048012D" w:rsidP="0048012D"/>
    <w:p w:rsidR="00A35FED" w:rsidRDefault="00A35FED" w:rsidP="0048012D"/>
    <w:p w:rsidR="00A35FED" w:rsidRDefault="00A35FED" w:rsidP="0048012D"/>
    <w:p w:rsidR="00A35FED" w:rsidRDefault="00A35FE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A35FED" w:rsidP="0048012D">
            <w:r w:rsidRPr="00A35FED">
              <w:rPr>
                <w:highlight w:val="yellow"/>
              </w:rPr>
              <w:t>voucher.php</w:t>
            </w:r>
          </w:p>
        </w:tc>
      </w:tr>
      <w:tr w:rsidR="0048012D" w:rsidTr="0048012D">
        <w:tc>
          <w:tcPr>
            <w:tcW w:w="9576" w:type="dxa"/>
          </w:tcPr>
          <w:p w:rsidR="0048012D" w:rsidRDefault="00A35FED" w:rsidP="0048012D">
            <w:r>
              <w:object w:dxaOrig="4320" w:dyaOrig="2378">
                <v:shape id="_x0000_i1051" type="#_x0000_t75" style="width:452.8pt;height:148.8pt" o:ole="">
                  <v:imagedata r:id="rId58" o:title=""/>
                </v:shape>
                <o:OLEObject Type="Embed" ProgID="PBrush" ShapeID="_x0000_i1051" DrawAspect="Content" ObjectID="_1729694209" r:id="rId59"/>
              </w:object>
            </w:r>
          </w:p>
          <w:p w:rsidR="00A35FED" w:rsidRDefault="00A35FED" w:rsidP="0048012D">
            <w:r>
              <w:object w:dxaOrig="4320" w:dyaOrig="2006">
                <v:shape id="_x0000_i1052" type="#_x0000_t75" style="width:454.4pt;height:100pt" o:ole="">
                  <v:imagedata r:id="rId60" o:title=""/>
                </v:shape>
                <o:OLEObject Type="Embed" ProgID="PBrush" ShapeID="_x0000_i1052" DrawAspect="Content" ObjectID="_1729694210" r:id="rId61"/>
              </w:object>
            </w:r>
          </w:p>
        </w:tc>
      </w:tr>
      <w:tr w:rsidR="0048012D" w:rsidTr="0048012D">
        <w:tc>
          <w:tcPr>
            <w:tcW w:w="9576" w:type="dxa"/>
          </w:tcPr>
          <w:p w:rsidR="00A35FED" w:rsidRDefault="00A35FED" w:rsidP="00A35FED">
            <w:r>
              <w:t>&lt;?php</w:t>
            </w:r>
          </w:p>
          <w:p w:rsidR="00A35FED" w:rsidRDefault="00A35FED" w:rsidP="00A35FED">
            <w:r>
              <w:t>require_once('config.php') ;</w:t>
            </w:r>
          </w:p>
          <w:p w:rsidR="00A35FED" w:rsidRDefault="00A35FED" w:rsidP="00A35FED"/>
          <w:p w:rsidR="00A35FED" w:rsidRDefault="00A35FED" w:rsidP="00A35FED">
            <w:r>
              <w:t>$domain = '' ; // default</w:t>
            </w:r>
          </w:p>
          <w:p w:rsidR="00A35FED" w:rsidRDefault="00A35FED" w:rsidP="00A35FED">
            <w:r>
              <w:t>$iam = 0 ; //Looking for service</w:t>
            </w:r>
          </w:p>
          <w:p w:rsidR="00A35FED" w:rsidRDefault="00A35FED" w:rsidP="00A35FED"/>
          <w:p w:rsidR="00A35FED" w:rsidRDefault="00A35FED" w:rsidP="00A35FED">
            <w:r>
              <w:t>//echo time() ;</w:t>
            </w:r>
          </w:p>
          <w:p w:rsidR="00A35FED" w:rsidRDefault="00A35FED" w:rsidP="00A35FED">
            <w:r>
              <w:t>$terms_remote_url = '' ;</w:t>
            </w:r>
          </w:p>
          <w:p w:rsidR="00A35FED" w:rsidRDefault="00A35FED" w:rsidP="00A35FED">
            <w:r>
              <w:t>//echo $_SESSION['domain'] ;</w:t>
            </w:r>
          </w:p>
          <w:p w:rsidR="00A35FED" w:rsidRDefault="00A35FED" w:rsidP="00A35FED"/>
          <w:p w:rsidR="00A35FED" w:rsidRDefault="00A35FED" w:rsidP="00A35FED">
            <w:r>
              <w:t>/*if ( !isset($_SESSION['domain']) ) {</w:t>
            </w:r>
          </w:p>
          <w:p w:rsidR="00A35FED" w:rsidRDefault="00A35FED" w:rsidP="00A35FED">
            <w:r>
              <w:t xml:space="preserve">    //echo time() ;</w:t>
            </w:r>
          </w:p>
          <w:p w:rsidR="00A35FED" w:rsidRDefault="00A35FED" w:rsidP="00A35FED">
            <w:r>
              <w:t xml:space="preserve">    if ( isset($_GET['domain'])) {</w:t>
            </w:r>
          </w:p>
          <w:p w:rsidR="00A35FED" w:rsidRDefault="00A35FED" w:rsidP="00A35FED">
            <w:r>
              <w:t xml:space="preserve">        $domain = trim($_GET['domain']) ;</w:t>
            </w:r>
          </w:p>
          <w:p w:rsidR="00A35FED" w:rsidRDefault="00A35FED" w:rsidP="00A35FED">
            <w:r>
              <w:t xml:space="preserve">        $domains = array( 'srepf', 'srepc' );</w:t>
            </w:r>
          </w:p>
          <w:p w:rsidR="00A35FED" w:rsidRDefault="00A35FED" w:rsidP="00A35FED">
            <w:r>
              <w:t xml:space="preserve">    </w:t>
            </w:r>
          </w:p>
          <w:p w:rsidR="00A35FED" w:rsidRDefault="00A35FED" w:rsidP="00A35FED">
            <w:r>
              <w:t xml:space="preserve">        if ( in_array( $domain, $domains )){</w:t>
            </w:r>
          </w:p>
          <w:p w:rsidR="00A35FED" w:rsidRDefault="00A35FED" w:rsidP="00A35FED">
            <w:r>
              <w:t xml:space="preserve">            $_SESSION['domain'] = $domain ;</w:t>
            </w:r>
          </w:p>
          <w:p w:rsidR="00A35FED" w:rsidRDefault="00A35FED" w:rsidP="00A35FED">
            <w:r>
              <w:t xml:space="preserve">        } else {</w:t>
            </w:r>
          </w:p>
          <w:p w:rsidR="00A35FED" w:rsidRDefault="00A35FED" w:rsidP="00A35FED">
            <w:r>
              <w:t xml:space="preserve">            $_SESSION['domain'] = $domain ;</w:t>
            </w:r>
          </w:p>
          <w:p w:rsidR="00A35FED" w:rsidRDefault="00A35FED" w:rsidP="00A35FED">
            <w:r>
              <w:t xml:space="preserve">        }</w:t>
            </w:r>
          </w:p>
          <w:p w:rsidR="00A35FED" w:rsidRDefault="00A35FED" w:rsidP="00A35FED">
            <w:r>
              <w:t xml:space="preserve">    </w:t>
            </w:r>
          </w:p>
          <w:p w:rsidR="00A35FED" w:rsidRDefault="00A35FED" w:rsidP="00A35FED">
            <w:r>
              <w:t xml:space="preserve">    } else {</w:t>
            </w:r>
          </w:p>
          <w:p w:rsidR="00A35FED" w:rsidRDefault="00A35FED" w:rsidP="00A35FED">
            <w:r>
              <w:t xml:space="preserve">        $_SESSION['domain'] = $domain ;</w:t>
            </w:r>
          </w:p>
          <w:p w:rsidR="00A35FED" w:rsidRDefault="00A35FED" w:rsidP="00A35FED">
            <w:r>
              <w:t xml:space="preserve">    }</w:t>
            </w:r>
          </w:p>
          <w:p w:rsidR="00A35FED" w:rsidRDefault="00A35FED" w:rsidP="00A35FED"/>
          <w:p w:rsidR="00A35FED" w:rsidRDefault="00A35FED" w:rsidP="00A35FED">
            <w:r>
              <w:lastRenderedPageBreak/>
              <w:t>} else {</w:t>
            </w:r>
          </w:p>
          <w:p w:rsidR="00A35FED" w:rsidRDefault="00A35FED" w:rsidP="00A35FED">
            <w:r>
              <w:t xml:space="preserve">    if ( $_SESSION['domain'] == 'srepc' ) {</w:t>
            </w:r>
          </w:p>
          <w:p w:rsidR="00A35FED" w:rsidRDefault="00A35FED" w:rsidP="00A35FED">
            <w:r>
              <w:t xml:space="preserve">        $terms_remote_url = SITE_URL_SREP_CLUB ;</w:t>
            </w:r>
          </w:p>
          <w:p w:rsidR="00A35FED" w:rsidRDefault="00A35FED" w:rsidP="00A35FED">
            <w:r>
              <w:t xml:space="preserve">        $iam = 1 ; //Service Provider </w:t>
            </w:r>
          </w:p>
          <w:p w:rsidR="00A35FED" w:rsidRDefault="00A35FED" w:rsidP="00A35FED">
            <w:r>
              <w:t xml:space="preserve">    } else if ( $_SESSION['domain'] == 'srepf' ) {</w:t>
            </w:r>
          </w:p>
          <w:p w:rsidR="00A35FED" w:rsidRDefault="00A35FED" w:rsidP="00A35FED">
            <w:r>
              <w:t xml:space="preserve">        $terms_remote_url = SITE_URL_SREPC_FINDER ;</w:t>
            </w:r>
          </w:p>
          <w:p w:rsidR="00A35FED" w:rsidRDefault="00A35FED" w:rsidP="00A35FED">
            <w:r>
              <w:t xml:space="preserve">        $iam = 0 ; //Looking for service </w:t>
            </w:r>
          </w:p>
          <w:p w:rsidR="00A35FED" w:rsidRDefault="00A35FED" w:rsidP="00A35FED">
            <w:r>
              <w:t xml:space="preserve">    }</w:t>
            </w:r>
          </w:p>
          <w:p w:rsidR="00A35FED" w:rsidRDefault="00A35FED" w:rsidP="00A35FED">
            <w:r>
              <w:t>} */</w:t>
            </w:r>
          </w:p>
          <w:p w:rsidR="00A35FED" w:rsidRDefault="00A35FED" w:rsidP="00A35FED"/>
          <w:p w:rsidR="00A35FED" w:rsidRDefault="00A35FED" w:rsidP="00A35FED">
            <w:r>
              <w:t xml:space="preserve">  /*  if ( isset($_GET['domain'])) {</w:t>
            </w:r>
          </w:p>
          <w:p w:rsidR="00A35FED" w:rsidRDefault="00A35FED" w:rsidP="00A35FED">
            <w:r>
              <w:t xml:space="preserve">        $domain = trim($_GET['domain']) ;</w:t>
            </w:r>
          </w:p>
          <w:p w:rsidR="00A35FED" w:rsidRDefault="00A35FED" w:rsidP="00A35FED">
            <w:r>
              <w:t xml:space="preserve">        $domains = array( 'srepf', 'srepc', 'slg' , 'spf', 'elawc' , 'elawf' );</w:t>
            </w:r>
          </w:p>
          <w:p w:rsidR="00A35FED" w:rsidRDefault="00A35FED" w:rsidP="00A35FED">
            <w:r>
              <w:t xml:space="preserve">    </w:t>
            </w:r>
          </w:p>
          <w:p w:rsidR="00A35FED" w:rsidRDefault="00A35FED" w:rsidP="00A35FED">
            <w:r>
              <w:t xml:space="preserve">        if ( in_array( $domain, $domains )){</w:t>
            </w:r>
          </w:p>
          <w:p w:rsidR="00A35FED" w:rsidRDefault="00A35FED" w:rsidP="00A35FED">
            <w:r>
              <w:t xml:space="preserve">            $_SESSION['domain'] = $domain ;</w:t>
            </w:r>
          </w:p>
          <w:p w:rsidR="00A35FED" w:rsidRDefault="00A35FED" w:rsidP="00A35FED">
            <w:r>
              <w:t xml:space="preserve">        } else {</w:t>
            </w:r>
          </w:p>
          <w:p w:rsidR="00A35FED" w:rsidRDefault="00A35FED" w:rsidP="00A35FED">
            <w:r>
              <w:t xml:space="preserve">            $_SESSION['domain'] = $domain ;</w:t>
            </w:r>
          </w:p>
          <w:p w:rsidR="00A35FED" w:rsidRDefault="00A35FED" w:rsidP="00A35FED">
            <w:r>
              <w:t xml:space="preserve">        }</w:t>
            </w:r>
          </w:p>
          <w:p w:rsidR="00A35FED" w:rsidRDefault="00A35FED" w:rsidP="00A35FED">
            <w:r>
              <w:t xml:space="preserve">    </w:t>
            </w:r>
          </w:p>
          <w:p w:rsidR="00A35FED" w:rsidRDefault="00A35FED" w:rsidP="00A35FED">
            <w:r>
              <w:t xml:space="preserve">    } else {</w:t>
            </w:r>
          </w:p>
          <w:p w:rsidR="00A35FED" w:rsidRDefault="00A35FED" w:rsidP="00A35FED">
            <w:r>
              <w:t xml:space="preserve">        $_SESSION['domain'] = 'srepf' ;</w:t>
            </w:r>
          </w:p>
          <w:p w:rsidR="00A35FED" w:rsidRDefault="00A35FED" w:rsidP="00A35FED">
            <w:r>
              <w:t xml:space="preserve">    } */</w:t>
            </w:r>
          </w:p>
          <w:p w:rsidR="00A35FED" w:rsidRDefault="00A35FED" w:rsidP="00A35FED"/>
          <w:p w:rsidR="00A35FED" w:rsidRDefault="00A35FED" w:rsidP="00A35FED"/>
          <w:p w:rsidR="00A35FED" w:rsidRDefault="00A35FED" w:rsidP="00A35FED"/>
          <w:p w:rsidR="00A35FED" w:rsidRDefault="00A35FED" w:rsidP="00A35FED">
            <w:r>
              <w:t>//$domain = $_SESSION['domain'] ;</w:t>
            </w:r>
          </w:p>
          <w:p w:rsidR="00A35FED" w:rsidRDefault="00A35FED" w:rsidP="00A35FED">
            <w:r>
              <w:t>$domain = 'spf';</w:t>
            </w:r>
          </w:p>
          <w:p w:rsidR="00A35FED" w:rsidRDefault="00A35FED" w:rsidP="00A35FED">
            <w:r>
              <w:t>if ( $domain == 'srepc' ) {</w:t>
            </w:r>
          </w:p>
          <w:p w:rsidR="00A35FED" w:rsidRDefault="00A35FED" w:rsidP="00A35FED">
            <w:r>
              <w:t xml:space="preserve">        $terms_remote_url = SITE_URL_SREP_CLUB ;</w:t>
            </w:r>
          </w:p>
          <w:p w:rsidR="00A35FED" w:rsidRDefault="00A35FED" w:rsidP="00A35FED">
            <w:r>
              <w:t xml:space="preserve">        $iam = 1 ; //Service Provider </w:t>
            </w:r>
          </w:p>
          <w:p w:rsidR="00A35FED" w:rsidRDefault="00A35FED" w:rsidP="00A35FED">
            <w:r>
              <w:t>}</w:t>
            </w:r>
          </w:p>
          <w:p w:rsidR="00A35FED" w:rsidRDefault="00A35FED" w:rsidP="00A35FED"/>
          <w:p w:rsidR="00A35FED" w:rsidRDefault="00A35FED" w:rsidP="00A35FED">
            <w:r>
              <w:t xml:space="preserve">/* newly added lines for SLG and SPF) */ </w:t>
            </w:r>
          </w:p>
          <w:p w:rsidR="00A35FED" w:rsidRDefault="00A35FED" w:rsidP="00A35FED">
            <w:r>
              <w:t>if ( $domain == 'slg' ) {</w:t>
            </w:r>
          </w:p>
          <w:p w:rsidR="00A35FED" w:rsidRDefault="00A35FED" w:rsidP="00A35FED">
            <w:r>
              <w:t xml:space="preserve">        $terms_remote_url = SITE_URL_SLG ;</w:t>
            </w:r>
          </w:p>
          <w:p w:rsidR="00A35FED" w:rsidRDefault="00A35FED" w:rsidP="00A35FED">
            <w:r>
              <w:t xml:space="preserve">        $iam = 1 ; //Service Provider </w:t>
            </w:r>
          </w:p>
          <w:p w:rsidR="00A35FED" w:rsidRDefault="00A35FED" w:rsidP="00A35FED">
            <w:r>
              <w:t>}</w:t>
            </w:r>
          </w:p>
          <w:p w:rsidR="00A35FED" w:rsidRDefault="00A35FED" w:rsidP="00A35FED"/>
          <w:p w:rsidR="00A35FED" w:rsidRDefault="00A35FED" w:rsidP="00A35FED">
            <w:r>
              <w:t>/*$query = @unserialize (file_get_contents('http://ip-api.com/php/'));</w:t>
            </w:r>
          </w:p>
          <w:p w:rsidR="00A35FED" w:rsidRDefault="00A35FED" w:rsidP="00A35FED">
            <w:r>
              <w:t>if ($query &amp;&amp; $query['status'] == 'success') {</w:t>
            </w:r>
          </w:p>
          <w:p w:rsidR="00A35FED" w:rsidRDefault="00A35FED" w:rsidP="00A35FED">
            <w:r>
              <w:t xml:space="preserve">    //echo 'Hey user from ' . $query['country'] . ', ' . $query['city'] . '!';</w:t>
            </w:r>
          </w:p>
          <w:p w:rsidR="00A35FED" w:rsidRDefault="00A35FED" w:rsidP="00A35FED">
            <w:r>
              <w:t xml:space="preserve">    $ip = $query['query'] ;</w:t>
            </w:r>
          </w:p>
          <w:p w:rsidR="00A35FED" w:rsidRDefault="00A35FED" w:rsidP="00A35FED">
            <w:r>
              <w:t xml:space="preserve">    $country = $query['country'] ;</w:t>
            </w:r>
          </w:p>
          <w:p w:rsidR="00A35FED" w:rsidRDefault="00A35FED" w:rsidP="00A35FED">
            <w:r>
              <w:t xml:space="preserve">    $state = $query['regionName'] ;</w:t>
            </w:r>
          </w:p>
          <w:p w:rsidR="00A35FED" w:rsidRDefault="00A35FED" w:rsidP="00A35FED">
            <w:r>
              <w:t xml:space="preserve">    $city = $query['city'] ;</w:t>
            </w:r>
          </w:p>
          <w:p w:rsidR="00A35FED" w:rsidRDefault="00A35FED" w:rsidP="00A35FED">
            <w:r>
              <w:t xml:space="preserve">    $zip = $query['zip'] ;</w:t>
            </w:r>
          </w:p>
          <w:p w:rsidR="00A35FED" w:rsidRDefault="00A35FED" w:rsidP="00A35FED">
            <w:r>
              <w:t>}*/</w:t>
            </w:r>
          </w:p>
          <w:p w:rsidR="00A35FED" w:rsidRDefault="00A35FED" w:rsidP="00A35FED"/>
          <w:p w:rsidR="00A35FED" w:rsidRDefault="00A35FED" w:rsidP="00A35FED"/>
          <w:p w:rsidR="00A35FED" w:rsidRDefault="00A35FED" w:rsidP="00A35FED">
            <w:r>
              <w:t>$raw_charectors = '1234567890' ; //ZXCVBNMLKJHGFDSAQWERTYUP</w:t>
            </w:r>
          </w:p>
          <w:p w:rsidR="00A35FED" w:rsidRDefault="00A35FED" w:rsidP="00A35FED">
            <w:r>
              <w:t>$random = str_shuffle($raw_charectors) ;</w:t>
            </w:r>
          </w:p>
          <w:p w:rsidR="00A35FED" w:rsidRDefault="00A35FED" w:rsidP="00A35FED">
            <w:r>
              <w:t>$randN1 = substr($random, -2);</w:t>
            </w:r>
          </w:p>
          <w:p w:rsidR="00A35FED" w:rsidRDefault="00A35FED" w:rsidP="00A35FED">
            <w:r>
              <w:t>$randN2 = substr($random, -1);</w:t>
            </w:r>
          </w:p>
          <w:p w:rsidR="00A35FED" w:rsidRDefault="00A35FED" w:rsidP="00A35FED"/>
          <w:p w:rsidR="00A35FED" w:rsidRDefault="00A35FED" w:rsidP="00A35FED">
            <w:r>
              <w:t>//$randN1 = 14 ;</w:t>
            </w:r>
          </w:p>
          <w:p w:rsidR="00A35FED" w:rsidRDefault="00A35FED" w:rsidP="00A35FED">
            <w:r>
              <w:t>//$randN2 = 3 ;</w:t>
            </w:r>
          </w:p>
          <w:p w:rsidR="00A35FED" w:rsidRDefault="00A35FED" w:rsidP="00A35FED">
            <w:r>
              <w:t>$captchaAns = $randN1 + $randN2 ;</w:t>
            </w:r>
          </w:p>
          <w:p w:rsidR="00A35FED" w:rsidRDefault="00A35FED" w:rsidP="00A35FED">
            <w:r>
              <w:t>$captchaAns = md5($captchaAns) ;</w:t>
            </w:r>
          </w:p>
          <w:p w:rsidR="00A35FED" w:rsidRDefault="00A35FED" w:rsidP="00A35FED"/>
          <w:p w:rsidR="00A35FED" w:rsidRDefault="00A35FED" w:rsidP="00A35FED"/>
          <w:p w:rsidR="00A35FED" w:rsidRDefault="00A35FED" w:rsidP="00A35FED">
            <w:r>
              <w:t>//echo $log_domain ;</w:t>
            </w:r>
          </w:p>
          <w:p w:rsidR="00A35FED" w:rsidRDefault="00A35FED" w:rsidP="00A35FED">
            <w:r>
              <w:t>if ( isset($_SESSION['log_domain']) ) {</w:t>
            </w:r>
          </w:p>
          <w:p w:rsidR="00A35FED" w:rsidRDefault="00A35FED" w:rsidP="00A35FED">
            <w:r>
              <w:t xml:space="preserve">    $log_domain = $_SESSION['log_domain'] ;</w:t>
            </w:r>
          </w:p>
          <w:p w:rsidR="00A35FED" w:rsidRDefault="00A35FED" w:rsidP="00A35FED">
            <w:r>
              <w:t>} else {</w:t>
            </w:r>
          </w:p>
          <w:p w:rsidR="00A35FED" w:rsidRDefault="00A35FED" w:rsidP="00A35FED">
            <w:r>
              <w:t xml:space="preserve">    $log_domain = 'spf' ;</w:t>
            </w:r>
          </w:p>
          <w:p w:rsidR="00A35FED" w:rsidRDefault="00A35FED" w:rsidP="00A35FED">
            <w:r>
              <w:t>}</w:t>
            </w:r>
          </w:p>
          <w:p w:rsidR="00A35FED" w:rsidRDefault="00A35FED" w:rsidP="00A35FED"/>
          <w:p w:rsidR="00A35FED" w:rsidRDefault="00A35FED" w:rsidP="00A35FED">
            <w:r>
              <w:t>?&gt;</w:t>
            </w:r>
          </w:p>
          <w:p w:rsidR="00A35FED" w:rsidRDefault="00A35FED" w:rsidP="00A35FED">
            <w:r>
              <w:t>&lt;head&gt;</w:t>
            </w:r>
          </w:p>
          <w:p w:rsidR="00A35FED" w:rsidRDefault="00A35FED" w:rsidP="00A35FED">
            <w:r>
              <w:t xml:space="preserve">    &lt;meta charset="utf-8"/&gt;</w:t>
            </w:r>
          </w:p>
          <w:p w:rsidR="00A35FED" w:rsidRDefault="00A35FED" w:rsidP="00A35FED">
            <w:r>
              <w:t xml:space="preserve">    &lt;meta http-equiv="Content-Type" content="text/html; charset=UTF-8"/&gt;</w:t>
            </w:r>
          </w:p>
          <w:p w:rsidR="00A35FED" w:rsidRDefault="00A35FED" w:rsidP="00A35FED">
            <w:r>
              <w:t xml:space="preserve">    &lt;meta http-equiv="X-UA-Compatible" content="IE=edge"/&gt;</w:t>
            </w:r>
          </w:p>
          <w:p w:rsidR="00A35FED" w:rsidRDefault="00A35FED" w:rsidP="00A35FED">
            <w:r>
              <w:t xml:space="preserve">    &lt;meta name="viewport" content="width=device-width, initial-scale=1.0, user-scalable=0, minimal-ui"/&gt;</w:t>
            </w:r>
          </w:p>
          <w:p w:rsidR="00A35FED" w:rsidRDefault="00A35FED" w:rsidP="00A35FED">
            <w:r>
              <w:t>&lt;!--  Logo on Browser window--&gt;</w:t>
            </w:r>
          </w:p>
          <w:p w:rsidR="00A35FED" w:rsidRDefault="00A35FED" w:rsidP="00A35FED">
            <w:r>
              <w:t xml:space="preserve">    &lt;link href="spf/img/tablogo.png" rel="shortcut icon" type="image/x-icon"&gt;</w:t>
            </w:r>
          </w:p>
          <w:p w:rsidR="00A35FED" w:rsidRDefault="00A35FED" w:rsidP="00A35FED">
            <w:r>
              <w:t xml:space="preserve">    &lt;link rel="dns-prefetch" href="//fonts.gstatic.com"/&gt;</w:t>
            </w:r>
          </w:p>
          <w:p w:rsidR="00A35FED" w:rsidRDefault="00A35FED" w:rsidP="00A35FED">
            <w:r>
              <w:t xml:space="preserve">    &lt;link rel="dns-prefetch" href="//www.googletagmanager.com"/&gt;</w:t>
            </w:r>
          </w:p>
          <w:p w:rsidR="00A35FED" w:rsidRDefault="00A35FED" w:rsidP="00A35FED">
            <w:r>
              <w:t xml:space="preserve">    &lt;link rel="dns-prefetch" href="//www.google-analytics.com"/&gt;</w:t>
            </w:r>
          </w:p>
          <w:p w:rsidR="00A35FED" w:rsidRDefault="00A35FED" w:rsidP="00A35FED">
            <w:r>
              <w:t xml:space="preserve">    &lt;link rel="dns-prefetch" href="//pagead2.googlesyndication.com"/&gt;</w:t>
            </w:r>
          </w:p>
          <w:p w:rsidR="00A35FED" w:rsidRDefault="00A35FED" w:rsidP="00A35FED">
            <w:r>
              <w:t xml:space="preserve">    &lt;link rel="preconnect" href="//fonts.gstatic.com"/&gt;</w:t>
            </w:r>
          </w:p>
          <w:p w:rsidR="00A35FED" w:rsidRDefault="00A35FED" w:rsidP="00A35FED">
            <w:r>
              <w:t xml:space="preserve">    &lt;link rel="preconnect" href="//www.googletagmanager.com"/&gt;</w:t>
            </w:r>
          </w:p>
          <w:p w:rsidR="00A35FED" w:rsidRDefault="00A35FED" w:rsidP="00A35FED">
            <w:r>
              <w:t xml:space="preserve">    &lt;link rel="preconnect" href="//www.google-analytics.com"/&gt;</w:t>
            </w:r>
          </w:p>
          <w:p w:rsidR="00A35FED" w:rsidRDefault="00A35FED" w:rsidP="00A35FED">
            <w:r>
              <w:t xml:space="preserve">    &lt;link rel="preconnect" href="//pagead2.googlesyndication.com"/&gt;</w:t>
            </w:r>
          </w:p>
          <w:p w:rsidR="00A35FED" w:rsidRDefault="00A35FED" w:rsidP="00A35FED">
            <w:r>
              <w:t xml:space="preserve">    &lt;meta name="apple-mobile-web-app-title" content="Senior Services | Senior Place Finder | VABF | ISF | ELF | EIFLF | ESPMF"/&gt;</w:t>
            </w:r>
          </w:p>
          <w:p w:rsidR="00A35FED" w:rsidRDefault="00A35FED" w:rsidP="00A35FED">
            <w:r>
              <w:t xml:space="preserve">    &lt;meta name="apple-mobile-web-app-capable" content="yes"/&gt;</w:t>
            </w:r>
          </w:p>
          <w:p w:rsidR="00A35FED" w:rsidRDefault="00A35FED" w:rsidP="00A35FED">
            <w:r>
              <w:t xml:space="preserve">    &lt;meta name="apple-touch-fullscreen" content="yes"/&gt;</w:t>
            </w:r>
          </w:p>
          <w:p w:rsidR="00A35FED" w:rsidRDefault="00A35FED" w:rsidP="00A35FED">
            <w:r>
              <w:t xml:space="preserve">    &lt;meta name="apple-mobile-web-app-status-bar-style" content="default"/&gt;</w:t>
            </w:r>
          </w:p>
          <w:p w:rsidR="00A35FED" w:rsidRDefault="00A35FED" w:rsidP="00A35FED">
            <w:r>
              <w:t xml:space="preserve">    &lt;meta name="google" content="notranslate"/&gt;</w:t>
            </w:r>
          </w:p>
          <w:p w:rsidR="00A35FED" w:rsidRDefault="00A35FED" w:rsidP="00A35FED">
            <w:r>
              <w:t xml:space="preserve">    &lt;meta property="fb:app_id" content="442299370000163"/&gt;</w:t>
            </w:r>
          </w:p>
          <w:p w:rsidR="00A35FED" w:rsidRDefault="00A35FED" w:rsidP="00A35FED">
            <w:r>
              <w:t xml:space="preserve">    &lt;link rel="shortcut icon" href="spf/img/favicon.ico" type="image/x-icon"&gt;</w:t>
            </w:r>
          </w:p>
          <w:p w:rsidR="00A35FED" w:rsidRDefault="00A35FED" w:rsidP="00A35FED">
            <w:r>
              <w:t xml:space="preserve">    &lt;link rel="apple-touch-icon" href="spf/img/apple-touch-icon-60x60.png"&gt;</w:t>
            </w:r>
          </w:p>
          <w:p w:rsidR="00A35FED" w:rsidRDefault="00A35FED" w:rsidP="00A35FED">
            <w:r>
              <w:t xml:space="preserve">    &lt;link rel="apple-touch-icon" sizes="76x76" href="spf/img/apple-touch-icon-76x76.png"&gt;</w:t>
            </w:r>
          </w:p>
          <w:p w:rsidR="00A35FED" w:rsidRDefault="00A35FED" w:rsidP="00A35FED">
            <w:r>
              <w:t xml:space="preserve">    &lt;link rel="apple-touch-icon" sizes="120x120" href="spf/img/apple-touch-icon-120x120.png"&gt;</w:t>
            </w:r>
          </w:p>
          <w:p w:rsidR="00A35FED" w:rsidRDefault="00A35FED" w:rsidP="00A35FED">
            <w:r>
              <w:lastRenderedPageBreak/>
              <w:t xml:space="preserve">    &lt;link rel="apple-touch-icon" sizes="152x152" href="spf/img/apple-touch-icon-152x152.png"&gt;</w:t>
            </w:r>
          </w:p>
          <w:p w:rsidR="00A35FED" w:rsidRDefault="00A35FED" w:rsidP="00A35FED">
            <w:r>
              <w:t xml:space="preserve">    &lt;title&gt;Senior Services | Senior Place Finder | VABF | ISF | ELF | EIFLF | ESPMF&lt;/title&gt;</w:t>
            </w:r>
          </w:p>
          <w:p w:rsidR="00A35FED" w:rsidRDefault="00A35FED" w:rsidP="00A35FED">
            <w:r>
              <w:t xml:space="preserve">    &lt;meta name="keywords" content="Senior Place Finder, VABF, ISF, ELF, EIFLF, ESPMF"/&gt;</w:t>
            </w:r>
          </w:p>
          <w:p w:rsidR="00A35FED" w:rsidRDefault="00A35FED" w:rsidP="00A35FED">
            <w:r>
              <w:t xml:space="preserve">    &lt;meta name="description" content="Find specialist for any service related to the seniors."&gt;</w:t>
            </w:r>
          </w:p>
          <w:p w:rsidR="00A35FED" w:rsidRDefault="00A35FED" w:rsidP="00A35FED">
            <w:r>
              <w:t xml:space="preserve">    &lt;meta property="og:type" content="website"/&gt;</w:t>
            </w:r>
          </w:p>
          <w:p w:rsidR="00A35FED" w:rsidRDefault="00A35FED" w:rsidP="00A35FED">
            <w:r>
              <w:t xml:space="preserve">    &lt;meta property="og:title" content="Senior Services | Senior Place Finder | VABF | ISF | ELF | EIFLF | ESPMF"/&gt;</w:t>
            </w:r>
          </w:p>
          <w:p w:rsidR="00A35FED" w:rsidRDefault="00A35FED" w:rsidP="00A35FED">
            <w:r>
              <w:t xml:space="preserve">    &lt;meta property="og:description" content="Find specialist for any service related to the seniors."/&gt;</w:t>
            </w:r>
          </w:p>
          <w:p w:rsidR="00A35FED" w:rsidRDefault="00A35FED" w:rsidP="00A35FED">
            <w:r>
              <w:t xml:space="preserve">    &lt;meta property="og:url" content="https://theseniorteam.net"/&gt;</w:t>
            </w:r>
          </w:p>
          <w:p w:rsidR="00A35FED" w:rsidRDefault="00A35FED" w:rsidP="00A35FED">
            <w:r>
              <w:t xml:space="preserve">    &lt;meta property="og:site_name" content="Senior Team"/&gt;</w:t>
            </w:r>
          </w:p>
          <w:p w:rsidR="00A35FED" w:rsidRDefault="00A35FED" w:rsidP="00A35FED">
            <w:r>
              <w:t xml:space="preserve">   </w:t>
            </w:r>
          </w:p>
          <w:p w:rsidR="00A35FED" w:rsidRDefault="00A35FED" w:rsidP="00A35FED">
            <w:r>
              <w:t xml:space="preserve">    &lt;meta name="twitter:card" content="summary_large_image"/&gt;</w:t>
            </w:r>
          </w:p>
          <w:p w:rsidR="00A35FED" w:rsidRDefault="00A35FED" w:rsidP="00A35FED">
            <w:r>
              <w:t xml:space="preserve">    &lt;meta name="twitter:title" content="Senior Services | Senior Place Finder | VABF | ISF | ELF | EIFLF | ESPMF"/&gt;</w:t>
            </w:r>
          </w:p>
          <w:p w:rsidR="00A35FED" w:rsidRDefault="00A35FED" w:rsidP="00A35FED">
            <w:r>
              <w:t xml:space="preserve">    &lt;meta name="twitter:description" content="Find specialist for any service related to the seniors."/&gt;</w:t>
            </w:r>
          </w:p>
          <w:p w:rsidR="00A35FED" w:rsidRDefault="00A35FED" w:rsidP="00A35FED">
            <w:r>
              <w:t xml:space="preserve">    &lt;meta name="twitter:site" content="@seniorteam"/&gt;</w:t>
            </w:r>
          </w:p>
          <w:p w:rsidR="00A35FED" w:rsidRDefault="00A35FED" w:rsidP="00A35FED">
            <w:r>
              <w:t xml:space="preserve">    </w:t>
            </w:r>
          </w:p>
          <w:p w:rsidR="00A35FED" w:rsidRDefault="00A35FED" w:rsidP="00A35FED">
            <w:r>
              <w:t xml:space="preserve">    </w:t>
            </w:r>
          </w:p>
          <w:p w:rsidR="00A35FED" w:rsidRDefault="00A35FED" w:rsidP="00A35FED">
            <w:r>
              <w:t xml:space="preserve">    &lt;meta name="csrf-token" content="izJQ9FiEOCz9MskykcXNycSMQgejuOSZjHsdsbSU"/&gt;</w:t>
            </w:r>
          </w:p>
          <w:p w:rsidR="00A35FED" w:rsidRDefault="00A35FED" w:rsidP="00A35FED"/>
          <w:p w:rsidR="00A35FED" w:rsidRDefault="00A35FED" w:rsidP="00A35FED">
            <w:r>
              <w:t xml:space="preserve">    &lt;link media="all" type="text/css" rel="stylesheet" href="spf/css/app.css"&gt;</w:t>
            </w:r>
          </w:p>
          <w:p w:rsidR="00A35FED" w:rsidRDefault="00A35FED" w:rsidP="00A35FED">
            <w:r>
              <w:t xml:space="preserve">    &lt;link media="all" type="text/css" rel="stylesheet" href="css/icons.css"&gt;</w:t>
            </w:r>
          </w:p>
          <w:p w:rsidR="00A35FED" w:rsidRDefault="00A35FED" w:rsidP="00A35FED">
            <w:r>
              <w:t xml:space="preserve">    &lt;link media="all" type="text/css" rel="stylesheet" href="css/notify.css"&gt;</w:t>
            </w:r>
          </w:p>
          <w:p w:rsidR="00A35FED" w:rsidRDefault="00A35FED" w:rsidP="00A35FED">
            <w:r>
              <w:t xml:space="preserve">    &lt;link media="all" type="text/css" rel="stylesheet" href="css/floater.css"&gt;</w:t>
            </w:r>
          </w:p>
          <w:p w:rsidR="00A35FED" w:rsidRDefault="00A35FED" w:rsidP="00A35FED">
            <w:r>
              <w:t xml:space="preserve">    &lt;link media="all" type="text/css" rel="stylesheet" href="spf/css/theme.css"&gt;</w:t>
            </w:r>
          </w:p>
          <w:p w:rsidR="00A35FED" w:rsidRDefault="00A35FED" w:rsidP="00A35FED">
            <w:r>
              <w:t xml:space="preserve">     &lt;link rel="stylesheet" href="https://use.fontawesome.com/releases/v5.6.3/css/all.css"&gt;</w:t>
            </w:r>
          </w:p>
          <w:p w:rsidR="00A35FED" w:rsidRDefault="00A35FED" w:rsidP="00A35FED">
            <w:r>
              <w:t xml:space="preserve">    &lt;script src="js/app.js"&gt;&lt;/script&gt;</w:t>
            </w:r>
          </w:p>
          <w:p w:rsidR="00A35FED" w:rsidRDefault="00A35FED" w:rsidP="00A35FED">
            <w:r>
              <w:t xml:space="preserve">    &lt;script src="js/jquery.js"&gt;&lt;/script&gt;</w:t>
            </w:r>
          </w:p>
          <w:p w:rsidR="00A35FED" w:rsidRDefault="00A35FED" w:rsidP="00A35FED">
            <w:r>
              <w:t xml:space="preserve">    &lt;script src="js/popper.js"&gt;&lt;/script&gt;</w:t>
            </w:r>
          </w:p>
          <w:p w:rsidR="00A35FED" w:rsidRDefault="00A35FED" w:rsidP="00A35FED">
            <w:r>
              <w:t xml:space="preserve">    &lt;script src="js/bootstrap.js"&gt;&lt;/script&gt;</w:t>
            </w:r>
          </w:p>
          <w:p w:rsidR="00A35FED" w:rsidRDefault="00A35FED" w:rsidP="00A35FED"/>
          <w:p w:rsidR="00A35FED" w:rsidRDefault="00A35FED" w:rsidP="00A35FED"/>
          <w:p w:rsidR="00A35FED" w:rsidRDefault="00A35FED" w:rsidP="00A35FED"/>
          <w:p w:rsidR="00A35FED" w:rsidRDefault="00A35FED" w:rsidP="00A35FED"/>
          <w:p w:rsidR="00A35FED" w:rsidRDefault="00A35FED" w:rsidP="00A35FED"/>
          <w:p w:rsidR="00A35FED" w:rsidRDefault="00A35FED" w:rsidP="00A35FED">
            <w:r>
              <w:t xml:space="preserve">    &lt;link rel="stylesheet" href="style.css"&gt;</w:t>
            </w:r>
          </w:p>
          <w:p w:rsidR="00A35FED" w:rsidRDefault="00A35FED" w:rsidP="00A35FED">
            <w:r>
              <w:t xml:space="preserve">    &lt;link rel="stylesheet" href="https://fonts.googleapis.com/icon?family=Material+Icons"&gt;</w:t>
            </w:r>
          </w:p>
          <w:p w:rsidR="00A35FED" w:rsidRDefault="00A35FED" w:rsidP="00A35FED">
            <w:r>
              <w:t xml:space="preserve">    &lt;link rel="stylesheet" href="https://cdnjs.cloudflare.com/ajax/libs/font-awesome/5.15.3/css/all.min.css"/&gt;</w:t>
            </w:r>
          </w:p>
          <w:p w:rsidR="00A35FED" w:rsidRDefault="00A35FED" w:rsidP="00A35FED"/>
          <w:p w:rsidR="00A35FED" w:rsidRDefault="00A35FED" w:rsidP="00A35FED"/>
          <w:p w:rsidR="00A35FED" w:rsidRDefault="00A35FED" w:rsidP="00A35FED">
            <w:r>
              <w:t xml:space="preserve">        &lt;!-- Global site tag (gtag.js) - Google Analytics --&gt;</w:t>
            </w:r>
          </w:p>
          <w:p w:rsidR="00A35FED" w:rsidRDefault="00A35FED" w:rsidP="00A35FED">
            <w:r>
              <w:t xml:space="preserve">    &lt;script async src="https://www.googletagmanager.com/gtag/js?id="&gt;&lt;/script&gt;</w:t>
            </w:r>
          </w:p>
          <w:p w:rsidR="00A35FED" w:rsidRDefault="00A35FED" w:rsidP="00A35FED">
            <w:r>
              <w:t xml:space="preserve">    &lt;script&gt;</w:t>
            </w:r>
          </w:p>
          <w:p w:rsidR="00A35FED" w:rsidRDefault="00A35FED" w:rsidP="00A35FED">
            <w:r>
              <w:t xml:space="preserve">        window.dataLayer = window.dataLayer || [];</w:t>
            </w:r>
          </w:p>
          <w:p w:rsidR="00A35FED" w:rsidRDefault="00A35FED" w:rsidP="00A35FED">
            <w:r>
              <w:t xml:space="preserve">        function gtag() {</w:t>
            </w:r>
          </w:p>
          <w:p w:rsidR="00A35FED" w:rsidRDefault="00A35FED" w:rsidP="00A35FED">
            <w:r>
              <w:t xml:space="preserve">            dataLayer.push(arguments);</w:t>
            </w:r>
          </w:p>
          <w:p w:rsidR="00A35FED" w:rsidRDefault="00A35FED" w:rsidP="00A35FED">
            <w:r>
              <w:t xml:space="preserve">        }</w:t>
            </w:r>
          </w:p>
          <w:p w:rsidR="00A35FED" w:rsidRDefault="00A35FED" w:rsidP="00A35FED">
            <w:r>
              <w:lastRenderedPageBreak/>
              <w:t xml:space="preserve">        gtag('js', new Date());</w:t>
            </w:r>
          </w:p>
          <w:p w:rsidR="00A35FED" w:rsidRDefault="00A35FED" w:rsidP="00A35FED">
            <w:r>
              <w:t xml:space="preserve">        gtag('config', '');</w:t>
            </w:r>
          </w:p>
          <w:p w:rsidR="00A35FED" w:rsidRDefault="00A35FED" w:rsidP="00A35FED">
            <w:r>
              <w:t xml:space="preserve">    &lt;/script&gt;</w:t>
            </w:r>
          </w:p>
          <w:p w:rsidR="00A35FED" w:rsidRDefault="00A35FED" w:rsidP="00A35FED"/>
          <w:p w:rsidR="00A35FED" w:rsidRDefault="00A35FED" w:rsidP="00A35FED">
            <w:r>
              <w:t xml:space="preserve">    &lt;script src="js/fingerprint2.js"&gt;&lt;/script&gt;</w:t>
            </w:r>
          </w:p>
          <w:p w:rsidR="00A35FED" w:rsidRDefault="00A35FED" w:rsidP="00A35FED">
            <w:r>
              <w:t xml:space="preserve">    &lt;script src="js/ua-parser.js"&gt;&lt;/script&gt;</w:t>
            </w:r>
          </w:p>
          <w:p w:rsidR="00A35FED" w:rsidRDefault="00A35FED" w:rsidP="00A35FED"/>
          <w:p w:rsidR="00A35FED" w:rsidRDefault="00A35FED" w:rsidP="00A35FED">
            <w:r>
              <w:t xml:space="preserve">   </w:t>
            </w:r>
          </w:p>
          <w:p w:rsidR="00A35FED" w:rsidRDefault="00A35FED" w:rsidP="00A35FED"/>
          <w:p w:rsidR="00A35FED" w:rsidRDefault="00A35FED" w:rsidP="00A35FED">
            <w:r>
              <w:t xml:space="preserve">    &lt;script&gt;</w:t>
            </w:r>
          </w:p>
          <w:p w:rsidR="00A35FED" w:rsidRDefault="00A35FED" w:rsidP="00A35FED">
            <w:r>
              <w:t xml:space="preserve">    let fpCookie = getCookie("FP_UUID");</w:t>
            </w:r>
          </w:p>
          <w:p w:rsidR="00A35FED" w:rsidRDefault="00A35FED" w:rsidP="00A35FED">
            <w:r>
              <w:t xml:space="preserve">    let getFingerPrint = function () {</w:t>
            </w:r>
          </w:p>
          <w:p w:rsidR="00A35FED" w:rsidRDefault="00A35FED" w:rsidP="00A35FED">
            <w:r>
              <w:t xml:space="preserve">        let d1 = new Date();</w:t>
            </w:r>
          </w:p>
          <w:p w:rsidR="00A35FED" w:rsidRDefault="00A35FED" w:rsidP="00A35FED">
            <w:r>
              <w:t xml:space="preserve">        let options = {/*</w:t>
            </w:r>
          </w:p>
          <w:p w:rsidR="00A35FED" w:rsidRDefault="00A35FED" w:rsidP="00A35FED">
            <w:r>
              <w:t xml:space="preserve">            excludes: {</w:t>
            </w:r>
          </w:p>
          <w:p w:rsidR="00A35FED" w:rsidRDefault="00A35FED" w:rsidP="00A35FED">
            <w:r>
              <w:t xml:space="preserve">                enumerateDevices: true,</w:t>
            </w:r>
          </w:p>
          <w:p w:rsidR="00A35FED" w:rsidRDefault="00A35FED" w:rsidP="00A35FED">
            <w:r>
              <w:t xml:space="preserve">                pixelRatio: true,</w:t>
            </w:r>
          </w:p>
          <w:p w:rsidR="00A35FED" w:rsidRDefault="00A35FED" w:rsidP="00A35FED">
            <w:r>
              <w:t xml:space="preserve">                doNotTrack: true,</w:t>
            </w:r>
          </w:p>
          <w:p w:rsidR="00A35FED" w:rsidRDefault="00A35FED" w:rsidP="00A35FED">
            <w:r>
              <w:t xml:space="preserve">                fontsFlash: true/!*,</w:t>
            </w:r>
          </w:p>
          <w:p w:rsidR="00A35FED" w:rsidRDefault="00A35FED" w:rsidP="00A35FED">
            <w:r>
              <w:t xml:space="preserve">                plugins: true*!/</w:t>
            </w:r>
          </w:p>
          <w:p w:rsidR="00A35FED" w:rsidRDefault="00A35FED" w:rsidP="00A35FED">
            <w:r>
              <w:t xml:space="preserve">            },</w:t>
            </w:r>
          </w:p>
          <w:p w:rsidR="00A35FED" w:rsidRDefault="00A35FED" w:rsidP="00A35FED">
            <w:r>
              <w:t xml:space="preserve">            extraComponents: [</w:t>
            </w:r>
          </w:p>
          <w:p w:rsidR="00A35FED" w:rsidRDefault="00A35FED" w:rsidP="00A35FED">
            <w:r>
              <w:t xml:space="preserve">                {</w:t>
            </w:r>
          </w:p>
          <w:p w:rsidR="00A35FED" w:rsidRDefault="00A35FED" w:rsidP="00A35FED">
            <w:r>
              <w:t xml:space="preserve">                    key: 'domain',</w:t>
            </w:r>
          </w:p>
          <w:p w:rsidR="00A35FED" w:rsidRDefault="00A35FED" w:rsidP="00A35FED">
            <w:r>
              <w:t xml:space="preserve">                    getData: function (done, options) {</w:t>
            </w:r>
          </w:p>
          <w:p w:rsidR="00A35FED" w:rsidRDefault="00A35FED" w:rsidP="00A35FED">
            <w:r>
              <w:t xml:space="preserve">                        done(window.location.hostname);</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key: 'domain',</w:t>
            </w:r>
          </w:p>
          <w:p w:rsidR="00A35FED" w:rsidRDefault="00A35FED" w:rsidP="00A35FED">
            <w:r>
              <w:t xml:space="preserve">                    getData: function (done, options) {</w:t>
            </w:r>
          </w:p>
          <w:p w:rsidR="00A35FED" w:rsidRDefault="00A35FED" w:rsidP="00A35FED">
            <w:r>
              <w:t xml:space="preserve">                        done(window.location.hostname);</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preprocessor: function (key, value) {</w:t>
            </w:r>
          </w:p>
          <w:p w:rsidR="00A35FED" w:rsidRDefault="00A35FED" w:rsidP="00A35FED">
            <w:r>
              <w:t xml:space="preserve">                if (key === "userAgent") {</w:t>
            </w:r>
          </w:p>
          <w:p w:rsidR="00A35FED" w:rsidRDefault="00A35FED" w:rsidP="00A35FED">
            <w:r>
              <w:t xml:space="preserve">                    let parser = new UAParser(value);</w:t>
            </w:r>
          </w:p>
          <w:p w:rsidR="00A35FED" w:rsidRDefault="00A35FED" w:rsidP="00A35FED">
            <w:r>
              <w:t xml:space="preserve">                    let userAgentMinusVersion = parser.getOS().name + ' ' + parser.getBrowser().name;</w:t>
            </w:r>
          </w:p>
          <w:p w:rsidR="00A35FED" w:rsidRDefault="00A35FED" w:rsidP="00A35FED">
            <w:r>
              <w:t xml:space="preserve">                    return userAgentMinusVersion;</w:t>
            </w:r>
          </w:p>
          <w:p w:rsidR="00A35FED" w:rsidRDefault="00A35FED" w:rsidP="00A35FED">
            <w:r>
              <w:t xml:space="preserve">                }</w:t>
            </w:r>
          </w:p>
          <w:p w:rsidR="00A35FED" w:rsidRDefault="00A35FED" w:rsidP="00A35FED">
            <w:r>
              <w:t xml:space="preserve">                return value;</w:t>
            </w:r>
          </w:p>
          <w:p w:rsidR="00A35FED" w:rsidRDefault="00A35FED" w:rsidP="00A35FED">
            <w:r>
              <w:t xml:space="preserve">            }</w:t>
            </w:r>
          </w:p>
          <w:p w:rsidR="00A35FED" w:rsidRDefault="00A35FED" w:rsidP="00A35FED">
            <w:r>
              <w:t xml:space="preserve">        };</w:t>
            </w:r>
          </w:p>
          <w:p w:rsidR="00A35FED" w:rsidRDefault="00A35FED" w:rsidP="00A35FED">
            <w:r>
              <w:t xml:space="preserve">        Fingerprint2.get(options, function (components) {</w:t>
            </w:r>
          </w:p>
          <w:p w:rsidR="00A35FED" w:rsidRDefault="00A35FED" w:rsidP="00A35FED">
            <w:r>
              <w:t xml:space="preserve">            let fp = Fingerprint2.x64hash128(components.map(function (pair) {</w:t>
            </w:r>
          </w:p>
          <w:p w:rsidR="00A35FED" w:rsidRDefault="00A35FED" w:rsidP="00A35FED">
            <w:r>
              <w:t xml:space="preserve">                return pair.value</w:t>
            </w:r>
          </w:p>
          <w:p w:rsidR="00A35FED" w:rsidRDefault="00A35FED" w:rsidP="00A35FED">
            <w:r>
              <w:t xml:space="preserve">            }).join(), 31);</w:t>
            </w:r>
          </w:p>
          <w:p w:rsidR="00A35FED" w:rsidRDefault="00A35FED" w:rsidP="00A35FED">
            <w:r>
              <w:lastRenderedPageBreak/>
              <w:t xml:space="preserve">            setCookie("FP_UUID", fp, 30);</w:t>
            </w:r>
          </w:p>
          <w:p w:rsidR="00A35FED" w:rsidRDefault="00A35FED" w:rsidP="00A35FED">
            <w:r>
              <w:t xml:space="preserve">            fpCookie = getCookie("FP_UUID");</w:t>
            </w:r>
          </w:p>
          <w:p w:rsidR="00A35FED" w:rsidRDefault="00A35FED" w:rsidP="00A35FED">
            <w:r>
              <w:t xml:space="preserve">            console.log("FP_UUID: ", fpCookie);</w:t>
            </w:r>
          </w:p>
          <w:p w:rsidR="00A35FED" w:rsidRDefault="00A35FED" w:rsidP="00A35FED">
            <w:r>
              <w:t xml:space="preserve">            let d2 = new Date();</w:t>
            </w:r>
          </w:p>
          <w:p w:rsidR="00A35FED" w:rsidRDefault="00A35FED" w:rsidP="00A35FED">
            <w:r>
              <w:t xml:space="preserve">            let tt = d2 - d1;</w:t>
            </w:r>
          </w:p>
          <w:p w:rsidR="00A35FED" w:rsidRDefault="00A35FED" w:rsidP="00A35FED">
            <w:r>
              <w:t xml:space="preserve">            let details = "";</w:t>
            </w:r>
          </w:p>
          <w:p w:rsidR="00A35FED" w:rsidRDefault="00A35FED" w:rsidP="00A35FED">
            <w:r>
              <w:t xml:space="preserve">            console.log("Time Taken : ", tt);</w:t>
            </w:r>
          </w:p>
          <w:p w:rsidR="00A35FED" w:rsidRDefault="00A35FED" w:rsidP="00A35FED">
            <w:r>
              <w:t xml:space="preserve">            console.log("Finger Print : ", fp);</w:t>
            </w:r>
          </w:p>
          <w:p w:rsidR="00A35FED" w:rsidRDefault="00A35FED" w:rsidP="00A35FED">
            <w:r>
              <w:t xml:space="preserve">            for (let index in components) {</w:t>
            </w:r>
          </w:p>
          <w:p w:rsidR="00A35FED" w:rsidRDefault="00A35FED" w:rsidP="00A35FED">
            <w:r>
              <w:t xml:space="preserve">                let obj = components[index];</w:t>
            </w:r>
          </w:p>
          <w:p w:rsidR="00A35FED" w:rsidRDefault="00A35FED" w:rsidP="00A35FED">
            <w:r>
              <w:t xml:space="preserve">                let line = obj.key + " = " + String(obj.value).substr(0, 100);</w:t>
            </w:r>
          </w:p>
          <w:p w:rsidR="00A35FED" w:rsidRDefault="00A35FED" w:rsidP="00A35FED">
            <w:r>
              <w:t xml:space="preserve">                details += line + "\n";</w:t>
            </w:r>
          </w:p>
          <w:p w:rsidR="00A35FED" w:rsidRDefault="00A35FED" w:rsidP="00A35FED">
            <w:r>
              <w:t xml:space="preserve">            }</w:t>
            </w:r>
          </w:p>
          <w:p w:rsidR="00A35FED" w:rsidRDefault="00A35FED" w:rsidP="00A35FED">
            <w:r>
              <w:t xml:space="preserve">            console.log(details);</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if (fpCookie === null) {</w:t>
            </w:r>
          </w:p>
          <w:p w:rsidR="00A35FED" w:rsidRDefault="00A35FED" w:rsidP="00A35FED">
            <w:r>
              <w:t xml:space="preserve">        let cancelId;</w:t>
            </w:r>
          </w:p>
          <w:p w:rsidR="00A35FED" w:rsidRDefault="00A35FED" w:rsidP="00A35FED">
            <w:r>
              <w:t xml:space="preserve">        let cancelFunction;</w:t>
            </w:r>
          </w:p>
          <w:p w:rsidR="00A35FED" w:rsidRDefault="00A35FED" w:rsidP="00A35FED">
            <w:r>
              <w:t xml:space="preserve">        if (window.requestIdleCallback) {</w:t>
            </w:r>
          </w:p>
          <w:p w:rsidR="00A35FED" w:rsidRDefault="00A35FED" w:rsidP="00A35FED">
            <w:r>
              <w:t xml:space="preserve">            cancelId = requestIdleCallback(getFingerPrint);</w:t>
            </w:r>
          </w:p>
          <w:p w:rsidR="00A35FED" w:rsidRDefault="00A35FED" w:rsidP="00A35FED">
            <w:r>
              <w:t xml:space="preserve">            cancelFunction = cancelIdleCallback;</w:t>
            </w:r>
          </w:p>
          <w:p w:rsidR="00A35FED" w:rsidRDefault="00A35FED" w:rsidP="00A35FED">
            <w:r>
              <w:t xml:space="preserve">        } else {</w:t>
            </w:r>
          </w:p>
          <w:p w:rsidR="00A35FED" w:rsidRDefault="00A35FED" w:rsidP="00A35FED">
            <w:r>
              <w:t xml:space="preserve">            cancelId = setTimeout(getFingerPrint, 500);</w:t>
            </w:r>
          </w:p>
          <w:p w:rsidR="00A35FED" w:rsidRDefault="00A35FED" w:rsidP="00A35FED">
            <w:r>
              <w:t xml:space="preserve">            cancelFunction = clearTimeout;</w:t>
            </w:r>
          </w:p>
          <w:p w:rsidR="00A35FED" w:rsidRDefault="00A35FED" w:rsidP="00A35FED">
            <w:r>
              <w:t xml:space="preserve">        }</w:t>
            </w:r>
          </w:p>
          <w:p w:rsidR="00A35FED" w:rsidRDefault="00A35FED" w:rsidP="00A35FED">
            <w:r>
              <w:t xml:space="preserve">    }</w:t>
            </w:r>
          </w:p>
          <w:p w:rsidR="00A35FED" w:rsidRDefault="00A35FED" w:rsidP="00A35FED">
            <w:r>
              <w:t>&lt;/script&gt;</w:t>
            </w:r>
          </w:p>
          <w:p w:rsidR="00A35FED" w:rsidRDefault="00A35FED" w:rsidP="00A35FED">
            <w:r>
              <w:t xml:space="preserve">            &lt;script type="application/ld+json"&gt;</w:t>
            </w:r>
          </w:p>
          <w:p w:rsidR="00A35FED" w:rsidRDefault="00A35FED" w:rsidP="00A35FED">
            <w:r>
              <w:t xml:space="preserve">    {"@context":"http:\/\/schema.org","@type":"WebPage","name":"Senior Services","url":"https:\/\/theseniorteam.net","logo":"https:\/\/assets.elite.dev\/img\/portal\/rect\/ssp.svg","sameAs":["https:\/\/theseniorteam.net"]}</w:t>
            </w:r>
          </w:p>
          <w:p w:rsidR="00A35FED" w:rsidRDefault="00A35FED" w:rsidP="00A35FED">
            <w:r>
              <w:t xml:space="preserve">&lt;/script&gt; </w:t>
            </w:r>
          </w:p>
          <w:p w:rsidR="00A35FED" w:rsidRDefault="00A35FED" w:rsidP="00A35FED"/>
          <w:p w:rsidR="00A35FED" w:rsidRDefault="00A35FED" w:rsidP="00A35FED"/>
          <w:p w:rsidR="00A35FED" w:rsidRDefault="00A35FED" w:rsidP="00A35FED"/>
          <w:p w:rsidR="00A35FED" w:rsidRDefault="00A35FED" w:rsidP="00A35FED">
            <w:r>
              <w:t>&lt;style&gt;</w:t>
            </w:r>
          </w:p>
          <w:p w:rsidR="00A35FED" w:rsidRDefault="00A35FED" w:rsidP="00A35FED">
            <w:r>
              <w:t>/* Import Google font - Poppins */</w:t>
            </w:r>
          </w:p>
          <w:p w:rsidR="00A35FED" w:rsidRDefault="00A35FED" w:rsidP="00A35FED">
            <w:r>
              <w:t>@import url('https://fonts.googleapis.com/css2?family=Poppins:wght@400;500;600&amp;display=swap');</w:t>
            </w:r>
          </w:p>
          <w:p w:rsidR="00A35FED" w:rsidRDefault="00A35FED" w:rsidP="00A35FED">
            <w:r>
              <w:t>*{</w:t>
            </w:r>
          </w:p>
          <w:p w:rsidR="00A35FED" w:rsidRDefault="00A35FED" w:rsidP="00A35FED">
            <w:r>
              <w:t xml:space="preserve">  margin: 0;</w:t>
            </w:r>
          </w:p>
          <w:p w:rsidR="00A35FED" w:rsidRDefault="00A35FED" w:rsidP="00A35FED">
            <w:r>
              <w:t xml:space="preserve">  padding: 0;</w:t>
            </w:r>
          </w:p>
          <w:p w:rsidR="00A35FED" w:rsidRDefault="00A35FED" w:rsidP="00A35FED">
            <w:r>
              <w:t xml:space="preserve">  box-sizing: border-box;</w:t>
            </w:r>
          </w:p>
          <w:p w:rsidR="00A35FED" w:rsidRDefault="00A35FED" w:rsidP="00A35FED">
            <w:r>
              <w:t xml:space="preserve">  font-family: "Poppins", sans-serif;</w:t>
            </w:r>
          </w:p>
          <w:p w:rsidR="00A35FED" w:rsidRDefault="00A35FED" w:rsidP="00A35FED">
            <w:r>
              <w:t>}</w:t>
            </w:r>
          </w:p>
          <w:p w:rsidR="00A35FED" w:rsidRDefault="00A35FED" w:rsidP="00A35FED">
            <w:r>
              <w:t>body{</w:t>
            </w:r>
          </w:p>
          <w:p w:rsidR="00A35FED" w:rsidRDefault="00A35FED" w:rsidP="00A35FED">
            <w:r>
              <w:t xml:space="preserve">  display: flex;</w:t>
            </w:r>
          </w:p>
          <w:p w:rsidR="00A35FED" w:rsidRDefault="00A35FED" w:rsidP="00A35FED">
            <w:r>
              <w:lastRenderedPageBreak/>
              <w:t xml:space="preserve">  padding: 0 10px;</w:t>
            </w:r>
          </w:p>
          <w:p w:rsidR="00A35FED" w:rsidRDefault="00A35FED" w:rsidP="00A35FED">
            <w:r>
              <w:t xml:space="preserve">  min-height: 100vh;</w:t>
            </w:r>
          </w:p>
          <w:p w:rsidR="00A35FED" w:rsidRDefault="00A35FED" w:rsidP="00A35FED">
            <w:r>
              <w:t xml:space="preserve">  background: #0D6EFD;</w:t>
            </w:r>
          </w:p>
          <w:p w:rsidR="00A35FED" w:rsidRDefault="00A35FED" w:rsidP="00A35FED">
            <w:r>
              <w:t xml:space="preserve">  align-items: center;</w:t>
            </w:r>
          </w:p>
          <w:p w:rsidR="00A35FED" w:rsidRDefault="00A35FED" w:rsidP="00A35FED">
            <w:r>
              <w:t xml:space="preserve">  justify-content: center;</w:t>
            </w:r>
          </w:p>
          <w:p w:rsidR="00A35FED" w:rsidRDefault="00A35FED" w:rsidP="00A35FED">
            <w:r>
              <w:t>}</w:t>
            </w:r>
          </w:p>
          <w:p w:rsidR="00A35FED" w:rsidRDefault="00A35FED" w:rsidP="00A35FED">
            <w:r>
              <w:t>::selection{</w:t>
            </w:r>
          </w:p>
          <w:p w:rsidR="00A35FED" w:rsidRDefault="00A35FED" w:rsidP="00A35FED">
            <w:r>
              <w:t xml:space="preserve">  color: #fff;</w:t>
            </w:r>
          </w:p>
          <w:p w:rsidR="00A35FED" w:rsidRDefault="00A35FED" w:rsidP="00A35FED">
            <w:r>
              <w:t xml:space="preserve">  background: #0D6EFD;</w:t>
            </w:r>
          </w:p>
          <w:p w:rsidR="00A35FED" w:rsidRDefault="00A35FED" w:rsidP="00A35FED">
            <w:r>
              <w:t>}</w:t>
            </w:r>
          </w:p>
          <w:p w:rsidR="00A35FED" w:rsidRDefault="00A35FED" w:rsidP="00A35FED">
            <w:r>
              <w:t>.wrapper{</w:t>
            </w:r>
          </w:p>
          <w:p w:rsidR="00A35FED" w:rsidRDefault="00A35FED" w:rsidP="00A35FED">
            <w:r>
              <w:t xml:space="preserve">  width: 715px;</w:t>
            </w:r>
          </w:p>
          <w:p w:rsidR="00A35FED" w:rsidRDefault="00A35FED" w:rsidP="00A35FED">
            <w:r>
              <w:t xml:space="preserve">  background: #fff;</w:t>
            </w:r>
          </w:p>
          <w:p w:rsidR="00A35FED" w:rsidRDefault="00A35FED" w:rsidP="00A35FED">
            <w:r>
              <w:t xml:space="preserve">  border-radius: 5px;</w:t>
            </w:r>
          </w:p>
          <w:p w:rsidR="00A35FED" w:rsidRDefault="00A35FED" w:rsidP="00A35FED">
            <w:r>
              <w:t xml:space="preserve">  box-shadow: 10px 10px 10px rgba(0,0,0,0.05);</w:t>
            </w:r>
          </w:p>
          <w:p w:rsidR="00A35FED" w:rsidRDefault="00A35FED" w:rsidP="00A35FED">
            <w:r>
              <w:t>}</w:t>
            </w:r>
          </w:p>
          <w:p w:rsidR="00A35FED" w:rsidRDefault="00A35FED" w:rsidP="00A35FED">
            <w:r>
              <w:t>.wrapper header{</w:t>
            </w:r>
          </w:p>
          <w:p w:rsidR="00A35FED" w:rsidRDefault="00A35FED" w:rsidP="00A35FED">
            <w:r>
              <w:t xml:space="preserve">  font-size: 15px;</w:t>
            </w:r>
          </w:p>
          <w:p w:rsidR="00A35FED" w:rsidRDefault="00A35FED" w:rsidP="00A35FED">
            <w:r>
              <w:t xml:space="preserve">  font-weight: 600;</w:t>
            </w:r>
          </w:p>
          <w:p w:rsidR="00A35FED" w:rsidRDefault="00A35FED" w:rsidP="00A35FED">
            <w:r>
              <w:t xml:space="preserve">  padding: 15px 25px;</w:t>
            </w:r>
          </w:p>
          <w:p w:rsidR="00A35FED" w:rsidRDefault="00A35FED" w:rsidP="00A35FED">
            <w:r>
              <w:t xml:space="preserve">  border-bottom: 1px solid #ccc;</w:t>
            </w:r>
          </w:p>
          <w:p w:rsidR="00A35FED" w:rsidRDefault="00A35FED" w:rsidP="00A35FED">
            <w:r>
              <w:t>}</w:t>
            </w:r>
          </w:p>
          <w:p w:rsidR="00A35FED" w:rsidRDefault="00A35FED" w:rsidP="00A35FED">
            <w:r>
              <w:t>.wrapper form{</w:t>
            </w:r>
          </w:p>
          <w:p w:rsidR="00A35FED" w:rsidRDefault="00A35FED" w:rsidP="00A35FED">
            <w:r>
              <w:t xml:space="preserve">  margin: 25px 20px;</w:t>
            </w:r>
          </w:p>
          <w:p w:rsidR="00A35FED" w:rsidRDefault="00A35FED" w:rsidP="00A35FED">
            <w:r>
              <w:t>}</w:t>
            </w:r>
          </w:p>
          <w:p w:rsidR="00A35FED" w:rsidRDefault="00A35FED" w:rsidP="00A35FED">
            <w:r>
              <w:t>.wrapper form.disabled{</w:t>
            </w:r>
          </w:p>
          <w:p w:rsidR="00A35FED" w:rsidRDefault="00A35FED" w:rsidP="00A35FED">
            <w:r>
              <w:t xml:space="preserve">  pointer-events: none;</w:t>
            </w:r>
          </w:p>
          <w:p w:rsidR="00A35FED" w:rsidRDefault="00A35FED" w:rsidP="00A35FED">
            <w:r>
              <w:t xml:space="preserve">  opacity: 0.7;</w:t>
            </w:r>
          </w:p>
          <w:p w:rsidR="00A35FED" w:rsidRDefault="00A35FED" w:rsidP="00A35FED">
            <w:r>
              <w:t>}</w:t>
            </w:r>
          </w:p>
          <w:p w:rsidR="00A35FED" w:rsidRDefault="00A35FED" w:rsidP="00A35FED">
            <w:r>
              <w:t>form .dbl-field{</w:t>
            </w:r>
          </w:p>
          <w:p w:rsidR="00A35FED" w:rsidRDefault="00A35FED" w:rsidP="00A35FED">
            <w:r>
              <w:t xml:space="preserve">  display: flex;</w:t>
            </w:r>
          </w:p>
          <w:p w:rsidR="00A35FED" w:rsidRDefault="00A35FED" w:rsidP="00A35FED">
            <w:r>
              <w:t xml:space="preserve">  margin-bottom: 20px;</w:t>
            </w:r>
          </w:p>
          <w:p w:rsidR="00A35FED" w:rsidRDefault="00A35FED" w:rsidP="00A35FED">
            <w:r>
              <w:t xml:space="preserve">  justify-content: space-between;</w:t>
            </w:r>
          </w:p>
          <w:p w:rsidR="00A35FED" w:rsidRDefault="00A35FED" w:rsidP="00A35FED">
            <w:r>
              <w:t>}</w:t>
            </w:r>
          </w:p>
          <w:p w:rsidR="00A35FED" w:rsidRDefault="00A35FED" w:rsidP="00A35FED">
            <w:r>
              <w:t>.dbl-field .field{</w:t>
            </w:r>
          </w:p>
          <w:p w:rsidR="00A35FED" w:rsidRDefault="00A35FED" w:rsidP="00A35FED">
            <w:r>
              <w:t xml:space="preserve">  height: 40px;</w:t>
            </w:r>
          </w:p>
          <w:p w:rsidR="00A35FED" w:rsidRDefault="00A35FED" w:rsidP="00A35FED">
            <w:r>
              <w:t xml:space="preserve">  display: flex;</w:t>
            </w:r>
          </w:p>
          <w:p w:rsidR="00A35FED" w:rsidRDefault="00A35FED" w:rsidP="00A35FED">
            <w:r>
              <w:t xml:space="preserve">  position: relative;</w:t>
            </w:r>
          </w:p>
          <w:p w:rsidR="00A35FED" w:rsidRDefault="00A35FED" w:rsidP="00A35FED">
            <w:r>
              <w:t xml:space="preserve">  width: calc(100% / 2 - 13px);</w:t>
            </w:r>
          </w:p>
          <w:p w:rsidR="00A35FED" w:rsidRDefault="00A35FED" w:rsidP="00A35FED">
            <w:r>
              <w:t>}</w:t>
            </w:r>
          </w:p>
          <w:p w:rsidR="00A35FED" w:rsidRDefault="00A35FED" w:rsidP="00A35FED">
            <w:r>
              <w:t>.wrapper form i{</w:t>
            </w:r>
          </w:p>
          <w:p w:rsidR="00A35FED" w:rsidRDefault="00A35FED" w:rsidP="00A35FED">
            <w:r>
              <w:t xml:space="preserve">  position: absolute;</w:t>
            </w:r>
          </w:p>
          <w:p w:rsidR="00A35FED" w:rsidRDefault="00A35FED" w:rsidP="00A35FED">
            <w:r>
              <w:t xml:space="preserve">  top: 50%;</w:t>
            </w:r>
          </w:p>
          <w:p w:rsidR="00A35FED" w:rsidRDefault="00A35FED" w:rsidP="00A35FED">
            <w:r>
              <w:t xml:space="preserve">  left: 18px;</w:t>
            </w:r>
          </w:p>
          <w:p w:rsidR="00A35FED" w:rsidRDefault="00A35FED" w:rsidP="00A35FED">
            <w:r>
              <w:t xml:space="preserve">  color: #ccc;</w:t>
            </w:r>
          </w:p>
          <w:p w:rsidR="00A35FED" w:rsidRDefault="00A35FED" w:rsidP="00A35FED">
            <w:r>
              <w:t xml:space="preserve">  font-size: 14px;</w:t>
            </w:r>
          </w:p>
          <w:p w:rsidR="00A35FED" w:rsidRDefault="00A35FED" w:rsidP="00A35FED">
            <w:r>
              <w:t xml:space="preserve">  pointer-events: none;</w:t>
            </w:r>
          </w:p>
          <w:p w:rsidR="00A35FED" w:rsidRDefault="00A35FED" w:rsidP="00A35FED">
            <w:r>
              <w:t xml:space="preserve">  transform: translateY(-50%);</w:t>
            </w:r>
          </w:p>
          <w:p w:rsidR="00A35FED" w:rsidRDefault="00A35FED" w:rsidP="00A35FED">
            <w:r>
              <w:lastRenderedPageBreak/>
              <w:t>}</w:t>
            </w:r>
          </w:p>
          <w:p w:rsidR="00A35FED" w:rsidRDefault="00A35FED" w:rsidP="00A35FED">
            <w:r>
              <w:t>form .field input,</w:t>
            </w:r>
          </w:p>
          <w:p w:rsidR="00A35FED" w:rsidRDefault="00A35FED" w:rsidP="00A35FED">
            <w:r>
              <w:t>form .message textarea{</w:t>
            </w:r>
          </w:p>
          <w:p w:rsidR="00A35FED" w:rsidRDefault="00A35FED" w:rsidP="00A35FED">
            <w:r>
              <w:t xml:space="preserve">  width: 100%;</w:t>
            </w:r>
          </w:p>
          <w:p w:rsidR="00A35FED" w:rsidRDefault="00A35FED" w:rsidP="00A35FED">
            <w:r>
              <w:t xml:space="preserve">  height: 100%;</w:t>
            </w:r>
          </w:p>
          <w:p w:rsidR="00A35FED" w:rsidRDefault="00A35FED" w:rsidP="00A35FED">
            <w:r>
              <w:t xml:space="preserve">  outline: none;</w:t>
            </w:r>
          </w:p>
          <w:p w:rsidR="00A35FED" w:rsidRDefault="00A35FED" w:rsidP="00A35FED">
            <w:r>
              <w:t xml:space="preserve">  padding: 0 18px 0 48px;</w:t>
            </w:r>
          </w:p>
          <w:p w:rsidR="00A35FED" w:rsidRDefault="00A35FED" w:rsidP="00A35FED">
            <w:r>
              <w:t xml:space="preserve">  font-size: 16px;</w:t>
            </w:r>
          </w:p>
          <w:p w:rsidR="00A35FED" w:rsidRDefault="00A35FED" w:rsidP="00A35FED">
            <w:r>
              <w:t xml:space="preserve">  border-radius: 5px;</w:t>
            </w:r>
          </w:p>
          <w:p w:rsidR="00A35FED" w:rsidRDefault="00A35FED" w:rsidP="00A35FED">
            <w:r>
              <w:t xml:space="preserve">  border: 1px solid #ccc;</w:t>
            </w:r>
          </w:p>
          <w:p w:rsidR="00A35FED" w:rsidRDefault="00A35FED" w:rsidP="00A35FED">
            <w:r>
              <w:t>}</w:t>
            </w:r>
          </w:p>
          <w:p w:rsidR="00A35FED" w:rsidRDefault="00A35FED" w:rsidP="00A35FED">
            <w:r>
              <w:t>.field input::placeholder,</w:t>
            </w:r>
          </w:p>
          <w:p w:rsidR="00A35FED" w:rsidRDefault="00A35FED" w:rsidP="00A35FED">
            <w:r>
              <w:t>.message textarea::placeholder{</w:t>
            </w:r>
          </w:p>
          <w:p w:rsidR="00A35FED" w:rsidRDefault="00A35FED" w:rsidP="00A35FED">
            <w:r>
              <w:t xml:space="preserve">  color: #ccc;</w:t>
            </w:r>
          </w:p>
          <w:p w:rsidR="00A35FED" w:rsidRDefault="00A35FED" w:rsidP="00A35FED">
            <w:r>
              <w:t>}</w:t>
            </w:r>
          </w:p>
          <w:p w:rsidR="00A35FED" w:rsidRDefault="00A35FED" w:rsidP="00A35FED">
            <w:r>
              <w:t>.field input:focus,</w:t>
            </w:r>
          </w:p>
          <w:p w:rsidR="00A35FED" w:rsidRDefault="00A35FED" w:rsidP="00A35FED">
            <w:r>
              <w:t>.message textarea:focus{</w:t>
            </w:r>
          </w:p>
          <w:p w:rsidR="00A35FED" w:rsidRDefault="00A35FED" w:rsidP="00A35FED">
            <w:r>
              <w:t xml:space="preserve">  padding-left: 47px;</w:t>
            </w:r>
          </w:p>
          <w:p w:rsidR="00A35FED" w:rsidRDefault="00A35FED" w:rsidP="00A35FED">
            <w:r>
              <w:t xml:space="preserve">  border: 2px solid #0D6EFD;</w:t>
            </w:r>
          </w:p>
          <w:p w:rsidR="00A35FED" w:rsidRDefault="00A35FED" w:rsidP="00A35FED">
            <w:r>
              <w:t>}</w:t>
            </w:r>
          </w:p>
          <w:p w:rsidR="00A35FED" w:rsidRDefault="00A35FED" w:rsidP="00A35FED">
            <w:r>
              <w:t>.field input:focus ~ i,</w:t>
            </w:r>
          </w:p>
          <w:p w:rsidR="00A35FED" w:rsidRDefault="00A35FED" w:rsidP="00A35FED">
            <w:r>
              <w:t>.message textarea:focus ~ i{</w:t>
            </w:r>
          </w:p>
          <w:p w:rsidR="00A35FED" w:rsidRDefault="00A35FED" w:rsidP="00A35FED">
            <w:r>
              <w:t xml:space="preserve">  color: #0D6EFD;</w:t>
            </w:r>
          </w:p>
          <w:p w:rsidR="00A35FED" w:rsidRDefault="00A35FED" w:rsidP="00A35FED">
            <w:r>
              <w:t>}</w:t>
            </w:r>
          </w:p>
          <w:p w:rsidR="00A35FED" w:rsidRDefault="00A35FED" w:rsidP="00A35FED">
            <w:r>
              <w:t>form .message{</w:t>
            </w:r>
          </w:p>
          <w:p w:rsidR="00A35FED" w:rsidRDefault="00A35FED" w:rsidP="00A35FED">
            <w:r>
              <w:t xml:space="preserve">  position: relative;</w:t>
            </w:r>
          </w:p>
          <w:p w:rsidR="00A35FED" w:rsidRDefault="00A35FED" w:rsidP="00A35FED">
            <w:r>
              <w:t>}</w:t>
            </w:r>
          </w:p>
          <w:p w:rsidR="00A35FED" w:rsidRDefault="00A35FED" w:rsidP="00A35FED">
            <w:r>
              <w:t>form .message i{</w:t>
            </w:r>
          </w:p>
          <w:p w:rsidR="00A35FED" w:rsidRDefault="00A35FED" w:rsidP="00A35FED">
            <w:r>
              <w:t xml:space="preserve">  top: 30px;</w:t>
            </w:r>
          </w:p>
          <w:p w:rsidR="00A35FED" w:rsidRDefault="00A35FED" w:rsidP="00A35FED">
            <w:r>
              <w:t xml:space="preserve">  font-size: 20px;</w:t>
            </w:r>
          </w:p>
          <w:p w:rsidR="00A35FED" w:rsidRDefault="00A35FED" w:rsidP="00A35FED">
            <w:r>
              <w:t>}</w:t>
            </w:r>
          </w:p>
          <w:p w:rsidR="00A35FED" w:rsidRDefault="00A35FED" w:rsidP="00A35FED">
            <w:r>
              <w:t>form .message textarea{</w:t>
            </w:r>
          </w:p>
          <w:p w:rsidR="00A35FED" w:rsidRDefault="00A35FED" w:rsidP="00A35FED">
            <w:r>
              <w:t xml:space="preserve">  min-height: 130px;</w:t>
            </w:r>
          </w:p>
          <w:p w:rsidR="00A35FED" w:rsidRDefault="00A35FED" w:rsidP="00A35FED">
            <w:r>
              <w:t xml:space="preserve">  max-height: 230px;</w:t>
            </w:r>
          </w:p>
          <w:p w:rsidR="00A35FED" w:rsidRDefault="00A35FED" w:rsidP="00A35FED">
            <w:r>
              <w:t xml:space="preserve">  max-width: 100%;</w:t>
            </w:r>
          </w:p>
          <w:p w:rsidR="00A35FED" w:rsidRDefault="00A35FED" w:rsidP="00A35FED">
            <w:r>
              <w:t xml:space="preserve">  min-width: 100%;</w:t>
            </w:r>
          </w:p>
          <w:p w:rsidR="00A35FED" w:rsidRDefault="00A35FED" w:rsidP="00A35FED">
            <w:r>
              <w:t xml:space="preserve">  padding: 15px 20px 0 48px;</w:t>
            </w:r>
          </w:p>
          <w:p w:rsidR="00A35FED" w:rsidRDefault="00A35FED" w:rsidP="00A35FED">
            <w:r>
              <w:t>}</w:t>
            </w:r>
          </w:p>
          <w:p w:rsidR="00A35FED" w:rsidRDefault="00A35FED" w:rsidP="00A35FED">
            <w:r>
              <w:t>form .message textarea::-webkit-scrollbar{</w:t>
            </w:r>
          </w:p>
          <w:p w:rsidR="00A35FED" w:rsidRDefault="00A35FED" w:rsidP="00A35FED">
            <w:r>
              <w:t xml:space="preserve">  width: 0px;</w:t>
            </w:r>
          </w:p>
          <w:p w:rsidR="00A35FED" w:rsidRDefault="00A35FED" w:rsidP="00A35FED">
            <w:r>
              <w:t>}</w:t>
            </w:r>
          </w:p>
          <w:p w:rsidR="00A35FED" w:rsidRDefault="00A35FED" w:rsidP="00A35FED">
            <w:r>
              <w:t>.message textarea:focus{</w:t>
            </w:r>
          </w:p>
          <w:p w:rsidR="00A35FED" w:rsidRDefault="00A35FED" w:rsidP="00A35FED">
            <w:r>
              <w:t xml:space="preserve">  padding-top: 14px;</w:t>
            </w:r>
          </w:p>
          <w:p w:rsidR="00A35FED" w:rsidRDefault="00A35FED" w:rsidP="00A35FED">
            <w:r>
              <w:t>}</w:t>
            </w:r>
          </w:p>
          <w:p w:rsidR="00A35FED" w:rsidRDefault="00A35FED" w:rsidP="00A35FED">
            <w:r>
              <w:t>form .button-area{</w:t>
            </w:r>
          </w:p>
          <w:p w:rsidR="00A35FED" w:rsidRDefault="00A35FED" w:rsidP="00A35FED">
            <w:r>
              <w:t xml:space="preserve">  margin: 0px 0;</w:t>
            </w:r>
          </w:p>
          <w:p w:rsidR="00A35FED" w:rsidRDefault="00A35FED" w:rsidP="00A35FED">
            <w:r>
              <w:t xml:space="preserve">  display: flex;</w:t>
            </w:r>
          </w:p>
          <w:p w:rsidR="00A35FED" w:rsidRDefault="00A35FED" w:rsidP="00A35FED">
            <w:r>
              <w:t xml:space="preserve">  align-items: center;</w:t>
            </w:r>
          </w:p>
          <w:p w:rsidR="00A35FED" w:rsidRDefault="00A35FED" w:rsidP="00A35FED">
            <w:r>
              <w:lastRenderedPageBreak/>
              <w:t>}</w:t>
            </w:r>
          </w:p>
          <w:p w:rsidR="00A35FED" w:rsidRDefault="00A35FED" w:rsidP="00A35FED">
            <w:r>
              <w:t>.button-area button{</w:t>
            </w:r>
          </w:p>
          <w:p w:rsidR="00A35FED" w:rsidRDefault="00A35FED" w:rsidP="00A35FED">
            <w:r>
              <w:t xml:space="preserve">  color: #fff;</w:t>
            </w:r>
          </w:p>
          <w:p w:rsidR="00A35FED" w:rsidRDefault="00A35FED" w:rsidP="00A35FED">
            <w:r>
              <w:t xml:space="preserve">  border: none;</w:t>
            </w:r>
          </w:p>
          <w:p w:rsidR="00A35FED" w:rsidRDefault="00A35FED" w:rsidP="00A35FED">
            <w:r>
              <w:t xml:space="preserve">  outline: none;</w:t>
            </w:r>
          </w:p>
          <w:p w:rsidR="00A35FED" w:rsidRDefault="00A35FED" w:rsidP="00A35FED">
            <w:r>
              <w:t xml:space="preserve">  font-size: 18px;</w:t>
            </w:r>
          </w:p>
          <w:p w:rsidR="00A35FED" w:rsidRDefault="00A35FED" w:rsidP="00A35FED">
            <w:r>
              <w:t xml:space="preserve">  cursor: pointer;</w:t>
            </w:r>
          </w:p>
          <w:p w:rsidR="00A35FED" w:rsidRDefault="00A35FED" w:rsidP="00A35FED">
            <w:r>
              <w:t xml:space="preserve">  border-radius: 5px;</w:t>
            </w:r>
          </w:p>
          <w:p w:rsidR="00A35FED" w:rsidRDefault="00A35FED" w:rsidP="00A35FED">
            <w:r>
              <w:t xml:space="preserve">  padding: 13px 25px;</w:t>
            </w:r>
          </w:p>
          <w:p w:rsidR="00A35FED" w:rsidRDefault="00A35FED" w:rsidP="00A35FED">
            <w:r>
              <w:t xml:space="preserve">  background: #0D6EFD;</w:t>
            </w:r>
          </w:p>
          <w:p w:rsidR="00A35FED" w:rsidRDefault="00A35FED" w:rsidP="00A35FED">
            <w:r>
              <w:t xml:space="preserve">  transition: background 0.3s ease;</w:t>
            </w:r>
          </w:p>
          <w:p w:rsidR="00A35FED" w:rsidRDefault="00A35FED" w:rsidP="00A35FED">
            <w:r>
              <w:t>}</w:t>
            </w:r>
          </w:p>
          <w:p w:rsidR="00A35FED" w:rsidRDefault="00A35FED" w:rsidP="00A35FED">
            <w:r>
              <w:t>.button-area button:hover{</w:t>
            </w:r>
          </w:p>
          <w:p w:rsidR="00A35FED" w:rsidRDefault="00A35FED" w:rsidP="00A35FED">
            <w:r>
              <w:t xml:space="preserve">  background: #025ce3;</w:t>
            </w:r>
          </w:p>
          <w:p w:rsidR="00A35FED" w:rsidRDefault="00A35FED" w:rsidP="00A35FED">
            <w:r>
              <w:t>}</w:t>
            </w:r>
          </w:p>
          <w:p w:rsidR="00A35FED" w:rsidRDefault="00A35FED" w:rsidP="00A35FED">
            <w:r>
              <w:t>.button-area span{</w:t>
            </w:r>
          </w:p>
          <w:p w:rsidR="00A35FED" w:rsidRDefault="00A35FED" w:rsidP="00A35FED">
            <w:r>
              <w:t xml:space="preserve">  font-size: 17px;</w:t>
            </w:r>
          </w:p>
          <w:p w:rsidR="00A35FED" w:rsidRDefault="00A35FED" w:rsidP="00A35FED">
            <w:r>
              <w:t xml:space="preserve">  margin-left: 30px;</w:t>
            </w:r>
          </w:p>
          <w:p w:rsidR="00A35FED" w:rsidRDefault="00A35FED" w:rsidP="00A35FED">
            <w:r>
              <w:t xml:space="preserve">  display: none;</w:t>
            </w:r>
          </w:p>
          <w:p w:rsidR="00A35FED" w:rsidRDefault="00A35FED" w:rsidP="00A35FED">
            <w:r>
              <w:t>}</w:t>
            </w:r>
          </w:p>
          <w:p w:rsidR="00A35FED" w:rsidRDefault="00A35FED" w:rsidP="00A35FED">
            <w:r>
              <w:t>@media (max-width: 600px){</w:t>
            </w:r>
          </w:p>
          <w:p w:rsidR="00A35FED" w:rsidRDefault="00A35FED" w:rsidP="00A35FED">
            <w:r>
              <w:t xml:space="preserve">  .wrapper header{</w:t>
            </w:r>
          </w:p>
          <w:p w:rsidR="00A35FED" w:rsidRDefault="00A35FED" w:rsidP="00A35FED">
            <w:r>
              <w:t xml:space="preserve">    text-align: center;</w:t>
            </w:r>
          </w:p>
          <w:p w:rsidR="00A35FED" w:rsidRDefault="00A35FED" w:rsidP="00A35FED">
            <w:r>
              <w:t xml:space="preserve">  }</w:t>
            </w:r>
          </w:p>
          <w:p w:rsidR="00A35FED" w:rsidRDefault="00A35FED" w:rsidP="00A35FED">
            <w:r>
              <w:t xml:space="preserve">  .wrapper form{</w:t>
            </w:r>
          </w:p>
          <w:p w:rsidR="00A35FED" w:rsidRDefault="00A35FED" w:rsidP="00A35FED">
            <w:r>
              <w:t xml:space="preserve">    margin: 35px 20px;</w:t>
            </w:r>
          </w:p>
          <w:p w:rsidR="00A35FED" w:rsidRDefault="00A35FED" w:rsidP="00A35FED">
            <w:r>
              <w:t xml:space="preserve">  }</w:t>
            </w:r>
          </w:p>
          <w:p w:rsidR="00A35FED" w:rsidRDefault="00A35FED" w:rsidP="00A35FED">
            <w:r>
              <w:t xml:space="preserve">  form .dbl-field{</w:t>
            </w:r>
          </w:p>
          <w:p w:rsidR="00A35FED" w:rsidRDefault="00A35FED" w:rsidP="00A35FED">
            <w:r>
              <w:t xml:space="preserve">    flex-direction: column;</w:t>
            </w:r>
          </w:p>
          <w:p w:rsidR="00A35FED" w:rsidRDefault="00A35FED" w:rsidP="00A35FED">
            <w:r>
              <w:t xml:space="preserve">    margin-bottom: 0px;</w:t>
            </w:r>
          </w:p>
          <w:p w:rsidR="00A35FED" w:rsidRDefault="00A35FED" w:rsidP="00A35FED">
            <w:r>
              <w:t xml:space="preserve">  }</w:t>
            </w:r>
          </w:p>
          <w:p w:rsidR="00A35FED" w:rsidRDefault="00A35FED" w:rsidP="00A35FED">
            <w:r>
              <w:t xml:space="preserve">  form .dbl-field .field{</w:t>
            </w:r>
          </w:p>
          <w:p w:rsidR="00A35FED" w:rsidRDefault="00A35FED" w:rsidP="00A35FED">
            <w:r>
              <w:t xml:space="preserve">    width: 100%;</w:t>
            </w:r>
          </w:p>
          <w:p w:rsidR="00A35FED" w:rsidRDefault="00A35FED" w:rsidP="00A35FED">
            <w:r>
              <w:t xml:space="preserve">    height: 45px;</w:t>
            </w:r>
          </w:p>
          <w:p w:rsidR="00A35FED" w:rsidRDefault="00A35FED" w:rsidP="00A35FED">
            <w:r>
              <w:t xml:space="preserve">    margin-bottom: 20px;</w:t>
            </w:r>
          </w:p>
          <w:p w:rsidR="00A35FED" w:rsidRDefault="00A35FED" w:rsidP="00A35FED">
            <w:r>
              <w:t xml:space="preserve">  }</w:t>
            </w:r>
          </w:p>
          <w:p w:rsidR="00A35FED" w:rsidRDefault="00A35FED" w:rsidP="00A35FED">
            <w:r>
              <w:t xml:space="preserve">  form .message textarea{</w:t>
            </w:r>
          </w:p>
          <w:p w:rsidR="00A35FED" w:rsidRDefault="00A35FED" w:rsidP="00A35FED">
            <w:r>
              <w:t xml:space="preserve">    resize: none;</w:t>
            </w:r>
          </w:p>
          <w:p w:rsidR="00A35FED" w:rsidRDefault="00A35FED" w:rsidP="00A35FED">
            <w:r>
              <w:t xml:space="preserve">  }</w:t>
            </w:r>
          </w:p>
          <w:p w:rsidR="00A35FED" w:rsidRDefault="00A35FED" w:rsidP="00A35FED">
            <w:r>
              <w:t xml:space="preserve">  form .button-area{</w:t>
            </w:r>
          </w:p>
          <w:p w:rsidR="00A35FED" w:rsidRDefault="00A35FED" w:rsidP="00A35FED">
            <w:r>
              <w:t xml:space="preserve">    margin-top: 20px;</w:t>
            </w:r>
          </w:p>
          <w:p w:rsidR="00A35FED" w:rsidRDefault="00A35FED" w:rsidP="00A35FED">
            <w:r>
              <w:t xml:space="preserve">    flex-direction: column;</w:t>
            </w:r>
          </w:p>
          <w:p w:rsidR="00A35FED" w:rsidRDefault="00A35FED" w:rsidP="00A35FED">
            <w:r>
              <w:t xml:space="preserve">  }</w:t>
            </w:r>
          </w:p>
          <w:p w:rsidR="00A35FED" w:rsidRDefault="00A35FED" w:rsidP="00A35FED">
            <w:r>
              <w:t xml:space="preserve">  .button-area button{</w:t>
            </w:r>
          </w:p>
          <w:p w:rsidR="00A35FED" w:rsidRDefault="00A35FED" w:rsidP="00A35FED">
            <w:r>
              <w:t xml:space="preserve">    width: 100%;</w:t>
            </w:r>
          </w:p>
          <w:p w:rsidR="00A35FED" w:rsidRDefault="00A35FED" w:rsidP="00A35FED">
            <w:r>
              <w:t xml:space="preserve">    padding: 11px 0;</w:t>
            </w:r>
          </w:p>
          <w:p w:rsidR="00A35FED" w:rsidRDefault="00A35FED" w:rsidP="00A35FED">
            <w:r>
              <w:t xml:space="preserve">    font-size: 16px;</w:t>
            </w:r>
          </w:p>
          <w:p w:rsidR="00A35FED" w:rsidRDefault="00A35FED" w:rsidP="00A35FED">
            <w:r>
              <w:t xml:space="preserve">  }</w:t>
            </w:r>
          </w:p>
          <w:p w:rsidR="00A35FED" w:rsidRDefault="00A35FED" w:rsidP="00A35FED">
            <w:r>
              <w:lastRenderedPageBreak/>
              <w:t xml:space="preserve">  .button-area span{</w:t>
            </w:r>
          </w:p>
          <w:p w:rsidR="00A35FED" w:rsidRDefault="00A35FED" w:rsidP="00A35FED">
            <w:r>
              <w:t xml:space="preserve">    margin: 20px 0 0;</w:t>
            </w:r>
          </w:p>
          <w:p w:rsidR="00A35FED" w:rsidRDefault="00A35FED" w:rsidP="00A35FED">
            <w:r>
              <w:t xml:space="preserve">    text-align: center;</w:t>
            </w:r>
          </w:p>
          <w:p w:rsidR="00A35FED" w:rsidRDefault="00A35FED" w:rsidP="00A35FED">
            <w:r>
              <w:t xml:space="preserve">  }</w:t>
            </w:r>
          </w:p>
          <w:p w:rsidR="00A35FED" w:rsidRDefault="00A35FED" w:rsidP="00A35FED">
            <w:r>
              <w:t>}</w:t>
            </w:r>
          </w:p>
          <w:p w:rsidR="00A35FED" w:rsidRDefault="00A35FED" w:rsidP="00A35FED"/>
          <w:p w:rsidR="00A35FED" w:rsidRDefault="00A35FED" w:rsidP="00A35FED">
            <w:r>
              <w:t>&lt;/style&gt;</w:t>
            </w:r>
          </w:p>
          <w:p w:rsidR="00A35FED" w:rsidRDefault="00A35FED" w:rsidP="00A35FED">
            <w:r>
              <w:t>&lt;/head&gt;</w:t>
            </w:r>
          </w:p>
          <w:p w:rsidR="00A35FED" w:rsidRDefault="00A35FED" w:rsidP="00A35FED">
            <w:r>
              <w:t>&lt;body&gt;</w:t>
            </w:r>
          </w:p>
          <w:p w:rsidR="00A35FED" w:rsidRDefault="00A35FED" w:rsidP="00A35FED">
            <w:r>
              <w:t>&lt;div class="loading"&gt;</w:t>
            </w:r>
          </w:p>
          <w:p w:rsidR="00A35FED" w:rsidRDefault="00A35FED" w:rsidP="00A35FED">
            <w:r>
              <w:t xml:space="preserve">    &lt;div class="loader"&gt;&lt;/div&gt;</w:t>
            </w:r>
          </w:p>
          <w:p w:rsidR="00A35FED" w:rsidRDefault="00A35FED" w:rsidP="00A35FED">
            <w:r>
              <w:t>&lt;/div&gt;</w:t>
            </w:r>
          </w:p>
          <w:p w:rsidR="00A35FED" w:rsidRDefault="00A35FED" w:rsidP="00A35FED">
            <w:r>
              <w:t>&lt;div id="divVueContainer"&gt;</w:t>
            </w:r>
          </w:p>
          <w:p w:rsidR="00A35FED" w:rsidRDefault="00A35FED" w:rsidP="00A35FED">
            <w:r>
              <w:t xml:space="preserve">    &lt;div id="page"&gt;</w:t>
            </w:r>
          </w:p>
          <w:p w:rsidR="00A35FED" w:rsidRDefault="00A35FED" w:rsidP="00A35FED">
            <w:r>
              <w:t xml:space="preserve">        &lt;header class=" header_in is_sticky  menu_fixed"&gt;</w:t>
            </w:r>
          </w:p>
          <w:p w:rsidR="00A35FED" w:rsidRDefault="00A35FED" w:rsidP="00A35FED">
            <w:r>
              <w:t xml:space="preserve">            &lt;div class="container"&gt;</w:t>
            </w:r>
          </w:p>
          <w:p w:rsidR="00A35FED" w:rsidRDefault="00A35FED" w:rsidP="00A35FED">
            <w:r>
              <w:t xml:space="preserve">                        &lt;div id="logo"&gt;</w:t>
            </w:r>
          </w:p>
          <w:p w:rsidR="00A35FED" w:rsidRDefault="00A35FED" w:rsidP="00A35FED">
            <w:r>
              <w:t xml:space="preserve">               &lt;a href="home.php"</w:t>
            </w:r>
          </w:p>
          <w:p w:rsidR="00A35FED" w:rsidRDefault="00A35FED" w:rsidP="00A35FED">
            <w:r>
              <w:t xml:space="preserve">                   title="Senior Place Finder - A bridge between seniors and senior living gateway."&gt;</w:t>
            </w:r>
          </w:p>
          <w:p w:rsidR="00A35FED" w:rsidRDefault="00A35FED" w:rsidP="00A35FED">
            <w:r>
              <w:t xml:space="preserve">                                        &lt;img alt="" class="logo_sticky" src="spf/img/logo_sticky.png" width="" height="75"/&gt;</w:t>
            </w:r>
          </w:p>
          <w:p w:rsidR="00A35FED" w:rsidRDefault="00A35FED" w:rsidP="00A35FED">
            <w:r>
              <w:t xml:space="preserve">                &lt;/a&gt;</w:t>
            </w:r>
          </w:p>
          <w:p w:rsidR="00A35FED" w:rsidRDefault="00A35FED" w:rsidP="00A35FED">
            <w:r>
              <w:t xml:space="preserve">            &lt;/div&gt;</w:t>
            </w:r>
          </w:p>
          <w:p w:rsidR="00A35FED" w:rsidRDefault="00A35FED" w:rsidP="00A35FED">
            <w:r>
              <w:t xml:space="preserve">            &lt;ul id="top_menu"&gt;</w:t>
            </w:r>
          </w:p>
          <w:p w:rsidR="00A35FED" w:rsidRDefault="00A35FED" w:rsidP="00A35FED">
            <w:r>
              <w:t xml:space="preserve">                    &lt;?php if ( LOGGED_STATUS == 0 ) { ?&gt; </w:t>
            </w:r>
          </w:p>
          <w:p w:rsidR="00A35FED" w:rsidRDefault="00A35FED" w:rsidP="00A35FED">
            <w:r>
              <w:t xml:space="preserve">            </w:t>
            </w:r>
          </w:p>
          <w:p w:rsidR="00A35FED" w:rsidRDefault="00A35FED" w:rsidP="00A35FED">
            <w:r>
              <w:t xml:space="preserve">                &lt;li&gt;&lt;br/&gt;</w:t>
            </w:r>
          </w:p>
          <w:p w:rsidR="00A35FED" w:rsidRDefault="00A35FED" w:rsidP="00A35FED">
            <w:r>
              <w:t xml:space="preserve">                    &lt;a class="btn_add" href="&lt;?php echo SITE_URL_SPF ; ?&gt;/login.php" title="Sign In"&gt; Sign In &lt;/a&gt; </w:t>
            </w:r>
          </w:p>
          <w:p w:rsidR="00A35FED" w:rsidRDefault="00A35FED" w:rsidP="00A35FED">
            <w:r>
              <w:t xml:space="preserve">                &lt;/li&gt;</w:t>
            </w:r>
          </w:p>
          <w:p w:rsidR="00A35FED" w:rsidRDefault="00A35FED" w:rsidP="00A35FED"/>
          <w:p w:rsidR="00A35FED" w:rsidRDefault="00A35FED" w:rsidP="00A35FED">
            <w:r>
              <w:t xml:space="preserve">                &lt;li&gt;&lt;br/&gt;</w:t>
            </w:r>
          </w:p>
          <w:p w:rsidR="00A35FED" w:rsidRDefault="00A35FED" w:rsidP="00A35FED">
            <w:r>
              <w:t xml:space="preserve">                    &lt;a class="btn_add" href="&lt;?php echo SITE_URL_SPF; ?&gt;/register.php" title="Register"&gt; Register&lt;/a&gt;</w:t>
            </w:r>
          </w:p>
          <w:p w:rsidR="00A35FED" w:rsidRDefault="00A35FED" w:rsidP="00A35FED">
            <w:r>
              <w:t xml:space="preserve">                &lt;/li&gt;</w:t>
            </w:r>
          </w:p>
          <w:p w:rsidR="00A35FED" w:rsidRDefault="00A35FED" w:rsidP="00A35FED">
            <w:r>
              <w:t xml:space="preserve">                &lt;?php } else { ?&gt;</w:t>
            </w:r>
          </w:p>
          <w:p w:rsidR="00A35FED" w:rsidRDefault="00A35FED" w:rsidP="00A35FED">
            <w:r>
              <w:t xml:space="preserve">                &lt;li&gt;&lt;br/&gt;</w:t>
            </w:r>
          </w:p>
          <w:p w:rsidR="00A35FED" w:rsidRDefault="00A35FED" w:rsidP="00A35FED">
            <w:r>
              <w:t xml:space="preserve">                    &lt;a class="btn_add" href="&lt;?php echo SITE_URL_SPF ; ?&gt;/dashboard/?domain=spf" title="dashboard"&gt; &lt;?php echo $userName ; ?&gt;&lt;/a&gt;</w:t>
            </w:r>
          </w:p>
          <w:p w:rsidR="00A35FED" w:rsidRDefault="00A35FED" w:rsidP="00A35FED">
            <w:r>
              <w:t xml:space="preserve">                &lt;/li&gt;</w:t>
            </w:r>
          </w:p>
          <w:p w:rsidR="00A35FED" w:rsidRDefault="00A35FED" w:rsidP="00A35FED">
            <w:r>
              <w:t xml:space="preserve">                &lt;li&gt;&lt;br/&gt;</w:t>
            </w:r>
          </w:p>
          <w:p w:rsidR="00A35FED" w:rsidRDefault="00A35FED" w:rsidP="00A35FED">
            <w:r>
              <w:t xml:space="preserve">                    &lt;a class="btn_add" href="&lt;?php echo SITE_URL_PROFILE ; ?&gt;/profile/?sort=login" title="dashboard"&gt;Dashboard &lt;/a&gt;</w:t>
            </w:r>
          </w:p>
          <w:p w:rsidR="00A35FED" w:rsidRDefault="00A35FED" w:rsidP="00A35FED">
            <w:r>
              <w:t xml:space="preserve">                &lt;/li&gt;</w:t>
            </w:r>
          </w:p>
          <w:p w:rsidR="00A35FED" w:rsidRDefault="00A35FED" w:rsidP="00A35FED">
            <w:r>
              <w:tab/>
            </w:r>
            <w:r>
              <w:tab/>
            </w:r>
            <w:r>
              <w:tab/>
            </w:r>
            <w:r>
              <w:tab/>
              <w:t>&lt;li&gt;&lt;br/&gt;</w:t>
            </w:r>
          </w:p>
          <w:p w:rsidR="00A35FED" w:rsidRDefault="00A35FED" w:rsidP="00A35FED">
            <w:r>
              <w:t xml:space="preserve">                    &lt;a class="btn_add" href="&lt;?php echo SITE_URL_SPF ; ?&gt;/logout.php" title="Logout"&gt; Logout&lt;/a&gt;</w:t>
            </w:r>
          </w:p>
          <w:p w:rsidR="00A35FED" w:rsidRDefault="00A35FED" w:rsidP="00A35FED">
            <w:r>
              <w:t xml:space="preserve">                &lt;/li&gt;</w:t>
            </w:r>
          </w:p>
          <w:p w:rsidR="00A35FED" w:rsidRDefault="00A35FED" w:rsidP="00A35FED">
            <w:r>
              <w:lastRenderedPageBreak/>
              <w:t xml:space="preserve">                &lt;?php } ?&gt;</w:t>
            </w:r>
          </w:p>
          <w:p w:rsidR="00A35FED" w:rsidRDefault="00A35FED" w:rsidP="00A35FED">
            <w:r>
              <w:t xml:space="preserve">            &lt;/ul&gt;</w:t>
            </w:r>
          </w:p>
          <w:p w:rsidR="00A35FED" w:rsidRDefault="00A35FED" w:rsidP="00A35FED">
            <w:r>
              <w:t xml:space="preserve">            &lt;a class="btn_mobile" href="#menu"&gt;</w:t>
            </w:r>
          </w:p>
          <w:p w:rsidR="00A35FED" w:rsidRDefault="00A35FED" w:rsidP="00A35FED">
            <w:r>
              <w:t xml:space="preserve">                &lt;div class="hamburger hamburger--spin" id="hamburger"&gt;</w:t>
            </w:r>
          </w:p>
          <w:p w:rsidR="00A35FED" w:rsidRDefault="00A35FED" w:rsidP="00A35FED">
            <w:r>
              <w:t xml:space="preserve">                    &lt;div class="hamburger-box"&gt;</w:t>
            </w:r>
          </w:p>
          <w:p w:rsidR="00A35FED" w:rsidRDefault="00A35FED" w:rsidP="00A35FED">
            <w:r>
              <w:t xml:space="preserve">                        &lt;div class="hamburger-inner"&gt;&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a&gt;</w:t>
            </w:r>
          </w:p>
          <w:p w:rsidR="00A35FED" w:rsidRDefault="00A35FED" w:rsidP="00A35FED">
            <w:r>
              <w:t xml:space="preserve">            &lt;nav class="main-menu" id="menu"&gt;</w:t>
            </w:r>
          </w:p>
          <w:p w:rsidR="00A35FED" w:rsidRDefault="00A35FED" w:rsidP="00A35FED">
            <w:r>
              <w:t xml:space="preserve">                &lt;ul&gt;</w:t>
            </w:r>
          </w:p>
          <w:p w:rsidR="00A35FED" w:rsidRDefault="00A35FED" w:rsidP="00A35FED">
            <w:r>
              <w:t xml:space="preserve">                    &lt;li&gt;</w:t>
            </w:r>
          </w:p>
          <w:p w:rsidR="00A35FED" w:rsidRDefault="00A35FED" w:rsidP="00A35FED">
            <w:r>
              <w:t xml:space="preserve">                    &lt;span&gt;</w:t>
            </w:r>
          </w:p>
          <w:p w:rsidR="00A35FED" w:rsidRDefault="00A35FED" w:rsidP="00A35FED">
            <w:r>
              <w:t xml:space="preserve">                        &lt;a href="home.php"</w:t>
            </w:r>
          </w:p>
          <w:p w:rsidR="00A35FED" w:rsidRDefault="00A35FED" w:rsidP="00A35FED">
            <w:r>
              <w:t xml:space="preserve">                           class="" style="font-size: 1.1rem; color: #007BCE;"&gt;</w:t>
            </w:r>
          </w:p>
          <w:p w:rsidR="00A35FED" w:rsidRDefault="00A35FED" w:rsidP="00A35FED">
            <w:r>
              <w:t xml:space="preserve">                            Home</w:t>
            </w:r>
          </w:p>
          <w:p w:rsidR="00A35FED" w:rsidRDefault="00A35FED" w:rsidP="00A35FED">
            <w:r>
              <w:t xml:space="preserve">                        &lt;/a&gt;</w:t>
            </w:r>
          </w:p>
          <w:p w:rsidR="00A35FED" w:rsidRDefault="00A35FED" w:rsidP="00A35FED">
            <w:r>
              <w:t xml:space="preserve">                    &lt;/span&gt;</w:t>
            </w:r>
          </w:p>
          <w:p w:rsidR="00A35FED" w:rsidRDefault="00A35FED" w:rsidP="00A35FED">
            <w:r>
              <w:t xml:space="preserve">                    &lt;li&gt;</w:t>
            </w:r>
          </w:p>
          <w:p w:rsidR="00A35FED" w:rsidRDefault="00A35FED" w:rsidP="00A35FED">
            <w:r>
              <w:t xml:space="preserve">                    &lt;li&gt;</w:t>
            </w:r>
          </w:p>
          <w:p w:rsidR="00A35FED" w:rsidRDefault="00A35FED" w:rsidP="00A35FED">
            <w:r>
              <w:t xml:space="preserve">                    &lt;span&gt;</w:t>
            </w:r>
          </w:p>
          <w:p w:rsidR="00A35FED" w:rsidRDefault="00A35FED" w:rsidP="00A35FED">
            <w:r>
              <w:t xml:space="preserve">                        &lt;a href="aboutus.php"</w:t>
            </w:r>
          </w:p>
          <w:p w:rsidR="00A35FED" w:rsidRDefault="00A35FED" w:rsidP="00A35FED">
            <w:r>
              <w:t xml:space="preserve">                           class="" style="font-size: 1.1rem; color: #007BCE;"&gt;</w:t>
            </w:r>
          </w:p>
          <w:p w:rsidR="00A35FED" w:rsidRDefault="00A35FED" w:rsidP="00A35FED">
            <w:r>
              <w:t xml:space="preserve">                            About us</w:t>
            </w:r>
          </w:p>
          <w:p w:rsidR="00A35FED" w:rsidRDefault="00A35FED" w:rsidP="00A35FED">
            <w:r>
              <w:t xml:space="preserve">                        &lt;/a&gt;</w:t>
            </w:r>
          </w:p>
          <w:p w:rsidR="00A35FED" w:rsidRDefault="00A35FED" w:rsidP="00A35FED">
            <w:r>
              <w:t xml:space="preserve">                    &lt;/span&gt;</w:t>
            </w:r>
          </w:p>
          <w:p w:rsidR="00A35FED" w:rsidRDefault="00A35FED" w:rsidP="00A35FED">
            <w:r>
              <w:t xml:space="preserve">                    &lt;li&gt;</w:t>
            </w:r>
          </w:p>
          <w:p w:rsidR="00A35FED" w:rsidRDefault="00A35FED" w:rsidP="00A35FED">
            <w:r>
              <w:t xml:space="preserve">                    &lt;li&gt;</w:t>
            </w:r>
          </w:p>
          <w:p w:rsidR="00A35FED" w:rsidRDefault="00A35FED" w:rsidP="00A35FED">
            <w:r>
              <w:t xml:space="preserve">                    &lt;span&gt;</w:t>
            </w:r>
          </w:p>
          <w:p w:rsidR="00A35FED" w:rsidRDefault="00A35FED" w:rsidP="00A35FED">
            <w:r>
              <w:t xml:space="preserve">                        &lt;a href="howitworks.php"</w:t>
            </w:r>
          </w:p>
          <w:p w:rsidR="00A35FED" w:rsidRDefault="00A35FED" w:rsidP="00A35FED">
            <w:r>
              <w:t xml:space="preserve">                           class="" style="font-size: 1.1rem; color: #007BCE;"&gt;</w:t>
            </w:r>
          </w:p>
          <w:p w:rsidR="00A35FED" w:rsidRDefault="00A35FED" w:rsidP="00A35FED">
            <w:r>
              <w:t xml:space="preserve">                            How it works</w:t>
            </w:r>
          </w:p>
          <w:p w:rsidR="00A35FED" w:rsidRDefault="00A35FED" w:rsidP="00A35FED">
            <w:r>
              <w:t xml:space="preserve">                        &lt;/a&gt;</w:t>
            </w:r>
          </w:p>
          <w:p w:rsidR="00A35FED" w:rsidRDefault="00A35FED" w:rsidP="00A35FED">
            <w:r>
              <w:t xml:space="preserve">                    &lt;/span&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class="" style="font-size: 1.1rem; color: #007BCE;"&gt;Find More&lt;/a&gt;</w:t>
            </w:r>
          </w:p>
          <w:p w:rsidR="00A35FED" w:rsidRDefault="00A35FED" w:rsidP="00A35FED">
            <w:r>
              <w:t xml:space="preserve">                &lt;ul&gt;</w:t>
            </w:r>
          </w:p>
          <w:p w:rsidR="00A35FED" w:rsidRDefault="00A35FED" w:rsidP="00A35FED">
            <w:r>
              <w:t xml:space="preserve">                    &lt;li&gt;</w:t>
            </w:r>
          </w:p>
          <w:p w:rsidR="00A35FED" w:rsidRDefault="00A35FED" w:rsidP="00A35FED">
            <w:r>
              <w:t xml:space="preserve">                     &lt;a href="https://yourseniorteam.com/" target="_blank"&gt;Your Senior Team&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https://srepfinder.com/" target="_blank"&gt;SRES Finder&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https://vabenefitsfinder.com/" target="_blank"&gt;VA Benefits Finder&lt;/a&gt;</w:t>
            </w:r>
          </w:p>
          <w:p w:rsidR="00A35FED" w:rsidRDefault="00A35FED" w:rsidP="00A35FED">
            <w:r>
              <w:t xml:space="preserve">                    &lt;/li&gt;</w:t>
            </w:r>
          </w:p>
          <w:p w:rsidR="00A35FED" w:rsidRDefault="00A35FED" w:rsidP="00A35FED">
            <w:r>
              <w:t xml:space="preserve">                    &lt;li&gt;</w:t>
            </w:r>
          </w:p>
          <w:p w:rsidR="00A35FED" w:rsidRDefault="00A35FED" w:rsidP="00A35FED">
            <w:r>
              <w:lastRenderedPageBreak/>
              <w:t xml:space="preserve">                    &lt;a href="https://eiflfinder.com/" target="_blank"&gt;Senior Investment &amp; Finance&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https://insureseniorsfinder.com/" target="_blank"&gt;Senior Insurance Finder&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https://espmfinder.com/" target="_blank"&gt;ESPM Finder&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https://seniorlivinggateway.com/" target="_blank"&gt;Senior Elder Finder&lt;/a&gt;</w:t>
            </w:r>
          </w:p>
          <w:p w:rsidR="00A35FED" w:rsidRDefault="00A35FED" w:rsidP="00A35FED">
            <w:r>
              <w:t xml:space="preserve">                    &lt;/li&gt;</w:t>
            </w:r>
          </w:p>
          <w:p w:rsidR="00A35FED" w:rsidRDefault="00A35FED" w:rsidP="00A35FED">
            <w:r>
              <w:t xml:space="preserve">                                    </w:t>
            </w:r>
          </w:p>
          <w:p w:rsidR="00A35FED" w:rsidRDefault="00A35FED" w:rsidP="00A35FED">
            <w:r>
              <w:t xml:space="preserve">                &lt;/ul&gt;</w:t>
            </w:r>
          </w:p>
          <w:p w:rsidR="00A35FED" w:rsidRDefault="00A35FED" w:rsidP="00A35FED">
            <w:r>
              <w:t xml:space="preserve">                    &lt;li&gt;</w:t>
            </w:r>
          </w:p>
          <w:p w:rsidR="00A35FED" w:rsidRDefault="00A35FED" w:rsidP="00A35FED">
            <w:r>
              <w:t xml:space="preserve">                    &lt;span&gt;</w:t>
            </w:r>
          </w:p>
          <w:p w:rsidR="00A35FED" w:rsidRDefault="00A35FED" w:rsidP="00A35FED">
            <w:r>
              <w:t xml:space="preserve">                        &lt;a href="contactus.php"</w:t>
            </w:r>
          </w:p>
          <w:p w:rsidR="00A35FED" w:rsidRDefault="00A35FED" w:rsidP="00A35FED">
            <w:r>
              <w:t xml:space="preserve">                           class="" style="font-size: 1.1rem; color: #007BCE;"&gt;</w:t>
            </w:r>
          </w:p>
          <w:p w:rsidR="00A35FED" w:rsidRDefault="00A35FED" w:rsidP="00A35FED">
            <w:r>
              <w:t xml:space="preserve">                            Contact us</w:t>
            </w:r>
          </w:p>
          <w:p w:rsidR="00A35FED" w:rsidRDefault="00A35FED" w:rsidP="00A35FED">
            <w:r>
              <w:t xml:space="preserve">                        &lt;/a&gt;</w:t>
            </w:r>
          </w:p>
          <w:p w:rsidR="00A35FED" w:rsidRDefault="00A35FED" w:rsidP="00A35FED">
            <w:r>
              <w:t xml:space="preserve">                    &lt;/span&gt;</w:t>
            </w:r>
          </w:p>
          <w:p w:rsidR="00A35FED" w:rsidRDefault="00A35FED" w:rsidP="00A35FED">
            <w:r>
              <w:t xml:space="preserve">                    &lt;li&gt;</w:t>
            </w:r>
          </w:p>
          <w:p w:rsidR="00A35FED" w:rsidRDefault="00A35FED" w:rsidP="00A35FED"/>
          <w:p w:rsidR="00A35FED" w:rsidRDefault="00A35FED" w:rsidP="00A35FED">
            <w:r>
              <w:t xml:space="preserve">                &lt;/ul&gt;</w:t>
            </w:r>
          </w:p>
          <w:p w:rsidR="00A35FED" w:rsidRDefault="00A35FED" w:rsidP="00A35FED">
            <w:r>
              <w:t xml:space="preserve">            &lt;/nav&gt;</w:t>
            </w:r>
          </w:p>
          <w:p w:rsidR="00A35FED" w:rsidRDefault="00A35FED" w:rsidP="00A35FED">
            <w:r>
              <w:t xml:space="preserve">        &lt;/div&gt;</w:t>
            </w:r>
          </w:p>
          <w:p w:rsidR="00A35FED" w:rsidRDefault="00A35FED" w:rsidP="00A35FED">
            <w:r>
              <w:t xml:space="preserve">    &lt;/header&gt;</w:t>
            </w:r>
          </w:p>
          <w:p w:rsidR="00A35FED" w:rsidRDefault="00A35FED" w:rsidP="00A35FED">
            <w:r>
              <w:t xml:space="preserve">    &lt;div class="sub_header_in sticky_header"&gt;</w:t>
            </w:r>
          </w:p>
          <w:p w:rsidR="00A35FED" w:rsidRDefault="00A35FED" w:rsidP="00A35FED">
            <w:r>
              <w:t xml:space="preserve">        &lt;br&gt;</w:t>
            </w:r>
          </w:p>
          <w:p w:rsidR="00A35FED" w:rsidRDefault="00A35FED" w:rsidP="00A35FED">
            <w:r>
              <w:t xml:space="preserve">        &lt;div class="container"&gt;</w:t>
            </w:r>
          </w:p>
          <w:p w:rsidR="00A35FED" w:rsidRDefault="00A35FED" w:rsidP="00A35FED">
            <w:r>
              <w:t xml:space="preserve">            &lt;h1&gt;Get or Redeem your Senior Living Voucher&lt;/h1&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lt;!-- Voucher Status</w:t>
            </w:r>
          </w:p>
          <w:p w:rsidR="00A35FED" w:rsidRDefault="00A35FED" w:rsidP="00A35FED">
            <w:r>
              <w:t xml:space="preserve">    0- Voucher Not Generated</w:t>
            </w:r>
          </w:p>
          <w:p w:rsidR="00A35FED" w:rsidRDefault="00A35FED" w:rsidP="00A35FED">
            <w:r>
              <w:t xml:space="preserve">    1- Voucher Generated &amp; Released after verifying user is a registered on SLG</w:t>
            </w:r>
          </w:p>
          <w:p w:rsidR="00A35FED" w:rsidRDefault="00A35FED" w:rsidP="00A35FED">
            <w:r>
              <w:t xml:space="preserve">    2- Voucher Validated after verifying the user credentials</w:t>
            </w:r>
          </w:p>
          <w:p w:rsidR="00A35FED" w:rsidRDefault="00A35FED" w:rsidP="00A35FED">
            <w:r>
              <w:t xml:space="preserve">    3- Voucher Redeeemd after User Moved in to New Residence/Community</w:t>
            </w:r>
          </w:p>
          <w:p w:rsidR="00A35FED" w:rsidRDefault="00A35FED" w:rsidP="00A35FED">
            <w:r>
              <w:t xml:space="preserve">    4- Voucher Not Redeemed after User Moved in to the New Residence/Community after 1 month</w:t>
            </w:r>
          </w:p>
          <w:p w:rsidR="00A35FED" w:rsidRDefault="00A35FED" w:rsidP="00A35FED">
            <w:r>
              <w:t xml:space="preserve">    DB Table: slg_voucher</w:t>
            </w:r>
          </w:p>
          <w:p w:rsidR="00A35FED" w:rsidRDefault="00A35FED" w:rsidP="00A35FED">
            <w:r>
              <w:t xml:space="preserve">    `id`, `userId`, `voucher Code`, `voucher_issue_date`, `residence_name_moved_in`, `user_moved_in_date`, `monthly_rent_amount`, `voucher_redeem_submit_ date`, `voucher_status`</w:t>
            </w:r>
          </w:p>
          <w:p w:rsidR="00A35FED" w:rsidRDefault="00A35FED" w:rsidP="00A35FED">
            <w:r>
              <w:t xml:space="preserve">    --&gt;</w:t>
            </w:r>
          </w:p>
          <w:p w:rsidR="00A35FED" w:rsidRDefault="00A35FED" w:rsidP="00A35FED">
            <w:r>
              <w:t xml:space="preserve">    </w:t>
            </w:r>
          </w:p>
          <w:p w:rsidR="00A35FED" w:rsidRDefault="00A35FED" w:rsidP="00A35FED">
            <w:r>
              <w:t xml:space="preserve">    &lt;main&gt;</w:t>
            </w:r>
          </w:p>
          <w:p w:rsidR="00A35FED" w:rsidRDefault="00A35FED" w:rsidP="00A35FED">
            <w:r>
              <w:t xml:space="preserve">    &lt;div class="container margin_80_55"&gt;</w:t>
            </w:r>
          </w:p>
          <w:p w:rsidR="00A35FED" w:rsidRDefault="00A35FED" w:rsidP="00A35FED">
            <w:r>
              <w:t xml:space="preserve">        &lt;div class="main_title_2"&gt;</w:t>
            </w:r>
          </w:p>
          <w:p w:rsidR="00A35FED" w:rsidRDefault="00A35FED" w:rsidP="00A35FED">
            <w:r>
              <w:t xml:space="preserve">            &lt;span&gt;&lt;em&gt;&lt;/em&gt;&lt;/span&gt;</w:t>
            </w:r>
          </w:p>
          <w:p w:rsidR="00A35FED" w:rsidRDefault="00A35FED" w:rsidP="00A35FED">
            <w:r>
              <w:lastRenderedPageBreak/>
              <w:t xml:space="preserve">            &lt;h2&gt;Senior Living Cash Voucher&lt;/h2&gt;</w:t>
            </w:r>
          </w:p>
          <w:p w:rsidR="00A35FED" w:rsidRDefault="00A35FED" w:rsidP="00A35FED">
            <w:r>
              <w:t xml:space="preserve">            &lt;p class="text-capitalize"&gt;</w:t>
            </w:r>
          </w:p>
          <w:p w:rsidR="00A35FED" w:rsidRDefault="00A35FED" w:rsidP="00A35FED">
            <w:r>
              <w:t xml:space="preserve">                Register here to grab yours</w:t>
            </w:r>
          </w:p>
          <w:p w:rsidR="00A35FED" w:rsidRDefault="00A35FED" w:rsidP="00A35FED">
            <w:r>
              <w:t xml:space="preserve">            &lt;/p&gt;</w:t>
            </w:r>
          </w:p>
          <w:p w:rsidR="00A35FED" w:rsidRDefault="00A35FED" w:rsidP="00A35FED">
            <w:r>
              <w:t xml:space="preserve">        &lt;/div&gt;</w:t>
            </w:r>
          </w:p>
          <w:p w:rsidR="00A35FED" w:rsidRDefault="00A35FED" w:rsidP="00A35FED">
            <w:r>
              <w:t xml:space="preserve">        &lt;div class="row"&gt;</w:t>
            </w:r>
          </w:p>
          <w:p w:rsidR="00A35FED" w:rsidRDefault="00A35FED" w:rsidP="00A35FED">
            <w:r>
              <w:t xml:space="preserve">            &lt;div class="col-lg-8 col-md-8"&gt;</w:t>
            </w:r>
          </w:p>
          <w:p w:rsidR="00A35FED" w:rsidRDefault="00A35FED" w:rsidP="00A35FED">
            <w:r>
              <w:t xml:space="preserve">                &lt;div class="voucher-panel"&gt;</w:t>
            </w:r>
          </w:p>
          <w:p w:rsidR="00A35FED" w:rsidRDefault="00A35FED" w:rsidP="00A35FED">
            <w:r>
              <w:t xml:space="preserve">                    &lt;div id="divVoucherHolder" class="mb-5"&gt;</w:t>
            </w:r>
          </w:p>
          <w:p w:rsidR="00A35FED" w:rsidRDefault="00A35FED" w:rsidP="00A35FED">
            <w:r>
              <w:t xml:space="preserve">                        &lt;div class="voucher"&gt;</w:t>
            </w:r>
          </w:p>
          <w:p w:rsidR="00A35FED" w:rsidRDefault="00A35FED" w:rsidP="00A35FED">
            <w:r>
              <w:t xml:space="preserve">    &lt;div class="voucher-content d-flex justify-content-between align-items-center"&gt;</w:t>
            </w:r>
          </w:p>
          <w:p w:rsidR="00A35FED" w:rsidRDefault="00A35FED" w:rsidP="00A35FED">
            <w:r>
              <w:t xml:space="preserve">        &lt;div&gt;</w:t>
            </w:r>
          </w:p>
          <w:p w:rsidR="00A35FED" w:rsidRDefault="00A35FED" w:rsidP="00A35FED">
            <w:r>
              <w:t xml:space="preserve">            &lt;div class="mb-3"&gt;</w:t>
            </w:r>
          </w:p>
          <w:p w:rsidR="00A35FED" w:rsidRDefault="00A35FED" w:rsidP="00A35FED">
            <w:r>
              <w:t xml:space="preserve">                &lt;img class="voucher-logo"</w:t>
            </w:r>
          </w:p>
          <w:p w:rsidR="00A35FED" w:rsidRDefault="00A35FED" w:rsidP="00A35FED">
            <w:r>
              <w:t xml:space="preserve">                src="img/icon/logo.png"</w:t>
            </w:r>
          </w:p>
          <w:p w:rsidR="00A35FED" w:rsidRDefault="00A35FED" w:rsidP="00A35FED">
            <w:r>
              <w:t xml:space="preserve">                </w:t>
            </w:r>
          </w:p>
          <w:p w:rsidR="00A35FED" w:rsidRDefault="00A35FED" w:rsidP="00A35FED">
            <w:r>
              <w:t xml:space="preserve">                     alt="Senior living Voucher"/&gt;</w:t>
            </w:r>
          </w:p>
          <w:p w:rsidR="00A35FED" w:rsidRDefault="00A35FED" w:rsidP="00A35FED">
            <w:r>
              <w:t xml:space="preserve">            &lt;/div&gt;</w:t>
            </w:r>
          </w:p>
          <w:p w:rsidR="00A35FED" w:rsidRDefault="00A35FED" w:rsidP="00A35FED">
            <w:r>
              <w:t xml:space="preserve">            &lt;h5 class="card-title"&gt;</w:t>
            </w:r>
          </w:p>
          <w:p w:rsidR="00A35FED" w:rsidRDefault="00A35FED" w:rsidP="00A35FED">
            <w:r>
              <w:t xml:space="preserve">                Assisted Living Voucher</w:t>
            </w:r>
          </w:p>
          <w:p w:rsidR="00A35FED" w:rsidRDefault="00A35FED" w:rsidP="00A35FED">
            <w:r>
              <w:t xml:space="preserve">            &lt;/h5&gt;</w:t>
            </w:r>
          </w:p>
          <w:p w:rsidR="00A35FED" w:rsidRDefault="00A35FED" w:rsidP="00A35FED">
            <w:r>
              <w:t xml:space="preserve">            &lt;p class="card-text"&gt;</w:t>
            </w:r>
          </w:p>
          <w:p w:rsidR="00A35FED" w:rsidRDefault="00A35FED" w:rsidP="00A35FED">
            <w:r>
              <w:t xml:space="preserve">                Get cash reward on successful move in to a residence.</w:t>
            </w:r>
          </w:p>
          <w:p w:rsidR="00A35FED" w:rsidRDefault="00A35FED" w:rsidP="00A35FED">
            <w:r>
              <w:t xml:space="preserve">            &lt;/p&gt;</w:t>
            </w:r>
          </w:p>
          <w:p w:rsidR="00A35FED" w:rsidRDefault="00A35FED" w:rsidP="00A35FED">
            <w:r>
              <w:t xml:space="preserve">        &lt;/div&gt;</w:t>
            </w:r>
          </w:p>
          <w:p w:rsidR="00A35FED" w:rsidRDefault="00A35FED" w:rsidP="00A35FED">
            <w:r>
              <w:t xml:space="preserve">        &lt;div class="voucher-value text-center"&gt;</w:t>
            </w:r>
          </w:p>
          <w:p w:rsidR="00A35FED" w:rsidRDefault="00A35FED" w:rsidP="00A35FED">
            <w:r>
              <w:t xml:space="preserve">            &lt;h2 class="worth m-0"&gt;</w:t>
            </w:r>
          </w:p>
          <w:p w:rsidR="00A35FED" w:rsidRDefault="00A35FED" w:rsidP="00A35FED">
            <w:r>
              <w:t xml:space="preserve">                $200</w:t>
            </w:r>
          </w:p>
          <w:p w:rsidR="00A35FED" w:rsidRDefault="00A35FED" w:rsidP="00A35FED">
            <w:r>
              <w:t xml:space="preserve">            &lt;/h2&gt;</w:t>
            </w:r>
          </w:p>
          <w:p w:rsidR="00A35FED" w:rsidRDefault="00A35FED" w:rsidP="00A35FED">
            <w:r>
              <w:t xml:space="preserve">            &lt;span&gt;</w:t>
            </w:r>
          </w:p>
          <w:p w:rsidR="00A35FED" w:rsidRDefault="00A35FED" w:rsidP="00A35FED">
            <w:r>
              <w:t xml:space="preserve">                Voucher Value</w:t>
            </w:r>
          </w:p>
          <w:p w:rsidR="00A35FED" w:rsidRDefault="00A35FED" w:rsidP="00A35FED">
            <w:r>
              <w:t xml:space="preserve">            &lt;/span&gt;</w:t>
            </w:r>
          </w:p>
          <w:p w:rsidR="00A35FED" w:rsidRDefault="00A35FED" w:rsidP="00A35FED">
            <w:r>
              <w:t xml:space="preserve">        &lt;/div&gt;</w:t>
            </w:r>
          </w:p>
          <w:p w:rsidR="00A35FED" w:rsidRDefault="00A35FED" w:rsidP="00A35FED">
            <w:r>
              <w:t xml:space="preserve">    &lt;/div&gt;</w:t>
            </w:r>
          </w:p>
          <w:p w:rsidR="00A35FED" w:rsidRDefault="00A35FED" w:rsidP="00A35FED">
            <w:r>
              <w:t xml:space="preserve">    &lt;h4 class="text-center voucher-code code"&gt;</w:t>
            </w:r>
          </w:p>
          <w:p w:rsidR="00A35FED" w:rsidRDefault="00A35FED" w:rsidP="00A35FED">
            <w:r>
              <w:t xml:space="preserve">        xxxx-xxxx-xxxx</w:t>
            </w:r>
          </w:p>
          <w:p w:rsidR="00A35FED" w:rsidRDefault="00A35FED" w:rsidP="00A35FED">
            <w:r>
              <w:t xml:space="preserve">    &lt;/h4&gt;</w:t>
            </w:r>
          </w:p>
          <w:p w:rsidR="00A35FED" w:rsidRDefault="00A35FED" w:rsidP="00A35FED">
            <w:r>
              <w:t xml:space="preserve">    &lt;div class="bg-transparent"&gt;</w:t>
            </w:r>
          </w:p>
          <w:p w:rsidR="00A35FED" w:rsidRDefault="00A35FED" w:rsidP="00A35FED">
            <w:r>
              <w:t xml:space="preserve">        &lt;div class="d-flex justify-content-between align-items-center"&gt;</w:t>
            </w:r>
          </w:p>
          <w:p w:rsidR="00A35FED" w:rsidRDefault="00A35FED" w:rsidP="00A35FED">
            <w:r>
              <w:t xml:space="preserve">            &lt;b&gt;Status :</w:t>
            </w:r>
          </w:p>
          <w:p w:rsidR="00A35FED" w:rsidRDefault="00A35FED" w:rsidP="00A35FED">
            <w:r>
              <w:t xml:space="preserve">                &lt;span class="badge badge-pill badge-success"&gt;Available&lt;/span&gt;</w:t>
            </w:r>
          </w:p>
          <w:p w:rsidR="00A35FED" w:rsidRDefault="00A35FED" w:rsidP="00A35FED">
            <w:r>
              <w:t xml:space="preserve">            &lt;/b&gt;</w:t>
            </w:r>
          </w:p>
          <w:p w:rsidR="00A35FED" w:rsidRDefault="00A35FED" w:rsidP="00A35FED">
            <w:r>
              <w:t xml:space="preserve">        &lt;/div&gt;</w:t>
            </w:r>
          </w:p>
          <w:p w:rsidR="00A35FED" w:rsidRDefault="00A35FED" w:rsidP="00A35FED">
            <w:r>
              <w:t xml:space="preserve">    &lt;/div&gt;</w:t>
            </w:r>
          </w:p>
          <w:p w:rsidR="00A35FED" w:rsidRDefault="00A35FED" w:rsidP="00A35FED">
            <w:r>
              <w:t>&lt;/div&gt;                        &lt;small class="text-muted text-justify float-right"&gt;* Limited to one voucher per move in.&lt;/small&gt;</w:t>
            </w:r>
          </w:p>
          <w:p w:rsidR="00A35FED" w:rsidRDefault="00A35FED" w:rsidP="00A35FED">
            <w:r>
              <w:t xml:space="preserve">                    &lt;/div&gt;</w:t>
            </w:r>
          </w:p>
          <w:p w:rsidR="00A35FED" w:rsidRDefault="00A35FED" w:rsidP="00A35FED">
            <w:r>
              <w:t xml:space="preserve">                    &lt;h3 &gt;</w:t>
            </w:r>
          </w:p>
          <w:p w:rsidR="00A35FED" w:rsidRDefault="00A35FED" w:rsidP="00A35FED">
            <w:r>
              <w:lastRenderedPageBreak/>
              <w:t xml:space="preserve">                        Do you know, Its very simple..</w:t>
            </w:r>
          </w:p>
          <w:p w:rsidR="00A35FED" w:rsidRDefault="00A35FED" w:rsidP="00A35FED">
            <w:r>
              <w:t xml:space="preserve">                    &lt;/h3&gt;</w:t>
            </w:r>
          </w:p>
          <w:p w:rsidR="00A35FED" w:rsidRDefault="00A35FED" w:rsidP="00A35FED">
            <w:r>
              <w:t xml:space="preserve">                    &lt;ol class="voucher-steps"&gt;</w:t>
            </w:r>
          </w:p>
          <w:p w:rsidR="00A35FED" w:rsidRDefault="00A35FED" w:rsidP="00A35FED">
            <w:r>
              <w:t xml:space="preserve">                        &lt;li&gt;</w:t>
            </w:r>
          </w:p>
          <w:p w:rsidR="00A35FED" w:rsidRDefault="00A35FED" w:rsidP="00A35FED">
            <w:r>
              <w:t xml:space="preserve">                            &lt;span&gt;1&lt;/span&gt;Register for Cash</w:t>
            </w:r>
          </w:p>
          <w:p w:rsidR="00A35FED" w:rsidRDefault="00A35FED" w:rsidP="00A35FED">
            <w:r>
              <w:t xml:space="preserve">                        &lt;/li&gt;</w:t>
            </w:r>
          </w:p>
          <w:p w:rsidR="00A35FED" w:rsidRDefault="00A35FED" w:rsidP="00A35FED">
            <w:r>
              <w:t xml:space="preserve">                        &lt;li&gt;</w:t>
            </w:r>
          </w:p>
          <w:p w:rsidR="00A35FED" w:rsidRDefault="00A35FED" w:rsidP="00A35FED">
            <w:r>
              <w:t xml:space="preserve">                            &lt;span&gt;2&lt;/span&gt;Enter your requests for a senior living residence.</w:t>
            </w:r>
          </w:p>
          <w:p w:rsidR="00A35FED" w:rsidRDefault="00A35FED" w:rsidP="00A35FED">
            <w:r>
              <w:t xml:space="preserve">                        &lt;/li&gt;</w:t>
            </w:r>
          </w:p>
          <w:p w:rsidR="00A35FED" w:rsidRDefault="00A35FED" w:rsidP="00A35FED">
            <w:r>
              <w:t xml:space="preserve">                        &lt;li&gt;</w:t>
            </w:r>
          </w:p>
          <w:p w:rsidR="00A35FED" w:rsidRDefault="00A35FED" w:rsidP="00A35FED">
            <w:r>
              <w:t xml:space="preserve">                            &lt;span&gt;3&lt;/span&gt;Choose a place, and sign a contract to move in.</w:t>
            </w:r>
          </w:p>
          <w:p w:rsidR="00A35FED" w:rsidRDefault="00A35FED" w:rsidP="00A35FED">
            <w:r>
              <w:t xml:space="preserve">                        &lt;/li&gt;</w:t>
            </w:r>
          </w:p>
          <w:p w:rsidR="00A35FED" w:rsidRDefault="00A35FED" w:rsidP="00A35FED">
            <w:r>
              <w:t xml:space="preserve">                        &lt;li&gt;</w:t>
            </w:r>
          </w:p>
          <w:p w:rsidR="00A35FED" w:rsidRDefault="00A35FED" w:rsidP="00A35FED">
            <w:r>
              <w:t xml:space="preserve">                            &lt;span&gt;4&lt;/span&gt;Redeem using the date and address of your move in.</w:t>
            </w:r>
          </w:p>
          <w:p w:rsidR="00A35FED" w:rsidRDefault="00A35FED" w:rsidP="00A35FED">
            <w:r>
              <w:t xml:space="preserve">                        &lt;/li&gt;</w:t>
            </w:r>
          </w:p>
          <w:p w:rsidR="00A35FED" w:rsidRDefault="00A35FED" w:rsidP="00A35FED">
            <w:r>
              <w:t xml:space="preserve">                        &lt;li&gt;</w:t>
            </w:r>
          </w:p>
          <w:p w:rsidR="00A35FED" w:rsidRDefault="00A35FED" w:rsidP="00A35FED">
            <w:r>
              <w:t xml:space="preserve">                            &lt;span&gt;5&lt;/span&gt;Receive a $200.00 check sent to your new address.</w:t>
            </w:r>
          </w:p>
          <w:p w:rsidR="00A35FED" w:rsidRDefault="00A35FED" w:rsidP="00A35FED">
            <w:r>
              <w:t xml:space="preserve">                        &lt;/li&gt;</w:t>
            </w:r>
          </w:p>
          <w:p w:rsidR="00A35FED" w:rsidRDefault="00A35FED" w:rsidP="00A35FED">
            <w:r>
              <w:t xml:space="preserve">                    &lt;/ol&gt;</w:t>
            </w:r>
          </w:p>
          <w:p w:rsidR="00A35FED" w:rsidRDefault="00A35FED" w:rsidP="00A35FED">
            <w:r>
              <w:t xml:space="preserve">                    &lt;h6 class="text-danger text-justify"&gt;</w:t>
            </w:r>
          </w:p>
          <w:p w:rsidR="00A35FED" w:rsidRDefault="00A35FED" w:rsidP="00A35FED">
            <w:r>
              <w:t xml:space="preserve">                        &lt;i class="fas fa-info-circle mr-1"&gt;&lt;/i&gt;To qualify for a cash voucher you must use Senior Place Finder to find your new home.</w:t>
            </w:r>
          </w:p>
          <w:p w:rsidR="00A35FED" w:rsidRDefault="00A35FED" w:rsidP="00A35FED">
            <w:r>
              <w:t xml:space="preserve">                    &lt;/h6&gt;</w:t>
            </w:r>
          </w:p>
          <w:p w:rsidR="00A35FED" w:rsidRDefault="00A35FED" w:rsidP="00A35FED">
            <w:r>
              <w:t xml:space="preserve">                &lt;/div&gt;</w:t>
            </w:r>
          </w:p>
          <w:p w:rsidR="00A35FED" w:rsidRDefault="00A35FED" w:rsidP="00A35FED">
            <w:r>
              <w:t xml:space="preserve">            &lt;/div&gt;</w:t>
            </w:r>
          </w:p>
          <w:p w:rsidR="00A35FED" w:rsidRDefault="00A35FED" w:rsidP="00A35FED">
            <w:r>
              <w:t xml:space="preserve">            &lt;aside class="col-lg-4"&gt;</w:t>
            </w:r>
          </w:p>
          <w:p w:rsidR="00A35FED" w:rsidRDefault="00A35FED" w:rsidP="00A35FED">
            <w:r>
              <w:t xml:space="preserve">                                    &lt;div class="box_detail" id="divSidebarWidget"&gt;</w:t>
            </w:r>
          </w:p>
          <w:p w:rsidR="00A35FED" w:rsidRDefault="00A35FED" w:rsidP="00A35FED">
            <w:r>
              <w:t xml:space="preserve">                        &lt;div class="price"&gt;</w:t>
            </w:r>
          </w:p>
          <w:p w:rsidR="00A35FED" w:rsidRDefault="00A35FED" w:rsidP="00A35FED">
            <w:r>
              <w:t xml:space="preserve">                            &lt;h5 class="d-inline"&gt;Get Your Voucher&lt;/h5&gt;</w:t>
            </w:r>
          </w:p>
          <w:p w:rsidR="00A35FED" w:rsidRDefault="00A35FED" w:rsidP="00A35FED">
            <w:r>
              <w:t xml:space="preserve">                        &lt;/div&gt;</w:t>
            </w:r>
          </w:p>
          <w:p w:rsidR="00A35FED" w:rsidRDefault="00A35FED" w:rsidP="00A35FED">
            <w:r>
              <w:t xml:space="preserve">                        &lt;div id="divVoucherInfo"&gt;</w:t>
            </w:r>
          </w:p>
          <w:p w:rsidR="00A35FED" w:rsidRDefault="00A35FED" w:rsidP="00A35FED">
            <w:r>
              <w:t xml:space="preserve">                            &lt;p class="card-text mb-3 mt-2"&gt;</w:t>
            </w:r>
          </w:p>
          <w:p w:rsidR="00A35FED" w:rsidRDefault="00A35FED" w:rsidP="00A35FED">
            <w:r>
              <w:t xml:space="preserve">                                You can get your free voucher instantly by providing your basic information</w:t>
            </w:r>
          </w:p>
          <w:p w:rsidR="00A35FED" w:rsidRDefault="00A35FED" w:rsidP="00A35FED">
            <w:r>
              <w:t xml:space="preserve">                            &lt;/p&gt;</w:t>
            </w:r>
          </w:p>
          <w:p w:rsidR="00A35FED" w:rsidRDefault="00A35FED" w:rsidP="00A35FED">
            <w:r>
              <w:t xml:space="preserve">                            &lt;p class="card-text mb-4 mt-2"&gt;</w:t>
            </w:r>
          </w:p>
          <w:p w:rsidR="00A35FED" w:rsidRDefault="00A35FED" w:rsidP="00A35FED">
            <w:r>
              <w:t xml:space="preserve">                                You can redeem your voucher upon successfully finding a residence of your choice.</w:t>
            </w:r>
          </w:p>
          <w:p w:rsidR="00A35FED" w:rsidRDefault="00A35FED" w:rsidP="00A35FED">
            <w:r>
              <w:t xml:space="preserve">                            &lt;/p&gt;</w:t>
            </w:r>
          </w:p>
          <w:p w:rsidR="00A35FED" w:rsidRDefault="00A35FED" w:rsidP="00A35FED">
            <w:r>
              <w:t xml:space="preserve">                            &lt;a href="" class="btn_1 btn btn-primary btn-block btnToggleWidget"</w:t>
            </w:r>
          </w:p>
          <w:p w:rsidR="00A35FED" w:rsidRDefault="00A35FED" w:rsidP="00A35FED">
            <w:r>
              <w:t xml:space="preserve">                                    data-href="#divLogin" data-target="#divSidebarWidget"&gt;</w:t>
            </w:r>
          </w:p>
          <w:p w:rsidR="00A35FED" w:rsidRDefault="00A35FED" w:rsidP="00A35FED">
            <w:r>
              <w:t xml:space="preserve">                                Get $200 Voucher</w:t>
            </w:r>
          </w:p>
          <w:p w:rsidR="00A35FED" w:rsidRDefault="00A35FED" w:rsidP="00A35FED">
            <w:r>
              <w:t xml:space="preserve">                            &lt;/a&gt;</w:t>
            </w:r>
          </w:p>
          <w:p w:rsidR="00A35FED" w:rsidRDefault="00A35FED" w:rsidP="00A35FED">
            <w:r>
              <w:t xml:space="preserve">                            &lt;hr&gt;</w:t>
            </w:r>
          </w:p>
          <w:p w:rsidR="00A35FED" w:rsidRDefault="00A35FED" w:rsidP="00A35FED">
            <w:r>
              <w:t xml:space="preserve">                            &lt;form id="frmValidateVoucher" method="POST" data-toggle="validator"&gt;</w:t>
            </w:r>
          </w:p>
          <w:p w:rsidR="00A35FED" w:rsidRDefault="00A35FED" w:rsidP="00A35FED">
            <w:r>
              <w:t xml:space="preserve">                                &lt;input type="hidden" name="_token" value="izJQ9FiEOCz9MskykcXNycSMQgejuOSZjHsdsbSU"&gt;    &lt;div class="row"&gt;</w:t>
            </w:r>
          </w:p>
          <w:p w:rsidR="00A35FED" w:rsidRDefault="00A35FED" w:rsidP="00A35FED">
            <w:r>
              <w:t xml:space="preserve">                                    &lt;div class="col-lg-12 col-md-12"&gt;</w:t>
            </w:r>
          </w:p>
          <w:p w:rsidR="00A35FED" w:rsidRDefault="00A35FED" w:rsidP="00A35FED">
            <w:r>
              <w:t xml:space="preserve">                                        &lt;p class="card-text mb-3"&gt;</w:t>
            </w:r>
          </w:p>
          <w:p w:rsidR="00A35FED" w:rsidRDefault="00A35FED" w:rsidP="00A35FED">
            <w:r>
              <w:t xml:space="preserve">                                            Already have a voucher? Please enter your voucher code to validate.</w:t>
            </w:r>
          </w:p>
          <w:p w:rsidR="00A35FED" w:rsidRDefault="00A35FED" w:rsidP="00A35FED">
            <w:r>
              <w:lastRenderedPageBreak/>
              <w:t xml:space="preserve">                                        &lt;/p&gt;</w:t>
            </w:r>
          </w:p>
          <w:p w:rsidR="00A35FED" w:rsidRDefault="00A35FED" w:rsidP="00A35FED">
            <w:r>
              <w:t xml:space="preserve">                                        </w:t>
            </w:r>
          </w:p>
          <w:p w:rsidR="00A35FED" w:rsidRDefault="00A35FED" w:rsidP="00A35FED">
            <w:r>
              <w:t xml:space="preserve">                                        &lt;div class="form-group d-flex justify-content-between mb-0"&gt;</w:t>
            </w:r>
          </w:p>
          <w:p w:rsidR="00A35FED" w:rsidRDefault="00A35FED" w:rsidP="00A35FED">
            <w:r>
              <w:t xml:space="preserve">                                            &lt;button type="button" class="btn btn-success btn-block btn_1" id="myBtn3"</w:t>
            </w:r>
          </w:p>
          <w:p w:rsidR="00A35FED" w:rsidRDefault="00A35FED" w:rsidP="00A35FED">
            <w:r>
              <w:t xml:space="preserve">                                                    data-href="voucher/validate"&gt;</w:t>
            </w:r>
          </w:p>
          <w:p w:rsidR="00A35FED" w:rsidRDefault="00A35FED" w:rsidP="00A35FED">
            <w:r>
              <w:t xml:space="preserve">                                                Validate Voucher</w:t>
            </w:r>
          </w:p>
          <w:p w:rsidR="00A35FED" w:rsidRDefault="00A35FED" w:rsidP="00A35FED">
            <w:r>
              <w:t xml:space="preserve">                                            &lt;/button&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form&gt;</w:t>
            </w:r>
          </w:p>
          <w:p w:rsidR="00A35FED" w:rsidRDefault="00A35FED" w:rsidP="00A35FED">
            <w:r>
              <w:t xml:space="preserve">                            </w:t>
            </w:r>
          </w:p>
          <w:p w:rsidR="00A35FED" w:rsidRDefault="00A35FED" w:rsidP="00A35FED">
            <w:r>
              <w:t>&lt;script type="text/javascript"&gt;</w:t>
            </w:r>
          </w:p>
          <w:p w:rsidR="00A35FED" w:rsidRDefault="00A35FED" w:rsidP="00A35FED">
            <w:r>
              <w:t xml:space="preserve">    var voucherInstance = $("#frmValidateVoucher");</w:t>
            </w:r>
          </w:p>
          <w:p w:rsidR="00A35FED" w:rsidRDefault="00A35FED" w:rsidP="00A35FED">
            <w:r>
              <w:t xml:space="preserve">    $(document).ready(function () {</w:t>
            </w:r>
          </w:p>
          <w:p w:rsidR="00A35FED" w:rsidRDefault="00A35FED" w:rsidP="00A35FED">
            <w:r>
              <w:t xml:space="preserve">        voucherInstance.validator();</w:t>
            </w:r>
          </w:p>
          <w:p w:rsidR="00A35FED" w:rsidRDefault="00A35FED" w:rsidP="00A35FED">
            <w:r>
              <w:t xml:space="preserve">        $(document.body).on("click", "#btnValidateVoucher", function (e) {</w:t>
            </w:r>
          </w:p>
          <w:p w:rsidR="00A35FED" w:rsidRDefault="00A35FED" w:rsidP="00A35FED">
            <w:r>
              <w:t xml:space="preserve">            e.preventDefault();</w:t>
            </w:r>
          </w:p>
          <w:p w:rsidR="00A35FED" w:rsidRDefault="00A35FED" w:rsidP="00A35FED">
            <w:r>
              <w:t xml:space="preserve">            voucherInstance.validator('validate');</w:t>
            </w:r>
          </w:p>
          <w:p w:rsidR="00A35FED" w:rsidRDefault="00A35FED" w:rsidP="00A35FED">
            <w:r>
              <w:t xml:space="preserve">            if (voucherInstance.find(".error").length === 0) {</w:t>
            </w:r>
          </w:p>
          <w:p w:rsidR="00A35FED" w:rsidRDefault="00A35FED" w:rsidP="00A35FED">
            <w:r>
              <w:t xml:space="preserve">                var target = $("#divVoucherInfo");</w:t>
            </w:r>
          </w:p>
          <w:p w:rsidR="00A35FED" w:rsidRDefault="00A35FED" w:rsidP="00A35FED">
            <w:r>
              <w:t xml:space="preserve">                var vTarget = $("#divVoucherHolder");</w:t>
            </w:r>
          </w:p>
          <w:p w:rsidR="00A35FED" w:rsidRDefault="00A35FED" w:rsidP="00A35FED">
            <w:r>
              <w:t xml:space="preserve">                var href = $(this).data("href");</w:t>
            </w:r>
          </w:p>
          <w:p w:rsidR="00A35FED" w:rsidRDefault="00A35FED" w:rsidP="00A35FED">
            <w:r>
              <w:t xml:space="preserve">                $.ajax({</w:t>
            </w:r>
          </w:p>
          <w:p w:rsidR="00A35FED" w:rsidRDefault="00A35FED" w:rsidP="00A35FED">
            <w:r>
              <w:t xml:space="preserve">                    type: "post",</w:t>
            </w:r>
          </w:p>
          <w:p w:rsidR="00A35FED" w:rsidRDefault="00A35FED" w:rsidP="00A35FED">
            <w:r>
              <w:t xml:space="preserve">                    url: href,</w:t>
            </w:r>
          </w:p>
          <w:p w:rsidR="00A35FED" w:rsidRDefault="00A35FED" w:rsidP="00A35FED">
            <w:r>
              <w:t xml:space="preserve">                    data: voucherInstance.serialize(),</w:t>
            </w:r>
          </w:p>
          <w:p w:rsidR="00A35FED" w:rsidRDefault="00A35FED" w:rsidP="00A35FED">
            <w:r>
              <w:t xml:space="preserve">                    beforeSend: function () {</w:t>
            </w:r>
          </w:p>
          <w:p w:rsidR="00A35FED" w:rsidRDefault="00A35FED" w:rsidP="00A35FED">
            <w:r>
              <w:t xml:space="preserve">                        target.addClass("block-loader");</w:t>
            </w:r>
          </w:p>
          <w:p w:rsidR="00A35FED" w:rsidRDefault="00A35FED" w:rsidP="00A35FED">
            <w:r>
              <w:t xml:space="preserve">                    },</w:t>
            </w:r>
          </w:p>
          <w:p w:rsidR="00A35FED" w:rsidRDefault="00A35FED" w:rsidP="00A35FED">
            <w:r>
              <w:t xml:space="preserve">                    success: function (response) {</w:t>
            </w:r>
          </w:p>
          <w:p w:rsidR="00A35FED" w:rsidRDefault="00A35FED" w:rsidP="00A35FED">
            <w:r>
              <w:t xml:space="preserve">                        vTarget.html(response.split("($)")[0]);</w:t>
            </w:r>
          </w:p>
          <w:p w:rsidR="00A35FED" w:rsidRDefault="00A35FED" w:rsidP="00A35FED">
            <w:r>
              <w:t xml:space="preserve">                        target.html(response.split("($)")[1]);</w:t>
            </w:r>
          </w:p>
          <w:p w:rsidR="00A35FED" w:rsidRDefault="00A35FED" w:rsidP="00A35FED">
            <w:r>
              <w:t xml:space="preserve">                        target.removeClass("block-loader");</w:t>
            </w:r>
          </w:p>
          <w:p w:rsidR="00A35FED" w:rsidRDefault="00A35FED" w:rsidP="00A35FED">
            <w:r>
              <w:t xml:space="preserve">                    },</w:t>
            </w:r>
          </w:p>
          <w:p w:rsidR="00A35FED" w:rsidRDefault="00A35FED" w:rsidP="00A35FED">
            <w:r>
              <w:t xml:space="preserve">                    error: function (xhr, ajaxOptions, error) {</w:t>
            </w:r>
          </w:p>
          <w:p w:rsidR="00A35FED" w:rsidRDefault="00A35FED" w:rsidP="00A35FED">
            <w:r>
              <w:t xml:space="preserve">                        voucherInstance[0].reset();</w:t>
            </w:r>
          </w:p>
          <w:p w:rsidR="00A35FED" w:rsidRDefault="00A35FED" w:rsidP="00A35FED">
            <w:r>
              <w:t xml:space="preserve">                        swal.fire({</w:t>
            </w:r>
          </w:p>
          <w:p w:rsidR="00A35FED" w:rsidRDefault="00A35FED" w:rsidP="00A35FED">
            <w:r>
              <w:t xml:space="preserve">                            title: "Oops!!",</w:t>
            </w:r>
          </w:p>
          <w:p w:rsidR="00A35FED" w:rsidRDefault="00A35FED" w:rsidP="00A35FED">
            <w:r>
              <w:t xml:space="preserve">                            text: xhr.responseJSON.message,</w:t>
            </w:r>
          </w:p>
          <w:p w:rsidR="00A35FED" w:rsidRDefault="00A35FED" w:rsidP="00A35FED">
            <w:r>
              <w:t xml:space="preserve">                            icon: "error",</w:t>
            </w:r>
          </w:p>
          <w:p w:rsidR="00A35FED" w:rsidRDefault="00A35FED" w:rsidP="00A35FED">
            <w:r>
              <w:t xml:space="preserve">                            confirmButtonColor: "#DD6B55",</w:t>
            </w:r>
          </w:p>
          <w:p w:rsidR="00A35FED" w:rsidRDefault="00A35FED" w:rsidP="00A35FED">
            <w:r>
              <w:t xml:space="preserve">                            confirmButtonText: "Ok, Got it!!",</w:t>
            </w:r>
          </w:p>
          <w:p w:rsidR="00A35FED" w:rsidRDefault="00A35FED" w:rsidP="00A35FED">
            <w:r>
              <w:t xml:space="preserve">                            allowOutsideClick: false</w:t>
            </w:r>
          </w:p>
          <w:p w:rsidR="00A35FED" w:rsidRDefault="00A35FED" w:rsidP="00A35FED">
            <w:r>
              <w:t xml:space="preserve">                        });</w:t>
            </w:r>
          </w:p>
          <w:p w:rsidR="00A35FED" w:rsidRDefault="00A35FED" w:rsidP="00A35FED">
            <w:r>
              <w:t xml:space="preserve">                        target.removeClass("block-loader");</w:t>
            </w:r>
          </w:p>
          <w:p w:rsidR="00A35FED" w:rsidRDefault="00A35FED" w:rsidP="00A35FED">
            <w:r>
              <w:t xml:space="preserve">                    }</w:t>
            </w:r>
          </w:p>
          <w:p w:rsidR="00A35FED" w:rsidRDefault="00A35FED" w:rsidP="00A35FED">
            <w:r>
              <w:t xml:space="preserve">                });</w:t>
            </w:r>
          </w:p>
          <w:p w:rsidR="00A35FED" w:rsidRDefault="00A35FED" w:rsidP="00A35FED">
            <w:r>
              <w:lastRenderedPageBreak/>
              <w:t xml:space="preserve">            }</w:t>
            </w:r>
          </w:p>
          <w:p w:rsidR="00A35FED" w:rsidRDefault="00A35FED" w:rsidP="00A35FED">
            <w:r>
              <w:t xml:space="preserve">        });</w:t>
            </w:r>
          </w:p>
          <w:p w:rsidR="00A35FED" w:rsidRDefault="00A35FED" w:rsidP="00A35FED">
            <w:r>
              <w:t xml:space="preserve">    });</w:t>
            </w:r>
          </w:p>
          <w:p w:rsidR="00A35FED" w:rsidRDefault="00A35FED" w:rsidP="00A35FED">
            <w:r>
              <w:t>&lt;/script&gt;</w:t>
            </w:r>
          </w:p>
          <w:p w:rsidR="00A35FED" w:rsidRDefault="00A35FED" w:rsidP="00A35FED"/>
          <w:p w:rsidR="00A35FED" w:rsidRDefault="00A35FED" w:rsidP="00A35FED">
            <w:r>
              <w:t xml:space="preserve">                        &lt;/div&gt;</w:t>
            </w:r>
          </w:p>
          <w:p w:rsidR="00A35FED" w:rsidRDefault="00A35FED" w:rsidP="00A35FED">
            <w:r>
              <w:t xml:space="preserve">                    &lt;/div&gt;</w:t>
            </w:r>
          </w:p>
          <w:p w:rsidR="00A35FED" w:rsidRDefault="00A35FED" w:rsidP="00A35FED">
            <w:r>
              <w:t xml:space="preserve">                    &lt;?php if ( LOGGED_STATUS == 0 ) { ?&gt; </w:t>
            </w:r>
          </w:p>
          <w:p w:rsidR="00A35FED" w:rsidRDefault="00A35FED" w:rsidP="00A35FED">
            <w:r>
              <w:t xml:space="preserve">                        </w:t>
            </w:r>
          </w:p>
          <w:p w:rsidR="00A35FED" w:rsidRDefault="00A35FED" w:rsidP="00A35FED">
            <w:r>
              <w:t xml:space="preserve">                    &lt;div class="box_detail" id="divLogin" style="display: none;"&gt;</w:t>
            </w:r>
          </w:p>
          <w:p w:rsidR="00A35FED" w:rsidRDefault="00A35FED" w:rsidP="00A35FED">
            <w:r>
              <w:t xml:space="preserve">                        </w:t>
            </w:r>
          </w:p>
          <w:p w:rsidR="00A35FED" w:rsidRDefault="00A35FED" w:rsidP="00A35FED">
            <w:r>
              <w:t xml:space="preserve">                         &lt;p class="card-text mb-3 mt-2"&gt;</w:t>
            </w:r>
          </w:p>
          <w:p w:rsidR="00A35FED" w:rsidRDefault="00A35FED" w:rsidP="00A35FED">
            <w:r>
              <w:t xml:space="preserve">                            Don't have an account? Register your email account with us now, to recieve $200 voucher.</w:t>
            </w:r>
          </w:p>
          <w:p w:rsidR="00A35FED" w:rsidRDefault="00A35FED" w:rsidP="00A35FED">
            <w:r>
              <w:t xml:space="preserve">                        &lt;/p&gt;</w:t>
            </w:r>
          </w:p>
          <w:p w:rsidR="00A35FED" w:rsidRDefault="00A35FED" w:rsidP="00A35FED">
            <w:r>
              <w:t xml:space="preserve">                        &lt;!--&lt;a id="myBtn5" class="btn_1 btn btn-primary btn-block btnToggleWidget"</w:t>
            </w:r>
          </w:p>
          <w:p w:rsidR="00A35FED" w:rsidRDefault="00A35FED" w:rsidP="00A35FED">
            <w:r>
              <w:t xml:space="preserve">                                data-href="#divRegister" data-target="#divLogin"&gt;</w:t>
            </w:r>
          </w:p>
          <w:p w:rsidR="00A35FED" w:rsidRDefault="00A35FED" w:rsidP="00A35FED">
            <w:r>
              <w:t xml:space="preserve">                            Verify your email</w:t>
            </w:r>
          </w:p>
          <w:p w:rsidR="00A35FED" w:rsidRDefault="00A35FED" w:rsidP="00A35FED">
            <w:r>
              <w:t xml:space="preserve">                        &lt;/a&gt;--&gt;</w:t>
            </w:r>
          </w:p>
          <w:p w:rsidR="00A35FED" w:rsidRDefault="00A35FED" w:rsidP="00A35FED">
            <w:r>
              <w:t xml:space="preserve">                        &lt;a class="btn_1 btn btn-primary btn-block btnToggleWidget"</w:t>
            </w:r>
          </w:p>
          <w:p w:rsidR="00A35FED" w:rsidRDefault="00A35FED" w:rsidP="00A35FED">
            <w:r>
              <w:t xml:space="preserve">                                data-href="#divRegister" data-target="#divLogin"</w:t>
            </w:r>
          </w:p>
          <w:p w:rsidR="00A35FED" w:rsidRDefault="00A35FED" w:rsidP="00A35FED">
            <w:r>
              <w:t xml:space="preserve">                               &gt;</w:t>
            </w:r>
          </w:p>
          <w:p w:rsidR="00A35FED" w:rsidRDefault="00A35FED" w:rsidP="00A35FED">
            <w:r>
              <w:t xml:space="preserve">                            Register</w:t>
            </w:r>
          </w:p>
          <w:p w:rsidR="00A35FED" w:rsidRDefault="00A35FED" w:rsidP="00A35FED">
            <w:r>
              <w:t xml:space="preserve">                        &lt;/a&gt;</w:t>
            </w:r>
          </w:p>
          <w:p w:rsidR="00A35FED" w:rsidRDefault="00A35FED" w:rsidP="00A35FED">
            <w:r>
              <w:t xml:space="preserve">                        &lt;div class="price"&gt;</w:t>
            </w:r>
          </w:p>
          <w:p w:rsidR="00A35FED" w:rsidRDefault="00A35FED" w:rsidP="00A35FED">
            <w:r>
              <w:t xml:space="preserve">                         &lt;h5 class="d-inline"&gt;   &lt;/h5&gt;</w:t>
            </w:r>
          </w:p>
          <w:p w:rsidR="00A35FED" w:rsidRDefault="00A35FED" w:rsidP="00A35FED">
            <w:r>
              <w:t xml:space="preserve">                         &lt;/div&gt;</w:t>
            </w:r>
          </w:p>
          <w:p w:rsidR="00A35FED" w:rsidRDefault="00A35FED" w:rsidP="00A35FED">
            <w:r>
              <w:t xml:space="preserve">                        </w:t>
            </w:r>
          </w:p>
          <w:p w:rsidR="00A35FED" w:rsidRDefault="00A35FED" w:rsidP="00A35FED">
            <w:r>
              <w:t xml:space="preserve">                        &lt;div class="price"&gt;</w:t>
            </w:r>
          </w:p>
          <w:p w:rsidR="00A35FED" w:rsidRDefault="00A35FED" w:rsidP="00A35FED">
            <w:r>
              <w:t xml:space="preserve">                            &lt;p class="card-text mb-3 mt-2"&gt;</w:t>
            </w:r>
          </w:p>
          <w:p w:rsidR="00A35FED" w:rsidRDefault="00A35FED" w:rsidP="00A35FED">
            <w:r>
              <w:t xml:space="preserve">                            Already registered?</w:t>
            </w:r>
          </w:p>
          <w:p w:rsidR="00A35FED" w:rsidRDefault="00A35FED" w:rsidP="00A35FED">
            <w:r>
              <w:t xml:space="preserve">                        &lt;/p&gt;</w:t>
            </w:r>
          </w:p>
          <w:p w:rsidR="00A35FED" w:rsidRDefault="00A35FED" w:rsidP="00A35FED">
            <w:r>
              <w:t xml:space="preserve">                            &lt;h5 class="d-inline"&gt;</w:t>
            </w:r>
          </w:p>
          <w:p w:rsidR="00A35FED" w:rsidRDefault="00A35FED" w:rsidP="00A35FED">
            <w:r>
              <w:t xml:space="preserve">                                Login</w:t>
            </w:r>
          </w:p>
          <w:p w:rsidR="00A35FED" w:rsidRDefault="00A35FED" w:rsidP="00A35FED">
            <w:r>
              <w:t xml:space="preserve">                                &lt;div class="float-right"&gt;</w:t>
            </w:r>
          </w:p>
          <w:p w:rsidR="00A35FED" w:rsidRDefault="00A35FED" w:rsidP="00A35FED">
            <w:r>
              <w:t xml:space="preserve">                                                                    &lt;/div&gt;</w:t>
            </w:r>
          </w:p>
          <w:p w:rsidR="00A35FED" w:rsidRDefault="00A35FED" w:rsidP="00A35FED">
            <w:r>
              <w:t xml:space="preserve">                            &lt;/h5&gt;</w:t>
            </w:r>
          </w:p>
          <w:p w:rsidR="00A35FED" w:rsidRDefault="00A35FED" w:rsidP="00A35FED">
            <w:r>
              <w:t xml:space="preserve">                        &lt;/div&gt;</w:t>
            </w:r>
          </w:p>
          <w:p w:rsidR="00A35FED" w:rsidRDefault="00A35FED" w:rsidP="00A35FED">
            <w:r>
              <w:t xml:space="preserve">                         &lt;form method="post" class="login_form text-justify" action="" id="loginForm&lt;?php echo CURRENT_SESSION_ID ; ?&gt;" autocomplete="off" &gt;</w:t>
            </w:r>
          </w:p>
          <w:p w:rsidR="00A35FED" w:rsidRDefault="00A35FED" w:rsidP="00A35FED"/>
          <w:p w:rsidR="00A35FED" w:rsidRDefault="00A35FED" w:rsidP="00A35FED">
            <w:r>
              <w:t xml:space="preserve">            &lt;input type="hidden" name="voucher" value="voucherlogin"/&gt;</w:t>
            </w:r>
          </w:p>
          <w:p w:rsidR="00A35FED" w:rsidRDefault="00A35FED" w:rsidP="00A35FED">
            <w:r>
              <w:t xml:space="preserve">            &lt;input type="hidden" name="sessionId" value="&lt;?php echo CURRENT_SESSION_ID ; ?&gt;" /&gt;</w:t>
            </w:r>
          </w:p>
          <w:p w:rsidR="00A35FED" w:rsidRDefault="00A35FED" w:rsidP="00A35FED">
            <w:r>
              <w:t xml:space="preserve">            &lt;input type="hidden" name="redirect" value="&lt;?php echo SITE_URL_SPF ; ?&gt;/profile/?sort=login" /&gt;</w:t>
            </w:r>
          </w:p>
          <w:p w:rsidR="00A35FED" w:rsidRDefault="00A35FED" w:rsidP="00A35FED">
            <w:r>
              <w:tab/>
            </w:r>
            <w:r>
              <w:tab/>
            </w:r>
            <w:r>
              <w:tab/>
            </w:r>
          </w:p>
          <w:p w:rsidR="00A35FED" w:rsidRDefault="00A35FED" w:rsidP="00A35FED">
            <w:r>
              <w:t xml:space="preserve">    &lt;div class="row"&gt;</w:t>
            </w:r>
          </w:p>
          <w:p w:rsidR="00A35FED" w:rsidRDefault="00A35FED" w:rsidP="00A35FED">
            <w:r>
              <w:t xml:space="preserve">        &lt;div class="col-lg-12 col-md-12"&gt;</w:t>
            </w:r>
          </w:p>
          <w:p w:rsidR="00A35FED" w:rsidRDefault="00A35FED" w:rsidP="00A35FED">
            <w:r>
              <w:lastRenderedPageBreak/>
              <w:t xml:space="preserve">            &lt;p class="card-text mb-3"&gt;</w:t>
            </w:r>
          </w:p>
          <w:p w:rsidR="00A35FED" w:rsidRDefault="00A35FED" w:rsidP="00A35FED">
            <w:r>
              <w:t xml:space="preserve">                You are not logged in.</w:t>
            </w:r>
          </w:p>
          <w:p w:rsidR="00A35FED" w:rsidRDefault="00A35FED" w:rsidP="00A35FED">
            <w:r>
              <w:t xml:space="preserve">                                Please login to get your voucher.</w:t>
            </w:r>
          </w:p>
          <w:p w:rsidR="00A35FED" w:rsidRDefault="00A35FED" w:rsidP="00A35FED">
            <w:r>
              <w:t xml:space="preserve">                            &lt;/p&gt;</w:t>
            </w:r>
          </w:p>
          <w:p w:rsidR="00A35FED" w:rsidRDefault="00A35FED" w:rsidP="00A35FED">
            <w:r>
              <w:t xml:space="preserve">            &lt;div class="form-group "&gt;</w:t>
            </w:r>
          </w:p>
          <w:p w:rsidR="00A35FED" w:rsidRDefault="00A35FED" w:rsidP="00A35FED">
            <w:r>
              <w:t xml:space="preserve">                &lt;div class="controls mb-1"&gt;</w:t>
            </w:r>
          </w:p>
          <w:p w:rsidR="00A35FED" w:rsidRDefault="00A35FED" w:rsidP="00A35FED">
            <w:r>
              <w:t xml:space="preserve">                    &lt;input type="text" class="form-control" required</w:t>
            </w:r>
          </w:p>
          <w:p w:rsidR="00A35FED" w:rsidRDefault="00A35FED" w:rsidP="00A35FED">
            <w:r>
              <w:t xml:space="preserve">                            name="username" id="username" class="input-text" required="" value="sbhaktavatsala@gmail.com" placeholder="Email or Mobile Number"/&gt;</w:t>
            </w:r>
          </w:p>
          <w:p w:rsidR="00A35FED" w:rsidRDefault="00A35FED" w:rsidP="00A35FED">
            <w:r>
              <w:t xml:space="preserve">                    &lt;div class="help-block"&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form-group "&gt;</w:t>
            </w:r>
          </w:p>
          <w:p w:rsidR="00A35FED" w:rsidRDefault="00A35FED" w:rsidP="00A35FED">
            <w:r>
              <w:t xml:space="preserve">                &lt;div class="controls mb-1"&gt;</w:t>
            </w:r>
          </w:p>
          <w:p w:rsidR="00A35FED" w:rsidRDefault="00A35FED" w:rsidP="00A35FED">
            <w:r>
              <w:t xml:space="preserve">                    &lt;input type="password" class="form-control" required</w:t>
            </w:r>
          </w:p>
          <w:p w:rsidR="00A35FED" w:rsidRDefault="00A35FED" w:rsidP="00A35FED">
            <w:r>
              <w:t xml:space="preserve">                          name="password" id="password" placeholder="Password" class="input-text" required="" value="12345"</w:t>
            </w:r>
          </w:p>
          <w:p w:rsidR="00A35FED" w:rsidRDefault="00A35FED" w:rsidP="00A35FED">
            <w:r>
              <w:t xml:space="preserve">                           data-error="Please enter a valid password."/&gt; </w:t>
            </w:r>
          </w:p>
          <w:p w:rsidR="00A35FED" w:rsidRDefault="00A35FED" w:rsidP="00A35FED">
            <w:r>
              <w:t xml:space="preserve">                    &lt;div class="help-block"&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d-flex justify-content-between mt-2"&gt; </w:t>
            </w:r>
          </w:p>
          <w:p w:rsidR="00A35FED" w:rsidRDefault="00A35FED" w:rsidP="00A35FED">
            <w:r>
              <w:t xml:space="preserve">                &lt;div class="forgot-password-option"&gt;</w:t>
            </w:r>
          </w:p>
          <w:p w:rsidR="00A35FED" w:rsidRDefault="00A35FED" w:rsidP="00A35FED">
            <w:r>
              <w:t xml:space="preserve">                    &lt;a href="&lt;?php echo SITE_URL_SPF ; ?&gt;/password_forgot.php" class="text-decoration-none text-primary"&gt;</w:t>
            </w:r>
          </w:p>
          <w:p w:rsidR="00A35FED" w:rsidRDefault="00A35FED" w:rsidP="00A35FED">
            <w:r>
              <w:t xml:space="preserve">                        Forgot Password?</w:t>
            </w:r>
          </w:p>
          <w:p w:rsidR="00A35FED" w:rsidRDefault="00A35FED" w:rsidP="00A35FED">
            <w:r>
              <w:t xml:space="preserve">                    &lt;/a&gt;</w:t>
            </w:r>
          </w:p>
          <w:p w:rsidR="00A35FED" w:rsidRDefault="00A35FED" w:rsidP="00A35FED">
            <w:r>
              <w:t xml:space="preserve">                &lt;/div&gt;</w:t>
            </w:r>
          </w:p>
          <w:p w:rsidR="00A35FED" w:rsidRDefault="00A35FED" w:rsidP="00A35FED">
            <w:r>
              <w:t xml:space="preserve">            &lt;/div&gt;</w:t>
            </w:r>
          </w:p>
          <w:p w:rsidR="00A35FED" w:rsidRDefault="00A35FED" w:rsidP="00A35FED">
            <w:r>
              <w:tab/>
            </w:r>
            <w:r>
              <w:tab/>
            </w:r>
            <w:r>
              <w:tab/>
            </w:r>
          </w:p>
          <w:p w:rsidR="00A35FED" w:rsidRDefault="00A35FED" w:rsidP="00A35FED">
            <w:r>
              <w:tab/>
            </w:r>
            <w:r>
              <w:tab/>
            </w:r>
            <w:r>
              <w:tab/>
            </w:r>
          </w:p>
          <w:p w:rsidR="00A35FED" w:rsidRDefault="00A35FED" w:rsidP="00A35FED">
            <w:r>
              <w:t xml:space="preserve">            &lt;div class="form-group"&gt; </w:t>
            </w:r>
          </w:p>
          <w:p w:rsidR="00A35FED" w:rsidRDefault="00A35FED" w:rsidP="00A35FED">
            <w:r>
              <w:t xml:space="preserve">                &lt;div class="collapse" id="processSpan"&gt;</w:t>
            </w:r>
          </w:p>
          <w:p w:rsidR="00A35FED" w:rsidRDefault="00A35FED" w:rsidP="00A35FED">
            <w:r>
              <w:t xml:space="preserve">                    &lt;div class="spinner-border text-primary" &gt;</w:t>
            </w:r>
          </w:p>
          <w:p w:rsidR="00A35FED" w:rsidRDefault="00A35FED" w:rsidP="00A35FED">
            <w:r>
              <w:t xml:space="preserve">                      &lt;span class="visually-hidden"&gt;Loading...&lt;/span&gt;</w:t>
            </w:r>
          </w:p>
          <w:p w:rsidR="00A35FED" w:rsidRDefault="00A35FED" w:rsidP="00A35FED">
            <w:r>
              <w:t xml:space="preserve">                    &lt;/div&gt; Processing please wait..</w:t>
            </w:r>
          </w:p>
          <w:p w:rsidR="00A35FED" w:rsidRDefault="00A35FED" w:rsidP="00A35FED">
            <w:r>
              <w:t xml:space="preserve">                &lt;/div&gt;</w:t>
            </w:r>
          </w:p>
          <w:p w:rsidR="00A35FED" w:rsidRDefault="00A35FED" w:rsidP="00A35FED">
            <w:r>
              <w:t xml:space="preserve">                &lt;small id="log_result"&gt;&lt;/small&gt;</w:t>
            </w:r>
          </w:p>
          <w:p w:rsidR="00A35FED" w:rsidRDefault="00A35FED" w:rsidP="00A35FED">
            <w:r>
              <w:t xml:space="preserve">                &lt;div id="submitBtnsBox"&gt;</w:t>
            </w:r>
          </w:p>
          <w:p w:rsidR="00A35FED" w:rsidRDefault="00A35FED" w:rsidP="00A35FED">
            <w:r>
              <w:t xml:space="preserve">                &lt;button type="submit" class="btn btn-success btn-block btn_1"&gt;LOGIN&lt;/button&gt; </w:t>
            </w:r>
          </w:p>
          <w:p w:rsidR="00A35FED" w:rsidRDefault="00A35FED" w:rsidP="00A35FED">
            <w:r>
              <w:t xml:space="preserve">                &lt;/div&gt;</w:t>
            </w:r>
          </w:p>
          <w:p w:rsidR="00A35FED" w:rsidRDefault="00A35FED" w:rsidP="00A35FED">
            <w:r>
              <w:t xml:space="preserve">            &lt;/div&gt; </w:t>
            </w:r>
          </w:p>
          <w:p w:rsidR="00A35FED" w:rsidRDefault="00A35FED" w:rsidP="00A35FED">
            <w:r>
              <w:t xml:space="preserve">        &lt;/form&gt;</w:t>
            </w:r>
          </w:p>
          <w:p w:rsidR="00A35FED" w:rsidRDefault="00A35FED" w:rsidP="00A35FED">
            <w:r>
              <w:t xml:space="preserve">        </w:t>
            </w:r>
          </w:p>
          <w:p w:rsidR="00A35FED" w:rsidRDefault="00A35FED" w:rsidP="00A35FED">
            <w:r>
              <w:t xml:space="preserve">            &lt;hr class="m-0"&gt; </w:t>
            </w:r>
          </w:p>
          <w:p w:rsidR="00A35FED" w:rsidRDefault="00A35FED" w:rsidP="00A35FED">
            <w:r>
              <w:t xml:space="preserve">            </w:t>
            </w:r>
          </w:p>
          <w:p w:rsidR="00A35FED" w:rsidRDefault="00A35FED" w:rsidP="00A35FED">
            <w:r>
              <w:lastRenderedPageBreak/>
              <w:t xml:space="preserve">        &lt;/div&gt;</w:t>
            </w:r>
          </w:p>
          <w:p w:rsidR="00A35FED" w:rsidRDefault="00A35FED" w:rsidP="00A35FED">
            <w:r>
              <w:t xml:space="preserve">        </w:t>
            </w:r>
          </w:p>
          <w:p w:rsidR="00A35FED" w:rsidRDefault="00A35FED" w:rsidP="00A35FED">
            <w:r>
              <w:t xml:space="preserve">    &lt;/div&gt;  &lt;?php } </w:t>
            </w:r>
          </w:p>
          <w:p w:rsidR="00A35FED" w:rsidRDefault="00A35FED" w:rsidP="00A35FED">
            <w:r>
              <w:t xml:space="preserve">    else { ?&gt; </w:t>
            </w:r>
          </w:p>
          <w:p w:rsidR="00A35FED" w:rsidRDefault="00A35FED" w:rsidP="00A35FED">
            <w:r>
              <w:t xml:space="preserve">       </w:t>
            </w:r>
          </w:p>
          <w:p w:rsidR="00A35FED" w:rsidRDefault="00A35FED" w:rsidP="00A35FED">
            <w:r>
              <w:t xml:space="preserve">        &lt;div class="box_detail" id="divLogin" style="display: none;"&gt;</w:t>
            </w:r>
          </w:p>
          <w:p w:rsidR="00A35FED" w:rsidRDefault="00A35FED" w:rsidP="00A35FED">
            <w:r>
              <w:t xml:space="preserve">             &lt;div class="price"&gt;</w:t>
            </w:r>
          </w:p>
          <w:p w:rsidR="00A35FED" w:rsidRDefault="00A35FED" w:rsidP="00A35FED">
            <w:r>
              <w:t xml:space="preserve">                &lt;h5 class="d-inline"&gt;Code Generated&lt;/h5&gt;</w:t>
            </w:r>
          </w:p>
          <w:p w:rsidR="00A35FED" w:rsidRDefault="00A35FED" w:rsidP="00A35FED">
            <w:r>
              <w:t xml:space="preserve">            &lt;/div&gt;</w:t>
            </w:r>
          </w:p>
          <w:p w:rsidR="00A35FED" w:rsidRDefault="00A35FED" w:rsidP="00A35FED">
            <w:r>
              <w:t xml:space="preserve">            &lt;div id="divVoucherInfo"&gt;</w:t>
            </w:r>
          </w:p>
          <w:p w:rsidR="00A35FED" w:rsidRDefault="00A35FED" w:rsidP="00A35FED">
            <w:r>
              <w:t xml:space="preserve">                &lt;p class="card-text mb-3 mt-2"&gt;</w:t>
            </w:r>
          </w:p>
          <w:p w:rsidR="00A35FED" w:rsidRDefault="00A35FED" w:rsidP="00A35FED">
            <w:r>
              <w:t xml:space="preserve">                                    </w:t>
            </w:r>
          </w:p>
          <w:p w:rsidR="00A35FED" w:rsidRDefault="00A35FED" w:rsidP="00A35FED">
            <w:r>
              <w:t xml:space="preserve">                You have successfully generated a Voucher sent to your registered email.</w:t>
            </w:r>
          </w:p>
          <w:p w:rsidR="00A35FED" w:rsidRDefault="00A35FED" w:rsidP="00A35FED">
            <w:r>
              <w:t xml:space="preserve">                &lt;/p&gt;</w:t>
            </w:r>
          </w:p>
          <w:p w:rsidR="00A35FED" w:rsidRDefault="00A35FED" w:rsidP="00A35FED">
            <w:r>
              <w:t xml:space="preserve">                &lt;p class="card-text mb-3 mt-2"&gt;</w:t>
            </w:r>
          </w:p>
          <w:p w:rsidR="00A35FED" w:rsidRDefault="00A35FED" w:rsidP="00A35FED">
            <w:r>
              <w:t xml:space="preserve">                Voucher can be redeemable once you’ve determined where you’ll be moving. </w:t>
            </w:r>
          </w:p>
          <w:p w:rsidR="00A35FED" w:rsidRDefault="00A35FED" w:rsidP="00A35FED">
            <w:r>
              <w:t xml:space="preserve">            </w:t>
            </w:r>
          </w:p>
          <w:p w:rsidR="00A35FED" w:rsidRDefault="00A35FED" w:rsidP="00A35FED">
            <w:r>
              <w:t xml:space="preserve">                &lt;/p&gt;</w:t>
            </w:r>
          </w:p>
          <w:p w:rsidR="00A35FED" w:rsidRDefault="00A35FED" w:rsidP="00A35FED">
            <w:r>
              <w:t xml:space="preserve">            &lt;/div&gt;</w:t>
            </w:r>
          </w:p>
          <w:p w:rsidR="00A35FED" w:rsidRDefault="00A35FED" w:rsidP="00A35FED">
            <w:r>
              <w:t xml:space="preserve">        </w:t>
            </w:r>
          </w:p>
          <w:p w:rsidR="00A35FED" w:rsidRDefault="00A35FED" w:rsidP="00A35FED">
            <w:r>
              <w:t xml:space="preserve">        &lt;/div&gt;  </w:t>
            </w:r>
          </w:p>
          <w:p w:rsidR="00A35FED" w:rsidRDefault="00A35FED" w:rsidP="00A35FED">
            <w:r>
              <w:t xml:space="preserve">   &lt;?php } </w:t>
            </w:r>
          </w:p>
          <w:p w:rsidR="00A35FED" w:rsidRDefault="00A35FED" w:rsidP="00A35FED">
            <w:r>
              <w:t xml:space="preserve">    ?&gt;</w:t>
            </w:r>
          </w:p>
          <w:p w:rsidR="00A35FED" w:rsidRDefault="00A35FED" w:rsidP="00A35FED">
            <w:r>
              <w:tab/>
            </w:r>
          </w:p>
          <w:p w:rsidR="00A35FED" w:rsidRDefault="00A35FED" w:rsidP="00A35FED"/>
          <w:p w:rsidR="00A35FED" w:rsidRDefault="00A35FED" w:rsidP="00A35FED">
            <w:r>
              <w:t>&lt;script type="text/javascript"&gt;</w:t>
            </w:r>
          </w:p>
          <w:p w:rsidR="00A35FED" w:rsidRDefault="00A35FED" w:rsidP="00A35FED">
            <w:r>
              <w:t>$(document).ready(function() {</w:t>
            </w:r>
          </w:p>
          <w:p w:rsidR="00A35FED" w:rsidRDefault="00A35FED" w:rsidP="00A35FED">
            <w:r>
              <w:tab/>
              <w:t>$(document).on('submit', '#loginForm&lt;?php echo CURRENT_SESSION_ID ; ?&gt;', function(e) {</w:t>
            </w:r>
          </w:p>
          <w:p w:rsidR="00A35FED" w:rsidRDefault="00A35FED" w:rsidP="00A35FED"/>
          <w:p w:rsidR="00A35FED" w:rsidRDefault="00A35FED" w:rsidP="00A35FED">
            <w:r>
              <w:t xml:space="preserve">        document.getElementById('processSpan').style.display = 'block';</w:t>
            </w:r>
          </w:p>
          <w:p w:rsidR="00A35FED" w:rsidRDefault="00A35FED" w:rsidP="00A35FED">
            <w:r>
              <w:t xml:space="preserve">        document.getElementById('submitBtnsBox').style.display = 'none';</w:t>
            </w:r>
          </w:p>
          <w:p w:rsidR="00A35FED" w:rsidRDefault="00A35FED" w:rsidP="00A35FED">
            <w:r>
              <w:t xml:space="preserve">        document.getElementById("log_result").innerHTML = "" ;</w:t>
            </w:r>
          </w:p>
          <w:p w:rsidR="00A35FED" w:rsidRDefault="00A35FED" w:rsidP="00A35FED"/>
          <w:p w:rsidR="00A35FED" w:rsidRDefault="00A35FED" w:rsidP="00A35FED">
            <w:r>
              <w:tab/>
            </w:r>
            <w:r>
              <w:tab/>
              <w:t>var data = $(this).serialize();</w:t>
            </w:r>
          </w:p>
          <w:p w:rsidR="00A35FED" w:rsidRDefault="00A35FED" w:rsidP="00A35FED">
            <w:r>
              <w:tab/>
            </w:r>
            <w:r>
              <w:tab/>
              <w:t>//var val = $("input[type=submit][clicked=true]").val();</w:t>
            </w:r>
          </w:p>
          <w:p w:rsidR="00A35FED" w:rsidRDefault="00A35FED" w:rsidP="00A35FED">
            <w:r>
              <w:tab/>
            </w:r>
            <w:r>
              <w:tab/>
              <w:t>var url_red = "&lt;?php echo SITE_URL_SPF ; ?&gt;/login_process.php";</w:t>
            </w:r>
          </w:p>
          <w:p w:rsidR="00A35FED" w:rsidRDefault="00A35FED" w:rsidP="00A35FED">
            <w:r>
              <w:tab/>
            </w:r>
            <w:r>
              <w:tab/>
              <w:t>//var url_red = "../profile/login_process.php";</w:t>
            </w:r>
          </w:p>
          <w:p w:rsidR="00A35FED" w:rsidRDefault="00A35FED" w:rsidP="00A35FED"/>
          <w:p w:rsidR="00A35FED" w:rsidRDefault="00A35FED" w:rsidP="00A35FED">
            <w:r>
              <w:tab/>
            </w:r>
            <w:r>
              <w:tab/>
              <w:t>$.ajax({</w:t>
            </w:r>
          </w:p>
          <w:p w:rsidR="00A35FED" w:rsidRDefault="00A35FED" w:rsidP="00A35FED"/>
          <w:p w:rsidR="00A35FED" w:rsidRDefault="00A35FED" w:rsidP="00A35FED">
            <w:r>
              <w:tab/>
            </w:r>
            <w:r>
              <w:tab/>
              <w:t>type : 'POST',</w:t>
            </w:r>
          </w:p>
          <w:p w:rsidR="00A35FED" w:rsidRDefault="00A35FED" w:rsidP="00A35FED">
            <w:r>
              <w:tab/>
            </w:r>
            <w:r>
              <w:tab/>
              <w:t>url  : url_red,</w:t>
            </w:r>
          </w:p>
          <w:p w:rsidR="00A35FED" w:rsidRDefault="00A35FED" w:rsidP="00A35FED">
            <w:r>
              <w:tab/>
            </w:r>
            <w:r>
              <w:tab/>
              <w:t>data : data,</w:t>
            </w:r>
          </w:p>
          <w:p w:rsidR="00A35FED" w:rsidRDefault="00A35FED" w:rsidP="00A35FED">
            <w:r>
              <w:tab/>
            </w:r>
            <w:r>
              <w:tab/>
              <w:t>success :  function(data){</w:t>
            </w:r>
          </w:p>
          <w:p w:rsidR="00A35FED" w:rsidRDefault="00A35FED" w:rsidP="00A35FED">
            <w:r>
              <w:tab/>
            </w:r>
            <w:r>
              <w:tab/>
            </w:r>
            <w:r>
              <w:tab/>
              <w:t>// console.log(data);return false;</w:t>
            </w:r>
          </w:p>
          <w:p w:rsidR="00A35FED" w:rsidRDefault="00A35FED" w:rsidP="00A35FED">
            <w:r>
              <w:t xml:space="preserve">            document.getElementById('submitBtnsBox').style.display = 'block';</w:t>
            </w:r>
          </w:p>
          <w:p w:rsidR="00A35FED" w:rsidRDefault="00A35FED" w:rsidP="00A35FED">
            <w:r>
              <w:t xml:space="preserve">            document.getElementById('processSpan').style.display = 'none';</w:t>
            </w:r>
          </w:p>
          <w:p w:rsidR="00A35FED" w:rsidRDefault="00A35FED" w:rsidP="00A35FED">
            <w:r>
              <w:t xml:space="preserve">            // without hiding whole form..</w:t>
            </w:r>
          </w:p>
          <w:p w:rsidR="00A35FED" w:rsidRDefault="00A35FED" w:rsidP="00A35FED">
            <w:r>
              <w:lastRenderedPageBreak/>
              <w:t xml:space="preserve">    </w:t>
            </w:r>
            <w:r>
              <w:tab/>
            </w:r>
            <w:r>
              <w:tab/>
              <w:t>$("#log_result").fadeIn(500).show(function(){</w:t>
            </w:r>
          </w:p>
          <w:p w:rsidR="00A35FED" w:rsidRDefault="00A35FED" w:rsidP="00A35FED">
            <w:r>
              <w:t xml:space="preserve">                $("#log_result").html(data);</w:t>
            </w:r>
          </w:p>
          <w:p w:rsidR="00A35FED" w:rsidRDefault="00A35FED" w:rsidP="00A35FED">
            <w:r>
              <w:t xml:space="preserve">    </w:t>
            </w:r>
            <w:r>
              <w:tab/>
            </w:r>
            <w:r>
              <w:tab/>
              <w:t>});</w:t>
            </w:r>
          </w:p>
          <w:p w:rsidR="00A35FED" w:rsidRDefault="00A35FED" w:rsidP="00A35FED">
            <w:r>
              <w:t xml:space="preserve">        </w:t>
            </w:r>
          </w:p>
          <w:p w:rsidR="00A35FED" w:rsidRDefault="00A35FED" w:rsidP="00A35FED">
            <w:r>
              <w:t xml:space="preserve">            //document.getElementById('submitBtnBox').style.display = 'none';</w:t>
            </w:r>
          </w:p>
          <w:p w:rsidR="00A35FED" w:rsidRDefault="00A35FED" w:rsidP="00A35FED"/>
          <w:p w:rsidR="00A35FED" w:rsidRDefault="00A35FED" w:rsidP="00A35FED">
            <w:r>
              <w:t xml:space="preserve">            }</w:t>
            </w:r>
          </w:p>
          <w:p w:rsidR="00A35FED" w:rsidRDefault="00A35FED" w:rsidP="00A35FED">
            <w:r>
              <w:tab/>
            </w:r>
            <w:r>
              <w:tab/>
              <w:t>});</w:t>
            </w:r>
          </w:p>
          <w:p w:rsidR="00A35FED" w:rsidRDefault="00A35FED" w:rsidP="00A35FED">
            <w:r>
              <w:tab/>
            </w:r>
            <w:r>
              <w:tab/>
              <w:t>return false;</w:t>
            </w:r>
          </w:p>
          <w:p w:rsidR="00A35FED" w:rsidRDefault="00A35FED" w:rsidP="00A35FED">
            <w:r>
              <w:tab/>
              <w:t xml:space="preserve">});   </w:t>
            </w:r>
          </w:p>
          <w:p w:rsidR="00A35FED" w:rsidRDefault="00A35FED" w:rsidP="00A35FED">
            <w:r>
              <w:t>});</w:t>
            </w:r>
          </w:p>
          <w:p w:rsidR="00A35FED" w:rsidRDefault="00A35FED" w:rsidP="00A35FED"/>
          <w:p w:rsidR="00A35FED" w:rsidRDefault="00A35FED" w:rsidP="00A35FED">
            <w:r>
              <w:t>&lt;/script&gt;</w:t>
            </w:r>
          </w:p>
          <w:p w:rsidR="00A35FED" w:rsidRDefault="00A35FED" w:rsidP="00A35FED"/>
          <w:p w:rsidR="00A35FED" w:rsidRDefault="00A35FED" w:rsidP="00A35FED"/>
          <w:p w:rsidR="00A35FED" w:rsidRDefault="00A35FED" w:rsidP="00A35FED">
            <w:r>
              <w:t>&lt;script type="text/javascript"&gt;</w:t>
            </w:r>
          </w:p>
          <w:p w:rsidR="00A35FED" w:rsidRDefault="00A35FED" w:rsidP="00A35FED">
            <w:r>
              <w:t xml:space="preserve">    $(document).ready(function () {</w:t>
            </w:r>
          </w:p>
          <w:p w:rsidR="00A35FED" w:rsidRDefault="00A35FED" w:rsidP="00A35FED">
            <w:r>
              <w:t xml:space="preserve">        $("#frmLogi1n").validator();</w:t>
            </w:r>
          </w:p>
          <w:p w:rsidR="00A35FED" w:rsidRDefault="00A35FED" w:rsidP="00A35FED">
            <w:r>
              <w:t xml:space="preserve">    });</w:t>
            </w:r>
          </w:p>
          <w:p w:rsidR="00A35FED" w:rsidRDefault="00A35FED" w:rsidP="00A35FED">
            <w:r>
              <w:t>&lt;/script&gt;</w:t>
            </w:r>
          </w:p>
          <w:p w:rsidR="00A35FED" w:rsidRDefault="00A35FED" w:rsidP="00A35FED"/>
          <w:p w:rsidR="00A35FED" w:rsidRDefault="00A35FED" w:rsidP="00A35FED">
            <w:r>
              <w:t xml:space="preserve">                       </w:t>
            </w:r>
          </w:p>
          <w:p w:rsidR="00A35FED" w:rsidRDefault="00A35FED" w:rsidP="00A35FED">
            <w:r>
              <w:t xml:space="preserve">                    &lt;/div&gt;</w:t>
            </w:r>
          </w:p>
          <w:p w:rsidR="00A35FED" w:rsidRDefault="00A35FED" w:rsidP="00A35FED">
            <w:r>
              <w:t xml:space="preserve">                    &lt;div class="box_detail" id="divRegister" style="display: none;"&gt;</w:t>
            </w:r>
          </w:p>
          <w:p w:rsidR="00A35FED" w:rsidRDefault="00A35FED" w:rsidP="00A35FED">
            <w:r>
              <w:t xml:space="preserve">                        &lt;div class="price"&gt;</w:t>
            </w:r>
          </w:p>
          <w:p w:rsidR="00A35FED" w:rsidRDefault="00A35FED" w:rsidP="00A35FED">
            <w:r>
              <w:t xml:space="preserve">                            &lt;h5 class="d-inline"&gt;</w:t>
            </w:r>
          </w:p>
          <w:p w:rsidR="00A35FED" w:rsidRDefault="00A35FED" w:rsidP="00A35FED">
            <w:r>
              <w:t xml:space="preserve">                                Register</w:t>
            </w:r>
          </w:p>
          <w:p w:rsidR="00A35FED" w:rsidRDefault="00A35FED" w:rsidP="00A35FED">
            <w:r>
              <w:t xml:space="preserve">                                &lt;div class="float-right"&gt;</w:t>
            </w:r>
          </w:p>
          <w:p w:rsidR="00A35FED" w:rsidRDefault="00A35FED" w:rsidP="00A35FED">
            <w:r>
              <w:t xml:space="preserve">                        &lt;/div&gt;</w:t>
            </w:r>
          </w:p>
          <w:p w:rsidR="00A35FED" w:rsidRDefault="00A35FED" w:rsidP="00A35FED">
            <w:r>
              <w:t xml:space="preserve">                            &lt;/h5&gt;</w:t>
            </w:r>
          </w:p>
          <w:p w:rsidR="00A35FED" w:rsidRDefault="00A35FED" w:rsidP="00A35FED">
            <w:r>
              <w:t xml:space="preserve">                    &lt;/div&gt;</w:t>
            </w:r>
          </w:p>
          <w:p w:rsidR="00A35FED" w:rsidRDefault="00A35FED" w:rsidP="00A35FED">
            <w:r>
              <w:t xml:space="preserve">                         &lt;form method="post" class="login_form text-justify" action="" id="registrationForm" autocomplete="off" &gt;</w:t>
            </w:r>
          </w:p>
          <w:p w:rsidR="00A35FED" w:rsidRDefault="00A35FED" w:rsidP="00A35FED">
            <w:r>
              <w:tab/>
            </w:r>
          </w:p>
          <w:p w:rsidR="00A35FED" w:rsidRDefault="00A35FED" w:rsidP="00A35FED">
            <w:r>
              <w:tab/>
            </w:r>
            <w:r>
              <w:tab/>
            </w:r>
            <w:r>
              <w:tab/>
            </w:r>
            <w:r>
              <w:tab/>
            </w:r>
            <w:r>
              <w:tab/>
            </w:r>
            <w:r>
              <w:tab/>
            </w:r>
            <w:r>
              <w:tab/>
              <w:t>&lt;input type="hidden" name="voucherReg" value="voucherReg"/&gt;</w:t>
            </w:r>
          </w:p>
          <w:p w:rsidR="00A35FED" w:rsidRDefault="00A35FED" w:rsidP="00A35FED">
            <w:r>
              <w:tab/>
            </w:r>
            <w:r>
              <w:tab/>
            </w:r>
            <w:r>
              <w:tab/>
            </w:r>
            <w:r>
              <w:tab/>
            </w:r>
            <w:r>
              <w:tab/>
            </w:r>
            <w:r>
              <w:tab/>
            </w:r>
            <w:r>
              <w:tab/>
              <w:t>&lt;input type="hidden" name="sessionId" value="&lt;?php echo CURRENT_SESSION_ID ; ?&gt;" /&gt;</w:t>
            </w:r>
          </w:p>
          <w:p w:rsidR="00A35FED" w:rsidRDefault="00A35FED" w:rsidP="00A35FED">
            <w:r>
              <w:tab/>
            </w:r>
            <w:r>
              <w:tab/>
            </w:r>
            <w:r>
              <w:tab/>
            </w:r>
            <w:r>
              <w:tab/>
            </w:r>
            <w:r>
              <w:tab/>
            </w:r>
            <w:r>
              <w:tab/>
            </w:r>
            <w:r>
              <w:tab/>
              <w:t>&lt;input type="hidden" name="captchaMd5" value="&lt;?php echo $captchaAns ; ?&gt;" /&gt;</w:t>
            </w:r>
          </w:p>
          <w:p w:rsidR="00A35FED" w:rsidRDefault="00A35FED" w:rsidP="00A35FED">
            <w:r>
              <w:tab/>
            </w:r>
            <w:r>
              <w:tab/>
            </w:r>
            <w:r>
              <w:tab/>
            </w:r>
            <w:r>
              <w:tab/>
            </w:r>
            <w:r>
              <w:tab/>
            </w:r>
            <w:r>
              <w:tab/>
            </w:r>
            <w:r>
              <w:tab/>
              <w:t>&lt;input type="hidden" name="domain" value="&lt;?php echo $_SESSION['domain'] ; ?&gt;" /&gt;</w:t>
            </w:r>
          </w:p>
          <w:p w:rsidR="00A35FED" w:rsidRDefault="00A35FED" w:rsidP="00A35FED">
            <w:r>
              <w:tab/>
            </w:r>
            <w:r>
              <w:tab/>
            </w:r>
            <w:r>
              <w:tab/>
            </w:r>
            <w:r>
              <w:tab/>
            </w:r>
            <w:r>
              <w:tab/>
            </w:r>
            <w:r>
              <w:tab/>
            </w:r>
            <w:r>
              <w:tab/>
              <w:t>&lt;input type="hidden" name="iam" value="&lt;?php echo $iam ; ?&gt;" /&gt;</w:t>
            </w:r>
          </w:p>
          <w:p w:rsidR="00A35FED" w:rsidRDefault="00A35FED" w:rsidP="00A35FED">
            <w:r>
              <w:t xml:space="preserve"> </w:t>
            </w:r>
          </w:p>
          <w:p w:rsidR="00A35FED" w:rsidRDefault="00A35FED" w:rsidP="00A35FED">
            <w:r>
              <w:tab/>
              <w:t>&lt;div class="row"&gt;</w:t>
            </w:r>
          </w:p>
          <w:p w:rsidR="00A35FED" w:rsidRDefault="00A35FED" w:rsidP="00A35FED">
            <w:r>
              <w:t xml:space="preserve">        &lt;div class="col-lg-12 col-md-12"&gt;</w:t>
            </w:r>
          </w:p>
          <w:p w:rsidR="00A35FED" w:rsidRDefault="00A35FED" w:rsidP="00A35FED">
            <w:r>
              <w:t xml:space="preserve">            &lt;p class="card-text mb-3"&gt;</w:t>
            </w:r>
          </w:p>
          <w:p w:rsidR="00A35FED" w:rsidRDefault="00A35FED" w:rsidP="00A35FED">
            <w:r>
              <w:lastRenderedPageBreak/>
              <w:t xml:space="preserve">                Please fill out the Voucher Form to set up your Cash reward when you find a place on Senior Place Finder.</w:t>
            </w:r>
          </w:p>
          <w:p w:rsidR="00A35FED" w:rsidRDefault="00A35FED" w:rsidP="00A35FED"/>
          <w:p w:rsidR="00A35FED" w:rsidRDefault="00A35FED" w:rsidP="00A35FED">
            <w:r>
              <w:t xml:space="preserve">            &lt;/p&gt;</w:t>
            </w:r>
          </w:p>
          <w:p w:rsidR="00A35FED" w:rsidRDefault="00A35FED" w:rsidP="00A35FED">
            <w:r>
              <w:t xml:space="preserve">            &lt;div id="divError"&gt;&lt;/div&gt;</w:t>
            </w:r>
          </w:p>
          <w:p w:rsidR="00A35FED" w:rsidRDefault="00A35FED" w:rsidP="00A35FED">
            <w:r>
              <w:t xml:space="preserve">            &lt;div class="form-group "&gt;</w:t>
            </w:r>
          </w:p>
          <w:p w:rsidR="00A35FED" w:rsidRDefault="00A35FED" w:rsidP="00A35FED">
            <w:r>
              <w:t xml:space="preserve">                &lt;div class="controls mb-1"&gt;</w:t>
            </w:r>
          </w:p>
          <w:p w:rsidR="00A35FED" w:rsidRDefault="00A35FED" w:rsidP="00A35FED">
            <w:r>
              <w:t xml:space="preserve">                    &lt;input type="text" class="form-control" required</w:t>
            </w:r>
          </w:p>
          <w:p w:rsidR="00A35FED" w:rsidRDefault="00A35FED" w:rsidP="00A35FED">
            <w:r>
              <w:t xml:space="preserve">                           placeholder="Please enter your first and last name" name="name" value="a"</w:t>
            </w:r>
          </w:p>
          <w:p w:rsidR="00A35FED" w:rsidRDefault="00A35FED" w:rsidP="00A35FED">
            <w:r>
              <w:t xml:space="preserve">                           data-error="Please enter your first and last name."/&gt;</w:t>
            </w:r>
          </w:p>
          <w:p w:rsidR="00A35FED" w:rsidRDefault="00A35FED" w:rsidP="00A35FED">
            <w:r>
              <w:t xml:space="preserve">                    &lt;div class="help-block"&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lt;div class="form-group "&gt;</w:t>
            </w:r>
          </w:p>
          <w:p w:rsidR="00A35FED" w:rsidRDefault="00A35FED" w:rsidP="00A35FED">
            <w:r>
              <w:t xml:space="preserve">                &lt;div class="controls mb-1"&gt;</w:t>
            </w:r>
          </w:p>
          <w:p w:rsidR="00A35FED" w:rsidRDefault="00A35FED" w:rsidP="00A35FED">
            <w:r>
              <w:t xml:space="preserve">                    &lt;input type="email" class="form-control" id="Email"  name="email"</w:t>
            </w:r>
          </w:p>
          <w:p w:rsidR="00A35FED" w:rsidRDefault="00A35FED" w:rsidP="00A35FED">
            <w:r>
              <w:t xml:space="preserve">                           value="snz1@mailinator.com" required="" placeholder="Email" </w:t>
            </w:r>
          </w:p>
          <w:p w:rsidR="00A35FED" w:rsidRDefault="00A35FED" w:rsidP="00A35FED">
            <w:r>
              <w:t xml:space="preserve">                           data-error="Please enter your email."/&gt;</w:t>
            </w:r>
          </w:p>
          <w:p w:rsidR="00A35FED" w:rsidRDefault="00A35FED" w:rsidP="00A35FED">
            <w:r>
              <w:t xml:space="preserve">                    &lt;div class="help-block"&gt; &lt;/div&gt;</w:t>
            </w:r>
          </w:p>
          <w:p w:rsidR="00A35FED" w:rsidRDefault="00A35FED" w:rsidP="00A35FED">
            <w:r>
              <w:t xml:space="preserve">                &lt;/div&gt;</w:t>
            </w:r>
          </w:p>
          <w:p w:rsidR="00A35FED" w:rsidRDefault="00A35FED" w:rsidP="00A35FED">
            <w:r>
              <w:t xml:space="preserve">            &lt;/div&gt;</w:t>
            </w:r>
          </w:p>
          <w:p w:rsidR="00A35FED" w:rsidRDefault="00A35FED" w:rsidP="00A35FED">
            <w:r>
              <w:tab/>
            </w:r>
            <w:r>
              <w:tab/>
            </w:r>
            <w:r>
              <w:tab/>
            </w:r>
          </w:p>
          <w:p w:rsidR="00A35FED" w:rsidRDefault="00A35FED" w:rsidP="00A35FED">
            <w:r>
              <w:tab/>
            </w:r>
            <w:r>
              <w:tab/>
            </w:r>
            <w:r>
              <w:tab/>
              <w:t>&lt;div class="form-group "&gt;</w:t>
            </w:r>
          </w:p>
          <w:p w:rsidR="00A35FED" w:rsidRDefault="00A35FED" w:rsidP="00A35FED">
            <w:r>
              <w:t xml:space="preserve">                &lt;div class="controls mb-1"&gt;</w:t>
            </w:r>
          </w:p>
          <w:p w:rsidR="00A35FED" w:rsidRDefault="00A35FED" w:rsidP="00A35FED">
            <w:r>
              <w:t xml:space="preserve">                    &lt;input type="text" class="form-control" id="mobile" required</w:t>
            </w:r>
          </w:p>
          <w:p w:rsidR="00A35FED" w:rsidRDefault="00A35FED" w:rsidP="00A35FED">
            <w:r>
              <w:t xml:space="preserve">                          maxlength="10" value="1234567890"  placeholder="Mobile/Phone"   name="mobile" value=""</w:t>
            </w:r>
          </w:p>
          <w:p w:rsidR="00A35FED" w:rsidRDefault="00A35FED" w:rsidP="00A35FED">
            <w:r>
              <w:t xml:space="preserve">                           data-error="Please enter your Phone Number"/&gt;</w:t>
            </w:r>
          </w:p>
          <w:p w:rsidR="00A35FED" w:rsidRDefault="00A35FED" w:rsidP="00A35FED">
            <w:r>
              <w:t xml:space="preserve">                    &lt;div class="help-block"&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lt;div class="form-group "&gt;</w:t>
            </w:r>
          </w:p>
          <w:p w:rsidR="00A35FED" w:rsidRDefault="00A35FED" w:rsidP="00A35FED">
            <w:r>
              <w:t xml:space="preserve">                &lt;div class="controls mb-1"&gt;</w:t>
            </w:r>
          </w:p>
          <w:p w:rsidR="00A35FED" w:rsidRDefault="00A35FED" w:rsidP="00A35FED">
            <w:r>
              <w:t xml:space="preserve">                    &lt;input type="password" class="form-control" id="password1" required autocomplete="new-password"</w:t>
            </w:r>
          </w:p>
          <w:p w:rsidR="00A35FED" w:rsidRDefault="00A35FED" w:rsidP="00A35FED">
            <w:r>
              <w:t xml:space="preserve">                           placeholder="Password" name="password1"  value="1234567890" </w:t>
            </w:r>
          </w:p>
          <w:p w:rsidR="00A35FED" w:rsidRDefault="00A35FED" w:rsidP="00A35FED">
            <w:r>
              <w:t xml:space="preserve">                           data-minlength="5"</w:t>
            </w:r>
          </w:p>
          <w:p w:rsidR="00A35FED" w:rsidRDefault="00A35FED" w:rsidP="00A35FED">
            <w:r>
              <w:t xml:space="preserve">                           data-error="Please enter password."/&gt; </w:t>
            </w:r>
          </w:p>
          <w:p w:rsidR="00A35FED" w:rsidRDefault="00A35FED" w:rsidP="00A35FED">
            <w:r>
              <w:t xml:space="preserve">                    &lt;/div&gt;</w:t>
            </w:r>
          </w:p>
          <w:p w:rsidR="00A35FED" w:rsidRDefault="00A35FED" w:rsidP="00A35FED">
            <w:r>
              <w:t xml:space="preserve">                    &lt;div class="help-block"&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lt;div class="form-group "&gt;</w:t>
            </w:r>
          </w:p>
          <w:p w:rsidR="00A35FED" w:rsidRDefault="00A35FED" w:rsidP="00A35FED">
            <w:r>
              <w:lastRenderedPageBreak/>
              <w:t xml:space="preserve">                &lt;div class="controls mb-1"&gt;</w:t>
            </w:r>
          </w:p>
          <w:p w:rsidR="00A35FED" w:rsidRDefault="00A35FED" w:rsidP="00A35FED">
            <w:r>
              <w:t xml:space="preserve">                    &lt;input type="password" class="form-control" id="password2" required autocomplete="new-password"</w:t>
            </w:r>
          </w:p>
          <w:p w:rsidR="00A35FED" w:rsidRDefault="00A35FED" w:rsidP="00A35FED">
            <w:r>
              <w:t xml:space="preserve">                           placeholder="Confirm Password" name="password2"  value="1234567890" </w:t>
            </w:r>
          </w:p>
          <w:p w:rsidR="00A35FED" w:rsidRDefault="00A35FED" w:rsidP="00A35FED">
            <w:r>
              <w:t xml:space="preserve">                           data-minlength="5"</w:t>
            </w:r>
          </w:p>
          <w:p w:rsidR="00A35FED" w:rsidRDefault="00A35FED" w:rsidP="00A35FED">
            <w:r>
              <w:t xml:space="preserve">                           data-error="Please enter password."/&gt; </w:t>
            </w:r>
          </w:p>
          <w:p w:rsidR="00A35FED" w:rsidRDefault="00A35FED" w:rsidP="00A35FED">
            <w:r>
              <w:t xml:space="preserve">                    &lt;/div&gt;</w:t>
            </w:r>
          </w:p>
          <w:p w:rsidR="00A35FED" w:rsidRDefault="00A35FED" w:rsidP="00A35FED">
            <w:r>
              <w:t xml:space="preserve">                    &lt;div class="help-block"&gt;</w:t>
            </w:r>
          </w:p>
          <w:p w:rsidR="00A35FED" w:rsidRDefault="00A35FED" w:rsidP="00A35FED">
            <w:r>
              <w:t xml:space="preserve">                    &lt;/div&gt;</w:t>
            </w:r>
          </w:p>
          <w:p w:rsidR="00A35FED" w:rsidRDefault="00A35FED" w:rsidP="00A35FED">
            <w:r>
              <w:t xml:space="preserve">            &lt;/div&gt;</w:t>
            </w:r>
          </w:p>
          <w:p w:rsidR="00A35FED" w:rsidRDefault="00A35FED" w:rsidP="00A35FED">
            <w:r>
              <w:tab/>
            </w:r>
            <w:r>
              <w:tab/>
            </w:r>
            <w:r>
              <w:tab/>
            </w:r>
          </w:p>
          <w:p w:rsidR="00A35FED" w:rsidRDefault="00A35FED" w:rsidP="00A35FED">
            <w:r>
              <w:tab/>
            </w:r>
            <w:r>
              <w:tab/>
            </w:r>
            <w:r>
              <w:tab/>
            </w:r>
          </w:p>
          <w:p w:rsidR="00A35FED" w:rsidRDefault="00A35FED" w:rsidP="00A35FED">
            <w:r>
              <w:tab/>
            </w:r>
            <w:r>
              <w:tab/>
            </w:r>
            <w:r>
              <w:tab/>
              <w:t xml:space="preserve"> </w:t>
            </w:r>
          </w:p>
          <w:p w:rsidR="00A35FED" w:rsidRDefault="00A35FED" w:rsidP="00A35FED">
            <w:r>
              <w:t xml:space="preserve">            &lt;div class="form-group "&gt;</w:t>
            </w:r>
          </w:p>
          <w:p w:rsidR="00A35FED" w:rsidRDefault="00A35FED" w:rsidP="00A35FED">
            <w:r>
              <w:t xml:space="preserve">                &lt;div class="controls mb-1"&gt;</w:t>
            </w:r>
          </w:p>
          <w:p w:rsidR="00A35FED" w:rsidRDefault="00A35FED" w:rsidP="00A35FED">
            <w:r>
              <w:t xml:space="preserve">                    &lt;div class="custom-control custom-checkbox custom-control-inline"&gt;</w:t>
            </w:r>
          </w:p>
          <w:p w:rsidR="00A35FED" w:rsidRDefault="00A35FED" w:rsidP="00A35FED">
            <w:r>
              <w:t xml:space="preserve">                        &lt;input type="checkbox" id="chkTerms" required checked</w:t>
            </w:r>
          </w:p>
          <w:p w:rsidR="00A35FED" w:rsidRDefault="00A35FED" w:rsidP="00A35FED">
            <w:r>
              <w:t xml:space="preserve">                               name="terms" class="custom-control-input"</w:t>
            </w:r>
          </w:p>
          <w:p w:rsidR="00A35FED" w:rsidRDefault="00A35FED" w:rsidP="00A35FED">
            <w:r>
              <w:t xml:space="preserve">                               data-error="You must agree to the terms and conditions"/&gt;</w:t>
            </w:r>
          </w:p>
          <w:p w:rsidR="00A35FED" w:rsidRDefault="00A35FED" w:rsidP="00A35FED">
            <w:r>
              <w:t xml:space="preserve">                        &lt;label class="custom-control-label" for="chkTerms"&gt;</w:t>
            </w:r>
          </w:p>
          <w:p w:rsidR="00A35FED" w:rsidRDefault="00A35FED" w:rsidP="00A35FED">
            <w:r>
              <w:t xml:space="preserve">                            I accept the</w:t>
            </w:r>
          </w:p>
          <w:p w:rsidR="00A35FED" w:rsidRDefault="00A35FED" w:rsidP="00A35FED">
            <w:r>
              <w:t xml:space="preserve">                            &lt;a id="myBtn4" </w:t>
            </w:r>
          </w:p>
          <w:p w:rsidR="00A35FED" w:rsidRDefault="00A35FED" w:rsidP="00A35FED">
            <w:r>
              <w:t xml:space="preserve">                               title="Read our Terms &amp; Conditions" data-toggle="tooltip"&gt;</w:t>
            </w:r>
          </w:p>
          <w:p w:rsidR="00A35FED" w:rsidRDefault="00A35FED" w:rsidP="00A35FED">
            <w:r>
              <w:t xml:space="preserve">                                terms &amp; conditions</w:t>
            </w:r>
          </w:p>
          <w:p w:rsidR="00A35FED" w:rsidRDefault="00A35FED" w:rsidP="00A35FED">
            <w:r>
              <w:t xml:space="preserve">                            &lt;/a&gt;</w:t>
            </w:r>
          </w:p>
          <w:p w:rsidR="00A35FED" w:rsidRDefault="00A35FED" w:rsidP="00A35FED">
            <w:r>
              <w:t xml:space="preserve">                            .</w:t>
            </w:r>
          </w:p>
          <w:p w:rsidR="00A35FED" w:rsidRDefault="00A35FED" w:rsidP="00A35FED">
            <w:r>
              <w:t xml:space="preserve">                        &lt;/label&gt;</w:t>
            </w:r>
          </w:p>
          <w:p w:rsidR="00A35FED" w:rsidRDefault="00A35FED" w:rsidP="00A35FED">
            <w:r>
              <w:t xml:space="preserve">                    &lt;/div&gt;</w:t>
            </w:r>
          </w:p>
          <w:p w:rsidR="00A35FED" w:rsidRDefault="00A35FED" w:rsidP="00A35FED">
            <w:r>
              <w:t xml:space="preserve">                    &lt;div class="help-block"&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ab/>
            </w:r>
            <w:r>
              <w:tab/>
            </w:r>
            <w:r>
              <w:tab/>
            </w:r>
          </w:p>
          <w:p w:rsidR="00A35FED" w:rsidRDefault="00A35FED" w:rsidP="00A35FED">
            <w:r>
              <w:tab/>
            </w:r>
            <w:r>
              <w:tab/>
            </w:r>
            <w:r>
              <w:tab/>
            </w:r>
          </w:p>
          <w:p w:rsidR="00A35FED" w:rsidRDefault="00A35FED" w:rsidP="00A35FED">
            <w:r>
              <w:t xml:space="preserve">           &lt;div class="help-block mt-2 border p-1 bg-light d-flex justify-content-center"&gt; </w:t>
            </w:r>
          </w:p>
          <w:p w:rsidR="00A35FED" w:rsidRDefault="00A35FED" w:rsidP="00A35FED">
            <w:r>
              <w:tab/>
            </w:r>
            <w:r>
              <w:tab/>
            </w:r>
            <w:r>
              <w:tab/>
            </w:r>
            <w:r>
              <w:tab/>
              <w:t>&lt;span class="fs-4 float-start"&gt;&lt;?php echo $randN1 ; ?&gt; + &lt;?php echo $randN2 ; ?&gt; = &lt;/span&gt;</w:t>
            </w:r>
          </w:p>
          <w:p w:rsidR="00A35FED" w:rsidRDefault="00A35FED" w:rsidP="00A35FED">
            <w:r>
              <w:tab/>
            </w:r>
            <w:r>
              <w:tab/>
            </w:r>
            <w:r>
              <w:tab/>
            </w:r>
            <w:r>
              <w:tab/>
              <w:t>&lt;input type="number" name="captchaAns" class="form-control float-start w-50 ms-1" required=""  /&gt;</w:t>
            </w:r>
          </w:p>
          <w:p w:rsidR="00A35FED" w:rsidRDefault="00A35FED" w:rsidP="00A35FED">
            <w:r>
              <w:tab/>
            </w:r>
            <w:r>
              <w:tab/>
            </w:r>
            <w:r>
              <w:tab/>
            </w:r>
            <w:r>
              <w:tab/>
              <w:t>&lt;div class="clearfix"&gt;&lt;/div&gt;</w:t>
            </w:r>
          </w:p>
          <w:p w:rsidR="00A35FED" w:rsidRDefault="00A35FED" w:rsidP="00A35FED">
            <w:r>
              <w:tab/>
            </w:r>
            <w:r>
              <w:tab/>
            </w:r>
            <w:r>
              <w:tab/>
              <w:t>&lt;/div&gt;</w:t>
            </w:r>
          </w:p>
          <w:p w:rsidR="00A35FED" w:rsidRDefault="00A35FED" w:rsidP="00A35FED">
            <w:r>
              <w:tab/>
            </w:r>
            <w:r>
              <w:tab/>
            </w:r>
            <w:r>
              <w:tab/>
            </w:r>
          </w:p>
          <w:p w:rsidR="00A35FED" w:rsidRDefault="00A35FED" w:rsidP="00A35FED">
            <w:r>
              <w:tab/>
            </w:r>
            <w:r>
              <w:tab/>
            </w:r>
            <w:r>
              <w:tab/>
              <w:t xml:space="preserve"> </w:t>
            </w:r>
          </w:p>
          <w:p w:rsidR="00A35FED" w:rsidRDefault="00A35FED" w:rsidP="00A35FED">
            <w:r>
              <w:tab/>
            </w:r>
            <w:r>
              <w:tab/>
            </w:r>
            <w:r>
              <w:tab/>
            </w:r>
          </w:p>
          <w:p w:rsidR="00A35FED" w:rsidRDefault="00A35FED" w:rsidP="00A35FED">
            <w:r>
              <w:tab/>
            </w:r>
            <w:r>
              <w:tab/>
            </w:r>
            <w:r>
              <w:tab/>
              <w:t xml:space="preserve">&lt;div class="form-group"&gt; </w:t>
            </w:r>
          </w:p>
          <w:p w:rsidR="00A35FED" w:rsidRDefault="00A35FED" w:rsidP="00A35FED">
            <w:r>
              <w:t xml:space="preserve">                &lt;div class="collapse" id="processSpanReg"&gt;</w:t>
            </w:r>
          </w:p>
          <w:p w:rsidR="00A35FED" w:rsidRDefault="00A35FED" w:rsidP="00A35FED">
            <w:r>
              <w:t xml:space="preserve">                    &lt;div class="spinner-border text-primary" role="status"&gt;</w:t>
            </w:r>
          </w:p>
          <w:p w:rsidR="00A35FED" w:rsidRDefault="00A35FED" w:rsidP="00A35FED">
            <w:r>
              <w:t xml:space="preserve">                      &lt;span class="visually-hidden"&gt;Loading...&lt;/span&gt;</w:t>
            </w:r>
          </w:p>
          <w:p w:rsidR="00A35FED" w:rsidRDefault="00A35FED" w:rsidP="00A35FED">
            <w:r>
              <w:lastRenderedPageBreak/>
              <w:t xml:space="preserve">                    &lt;/div&gt; Processing please wait..</w:t>
            </w:r>
          </w:p>
          <w:p w:rsidR="00A35FED" w:rsidRDefault="00A35FED" w:rsidP="00A35FED">
            <w:r>
              <w:t xml:space="preserve">                &lt;/div&gt;</w:t>
            </w:r>
          </w:p>
          <w:p w:rsidR="00A35FED" w:rsidRDefault="00A35FED" w:rsidP="00A35FED">
            <w:r>
              <w:t xml:space="preserve">                &lt;small id="log_resultReg"&gt;&lt;/small&gt;</w:t>
            </w:r>
          </w:p>
          <w:p w:rsidR="00A35FED" w:rsidRDefault="00A35FED" w:rsidP="00A35FED">
            <w:r>
              <w:t xml:space="preserve">                &lt;div id="submitBtnsBoxReg"&gt;</w:t>
            </w:r>
          </w:p>
          <w:p w:rsidR="00A35FED" w:rsidRDefault="00A35FED" w:rsidP="00A35FED">
            <w:r>
              <w:t xml:space="preserve">                    &lt;button type="submit" class="btn btn-md btn-success w-100  &lt;?php if ( $domain == 'srepc' ) { echo 'collapse' ; } ?&gt;" id="btnRegSubmit" &gt;Register&lt;/button&gt;</w:t>
            </w:r>
          </w:p>
          <w:p w:rsidR="00A35FED" w:rsidRDefault="00A35FED" w:rsidP="00A35FED">
            <w:r>
              <w:t xml:space="preserve">                    &lt;span class="btn btn-md btn-secondary w-100 remotemodal &lt;?php if ( $domain != 'srepc' ) { echo 'collapse' ; } ?&gt;" id="btnRegTermsAccept"</w:t>
            </w:r>
          </w:p>
          <w:p w:rsidR="00A35FED" w:rsidRDefault="00A35FED" w:rsidP="00A35FED">
            <w:r>
              <w:t xml:space="preserve">    data-bs-toggle="modal" </w:t>
            </w:r>
          </w:p>
          <w:p w:rsidR="00A35FED" w:rsidRDefault="00A35FED" w:rsidP="00A35FED">
            <w:r>
              <w:t xml:space="preserve">    data-bs-target="#RemotModalLoad" </w:t>
            </w:r>
          </w:p>
          <w:p w:rsidR="00A35FED" w:rsidRDefault="00A35FED" w:rsidP="00A35FED">
            <w:r>
              <w:t xml:space="preserve">    data-mytarget=".modal-content" </w:t>
            </w:r>
          </w:p>
          <w:p w:rsidR="00A35FED" w:rsidRDefault="00A35FED" w:rsidP="00A35FED">
            <w:r>
              <w:t xml:space="preserve">    data-remote="&lt;?php echo $terms_remote_url ; ?&gt;/modal_remote_agreement.php"</w:t>
            </w:r>
          </w:p>
          <w:p w:rsidR="00A35FED" w:rsidRDefault="00A35FED" w:rsidP="00A35FED">
            <w:r>
              <w:t xml:space="preserve">    </w:t>
            </w:r>
          </w:p>
          <w:p w:rsidR="00A35FED" w:rsidRDefault="00A35FED" w:rsidP="00A35FED">
            <w:r>
              <w:t xml:space="preserve">                     &gt;Register&lt;/span&gt;</w:t>
            </w:r>
          </w:p>
          <w:p w:rsidR="00A35FED" w:rsidRDefault="00A35FED" w:rsidP="00A35FED">
            <w:r>
              <w:t xml:space="preserve">                &lt;/div&gt;</w:t>
            </w:r>
          </w:p>
          <w:p w:rsidR="00A35FED" w:rsidRDefault="00A35FED" w:rsidP="00A35FED">
            <w:r>
              <w:t xml:space="preserve">            &lt;/div&gt;</w:t>
            </w:r>
          </w:p>
          <w:p w:rsidR="00A35FED" w:rsidRDefault="00A35FED" w:rsidP="00A35FED">
            <w:r>
              <w:tab/>
            </w:r>
            <w:r>
              <w:tab/>
            </w:r>
            <w:r>
              <w:tab/>
            </w:r>
          </w:p>
          <w:p w:rsidR="00A35FED" w:rsidRDefault="00A35FED" w:rsidP="00A35FED">
            <w:r>
              <w:tab/>
            </w:r>
            <w:r>
              <w:tab/>
            </w:r>
            <w:r>
              <w:tab/>
              <w:t xml:space="preserve"> </w:t>
            </w:r>
          </w:p>
          <w:p w:rsidR="00A35FED" w:rsidRDefault="00A35FED" w:rsidP="00A35FED">
            <w:r>
              <w:t xml:space="preserve">        &lt;/div&gt;</w:t>
            </w:r>
          </w:p>
          <w:p w:rsidR="00A35FED" w:rsidRDefault="00A35FED" w:rsidP="00A35FED">
            <w:r>
              <w:t xml:space="preserve">    &lt;/div&gt;</w:t>
            </w:r>
          </w:p>
          <w:p w:rsidR="00A35FED" w:rsidRDefault="00A35FED" w:rsidP="00A35FED">
            <w:r>
              <w:t>&lt;/form&gt;</w:t>
            </w:r>
          </w:p>
          <w:p w:rsidR="00A35FED" w:rsidRDefault="00A35FED" w:rsidP="00A35FED"/>
          <w:p w:rsidR="00A35FED" w:rsidRDefault="00A35FED" w:rsidP="00A35FED">
            <w:r>
              <w:t>&lt;!--Screen Messages --&gt;</w:t>
            </w:r>
          </w:p>
          <w:p w:rsidR="00A35FED" w:rsidRDefault="00A35FED" w:rsidP="00A35FED">
            <w:r>
              <w:t>&lt;!--1)</w:t>
            </w:r>
            <w:r>
              <w:tab/>
              <w:t>VOUCHER CREATED:</w:t>
            </w:r>
          </w:p>
          <w:p w:rsidR="00A35FED" w:rsidRDefault="00A35FED" w:rsidP="00A35FED">
            <w:r>
              <w:t xml:space="preserve">Screen Message:  </w:t>
            </w:r>
          </w:p>
          <w:p w:rsidR="00A35FED" w:rsidRDefault="00A35FED" w:rsidP="00A35FED">
            <w:r>
              <w:t xml:space="preserve">Your voucher is active and has been sent to your email and Dashboard. </w:t>
            </w:r>
          </w:p>
          <w:p w:rsidR="00A35FED" w:rsidRDefault="00A35FED" w:rsidP="00A35FED">
            <w:r>
              <w:t>2)</w:t>
            </w:r>
            <w:r>
              <w:tab/>
              <w:t>Already Registered</w:t>
            </w:r>
          </w:p>
          <w:p w:rsidR="00A35FED" w:rsidRDefault="00A35FED" w:rsidP="00A35FED">
            <w:r>
              <w:t xml:space="preserve">Screen Message:  </w:t>
            </w:r>
          </w:p>
          <w:p w:rsidR="00A35FED" w:rsidRDefault="00A35FED" w:rsidP="00A35FED">
            <w:r>
              <w:t>It seems you are already registered. Please enter your email to set up your voucher payment.</w:t>
            </w:r>
          </w:p>
          <w:p w:rsidR="00A35FED" w:rsidRDefault="00A35FED" w:rsidP="00A35FED">
            <w:r>
              <w:t>3)Screen Message:</w:t>
            </w:r>
            <w:r>
              <w:tab/>
              <w:t>Welcome to Your Senior Team’s $200.00 Voucher offer for Senior Place Finder</w:t>
            </w:r>
          </w:p>
          <w:p w:rsidR="00A35FED" w:rsidRDefault="00A35FED" w:rsidP="00A35FED">
            <w:r>
              <w:t xml:space="preserve">Click to generate your unique voucher serial number used when you are ready            to redeem it for cash. </w:t>
            </w:r>
          </w:p>
          <w:p w:rsidR="00A35FED" w:rsidRDefault="00A35FED" w:rsidP="00A35FED">
            <w:r>
              <w:t>Voucher is only good when you select a home referred by Senior Place Finder.</w:t>
            </w:r>
          </w:p>
          <w:p w:rsidR="00A35FED" w:rsidRDefault="00A35FED" w:rsidP="00A35FED">
            <w:r>
              <w:t>Click Here:</w:t>
            </w:r>
          </w:p>
          <w:p w:rsidR="00A35FED" w:rsidRDefault="00A35FED" w:rsidP="00A35FED">
            <w:r>
              <w:t xml:space="preserve">4)Screen Message:  You have successfully generated a Voucher sent to your email and Dashboard account redeemable once you’ve determined where you’ll be moving. </w:t>
            </w:r>
          </w:p>
          <w:p w:rsidR="00A35FED" w:rsidRDefault="00A35FED" w:rsidP="00A35FED">
            <w:r>
              <w:t>5) Screen Message: if user is already has a registered email.</w:t>
            </w:r>
          </w:p>
          <w:p w:rsidR="00A35FED" w:rsidRDefault="00A35FED" w:rsidP="00A35FED">
            <w:r>
              <w:t xml:space="preserve">    You have already been issued a Voucher. </w:t>
            </w:r>
          </w:p>
          <w:p w:rsidR="00A35FED" w:rsidRDefault="00A35FED" w:rsidP="00A35FED">
            <w:r>
              <w:t xml:space="preserve">    The information is saved in your account Dashboard or email. </w:t>
            </w:r>
          </w:p>
          <w:p w:rsidR="00A35FED" w:rsidRDefault="00A35FED" w:rsidP="00A35FED">
            <w:r>
              <w:t>--&gt;</w:t>
            </w:r>
          </w:p>
          <w:p w:rsidR="00A35FED" w:rsidRDefault="00A35FED" w:rsidP="00A35FED"/>
          <w:p w:rsidR="00A35FED" w:rsidRDefault="00A35FED" w:rsidP="00A35FED">
            <w:r>
              <w:t>&lt;script type="text/javascript"&gt;</w:t>
            </w:r>
          </w:p>
          <w:p w:rsidR="00A35FED" w:rsidRDefault="00A35FED" w:rsidP="00A35FED">
            <w:r>
              <w:t>$(document).ready(function() {</w:t>
            </w:r>
          </w:p>
          <w:p w:rsidR="00A35FED" w:rsidRDefault="00A35FED" w:rsidP="00A35FED"/>
          <w:p w:rsidR="00A35FED" w:rsidRDefault="00A35FED" w:rsidP="00A35FED">
            <w:r>
              <w:tab/>
              <w:t>$(document).on('submit', '#registrationForm', function(e) {</w:t>
            </w:r>
          </w:p>
          <w:p w:rsidR="00A35FED" w:rsidRDefault="00A35FED" w:rsidP="00A35FED"/>
          <w:p w:rsidR="00A35FED" w:rsidRDefault="00A35FED" w:rsidP="00A35FED">
            <w:r>
              <w:t xml:space="preserve">        document.getElementById('processSpanReg').style.display = 'block';</w:t>
            </w:r>
          </w:p>
          <w:p w:rsidR="00A35FED" w:rsidRDefault="00A35FED" w:rsidP="00A35FED">
            <w:r>
              <w:t xml:space="preserve">        document.getElementById('submitBtnsBoxReg').style.display = 'none';</w:t>
            </w:r>
          </w:p>
          <w:p w:rsidR="00A35FED" w:rsidRDefault="00A35FED" w:rsidP="00A35FED">
            <w:r>
              <w:lastRenderedPageBreak/>
              <w:t xml:space="preserve">        document.getElementById("log_resultReg").innerHTML = "" ;</w:t>
            </w:r>
          </w:p>
          <w:p w:rsidR="00A35FED" w:rsidRDefault="00A35FED" w:rsidP="00A35FED"/>
          <w:p w:rsidR="00A35FED" w:rsidRDefault="00A35FED" w:rsidP="00A35FED"/>
          <w:p w:rsidR="00A35FED" w:rsidRDefault="00A35FED" w:rsidP="00A35FED">
            <w:r>
              <w:tab/>
            </w:r>
            <w:r>
              <w:tab/>
              <w:t>var data = $(this).serialize();</w:t>
            </w:r>
          </w:p>
          <w:p w:rsidR="00A35FED" w:rsidRDefault="00A35FED" w:rsidP="00A35FED">
            <w:r>
              <w:tab/>
            </w:r>
            <w:r>
              <w:tab/>
              <w:t>//var val = $("input[type=submit][clicked=true]").val();</w:t>
            </w:r>
          </w:p>
          <w:p w:rsidR="00A35FED" w:rsidRDefault="00A35FED" w:rsidP="00A35FED">
            <w:r>
              <w:tab/>
            </w:r>
            <w:r>
              <w:tab/>
              <w:t>var url_red = "&lt;?php echo SITE_URL_SPF ; ?&gt;/register_process.php";</w:t>
            </w:r>
          </w:p>
          <w:p w:rsidR="00A35FED" w:rsidRDefault="00A35FED" w:rsidP="00A35FED"/>
          <w:p w:rsidR="00A35FED" w:rsidRDefault="00A35FED" w:rsidP="00A35FED">
            <w:r>
              <w:tab/>
            </w:r>
            <w:r>
              <w:tab/>
              <w:t>$.ajax({</w:t>
            </w:r>
          </w:p>
          <w:p w:rsidR="00A35FED" w:rsidRDefault="00A35FED" w:rsidP="00A35FED"/>
          <w:p w:rsidR="00A35FED" w:rsidRDefault="00A35FED" w:rsidP="00A35FED">
            <w:r>
              <w:tab/>
            </w:r>
            <w:r>
              <w:tab/>
              <w:t>type : 'POST',</w:t>
            </w:r>
          </w:p>
          <w:p w:rsidR="00A35FED" w:rsidRDefault="00A35FED" w:rsidP="00A35FED">
            <w:r>
              <w:tab/>
            </w:r>
            <w:r>
              <w:tab/>
              <w:t>url  : url_red,</w:t>
            </w:r>
          </w:p>
          <w:p w:rsidR="00A35FED" w:rsidRDefault="00A35FED" w:rsidP="00A35FED">
            <w:r>
              <w:tab/>
            </w:r>
            <w:r>
              <w:tab/>
              <w:t>data : data,</w:t>
            </w:r>
          </w:p>
          <w:p w:rsidR="00A35FED" w:rsidRDefault="00A35FED" w:rsidP="00A35FED">
            <w:r>
              <w:tab/>
            </w:r>
            <w:r>
              <w:tab/>
              <w:t>success :  function(data){</w:t>
            </w:r>
          </w:p>
          <w:p w:rsidR="00A35FED" w:rsidRDefault="00A35FED" w:rsidP="00A35FED">
            <w:r>
              <w:tab/>
            </w:r>
            <w:r>
              <w:tab/>
            </w:r>
            <w:r>
              <w:tab/>
              <w:t xml:space="preserve">console.log(data); </w:t>
            </w:r>
          </w:p>
          <w:p w:rsidR="00A35FED" w:rsidRDefault="00A35FED" w:rsidP="00A35FED">
            <w:r>
              <w:t xml:space="preserve">            document.getElementById('submitBtnsBoxReg').style.display = 'block';</w:t>
            </w:r>
          </w:p>
          <w:p w:rsidR="00A35FED" w:rsidRDefault="00A35FED" w:rsidP="00A35FED">
            <w:r>
              <w:t xml:space="preserve">            document.getElementById('processSpanReg').style.display = 'none';</w:t>
            </w:r>
          </w:p>
          <w:p w:rsidR="00A35FED" w:rsidRDefault="00A35FED" w:rsidP="00A35FED">
            <w:r>
              <w:t xml:space="preserve">            // without hiding whole form..</w:t>
            </w:r>
          </w:p>
          <w:p w:rsidR="00A35FED" w:rsidRDefault="00A35FED" w:rsidP="00A35FED">
            <w:r>
              <w:t xml:space="preserve">    </w:t>
            </w:r>
            <w:r>
              <w:tab/>
            </w:r>
            <w:r>
              <w:tab/>
              <w:t>$("#log_resultReg").fadeIn(500).show(function(){</w:t>
            </w:r>
          </w:p>
          <w:p w:rsidR="00A35FED" w:rsidRDefault="00A35FED" w:rsidP="00A35FED">
            <w:r>
              <w:t xml:space="preserve">                $("#log_resultReg").html(data);</w:t>
            </w:r>
          </w:p>
          <w:p w:rsidR="00A35FED" w:rsidRDefault="00A35FED" w:rsidP="00A35FED">
            <w:r>
              <w:t xml:space="preserve">    </w:t>
            </w:r>
            <w:r>
              <w:tab/>
            </w:r>
            <w:r>
              <w:tab/>
              <w:t>});</w:t>
            </w:r>
          </w:p>
          <w:p w:rsidR="00A35FED" w:rsidRDefault="00A35FED" w:rsidP="00A35FED">
            <w:r>
              <w:tab/>
            </w:r>
            <w:r>
              <w:tab/>
            </w:r>
            <w:r>
              <w:tab/>
              <w:t xml:space="preserve">setTimeout(function(){  location.reload(); }, 1000);   </w:t>
            </w:r>
          </w:p>
          <w:p w:rsidR="00A35FED" w:rsidRDefault="00A35FED" w:rsidP="00A35FED">
            <w:r>
              <w:t xml:space="preserve">        </w:t>
            </w:r>
          </w:p>
          <w:p w:rsidR="00A35FED" w:rsidRDefault="00A35FED" w:rsidP="00A35FED">
            <w:r>
              <w:t xml:space="preserve">            //document.getElementById('submitBtnBox').style.display = 'none';</w:t>
            </w:r>
          </w:p>
          <w:p w:rsidR="00A35FED" w:rsidRDefault="00A35FED" w:rsidP="00A35FED"/>
          <w:p w:rsidR="00A35FED" w:rsidRDefault="00A35FED" w:rsidP="00A35FED">
            <w:r>
              <w:t xml:space="preserve">            }</w:t>
            </w:r>
          </w:p>
          <w:p w:rsidR="00A35FED" w:rsidRDefault="00A35FED" w:rsidP="00A35FED">
            <w:r>
              <w:tab/>
            </w:r>
            <w:r>
              <w:tab/>
              <w:t>});</w:t>
            </w:r>
          </w:p>
          <w:p w:rsidR="00A35FED" w:rsidRDefault="00A35FED" w:rsidP="00A35FED">
            <w:r>
              <w:tab/>
            </w:r>
            <w:r>
              <w:tab/>
              <w:t>return false;</w:t>
            </w:r>
          </w:p>
          <w:p w:rsidR="00A35FED" w:rsidRDefault="00A35FED" w:rsidP="00A35FED">
            <w:r>
              <w:tab/>
              <w:t>});</w:t>
            </w:r>
          </w:p>
          <w:p w:rsidR="00A35FED" w:rsidRDefault="00A35FED" w:rsidP="00A35FED">
            <w:r>
              <w:tab/>
            </w:r>
          </w:p>
          <w:p w:rsidR="00A35FED" w:rsidRDefault="00A35FED" w:rsidP="00A35FED">
            <w:r>
              <w:t xml:space="preserve">    /*</w:t>
            </w:r>
          </w:p>
          <w:p w:rsidR="00A35FED" w:rsidRDefault="00A35FED" w:rsidP="00A35FED">
            <w:r>
              <w:t xml:space="preserve">    $(document).on('click', '#btnDonateMonthly', function(e) {</w:t>
            </w:r>
          </w:p>
          <w:p w:rsidR="00A35FED" w:rsidRDefault="00A35FED" w:rsidP="00A35FED">
            <w:r>
              <w:tab/>
            </w:r>
            <w:r>
              <w:tab/>
              <w:t>$(this).closest('form').attr('clicked','btnDonateMonthly');</w:t>
            </w:r>
          </w:p>
          <w:p w:rsidR="00A35FED" w:rsidRDefault="00A35FED" w:rsidP="00A35FED">
            <w:r>
              <w:tab/>
              <w:t>});</w:t>
            </w:r>
          </w:p>
          <w:p w:rsidR="00A35FED" w:rsidRDefault="00A35FED" w:rsidP="00A35FED">
            <w:r>
              <w:tab/>
              <w:t>$(document).on('click', '#btnDonateOneTime', function(e) {</w:t>
            </w:r>
          </w:p>
          <w:p w:rsidR="00A35FED" w:rsidRDefault="00A35FED" w:rsidP="00A35FED">
            <w:r>
              <w:tab/>
            </w:r>
            <w:r>
              <w:tab/>
              <w:t>$(this).closest('form').attr('clicked','btnDonateOneTime');</w:t>
            </w:r>
          </w:p>
          <w:p w:rsidR="00A35FED" w:rsidRDefault="00A35FED" w:rsidP="00A35FED">
            <w:r>
              <w:tab/>
              <w:t>});</w:t>
            </w:r>
          </w:p>
          <w:p w:rsidR="00A35FED" w:rsidRDefault="00A35FED" w:rsidP="00A35FED">
            <w:r>
              <w:t xml:space="preserve">    */</w:t>
            </w:r>
          </w:p>
          <w:p w:rsidR="00A35FED" w:rsidRDefault="00A35FED" w:rsidP="00A35FED">
            <w:r>
              <w:t>});</w:t>
            </w:r>
          </w:p>
          <w:p w:rsidR="00A35FED" w:rsidRDefault="00A35FED" w:rsidP="00A35FED"/>
          <w:p w:rsidR="00A35FED" w:rsidRDefault="00A35FED" w:rsidP="00A35FED">
            <w:r>
              <w:t>&lt;/script&gt;</w:t>
            </w:r>
          </w:p>
          <w:p w:rsidR="00A35FED" w:rsidRDefault="00A35FED" w:rsidP="00A35FED"/>
          <w:p w:rsidR="00A35FED" w:rsidRDefault="00A35FED" w:rsidP="00A35FED"/>
          <w:p w:rsidR="00A35FED" w:rsidRDefault="00A35FED" w:rsidP="00A35FED"/>
          <w:p w:rsidR="00A35FED" w:rsidRDefault="00A35FED" w:rsidP="00A35FED">
            <w:r>
              <w:t xml:space="preserve"> </w:t>
            </w:r>
          </w:p>
          <w:p w:rsidR="00A35FED" w:rsidRDefault="00A35FED" w:rsidP="00A35FED">
            <w:r>
              <w:t xml:space="preserve">                        &lt;p class="card-text mb-3 mt-2"&gt;</w:t>
            </w:r>
          </w:p>
          <w:p w:rsidR="00A35FED" w:rsidRDefault="00A35FED" w:rsidP="00A35FED">
            <w:r>
              <w:t xml:space="preserve">                            Already registered?</w:t>
            </w:r>
          </w:p>
          <w:p w:rsidR="00A35FED" w:rsidRDefault="00A35FED" w:rsidP="00A35FED">
            <w:r>
              <w:t xml:space="preserve">                        &lt;/p&gt;</w:t>
            </w:r>
          </w:p>
          <w:p w:rsidR="00A35FED" w:rsidRDefault="00A35FED" w:rsidP="00A35FED">
            <w:r>
              <w:t xml:space="preserve">                        &lt;a href="" class="btn_1 btn btn-primary btn-block btnToggleWidget"</w:t>
            </w:r>
          </w:p>
          <w:p w:rsidR="00A35FED" w:rsidRDefault="00A35FED" w:rsidP="00A35FED">
            <w:r>
              <w:lastRenderedPageBreak/>
              <w:t xml:space="preserve">                                data-href="#divLogin" data-target="#divRegister"&gt;</w:t>
            </w:r>
          </w:p>
          <w:p w:rsidR="00A35FED" w:rsidRDefault="00A35FED" w:rsidP="00A35FED">
            <w:r>
              <w:t xml:space="preserve">                            Login</w:t>
            </w:r>
          </w:p>
          <w:p w:rsidR="00A35FED" w:rsidRDefault="00A35FED" w:rsidP="00A35FED">
            <w:r>
              <w:t xml:space="preserve">                        &lt;/a&gt;</w:t>
            </w:r>
          </w:p>
          <w:p w:rsidR="00A35FED" w:rsidRDefault="00A35FED" w:rsidP="00A35FED">
            <w:r>
              <w:t xml:space="preserve">                    &lt;/div&gt;</w:t>
            </w:r>
          </w:p>
          <w:p w:rsidR="00A35FED" w:rsidRDefault="00A35FED" w:rsidP="00A35FED">
            <w:r>
              <w:t xml:space="preserve">                    &lt;!--&lt;ul class="share-buttons"&gt;</w:t>
            </w:r>
          </w:p>
          <w:p w:rsidR="00A35FED" w:rsidRDefault="00A35FED" w:rsidP="00A35FED">
            <w:r>
              <w:t xml:space="preserve">                    &lt;li&gt;</w:t>
            </w:r>
          </w:p>
          <w:p w:rsidR="00A35FED" w:rsidRDefault="00A35FED" w:rsidP="00A35FED">
            <w:r>
              <w:t xml:space="preserve">                        &lt;a class="fb-share" href="https://www.facebook.com/sharer/sharer.php?u=voucher&amp;amp;title=Grab your $200 Senior Living Voucher Now." target="_blank"&gt;</w:t>
            </w:r>
          </w:p>
          <w:p w:rsidR="00A35FED" w:rsidRDefault="00A35FED" w:rsidP="00A35FED">
            <w:r>
              <w:t xml:space="preserve">                           &lt;img alt="facebook" src="svg/facebook (1).png"/ width="15" height="15"&gt;</w:t>
            </w:r>
          </w:p>
          <w:p w:rsidR="00A35FED" w:rsidRDefault="00A35FED" w:rsidP="00A35FED">
            <w:r>
              <w:t xml:space="preserve">                            Share</w:t>
            </w:r>
          </w:p>
          <w:p w:rsidR="00A35FED" w:rsidRDefault="00A35FED" w:rsidP="00A35FED">
            <w:r>
              <w:t xml:space="preserve">                        &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class="twitter-share" href="https://twitter.com/share?url=voucher&amp;amp;text=Grab your $200 Senior Living Voucher Now." target="_blank"&gt;</w:t>
            </w:r>
          </w:p>
          <w:p w:rsidR="00A35FED" w:rsidRDefault="00A35FED" w:rsidP="00A35FED">
            <w:r>
              <w:t xml:space="preserve">                               &lt;img alt="facebook" src="svg/twitter (1).png"/ width="15" height="15"&gt;</w:t>
            </w:r>
          </w:p>
          <w:p w:rsidR="00A35FED" w:rsidRDefault="00A35FED" w:rsidP="00A35FED">
            <w:r>
              <w:t xml:space="preserve">                            Tweet</w:t>
            </w:r>
          </w:p>
          <w:p w:rsidR="00A35FED" w:rsidRDefault="00A35FED" w:rsidP="00A35FED">
            <w:r>
              <w:t xml:space="preserve">                        &lt;/a&gt;</w:t>
            </w:r>
          </w:p>
          <w:p w:rsidR="00A35FED" w:rsidRDefault="00A35FED" w:rsidP="00A35FED">
            <w:r>
              <w:t xml:space="preserve">                    &lt;/li&gt;</w:t>
            </w:r>
          </w:p>
          <w:p w:rsidR="00A35FED" w:rsidRDefault="00A35FED" w:rsidP="00A35FED">
            <w:r>
              <w:t xml:space="preserve">                &lt;/ul&gt; --&gt;</w:t>
            </w:r>
          </w:p>
          <w:p w:rsidR="00A35FED" w:rsidRDefault="00A35FED" w:rsidP="00A35FED">
            <w:r>
              <w:t xml:space="preserve">            &lt;/aside&gt;</w:t>
            </w:r>
          </w:p>
          <w:p w:rsidR="00A35FED" w:rsidRDefault="00A35FED" w:rsidP="00A35FED">
            <w:r>
              <w:t xml:space="preserve">        &lt;/div&gt;</w:t>
            </w:r>
          </w:p>
          <w:p w:rsidR="00A35FED" w:rsidRDefault="00A35FED" w:rsidP="00A35FED">
            <w:r>
              <w:t xml:space="preserve">    &lt;/div&gt;</w:t>
            </w:r>
          </w:p>
          <w:p w:rsidR="00A35FED" w:rsidRDefault="00A35FED" w:rsidP="00A35FED">
            <w:r>
              <w:t xml:space="preserve">        &lt;/main&gt;</w:t>
            </w:r>
          </w:p>
          <w:p w:rsidR="00A35FED" w:rsidRDefault="00A35FED" w:rsidP="00A35FED">
            <w:r>
              <w:t xml:space="preserve">        &lt;footer&gt;</w:t>
            </w:r>
          </w:p>
          <w:p w:rsidR="00A35FED" w:rsidRDefault="00A35FED" w:rsidP="00A35FED">
            <w:r>
              <w:t xml:space="preserve">    &lt;div class="container margin_60_35"&gt;</w:t>
            </w:r>
          </w:p>
          <w:p w:rsidR="00A35FED" w:rsidRDefault="00A35FED" w:rsidP="00A35FED">
            <w:r>
              <w:t xml:space="preserve">        &lt;div class="row"&gt;</w:t>
            </w:r>
          </w:p>
          <w:p w:rsidR="00A35FED" w:rsidRDefault="00A35FED" w:rsidP="00A35FED">
            <w:r>
              <w:t xml:space="preserve">            &lt;div class="col-lg-4 col-md-6 col-sm-6"&gt;</w:t>
            </w:r>
          </w:p>
          <w:p w:rsidR="00A35FED" w:rsidRDefault="00A35FED" w:rsidP="00A35FED">
            <w:r>
              <w:t xml:space="preserve">                &lt;div&gt;</w:t>
            </w:r>
          </w:p>
          <w:p w:rsidR="00A35FED" w:rsidRDefault="00A35FED" w:rsidP="00A35FED">
            <w:r>
              <w:t xml:space="preserve">                    &lt;img src="img/icon/logo.png" width="200"/&gt;</w:t>
            </w:r>
          </w:p>
          <w:p w:rsidR="00A35FED" w:rsidRDefault="00A35FED" w:rsidP="00A35FED">
            <w:r>
              <w:t xml:space="preserve">                    &lt;p class="mt-1 mb-0 text-justify"&gt;</w:t>
            </w:r>
          </w:p>
          <w:p w:rsidR="00A35FED" w:rsidRDefault="00A35FED" w:rsidP="00A35FED">
            <w:r>
              <w:t xml:space="preserve">                        Using your requests to find the</w:t>
            </w:r>
          </w:p>
          <w:p w:rsidR="00A35FED" w:rsidRDefault="00A35FED" w:rsidP="00A35FED">
            <w:r>
              <w:t xml:space="preserve">                        right place, we wanted to provide</w:t>
            </w:r>
          </w:p>
          <w:p w:rsidR="00A35FED" w:rsidRDefault="00A35FED" w:rsidP="00A35FED">
            <w:r>
              <w:t xml:space="preserve">                        a servie that empowers your ability</w:t>
            </w:r>
          </w:p>
          <w:p w:rsidR="00A35FED" w:rsidRDefault="00A35FED" w:rsidP="00A35FED">
            <w:r>
              <w:t xml:space="preserve">                        to shop with dignity and confidence.</w:t>
            </w:r>
          </w:p>
          <w:p w:rsidR="00A35FED" w:rsidRDefault="00A35FED" w:rsidP="00A35FED">
            <w:r>
              <w:t xml:space="preserve">                        This is Your Senior Team for senior</w:t>
            </w:r>
          </w:p>
          <w:p w:rsidR="00A35FED" w:rsidRDefault="00A35FED" w:rsidP="00A35FED">
            <w:r>
              <w:t xml:space="preserve">                        living and care.</w:t>
            </w:r>
          </w:p>
          <w:p w:rsidR="00A35FED" w:rsidRDefault="00A35FED" w:rsidP="00A35FED">
            <w:r>
              <w:t xml:space="preserve">                    &lt;/p&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col-lg-4 col-md-6 col-sm-6"&gt;</w:t>
            </w:r>
          </w:p>
          <w:p w:rsidR="00A35FED" w:rsidRDefault="00A35FED" w:rsidP="00A35FED">
            <w:r>
              <w:t xml:space="preserve">                &lt;a aria-controls="divQuickContacts" aria-expanded="false" class="collapse_bt_mobile"</w:t>
            </w:r>
          </w:p>
          <w:p w:rsidR="00A35FED" w:rsidRDefault="00A35FED" w:rsidP="00A35FED">
            <w:r>
              <w:t xml:space="preserve">                   data-target="#divQuickContacts" data-toggle="collapse"&gt;</w:t>
            </w:r>
          </w:p>
          <w:p w:rsidR="00A35FED" w:rsidRDefault="00A35FED" w:rsidP="00A35FED">
            <w:r>
              <w:t xml:space="preserve">                    &lt;h3&gt;Contact us&lt;/h3&gt;</w:t>
            </w:r>
          </w:p>
          <w:p w:rsidR="00A35FED" w:rsidRDefault="00A35FED" w:rsidP="00A35FED">
            <w:r>
              <w:t xml:space="preserve">                    &lt;div class="circle-plus closed"&gt;</w:t>
            </w:r>
          </w:p>
          <w:p w:rsidR="00A35FED" w:rsidRDefault="00A35FED" w:rsidP="00A35FED">
            <w:r>
              <w:t xml:space="preserve">                        &lt;div class="horizontal"&gt;&lt;/div&gt;</w:t>
            </w:r>
          </w:p>
          <w:p w:rsidR="00A35FED" w:rsidRDefault="00A35FED" w:rsidP="00A35FED">
            <w:r>
              <w:t xml:space="preserve">                        &lt;div class="vertical"&gt;&lt;/div&gt;</w:t>
            </w:r>
          </w:p>
          <w:p w:rsidR="00A35FED" w:rsidRDefault="00A35FED" w:rsidP="00A35FED">
            <w:r>
              <w:lastRenderedPageBreak/>
              <w:t xml:space="preserve">                    &lt;/div&gt;</w:t>
            </w:r>
          </w:p>
          <w:p w:rsidR="00A35FED" w:rsidRDefault="00A35FED" w:rsidP="00A35FED">
            <w:r>
              <w:t xml:space="preserve">                &lt;/a&gt;</w:t>
            </w:r>
          </w:p>
          <w:p w:rsidR="00A35FED" w:rsidRDefault="00A35FED" w:rsidP="00A35FED">
            <w:r>
              <w:t xml:space="preserve">                &lt;div class="collapse show" id="divQuickContacts"&gt;</w:t>
            </w:r>
          </w:p>
          <w:p w:rsidR="00A35FED" w:rsidRDefault="00A35FED" w:rsidP="00A35FED">
            <w:r>
              <w:t xml:space="preserve">                    &lt;p class="mb-2 text-justify"&gt;</w:t>
            </w:r>
          </w:p>
          <w:p w:rsidR="00A35FED" w:rsidRDefault="00A35FED" w:rsidP="00A35FED">
            <w:r>
              <w:t xml:space="preserve">                        We are always looking to improve and offer a better service. If you have any ideas or questions</w:t>
            </w:r>
          </w:p>
          <w:p w:rsidR="00A35FED" w:rsidRDefault="00A35FED" w:rsidP="00A35FED">
            <w:r>
              <w:t xml:space="preserve">                        call.</w:t>
            </w:r>
          </w:p>
          <w:p w:rsidR="00A35FED" w:rsidRDefault="00A35FED" w:rsidP="00A35FED">
            <w:r>
              <w:t xml:space="preserve">                    &lt;/p&gt;</w:t>
            </w:r>
          </w:p>
          <w:p w:rsidR="00A35FED" w:rsidRDefault="00A35FED" w:rsidP="00A35FED">
            <w:r>
              <w:t xml:space="preserve">                    &lt;ul class="contacts mt-3"&gt;</w:t>
            </w:r>
          </w:p>
          <w:p w:rsidR="00A35FED" w:rsidRDefault="00A35FED" w:rsidP="00A35FED">
            <w:r>
              <w:t xml:space="preserve">                        &lt;li&gt;</w:t>
            </w:r>
          </w:p>
          <w:p w:rsidR="00A35FED" w:rsidRDefault="00A35FED" w:rsidP="00A35FED">
            <w:r>
              <w:t xml:space="preserve">                               &lt;img alt="phone" src="svg/phone.png"/ width="30" height="30"&gt;</w:t>
            </w:r>
          </w:p>
          <w:p w:rsidR="00A35FED" w:rsidRDefault="00A35FED" w:rsidP="00A35FED">
            <w:r>
              <w:t xml:space="preserve">                            (+1) 833-487-7786</w:t>
            </w:r>
          </w:p>
          <w:p w:rsidR="00A35FED" w:rsidRDefault="00A35FED" w:rsidP="00A35FED">
            <w:r>
              <w:t xml:space="preserve">                        &lt;/li&gt;</w:t>
            </w:r>
          </w:p>
          <w:p w:rsidR="00A35FED" w:rsidRDefault="00A35FED" w:rsidP="00A35FED">
            <w:r>
              <w:t xml:space="preserve">                        &lt;li&gt;</w:t>
            </w:r>
          </w:p>
          <w:p w:rsidR="00A35FED" w:rsidRDefault="00A35FED" w:rsidP="00A35FED">
            <w:r>
              <w:t xml:space="preserve">                           &lt;img alt="mail" src="svg/mail.png"/ width="30" height="30"&gt;</w:t>
            </w:r>
          </w:p>
          <w:p w:rsidR="00A35FED" w:rsidRDefault="00A35FED" w:rsidP="00A35FED">
            <w:r>
              <w:t xml:space="preserve">                            &lt;a href="mailto: info@yourseniorteam.com"&gt; info@yourseniorteam.com&lt;/a&gt;</w:t>
            </w:r>
          </w:p>
          <w:p w:rsidR="00A35FED" w:rsidRDefault="00A35FED" w:rsidP="00A35FED">
            <w:r>
              <w:t xml:space="preserve">                        &lt;/li&gt;</w:t>
            </w:r>
          </w:p>
          <w:p w:rsidR="00A35FED" w:rsidRDefault="00A35FED" w:rsidP="00A35FED">
            <w:r>
              <w:t xml:space="preserve">                    &lt;/ul&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col-lg-4 col-md-6 col-sm-6"&gt;</w:t>
            </w:r>
          </w:p>
          <w:p w:rsidR="00A35FED" w:rsidRDefault="00A35FED" w:rsidP="00A35FED">
            <w:r>
              <w:t xml:space="preserve">                </w:t>
            </w:r>
          </w:p>
          <w:p w:rsidR="00A35FED" w:rsidRDefault="00A35FED" w:rsidP="00A35FED">
            <w:r>
              <w:t xml:space="preserve">                </w:t>
            </w:r>
          </w:p>
          <w:p w:rsidR="00A35FED" w:rsidRDefault="00A35FED" w:rsidP="00A35FED">
            <w:r>
              <w:t xml:space="preserve">                &lt;div class="follow_us"&gt;</w:t>
            </w:r>
          </w:p>
          <w:p w:rsidR="00A35FED" w:rsidRDefault="00A35FED" w:rsidP="00A35FED">
            <w:r>
              <w:t xml:space="preserve">                    &lt;h5 class="mt-2"&gt;Follow Us&lt;/h5&gt;</w:t>
            </w:r>
          </w:p>
          <w:p w:rsidR="00A35FED" w:rsidRDefault="00A35FED" w:rsidP="00A35FED">
            <w:r>
              <w:t xml:space="preserve">                      &lt;ul&gt;</w:t>
            </w:r>
          </w:p>
          <w:p w:rsidR="00A35FED" w:rsidRDefault="00A35FED" w:rsidP="00A35FED">
            <w:r>
              <w:t xml:space="preserve">                             &lt;li class="facebook"&gt;</w:t>
            </w:r>
          </w:p>
          <w:p w:rsidR="00A35FED" w:rsidRDefault="00A35FED" w:rsidP="00A35FED">
            <w:r>
              <w:t xml:space="preserve">                            &lt;a href="https://www.facebook.com/Senior-Place-Finder-1602955246662850/"&gt;</w:t>
            </w:r>
          </w:p>
          <w:p w:rsidR="00A35FED" w:rsidRDefault="00A35FED" w:rsidP="00A35FED">
            <w:r>
              <w:t xml:space="preserve">                                &lt;i class="fab fa-facebook-f"&gt;&lt;/i&gt;</w:t>
            </w:r>
          </w:p>
          <w:p w:rsidR="00A35FED" w:rsidRDefault="00A35FED" w:rsidP="00A35FED">
            <w:r>
              <w:t xml:space="preserve">                                                            &lt;/a&gt;</w:t>
            </w:r>
          </w:p>
          <w:p w:rsidR="00A35FED" w:rsidRDefault="00A35FED" w:rsidP="00A35FED">
            <w:r>
              <w:t xml:space="preserve">                        &lt;/li&gt;</w:t>
            </w:r>
          </w:p>
          <w:p w:rsidR="00A35FED" w:rsidRDefault="00A35FED" w:rsidP="00A35FED">
            <w:r>
              <w:t xml:space="preserve">                        &lt;li class="twitter"&gt;</w:t>
            </w:r>
          </w:p>
          <w:p w:rsidR="00A35FED" w:rsidRDefault="00A35FED" w:rsidP="00A35FED">
            <w:r>
              <w:t xml:space="preserve">                            &lt;a href="https://twitter.com/TheSeniorTeam2"&gt;</w:t>
            </w:r>
          </w:p>
          <w:p w:rsidR="00A35FED" w:rsidRDefault="00A35FED" w:rsidP="00A35FED">
            <w:r>
              <w:t xml:space="preserve">                                &lt;i class="fab fa-twitter"&gt;&lt;/i&gt;</w:t>
            </w:r>
          </w:p>
          <w:p w:rsidR="00A35FED" w:rsidRDefault="00A35FED" w:rsidP="00A35FED">
            <w:r>
              <w:t xml:space="preserve">                            &lt;/a&gt;</w:t>
            </w:r>
          </w:p>
          <w:p w:rsidR="00A35FED" w:rsidRDefault="00A35FED" w:rsidP="00A35FED">
            <w:r>
              <w:t xml:space="preserve">                        &lt;/li&gt;</w:t>
            </w:r>
          </w:p>
          <w:p w:rsidR="00A35FED" w:rsidRDefault="00A35FED" w:rsidP="00A35FED">
            <w:r>
              <w:t xml:space="preserve">                        &lt;li class="youtube"&gt;</w:t>
            </w:r>
          </w:p>
          <w:p w:rsidR="00A35FED" w:rsidRDefault="00A35FED" w:rsidP="00A35FED">
            <w:r>
              <w:t xml:space="preserve">                            &lt;a href="https://www.youtube.com/watch?v=nyNd17hZlqA"&gt;</w:t>
            </w:r>
          </w:p>
          <w:p w:rsidR="00A35FED" w:rsidRDefault="00A35FED" w:rsidP="00A35FED">
            <w:r>
              <w:t xml:space="preserve">                                &lt;i class="fab fa-youtube-square fa-lg " style="color:red"&gt;&lt;/i&gt;</w:t>
            </w:r>
          </w:p>
          <w:p w:rsidR="00A35FED" w:rsidRDefault="00A35FED" w:rsidP="00A35FED">
            <w:r>
              <w:t xml:space="preserve">                            &lt;/a&gt;</w:t>
            </w:r>
          </w:p>
          <w:p w:rsidR="00A35FED" w:rsidRDefault="00A35FED" w:rsidP="00A35FED">
            <w:r>
              <w:t xml:space="preserve">                        &lt;/li&gt;</w:t>
            </w:r>
          </w:p>
          <w:p w:rsidR="00A35FED" w:rsidRDefault="00A35FED" w:rsidP="00A35FED">
            <w:r>
              <w:t xml:space="preserve">                       &lt;li class="pinterest"&gt;</w:t>
            </w:r>
          </w:p>
          <w:p w:rsidR="00A35FED" w:rsidRDefault="00A35FED" w:rsidP="00A35FED">
            <w:r>
              <w:t xml:space="preserve">                            &lt;a href="https://www.pinterest.co.uk/pin/707557791432144028/"&gt;</w:t>
            </w:r>
          </w:p>
          <w:p w:rsidR="00A35FED" w:rsidRDefault="00A35FED" w:rsidP="00A35FED">
            <w:r>
              <w:t xml:space="preserve">                                &lt;i class="fab fa-pinterest-p"&gt;&lt;/i&gt;</w:t>
            </w:r>
          </w:p>
          <w:p w:rsidR="00A35FED" w:rsidRDefault="00A35FED" w:rsidP="00A35FED">
            <w:r>
              <w:t xml:space="preserve">                            &lt;/a&gt;</w:t>
            </w:r>
          </w:p>
          <w:p w:rsidR="00A35FED" w:rsidRDefault="00A35FED" w:rsidP="00A35FED">
            <w:r>
              <w:t xml:space="preserve">                        &lt;/li&gt;</w:t>
            </w:r>
          </w:p>
          <w:p w:rsidR="00A35FED" w:rsidRDefault="00A35FED" w:rsidP="00A35FED">
            <w:r>
              <w:t xml:space="preserve">                        &lt;li class="instagram"&gt;</w:t>
            </w:r>
          </w:p>
          <w:p w:rsidR="00A35FED" w:rsidRDefault="00A35FED" w:rsidP="00A35FED">
            <w:r>
              <w:t xml:space="preserve">                            &lt;a href="Steve Fecske (@yourseniorteam1) • Instagram photos and videos"&gt;</w:t>
            </w:r>
          </w:p>
          <w:p w:rsidR="00A35FED" w:rsidRDefault="00A35FED" w:rsidP="00A35FED">
            <w:r>
              <w:lastRenderedPageBreak/>
              <w:t xml:space="preserve">                                &lt;i class="fab fa-instagram"&gt;&lt;/i&gt;</w:t>
            </w:r>
          </w:p>
          <w:p w:rsidR="00A35FED" w:rsidRDefault="00A35FED" w:rsidP="00A35FED">
            <w:r>
              <w:t xml:space="preserve">                            &lt;/a&gt;</w:t>
            </w:r>
          </w:p>
          <w:p w:rsidR="00A35FED" w:rsidRDefault="00A35FED" w:rsidP="00A35FED">
            <w:r>
              <w:t xml:space="preserve">                        &lt;/li&gt;</w:t>
            </w:r>
          </w:p>
          <w:p w:rsidR="00A35FED" w:rsidRDefault="00A35FED" w:rsidP="00A35FED">
            <w:r>
              <w:t xml:space="preserve">                        &lt;li class="linkedin"&gt;</w:t>
            </w:r>
          </w:p>
          <w:p w:rsidR="00A35FED" w:rsidRDefault="00A35FED" w:rsidP="00A35FED">
            <w:r>
              <w:t xml:space="preserve">                        &lt;a href="https://www.linkedin.com/in/steve-fecske-7721291a"&gt;</w:t>
            </w:r>
          </w:p>
          <w:p w:rsidR="00A35FED" w:rsidRDefault="00A35FED" w:rsidP="00A35FED">
            <w:r>
              <w:t xml:space="preserve">                            &lt;i class="fab fa-linkedin"&gt;&lt;/i&gt;</w:t>
            </w:r>
          </w:p>
          <w:p w:rsidR="00A35FED" w:rsidRDefault="00A35FED" w:rsidP="00A35FED">
            <w:r>
              <w:t xml:space="preserve">                        &lt;/a&gt;</w:t>
            </w:r>
          </w:p>
          <w:p w:rsidR="00A35FED" w:rsidRDefault="00A35FED" w:rsidP="00A35FED">
            <w:r>
              <w:t xml:space="preserve">                        &lt;/li&gt;</w:t>
            </w:r>
          </w:p>
          <w:p w:rsidR="00A35FED" w:rsidRDefault="00A35FED" w:rsidP="00A35FED">
            <w:r>
              <w:t xml:space="preserve">                    &lt;/ul&gt;</w:t>
            </w:r>
          </w:p>
          <w:p w:rsidR="00A35FED" w:rsidRDefault="00A35FED" w:rsidP="00A35FED">
            <w:r>
              <w:t xml:space="preserve">                    &lt;br&gt;</w:t>
            </w:r>
          </w:p>
          <w:p w:rsidR="00A35FED" w:rsidRDefault="00A35FED" w:rsidP="00A35FED">
            <w:r>
              <w:t xml:space="preserve">                        &lt;br&gt;</w:t>
            </w:r>
          </w:p>
          <w:p w:rsidR="00A35FED" w:rsidRDefault="00A35FED" w:rsidP="00A35FED">
            <w:r>
              <w:t xml:space="preserve">                        &lt;!--yourseniorteam logo--&gt;</w:t>
            </w:r>
          </w:p>
          <w:p w:rsidR="00A35FED" w:rsidRDefault="00A35FED" w:rsidP="00A35FED">
            <w:r>
              <w:t xml:space="preserve">                        &lt;div class="yst-info align=right"&gt;</w:t>
            </w:r>
          </w:p>
          <w:p w:rsidR="00A35FED" w:rsidRDefault="00A35FED" w:rsidP="00A35FED">
            <w:r>
              <w:t xml:space="preserve">                            &lt;a href="https://yourseniorteam.com/" target="_blank"&gt;</w:t>
            </w:r>
          </w:p>
          <w:p w:rsidR="00A35FED" w:rsidRDefault="00A35FED" w:rsidP="00A35FED">
            <w:r>
              <w:t xml:space="preserve">                             &lt;img alt="yst Logo" src="img/logo_yst.png"&gt;</w:t>
            </w:r>
          </w:p>
          <w:p w:rsidR="00A35FED" w:rsidRDefault="00A35FED" w:rsidP="00A35FED">
            <w:r>
              <w:t xml:space="preserve">                            </w:t>
            </w:r>
          </w:p>
          <w:p w:rsidR="00A35FED" w:rsidRDefault="00A35FED" w:rsidP="00A35FED">
            <w:r>
              <w:t xml:space="preserve">                            &lt;/a&gt;</w:t>
            </w:r>
          </w:p>
          <w:p w:rsidR="00A35FED" w:rsidRDefault="00A35FED" w:rsidP="00A35FED">
            <w:r>
              <w:t xml:space="preserve">                        &lt;/div&gt; </w:t>
            </w:r>
          </w:p>
          <w:p w:rsidR="00A35FED" w:rsidRDefault="00A35FED" w:rsidP="00A35FED">
            <w:r>
              <w:t xml:space="preserve">                &lt;/div&gt;</w:t>
            </w:r>
          </w:p>
          <w:p w:rsidR="00A35FED" w:rsidRDefault="00A35FED" w:rsidP="00A35FED">
            <w:r>
              <w:t xml:space="preserve">                </w:t>
            </w:r>
          </w:p>
          <w:p w:rsidR="00A35FED" w:rsidRDefault="00A35FED" w:rsidP="00A35FED">
            <w:r>
              <w:t xml:space="preserve">            &lt;/div&gt;</w:t>
            </w:r>
          </w:p>
          <w:p w:rsidR="00A35FED" w:rsidRDefault="00A35FED" w:rsidP="00A35FED">
            <w:r>
              <w:t xml:space="preserve">        &lt;/div&gt;</w:t>
            </w:r>
          </w:p>
          <w:p w:rsidR="00A35FED" w:rsidRDefault="00A35FED" w:rsidP="00A35FED">
            <w:r>
              <w:t xml:space="preserve">        &lt;p style="text-align:left"&gt;</w:t>
            </w:r>
          </w:p>
          <w:p w:rsidR="00A35FED" w:rsidRDefault="00A35FED" w:rsidP="00A35FED">
            <w:r>
              <w:t xml:space="preserve">                Copyright &amp;copy; 2020-22</w:t>
            </w:r>
          </w:p>
          <w:p w:rsidR="00A35FED" w:rsidRDefault="00A35FED" w:rsidP="00A35FED">
            <w:r>
              <w:t xml:space="preserve">                The Senior Team Inc., All rights reserved.</w:t>
            </w:r>
          </w:p>
          <w:p w:rsidR="00A35FED" w:rsidRDefault="00A35FED" w:rsidP="00A35FED">
            <w:r>
              <w:t xml:space="preserve">            &lt;/p&gt;</w:t>
            </w:r>
          </w:p>
          <w:p w:rsidR="00A35FED" w:rsidRDefault="00A35FED" w:rsidP="00A35FED">
            <w:r>
              <w:t xml:space="preserve">        &lt;hr&gt;</w:t>
            </w:r>
          </w:p>
          <w:p w:rsidR="00A35FED" w:rsidRDefault="00A35FED" w:rsidP="00A35FED"/>
          <w:p w:rsidR="00A35FED" w:rsidRDefault="00A35FED" w:rsidP="00A35FED">
            <w:r>
              <w:t xml:space="preserve">        &lt;div class="row"&gt;</w:t>
            </w:r>
          </w:p>
          <w:p w:rsidR="00A35FED" w:rsidRDefault="00A35FED" w:rsidP="00A35FED">
            <w:r>
              <w:t xml:space="preserve">            &lt;!--&lt;div class="col-lg-6"&gt;</w:t>
            </w:r>
          </w:p>
          <w:p w:rsidR="00A35FED" w:rsidRDefault="00A35FED" w:rsidP="00A35FED">
            <w:r>
              <w:t xml:space="preserve">                &lt;ul id="footer-selector"&gt;</w:t>
            </w:r>
          </w:p>
          <w:p w:rsidR="00A35FED" w:rsidRDefault="00A35FED" w:rsidP="00A35FED">
            <w:r>
              <w:t xml:space="preserve">                    &lt;li&gt;</w:t>
            </w:r>
          </w:p>
          <w:p w:rsidR="00A35FED" w:rsidRDefault="00A35FED" w:rsidP="00A35FED">
            <w:r>
              <w:t xml:space="preserve">                        &lt;div class="styled-select" id="lang-selector"&gt;</w:t>
            </w:r>
          </w:p>
          <w:p w:rsidR="00A35FED" w:rsidRDefault="00A35FED" w:rsidP="00A35FED">
            <w:r>
              <w:t xml:space="preserve">                            &lt;select&gt;</w:t>
            </w:r>
          </w:p>
          <w:p w:rsidR="00A35FED" w:rsidRDefault="00A35FED" w:rsidP="00A35FED">
            <w:r>
              <w:t xml:space="preserve">                                &lt;option selected value="English"&gt;English&lt;/option&gt;</w:t>
            </w:r>
          </w:p>
          <w:p w:rsidR="00A35FED" w:rsidRDefault="00A35FED" w:rsidP="00A35FED">
            <w:r>
              <w:t xml:space="preserve">                                &lt;option value="French"&gt;French&lt;/option&gt;</w:t>
            </w:r>
          </w:p>
          <w:p w:rsidR="00A35FED" w:rsidRDefault="00A35FED" w:rsidP="00A35FED">
            <w:r>
              <w:t xml:space="preserve">                                &lt;option value="Spanish"&gt;Spanish&lt;/option&gt;</w:t>
            </w:r>
          </w:p>
          <w:p w:rsidR="00A35FED" w:rsidRDefault="00A35FED" w:rsidP="00A35FED">
            <w:r>
              <w:t xml:space="preserve">                                &lt;option value="Russian"&gt;Russian&lt;/option&gt;</w:t>
            </w:r>
          </w:p>
          <w:p w:rsidR="00A35FED" w:rsidRDefault="00A35FED" w:rsidP="00A35FED">
            <w:r>
              <w:t xml:space="preserve">                            &lt;/select&gt;</w:t>
            </w:r>
          </w:p>
          <w:p w:rsidR="00A35FED" w:rsidRDefault="00A35FED" w:rsidP="00A35FED">
            <w:r>
              <w:t xml:space="preserve">                        &lt;/div&gt;</w:t>
            </w:r>
          </w:p>
          <w:p w:rsidR="00A35FED" w:rsidRDefault="00A35FED" w:rsidP="00A35FED">
            <w:r>
              <w:t xml:space="preserve">                    &lt;/li&gt;</w:t>
            </w:r>
          </w:p>
          <w:p w:rsidR="00A35FED" w:rsidRDefault="00A35FED" w:rsidP="00A35FED">
            <w:r>
              <w:t xml:space="preserve">                    &lt;li&gt;</w:t>
            </w:r>
          </w:p>
          <w:p w:rsidR="00A35FED" w:rsidRDefault="00A35FED" w:rsidP="00A35FED">
            <w:r>
              <w:t xml:space="preserve">                        &lt;div class="styled-select" id="currency-selector"&gt;</w:t>
            </w:r>
          </w:p>
          <w:p w:rsidR="00A35FED" w:rsidRDefault="00A35FED" w:rsidP="00A35FED">
            <w:r>
              <w:t xml:space="preserve">                            &lt;select&gt;</w:t>
            </w:r>
          </w:p>
          <w:p w:rsidR="00A35FED" w:rsidRDefault="00A35FED" w:rsidP="00A35FED">
            <w:r>
              <w:t xml:space="preserve">                                &lt;option selected value="US Dollars"&gt;US Dollars&lt;/option&gt;</w:t>
            </w:r>
          </w:p>
          <w:p w:rsidR="00A35FED" w:rsidRDefault="00A35FED" w:rsidP="00A35FED">
            <w:r>
              <w:t xml:space="preserve">                                &lt;option value="Euro"&gt;Euro&lt;/option&gt;</w:t>
            </w:r>
          </w:p>
          <w:p w:rsidR="00A35FED" w:rsidRDefault="00A35FED" w:rsidP="00A35FED">
            <w:r>
              <w:t xml:space="preserve">                            &lt;/select&gt;</w:t>
            </w:r>
          </w:p>
          <w:p w:rsidR="00A35FED" w:rsidRDefault="00A35FED" w:rsidP="00A35FED">
            <w:r>
              <w:t xml:space="preserve">                        &lt;/div&gt;</w:t>
            </w:r>
          </w:p>
          <w:p w:rsidR="00A35FED" w:rsidRDefault="00A35FED" w:rsidP="00A35FED">
            <w:r>
              <w:lastRenderedPageBreak/>
              <w:t xml:space="preserve">                    &lt;/li&gt;</w:t>
            </w:r>
          </w:p>
          <w:p w:rsidR="00A35FED" w:rsidRDefault="00A35FED" w:rsidP="00A35FED">
            <w:r>
              <w:t xml:space="preserve">                    &lt;li&gt;&lt;img alt="" src="img/cards.svg"&gt;&lt;/li&gt;</w:t>
            </w:r>
          </w:p>
          <w:p w:rsidR="00A35FED" w:rsidRDefault="00A35FED" w:rsidP="00A35FED">
            <w:r>
              <w:t xml:space="preserve">                &lt;/ul&gt;</w:t>
            </w:r>
          </w:p>
          <w:p w:rsidR="00A35FED" w:rsidRDefault="00A35FED" w:rsidP="00A35FED">
            <w:r>
              <w:t xml:space="preserve">            &lt;/div&gt;--&gt;</w:t>
            </w:r>
          </w:p>
          <w:p w:rsidR="00A35FED" w:rsidRDefault="00A35FED" w:rsidP="00A35FED">
            <w:r>
              <w:t xml:space="preserve">            &lt;div class="col-lg-12"&gt;</w:t>
            </w:r>
          </w:p>
          <w:p w:rsidR="00A35FED" w:rsidRDefault="00A35FED" w:rsidP="00A35FED">
            <w:r>
              <w:t xml:space="preserve">                &lt;ul class="text-center copyright"&gt;</w:t>
            </w:r>
          </w:p>
          <w:p w:rsidR="00A35FED" w:rsidRDefault="00A35FED" w:rsidP="00A35FED">
            <w:r>
              <w:t xml:space="preserve">                    &lt;li class="float-left"&gt;</w:t>
            </w:r>
          </w:p>
          <w:p w:rsidR="00A35FED" w:rsidRDefault="00A35FED" w:rsidP="00A35FED">
            <w:r>
              <w:t xml:space="preserve">                         &lt;p&gt;</w:t>
            </w:r>
          </w:p>
          <w:p w:rsidR="00A35FED" w:rsidRDefault="00A35FED" w:rsidP="00A35FED">
            <w:r>
              <w:t xml:space="preserve">                     Developed by The Senior Team Inc.</w:t>
            </w:r>
          </w:p>
          <w:p w:rsidR="00A35FED" w:rsidRDefault="00A35FED" w:rsidP="00A35FED">
            <w:r>
              <w:t xml:space="preserve">                &lt;/p&gt;</w:t>
            </w:r>
          </w:p>
          <w:p w:rsidR="00A35FED" w:rsidRDefault="00A35FED" w:rsidP="00A35FED">
            <w:r>
              <w:t xml:space="preserve">                    &lt;/li&gt;</w:t>
            </w:r>
          </w:p>
          <w:p w:rsidR="00A35FED" w:rsidRDefault="00A35FED" w:rsidP="00A35FED">
            <w:r>
              <w:t xml:space="preserve">                    &lt;ul class="float-right" id="additional_links"&gt;</w:t>
            </w:r>
          </w:p>
          <w:p w:rsidR="00A35FED" w:rsidRDefault="00A35FED" w:rsidP="00A35FED">
            <w:r>
              <w:t xml:space="preserve">                        &lt;li&gt;</w:t>
            </w:r>
          </w:p>
          <w:p w:rsidR="00A35FED" w:rsidRDefault="00A35FED" w:rsidP="00A35FED">
            <w:r>
              <w:t xml:space="preserve">                            &lt;a id="myBtn"&gt;Terms &amp; conditions&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id="myBtn1"&gt;Privacy Policy&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id="myBtn2"&gt;Cookie Policy&lt;/a&gt;</w:t>
            </w:r>
          </w:p>
          <w:p w:rsidR="00A35FED" w:rsidRDefault="00A35FED" w:rsidP="00A35FED">
            <w:r>
              <w:t xml:space="preserve">                        &lt;/li&gt;</w:t>
            </w:r>
          </w:p>
          <w:p w:rsidR="00A35FED" w:rsidRDefault="00A35FED" w:rsidP="00A35FED">
            <w:r>
              <w:t xml:space="preserve">                    &lt;/ul&gt;</w:t>
            </w:r>
          </w:p>
          <w:p w:rsidR="00A35FED" w:rsidRDefault="00A35FED" w:rsidP="00A35FED">
            <w:r>
              <w:t xml:space="preserve">                &lt;/ul&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lt;/footer&gt;</w:t>
            </w:r>
          </w:p>
          <w:p w:rsidR="00A35FED" w:rsidRDefault="00A35FED" w:rsidP="00A35FED">
            <w:r>
              <w:t xml:space="preserve">    &lt;/div&gt;</w:t>
            </w:r>
          </w:p>
          <w:p w:rsidR="00A35FED" w:rsidRDefault="00A35FED" w:rsidP="00A35FED">
            <w:r>
              <w:t>&lt;/div&gt;</w:t>
            </w:r>
          </w:p>
          <w:p w:rsidR="00A35FED" w:rsidRDefault="00A35FED" w:rsidP="00A35FED">
            <w:r>
              <w:t>&lt;!--&lt;div class="floating-widget"&gt;</w:t>
            </w:r>
          </w:p>
          <w:p w:rsidR="00A35FED" w:rsidRDefault="00A35FED" w:rsidP="00A35FED">
            <w:r>
              <w:t xml:space="preserve">    &lt;a class="float-item all-service d-xl-none d-lg-none d-md-none d-sm-block"&gt;</w:t>
            </w:r>
          </w:p>
          <w:p w:rsidR="00A35FED" w:rsidRDefault="00A35FED" w:rsidP="00A35FED">
            <w:r>
              <w:t xml:space="preserve">        &lt;img src="img/icon/ssp.png" class="icon"/&gt;</w:t>
            </w:r>
          </w:p>
          <w:p w:rsidR="00A35FED" w:rsidRDefault="00A35FED" w:rsidP="00A35FED">
            <w:r>
              <w:t xml:space="preserve">    &lt;/a&gt;</w:t>
            </w:r>
          </w:p>
          <w:p w:rsidR="00A35FED" w:rsidRDefault="00A35FED" w:rsidP="00A35FED">
            <w:r>
              <w:t xml:space="preserve">    &lt;ul&gt;</w:t>
            </w:r>
          </w:p>
          <w:p w:rsidR="00A35FED" w:rsidRDefault="00A35FED" w:rsidP="00A35FED">
            <w:r>
              <w:t xml:space="preserve">                    &lt;li&gt;</w:t>
            </w:r>
          </w:p>
          <w:p w:rsidR="00A35FED" w:rsidRDefault="00A35FED" w:rsidP="00A35FED">
            <w:r>
              <w:t xml:space="preserve">                &lt;a href="https://srepfinder.com" target="_blank" class="float-item" title="Find Senior Real Estate Professionals specializing in the real estate of seniors"</w:t>
            </w:r>
          </w:p>
          <w:p w:rsidR="00A35FED" w:rsidRDefault="00A35FED" w:rsidP="00A35FED">
            <w:r>
              <w:t xml:space="preserve">                   data-toggle="tooltip" data-placement="right" data-delay="500"&gt;</w:t>
            </w:r>
          </w:p>
          <w:p w:rsidR="00A35FED" w:rsidRDefault="00A35FED" w:rsidP="00A35FED">
            <w:r>
              <w:t xml:space="preserve">                    &lt;img class="rounded-circle icon" src="img/icon/srep.png"/&gt;</w:t>
            </w:r>
          </w:p>
          <w:p w:rsidR="00A35FED" w:rsidRDefault="00A35FED" w:rsidP="00A35FED">
            <w:r>
              <w:t xml:space="preserve">                    &lt;img class="full-logo" src="img/finder/text/srep.png"/&gt;</w:t>
            </w:r>
          </w:p>
          <w:p w:rsidR="00A35FED" w:rsidRDefault="00A35FED" w:rsidP="00A35FED">
            <w:r>
              <w:t xml:space="preserve">                &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https://espmfinder.com" target="_blank" class="float-item" title="Find Professionals Serving Seniors with their Estate Sales, Packing and Moving"</w:t>
            </w:r>
          </w:p>
          <w:p w:rsidR="00A35FED" w:rsidRDefault="00A35FED" w:rsidP="00A35FED">
            <w:r>
              <w:t xml:space="preserve">                   data-toggle="tooltip" data-placement="right" data-delay="500"&gt;</w:t>
            </w:r>
          </w:p>
          <w:p w:rsidR="00A35FED" w:rsidRDefault="00A35FED" w:rsidP="00A35FED">
            <w:r>
              <w:t xml:space="preserve">                    &lt;img class="rounded-circle icon" src="img/icon/espm.png"/&gt;</w:t>
            </w:r>
          </w:p>
          <w:p w:rsidR="00A35FED" w:rsidRDefault="00A35FED" w:rsidP="00A35FED">
            <w:r>
              <w:t xml:space="preserve">                    &lt;img class="full-logo" src="img/finder/text/espm.png"/&gt;</w:t>
            </w:r>
          </w:p>
          <w:p w:rsidR="00A35FED" w:rsidRDefault="00A35FED" w:rsidP="00A35FED">
            <w:r>
              <w:lastRenderedPageBreak/>
              <w:t xml:space="preserve">                &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https://elderlawlawyerfinder.com" target="_blank" class="float-item" title="Find Attorneys specializing in the legal needs of seniors"</w:t>
            </w:r>
          </w:p>
          <w:p w:rsidR="00A35FED" w:rsidRDefault="00A35FED" w:rsidP="00A35FED">
            <w:r>
              <w:t xml:space="preserve">                   data-toggle="tooltip" data-placement="right" data-delay="500"&gt;</w:t>
            </w:r>
          </w:p>
          <w:p w:rsidR="00A35FED" w:rsidRDefault="00A35FED" w:rsidP="00A35FED">
            <w:r>
              <w:t xml:space="preserve">                    &lt;img class="rounded-circle icon" src="img/icon/el.png"/&gt;</w:t>
            </w:r>
          </w:p>
          <w:p w:rsidR="00A35FED" w:rsidRDefault="00A35FED" w:rsidP="00A35FED">
            <w:r>
              <w:t xml:space="preserve">                    &lt;img class="full-logo" src="img/finder/text/el.png"/&gt;</w:t>
            </w:r>
          </w:p>
          <w:p w:rsidR="00A35FED" w:rsidRDefault="00A35FED" w:rsidP="00A35FED">
            <w:r>
              <w:t xml:space="preserve">                &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https://eiflfinder.com" target="_blank" class="float-item" title="Find Professionals specializing in Investment, Finance and Loans for Seniors"</w:t>
            </w:r>
          </w:p>
          <w:p w:rsidR="00A35FED" w:rsidRDefault="00A35FED" w:rsidP="00A35FED">
            <w:r>
              <w:t xml:space="preserve">                   data-toggle="tooltip" data-placement="right" data-delay="500"&gt;</w:t>
            </w:r>
          </w:p>
          <w:p w:rsidR="00A35FED" w:rsidRDefault="00A35FED" w:rsidP="00A35FED">
            <w:r>
              <w:t xml:space="preserve">                    &lt;img class="rounded-circle icon" src="img/icon/eifl.png"/&gt;</w:t>
            </w:r>
          </w:p>
          <w:p w:rsidR="00A35FED" w:rsidRDefault="00A35FED" w:rsidP="00A35FED">
            <w:r>
              <w:t xml:space="preserve">                    &lt;img class="full-logo" src="img/finder/text/eifl.png"/&gt;</w:t>
            </w:r>
          </w:p>
          <w:p w:rsidR="00A35FED" w:rsidRDefault="00A35FED" w:rsidP="00A35FED">
            <w:r>
              <w:t xml:space="preserve">                &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https://vabenefitsfinder.com" target="_blank" class="float-item" title="Find Specialists who guarantee Seniors the Veteran’s Benefits they deserve"</w:t>
            </w:r>
          </w:p>
          <w:p w:rsidR="00A35FED" w:rsidRDefault="00A35FED" w:rsidP="00A35FED">
            <w:r>
              <w:t xml:space="preserve">                   data-toggle="tooltip" data-placement="right" data-delay="500"&gt;</w:t>
            </w:r>
          </w:p>
          <w:p w:rsidR="00A35FED" w:rsidRDefault="00A35FED" w:rsidP="00A35FED">
            <w:r>
              <w:t xml:space="preserve">                    &lt;img class="rounded-circle icon" src="img/icon/vab.png"/&gt;</w:t>
            </w:r>
          </w:p>
          <w:p w:rsidR="00A35FED" w:rsidRDefault="00A35FED" w:rsidP="00A35FED">
            <w:r>
              <w:t xml:space="preserve">                    &lt;img class="full-logo" src="img/finder/text/vab.png"/&gt;</w:t>
            </w:r>
          </w:p>
          <w:p w:rsidR="00A35FED" w:rsidRDefault="00A35FED" w:rsidP="00A35FED">
            <w:r>
              <w:t xml:space="preserve">                &lt;/a&gt;</w:t>
            </w:r>
          </w:p>
          <w:p w:rsidR="00A35FED" w:rsidRDefault="00A35FED" w:rsidP="00A35FED">
            <w:r>
              <w:t xml:space="preserve">            &lt;/li&gt;</w:t>
            </w:r>
          </w:p>
          <w:p w:rsidR="00A35FED" w:rsidRDefault="00A35FED" w:rsidP="00A35FED">
            <w:r>
              <w:t xml:space="preserve">                    &lt;li&gt;</w:t>
            </w:r>
          </w:p>
          <w:p w:rsidR="00A35FED" w:rsidRDefault="00A35FED" w:rsidP="00A35FED">
            <w:r>
              <w:t xml:space="preserve">                &lt;a href="https://beta.insureseniorsfinder.com" target="_blank" class="float-item" title="Find Professionals who Insure Seniors for life, health, property and peace of mind"</w:t>
            </w:r>
          </w:p>
          <w:p w:rsidR="00A35FED" w:rsidRDefault="00A35FED" w:rsidP="00A35FED">
            <w:r>
              <w:t xml:space="preserve">                   data-toggle="tooltip" data-placement="right" data-delay="500"&gt;</w:t>
            </w:r>
          </w:p>
          <w:p w:rsidR="00A35FED" w:rsidRDefault="00A35FED" w:rsidP="00A35FED">
            <w:r>
              <w:t xml:space="preserve">                    &lt;img class="rounded-circle icon" src="img/icon/is.png"/&gt;</w:t>
            </w:r>
          </w:p>
          <w:p w:rsidR="00A35FED" w:rsidRDefault="00A35FED" w:rsidP="00A35FED">
            <w:r>
              <w:t xml:space="preserve">                    &lt;img class="full-logo" src="img/finder/text/is.png"/&gt;</w:t>
            </w:r>
          </w:p>
          <w:p w:rsidR="00A35FED" w:rsidRDefault="00A35FED" w:rsidP="00A35FED">
            <w:r>
              <w:t xml:space="preserve">                &lt;/a&gt;</w:t>
            </w:r>
          </w:p>
          <w:p w:rsidR="00A35FED" w:rsidRDefault="00A35FED" w:rsidP="00A35FED">
            <w:r>
              <w:t xml:space="preserve">            &lt;/li&gt;</w:t>
            </w:r>
          </w:p>
          <w:p w:rsidR="00A35FED" w:rsidRDefault="00A35FED" w:rsidP="00A35FED">
            <w:r>
              <w:t xml:space="preserve">            &lt;/ul&gt; </w:t>
            </w:r>
          </w:p>
          <w:p w:rsidR="00A35FED" w:rsidRDefault="00A35FED" w:rsidP="00A35FED">
            <w:r>
              <w:t>&lt;/div&gt;--&gt;</w:t>
            </w:r>
          </w:p>
          <w:p w:rsidR="00A35FED" w:rsidRDefault="00A35FED" w:rsidP="00A35FED">
            <w:r>
              <w:t>&lt;!--start of modal pop-up for Eifl Finder site governance section --&gt;</w:t>
            </w:r>
          </w:p>
          <w:p w:rsidR="00A35FED" w:rsidRDefault="00A35FED" w:rsidP="00A35FED">
            <w:r>
              <w:t>&lt;div id = "myModalContainer"&gt;</w:t>
            </w:r>
          </w:p>
          <w:p w:rsidR="00A35FED" w:rsidRDefault="00A35FED" w:rsidP="00A35FED">
            <w:r>
              <w:t xml:space="preserve">    &lt;!-- Modal for Terms &amp; Conditions --&gt;</w:t>
            </w:r>
          </w:p>
          <w:p w:rsidR="00A35FED" w:rsidRDefault="00A35FED" w:rsidP="00A35FED">
            <w:r>
              <w:t xml:space="preserve">    &lt;div class="modal fade" id="myModal" style="max-height: 500px !important; margin-top: 70px;"&gt;</w:t>
            </w:r>
          </w:p>
          <w:p w:rsidR="00A35FED" w:rsidRDefault="00A35FED" w:rsidP="00A35FED">
            <w:r>
              <w:t xml:space="preserve">        &lt;div class="modal-dialog modal-dialog-scrollable modal-lg"&gt;</w:t>
            </w:r>
          </w:p>
          <w:p w:rsidR="00A35FED" w:rsidRDefault="00A35FED" w:rsidP="00A35FED">
            <w:r>
              <w:t xml:space="preserve">          &lt;div class="modal-content"&gt;</w:t>
            </w:r>
          </w:p>
          <w:p w:rsidR="00A35FED" w:rsidRDefault="00A35FED" w:rsidP="00A35FED"/>
          <w:p w:rsidR="00A35FED" w:rsidRDefault="00A35FED" w:rsidP="00A35FED">
            <w:r>
              <w:t xml:space="preserve">            &lt;!-- Modal Header --&gt;</w:t>
            </w:r>
          </w:p>
          <w:p w:rsidR="00A35FED" w:rsidRDefault="00A35FED" w:rsidP="00A35FED">
            <w:r>
              <w:t xml:space="preserve">            &lt;div class="modal-header"&gt;</w:t>
            </w:r>
          </w:p>
          <w:p w:rsidR="00A35FED" w:rsidRDefault="00A35FED" w:rsidP="00A35FED">
            <w:r>
              <w:t xml:space="preserve">            &lt;h4 class="modal-title"&gt;Terms and Conditions&lt;/h4&gt;</w:t>
            </w:r>
          </w:p>
          <w:p w:rsidR="00A35FED" w:rsidRDefault="00A35FED" w:rsidP="00A35FED">
            <w:r>
              <w:t xml:space="preserve">              &lt;button type="button" class="close" data-dismiss="modal"&gt;&amp;#x274C;&lt;/button&gt;</w:t>
            </w:r>
          </w:p>
          <w:p w:rsidR="00A35FED" w:rsidRDefault="00A35FED" w:rsidP="00A35FED">
            <w:r>
              <w:t xml:space="preserve">            &lt;/div&gt;</w:t>
            </w:r>
          </w:p>
          <w:p w:rsidR="00A35FED" w:rsidRDefault="00A35FED" w:rsidP="00A35FED"/>
          <w:p w:rsidR="00A35FED" w:rsidRDefault="00A35FED" w:rsidP="00A35FED">
            <w:r>
              <w:t xml:space="preserve">            &lt;!-- Modal body --&gt;</w:t>
            </w:r>
          </w:p>
          <w:p w:rsidR="00A35FED" w:rsidRDefault="00A35FED" w:rsidP="00A35FED">
            <w:r>
              <w:t xml:space="preserve">            &lt;div class="modal-body"&gt;</w:t>
            </w:r>
          </w:p>
          <w:p w:rsidR="00A35FED" w:rsidRDefault="00A35FED" w:rsidP="00A35FED">
            <w:r>
              <w:t xml:space="preserve">                &lt;h5&gt;Access &amp; Services&lt;/h5&gt;</w:t>
            </w:r>
          </w:p>
          <w:p w:rsidR="00A35FED" w:rsidRDefault="00A35FED" w:rsidP="00A35FED">
            <w:r>
              <w:t xml:space="preserve">                &lt;p&gt;Your access to data, services, resources, and benefits is free. We offer you information filtered by your uests, needs, and circumstances as provided.&lt;/p&gt;</w:t>
            </w:r>
          </w:p>
          <w:p w:rsidR="00A35FED" w:rsidRDefault="00A35FED" w:rsidP="00A35FED">
            <w:r>
              <w:t xml:space="preserve">                &lt;h5&gt;Consumer Benefit&lt;/h5&gt;</w:t>
            </w:r>
          </w:p>
          <w:p w:rsidR="00A35FED" w:rsidRDefault="00A35FED" w:rsidP="00A35FED">
            <w:r>
              <w:t xml:space="preserve">                &lt;p&gt;With your free access to search, the senior market by your profile gets you first-hand knowledge, qualified professionals, and executives with authority to advise and act on your behalf.&lt;/p&gt;</w:t>
            </w:r>
          </w:p>
          <w:p w:rsidR="00A35FED" w:rsidRDefault="00A35FED" w:rsidP="00A35FED">
            <w:r>
              <w:t xml:space="preserve">                &lt;p&gt;Keep Your Senior Team Lists, free initial consultations, Cash Vouchers, Gift Cards, and a private secured Dashboard to manage it all.&lt;/p&gt;</w:t>
            </w:r>
          </w:p>
          <w:p w:rsidR="00A35FED" w:rsidRDefault="00A35FED" w:rsidP="00A35FED">
            <w:r>
              <w:t xml:space="preserve">                &lt;h5&gt;Terms &amp; Conditions&lt;/h5&gt;</w:t>
            </w:r>
          </w:p>
          <w:p w:rsidR="00A35FED" w:rsidRDefault="00A35FED" w:rsidP="00A35FED">
            <w:r>
              <w:t xml:space="preserve">                &lt;p&gt;Users are uired to respect the data and to act in good faith when searching for services and products. Also to provide status updates, and maintain your progress from emails sent and notifications in Dashboard.&lt;/p&gt;</w:t>
            </w:r>
          </w:p>
          <w:p w:rsidR="00A35FED" w:rsidRDefault="00A35FED" w:rsidP="00A35FED">
            <w:r>
              <w:t xml:space="preserve">                &lt;h5&gt;Fees &amp; Payment&lt;/h5&gt;</w:t>
            </w:r>
          </w:p>
          <w:p w:rsidR="00A35FED" w:rsidRDefault="00A35FED" w:rsidP="00A35FED">
            <w:r>
              <w:t xml:space="preserve">                &lt;p&gt;There is no fees for your use and access to tools and data to form Your Senior Team to support your needs as a senior. &lt;/p&gt;</w:t>
            </w:r>
          </w:p>
          <w:p w:rsidR="00A35FED" w:rsidRDefault="00A35FED" w:rsidP="00A35FED">
            <w:r>
              <w:t xml:space="preserve">                &lt;h5&gt;Club &amp; System Rules&lt;/h5&gt;</w:t>
            </w:r>
          </w:p>
          <w:p w:rsidR="00A35FED" w:rsidRDefault="00A35FED" w:rsidP="00A35FED">
            <w:r>
              <w:t xml:space="preserve">                &lt;p&gt;Trust and honesty can be expected from the Members of Your Senior Team and all activity is expected to abide by the rules and ethics of business and consumer rights.&lt;/p&gt;</w:t>
            </w:r>
          </w:p>
          <w:p w:rsidR="00A35FED" w:rsidRDefault="00A35FED" w:rsidP="00A35FED">
            <w:r>
              <w:t xml:space="preserve">                &lt;p&gt;We believe that everyone should treat seniors as if they were your mother or father.&lt;/p&gt;</w:t>
            </w:r>
          </w:p>
          <w:p w:rsidR="00A35FED" w:rsidRDefault="00A35FED" w:rsidP="00A35FED">
            <w:r>
              <w:t xml:space="preserve">                &lt;h5&gt;Privacy &amp; Security&lt;/h5&gt;</w:t>
            </w:r>
          </w:p>
          <w:p w:rsidR="00A35FED" w:rsidRDefault="00A35FED" w:rsidP="00A35FED">
            <w:r>
              <w:t xml:space="preserve">                &lt;p&gt;Your information, activity, interactions, and communications are viewed only by you, the relevant party to any transaction you initiate, and to whom it is intended.&lt;/p&gt;</w:t>
            </w:r>
          </w:p>
          <w:p w:rsidR="00A35FED" w:rsidRDefault="00A35FED" w:rsidP="00A35FED">
            <w:r>
              <w:t xml:space="preserve">            &lt;/div&gt;</w:t>
            </w:r>
          </w:p>
          <w:p w:rsidR="00A35FED" w:rsidRDefault="00A35FED" w:rsidP="00A35FED"/>
          <w:p w:rsidR="00A35FED" w:rsidRDefault="00A35FED" w:rsidP="00A35FED">
            <w:r>
              <w:t xml:space="preserve">            &lt;!-- Modal footer --&gt;</w:t>
            </w:r>
          </w:p>
          <w:p w:rsidR="00A35FED" w:rsidRDefault="00A35FED" w:rsidP="00A35FED">
            <w:r>
              <w:t xml:space="preserve">            &lt;div class="modal-footer"&gt;</w:t>
            </w:r>
          </w:p>
          <w:p w:rsidR="00A35FED" w:rsidRDefault="00A35FED" w:rsidP="00A35FED">
            <w:r>
              <w:t xml:space="preserve">              &lt;button type="button" class="btn btn-danger" data-dismiss="modal"&gt;Close&lt;/button&gt;</w:t>
            </w:r>
          </w:p>
          <w:p w:rsidR="00A35FED" w:rsidRDefault="00A35FED" w:rsidP="00A35FED">
            <w:r>
              <w:t xml:space="preserve">            &lt;/div&gt;</w:t>
            </w:r>
          </w:p>
          <w:p w:rsidR="00A35FED" w:rsidRDefault="00A35FED" w:rsidP="00A35FED"/>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 Modal for Privacy Policy --&gt;</w:t>
            </w:r>
          </w:p>
          <w:p w:rsidR="00A35FED" w:rsidRDefault="00A35FED" w:rsidP="00A35FED">
            <w:r>
              <w:t xml:space="preserve">      &lt;div class="modal fade" id="myModal1" style="max-height: 500px !important; margin-top: 70px;"&gt;</w:t>
            </w:r>
          </w:p>
          <w:p w:rsidR="00A35FED" w:rsidRDefault="00A35FED" w:rsidP="00A35FED">
            <w:r>
              <w:t xml:space="preserve">        &lt;div class="modal-dialog modal-dialog-scrollable modal-lg"&gt;</w:t>
            </w:r>
          </w:p>
          <w:p w:rsidR="00A35FED" w:rsidRDefault="00A35FED" w:rsidP="00A35FED">
            <w:r>
              <w:t xml:space="preserve">          &lt;div class="modal-content"&gt;</w:t>
            </w:r>
          </w:p>
          <w:p w:rsidR="00A35FED" w:rsidRDefault="00A35FED" w:rsidP="00A35FED"/>
          <w:p w:rsidR="00A35FED" w:rsidRDefault="00A35FED" w:rsidP="00A35FED">
            <w:r>
              <w:t xml:space="preserve">            &lt;!-- Modal Header --&gt;</w:t>
            </w:r>
          </w:p>
          <w:p w:rsidR="00A35FED" w:rsidRDefault="00A35FED" w:rsidP="00A35FED">
            <w:r>
              <w:t xml:space="preserve">            &lt;div class="modal-header"&gt;</w:t>
            </w:r>
          </w:p>
          <w:p w:rsidR="00A35FED" w:rsidRDefault="00A35FED" w:rsidP="00A35FED">
            <w:r>
              <w:t xml:space="preserve">            &lt;h4 class="modal-title"&gt;Privacy Policy&lt;/h4&gt;</w:t>
            </w:r>
          </w:p>
          <w:p w:rsidR="00A35FED" w:rsidRDefault="00A35FED" w:rsidP="00A35FED">
            <w:r>
              <w:t xml:space="preserve">              &lt;button type="button" class="close" data-dismiss="modal"&gt;&amp;#x274C;&lt;/button&gt;</w:t>
            </w:r>
          </w:p>
          <w:p w:rsidR="00A35FED" w:rsidRDefault="00A35FED" w:rsidP="00A35FED">
            <w:r>
              <w:t xml:space="preserve">            &lt;/div&gt;</w:t>
            </w:r>
          </w:p>
          <w:p w:rsidR="00A35FED" w:rsidRDefault="00A35FED" w:rsidP="00A35FED"/>
          <w:p w:rsidR="00A35FED" w:rsidRDefault="00A35FED" w:rsidP="00A35FED">
            <w:r>
              <w:t xml:space="preserve">            &lt;!-- Modal body --&gt;</w:t>
            </w:r>
          </w:p>
          <w:p w:rsidR="00A35FED" w:rsidRDefault="00A35FED" w:rsidP="00A35FED">
            <w:r>
              <w:t xml:space="preserve">            &lt;div class="modal-body"&gt;</w:t>
            </w:r>
          </w:p>
          <w:p w:rsidR="00A35FED" w:rsidRDefault="00A35FED" w:rsidP="00A35FED">
            <w:r>
              <w:lastRenderedPageBreak/>
              <w:t xml:space="preserve">                &lt;h5&gt;Access &amp; Services&lt;/h5&gt;</w:t>
            </w:r>
          </w:p>
          <w:p w:rsidR="00A35FED" w:rsidRDefault="00A35FED" w:rsidP="00A35FED">
            <w:r>
              <w:t xml:space="preserve">                &lt;p&gt;Your access to data, services, resources, and benefits is free. We offer you information filtered by your uests, needs, and circumstances as provided.&lt;/p&gt;</w:t>
            </w:r>
          </w:p>
          <w:p w:rsidR="00A35FED" w:rsidRDefault="00A35FED" w:rsidP="00A35FED">
            <w:r>
              <w:t xml:space="preserve">                &lt;h5&gt;Consumer Benefit&lt;/h5&gt;</w:t>
            </w:r>
          </w:p>
          <w:p w:rsidR="00A35FED" w:rsidRDefault="00A35FED" w:rsidP="00A35FED">
            <w:r>
              <w:t xml:space="preserve">                &lt;p&gt;With your free access to search, the senior market by your profile gets you first-hand knowledge, qualified professionals, and executives with authority to advise and act on your behalf.&lt;/p&gt;</w:t>
            </w:r>
          </w:p>
          <w:p w:rsidR="00A35FED" w:rsidRDefault="00A35FED" w:rsidP="00A35FED">
            <w:r>
              <w:t xml:space="preserve">                &lt;p&gt;Keep Your Senior Team Lists, free initial consultations, Cash Vouchers, Gift Cards, and a private secured Dashboard to manage it all.&lt;/p&gt;</w:t>
            </w:r>
          </w:p>
          <w:p w:rsidR="00A35FED" w:rsidRDefault="00A35FED" w:rsidP="00A35FED">
            <w:r>
              <w:t xml:space="preserve">                &lt;h5&gt;Terms &amp; Conditions&lt;/h5&gt;</w:t>
            </w:r>
          </w:p>
          <w:p w:rsidR="00A35FED" w:rsidRDefault="00A35FED" w:rsidP="00A35FED">
            <w:r>
              <w:t xml:space="preserve">                &lt;p&gt;Users are uired to respect the data and to act in good faith when searching for services and products. Also to provide status updates, and maintain your progress from emails sent and notifications in Dashboard.&lt;/p&gt;</w:t>
            </w:r>
          </w:p>
          <w:p w:rsidR="00A35FED" w:rsidRDefault="00A35FED" w:rsidP="00A35FED">
            <w:r>
              <w:t xml:space="preserve">                &lt;h5&gt;Fees &amp; Payment&lt;/h5&gt;</w:t>
            </w:r>
          </w:p>
          <w:p w:rsidR="00A35FED" w:rsidRDefault="00A35FED" w:rsidP="00A35FED">
            <w:r>
              <w:t xml:space="preserve">                &lt;p&gt;There is no fees for your use and access to tools and data to form Your Senior Team to support your needs as a senior. &lt;/p&gt;</w:t>
            </w:r>
          </w:p>
          <w:p w:rsidR="00A35FED" w:rsidRDefault="00A35FED" w:rsidP="00A35FED">
            <w:r>
              <w:t xml:space="preserve">                &lt;h5&gt;Club &amp; System Rules&lt;/h5&gt;</w:t>
            </w:r>
          </w:p>
          <w:p w:rsidR="00A35FED" w:rsidRDefault="00A35FED" w:rsidP="00A35FED">
            <w:r>
              <w:t xml:space="preserve">                &lt;p&gt;Trust and honesty can be expected from the Members of Your Senior Team and all activity is expected to abide by the rules and ethics of business and consumer rights.&lt;/p&gt;</w:t>
            </w:r>
          </w:p>
          <w:p w:rsidR="00A35FED" w:rsidRDefault="00A35FED" w:rsidP="00A35FED">
            <w:r>
              <w:t xml:space="preserve">                &lt;p&gt;We believe that everyone should treat seniors as if they were your mother or father.&lt;/p&gt;</w:t>
            </w:r>
          </w:p>
          <w:p w:rsidR="00A35FED" w:rsidRDefault="00A35FED" w:rsidP="00A35FED">
            <w:r>
              <w:t xml:space="preserve">                &lt;h5&gt;Privacy &amp; Security&lt;/h5&gt;</w:t>
            </w:r>
          </w:p>
          <w:p w:rsidR="00A35FED" w:rsidRDefault="00A35FED" w:rsidP="00A35FED">
            <w:r>
              <w:t xml:space="preserve">                &lt;p&gt;Your information, activity, interactions, and communications are viewed only by you, the relevant party to any transaction you initiate, and to whom it is intended.&lt;/p&gt;</w:t>
            </w:r>
          </w:p>
          <w:p w:rsidR="00A35FED" w:rsidRDefault="00A35FED" w:rsidP="00A35FED">
            <w:r>
              <w:t xml:space="preserve">            &lt;/div&gt;</w:t>
            </w:r>
          </w:p>
          <w:p w:rsidR="00A35FED" w:rsidRDefault="00A35FED" w:rsidP="00A35FED"/>
          <w:p w:rsidR="00A35FED" w:rsidRDefault="00A35FED" w:rsidP="00A35FED">
            <w:r>
              <w:t xml:space="preserve">            &lt;!-- Modal footer --&gt;</w:t>
            </w:r>
          </w:p>
          <w:p w:rsidR="00A35FED" w:rsidRDefault="00A35FED" w:rsidP="00A35FED">
            <w:r>
              <w:t xml:space="preserve">            &lt;div class="modal-footer"&gt;</w:t>
            </w:r>
          </w:p>
          <w:p w:rsidR="00A35FED" w:rsidRDefault="00A35FED" w:rsidP="00A35FED">
            <w:r>
              <w:t xml:space="preserve">              &lt;button type="button" class="btn btn-danger" data-dismiss="modal"&gt;Close&lt;/button&gt;</w:t>
            </w:r>
          </w:p>
          <w:p w:rsidR="00A35FED" w:rsidRDefault="00A35FED" w:rsidP="00A35FED">
            <w:r>
              <w:t xml:space="preserve">            &lt;/div&gt;</w:t>
            </w:r>
          </w:p>
          <w:p w:rsidR="00A35FED" w:rsidRDefault="00A35FED" w:rsidP="00A35FED"/>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 Modal for Cookie Policy --&gt;</w:t>
            </w:r>
          </w:p>
          <w:p w:rsidR="00A35FED" w:rsidRDefault="00A35FED" w:rsidP="00A35FED">
            <w:r>
              <w:t xml:space="preserve">      &lt;div class="modal fade" id="myModal2" style="max-height: 500px !important; margin-top: 70px;"&gt;</w:t>
            </w:r>
          </w:p>
          <w:p w:rsidR="00A35FED" w:rsidRDefault="00A35FED" w:rsidP="00A35FED">
            <w:r>
              <w:t xml:space="preserve">        &lt;div class="modal-dialog modal-dialog-scrollable modal-lg"&gt;</w:t>
            </w:r>
          </w:p>
          <w:p w:rsidR="00A35FED" w:rsidRDefault="00A35FED" w:rsidP="00A35FED">
            <w:r>
              <w:t xml:space="preserve">          &lt;div class="modal-content"&gt;</w:t>
            </w:r>
          </w:p>
          <w:p w:rsidR="00A35FED" w:rsidRDefault="00A35FED" w:rsidP="00A35FED"/>
          <w:p w:rsidR="00A35FED" w:rsidRDefault="00A35FED" w:rsidP="00A35FED">
            <w:r>
              <w:t xml:space="preserve">            &lt;!-- Modal Header --&gt;</w:t>
            </w:r>
          </w:p>
          <w:p w:rsidR="00A35FED" w:rsidRDefault="00A35FED" w:rsidP="00A35FED">
            <w:r>
              <w:t xml:space="preserve">            &lt;div class="modal-header"&gt;</w:t>
            </w:r>
          </w:p>
          <w:p w:rsidR="00A35FED" w:rsidRDefault="00A35FED" w:rsidP="00A35FED">
            <w:r>
              <w:t xml:space="preserve">            &lt;h4 class="modal-title"&gt;Cookie Policy&lt;/h4&gt;</w:t>
            </w:r>
          </w:p>
          <w:p w:rsidR="00A35FED" w:rsidRDefault="00A35FED" w:rsidP="00A35FED">
            <w:r>
              <w:t xml:space="preserve">              &lt;button type="button" class="close" data-dismiss="modal"&gt;&amp;#x274C;&lt;/button&gt;</w:t>
            </w:r>
          </w:p>
          <w:p w:rsidR="00A35FED" w:rsidRDefault="00A35FED" w:rsidP="00A35FED">
            <w:r>
              <w:t xml:space="preserve">            &lt;/div&gt;</w:t>
            </w:r>
          </w:p>
          <w:p w:rsidR="00A35FED" w:rsidRDefault="00A35FED" w:rsidP="00A35FED"/>
          <w:p w:rsidR="00A35FED" w:rsidRDefault="00A35FED" w:rsidP="00A35FED">
            <w:r>
              <w:t xml:space="preserve">            &lt;!-- Modal body --&gt;</w:t>
            </w:r>
          </w:p>
          <w:p w:rsidR="00A35FED" w:rsidRDefault="00A35FED" w:rsidP="00A35FED">
            <w:r>
              <w:t xml:space="preserve">            &lt;div class="modal-body"&gt;</w:t>
            </w:r>
          </w:p>
          <w:p w:rsidR="00A35FED" w:rsidRDefault="00A35FED" w:rsidP="00A35FED">
            <w:r>
              <w:t xml:space="preserve">                &lt;h5&gt;Access &amp; Services&lt;/h5&gt;</w:t>
            </w:r>
          </w:p>
          <w:p w:rsidR="00A35FED" w:rsidRDefault="00A35FED" w:rsidP="00A35FED">
            <w:r>
              <w:t xml:space="preserve">                &lt;p&gt;Your access to data, services, resources, and benefits is free. We offer you information filtered by your uests, needs, and circumstances as provided.&lt;/p&gt;</w:t>
            </w:r>
          </w:p>
          <w:p w:rsidR="00A35FED" w:rsidRDefault="00A35FED" w:rsidP="00A35FED">
            <w:r>
              <w:lastRenderedPageBreak/>
              <w:t xml:space="preserve">                &lt;h5&gt;Consumer Benefit&lt;/h5&gt;</w:t>
            </w:r>
          </w:p>
          <w:p w:rsidR="00A35FED" w:rsidRDefault="00A35FED" w:rsidP="00A35FED">
            <w:r>
              <w:t xml:space="preserve">                &lt;p&gt;With your free access to search, the senior market by your profile gets you first-hand knowledge, qualified professionals, and executives with authority to advise and act on your behalf.&lt;/p&gt;</w:t>
            </w:r>
          </w:p>
          <w:p w:rsidR="00A35FED" w:rsidRDefault="00A35FED" w:rsidP="00A35FED">
            <w:r>
              <w:t xml:space="preserve">                &lt;p&gt;Keep Your Senior Team Lists, free initial consultations, Cash Vouchers, Gift Cards, and a private secured Dashboard to manage it all.&lt;/p&gt;</w:t>
            </w:r>
          </w:p>
          <w:p w:rsidR="00A35FED" w:rsidRDefault="00A35FED" w:rsidP="00A35FED">
            <w:r>
              <w:t xml:space="preserve">                &lt;h5&gt;Terms &amp; Conditions&lt;/h5&gt;</w:t>
            </w:r>
          </w:p>
          <w:p w:rsidR="00A35FED" w:rsidRDefault="00A35FED" w:rsidP="00A35FED">
            <w:r>
              <w:t xml:space="preserve">                &lt;p&gt;Users are uired to respect the data and to act in good faith when searching for services and products. Also to provide status updates, and maintain your progress from emails sent and notifications in Dashboard.&lt;/p&gt;</w:t>
            </w:r>
          </w:p>
          <w:p w:rsidR="00A35FED" w:rsidRDefault="00A35FED" w:rsidP="00A35FED">
            <w:r>
              <w:t xml:space="preserve">                &lt;h5&gt;Fees &amp; Payment&lt;/h5&gt;</w:t>
            </w:r>
          </w:p>
          <w:p w:rsidR="00A35FED" w:rsidRDefault="00A35FED" w:rsidP="00A35FED">
            <w:r>
              <w:t xml:space="preserve">                &lt;p&gt;There is no fees for your use and access to tools and data to form Your Senior Team to support your needs as a senior. &lt;/p&gt;</w:t>
            </w:r>
          </w:p>
          <w:p w:rsidR="00A35FED" w:rsidRDefault="00A35FED" w:rsidP="00A35FED">
            <w:r>
              <w:t xml:space="preserve">                &lt;h5&gt;Club &amp; System Rules&lt;/h5&gt;</w:t>
            </w:r>
          </w:p>
          <w:p w:rsidR="00A35FED" w:rsidRDefault="00A35FED" w:rsidP="00A35FED">
            <w:r>
              <w:t xml:space="preserve">                &lt;p&gt;Trust and honesty can be expected from the Members of Your Senior Team and all activity is expected to abide by the rules and ethics of business and consumer rights.&lt;/p&gt;</w:t>
            </w:r>
          </w:p>
          <w:p w:rsidR="00A35FED" w:rsidRDefault="00A35FED" w:rsidP="00A35FED">
            <w:r>
              <w:t xml:space="preserve">                &lt;p&gt;We believe that everyone should treat seniors as if they were your mother or father.&lt;/p&gt;</w:t>
            </w:r>
          </w:p>
          <w:p w:rsidR="00A35FED" w:rsidRDefault="00A35FED" w:rsidP="00A35FED">
            <w:r>
              <w:t xml:space="preserve">                &lt;h5&gt;Privacy &amp; Security&lt;/h5&gt;</w:t>
            </w:r>
          </w:p>
          <w:p w:rsidR="00A35FED" w:rsidRDefault="00A35FED" w:rsidP="00A35FED">
            <w:r>
              <w:t xml:space="preserve">                &lt;p&gt;Your information, activity, interactions, and communications are viewed only by you, the relevant party to any transaction you initiate, and to whom it is intended.&lt;/p&gt;</w:t>
            </w:r>
          </w:p>
          <w:p w:rsidR="00A35FED" w:rsidRDefault="00A35FED" w:rsidP="00A35FED">
            <w:r>
              <w:t xml:space="preserve">            &lt;/div&gt;</w:t>
            </w:r>
          </w:p>
          <w:p w:rsidR="00A35FED" w:rsidRDefault="00A35FED" w:rsidP="00A35FED"/>
          <w:p w:rsidR="00A35FED" w:rsidRDefault="00A35FED" w:rsidP="00A35FED">
            <w:r>
              <w:t xml:space="preserve">            &lt;!-- Modal footer --&gt;</w:t>
            </w:r>
          </w:p>
          <w:p w:rsidR="00A35FED" w:rsidRDefault="00A35FED" w:rsidP="00A35FED">
            <w:r>
              <w:t xml:space="preserve">            &lt;div class="modal-footer"&gt;</w:t>
            </w:r>
          </w:p>
          <w:p w:rsidR="00A35FED" w:rsidRDefault="00A35FED" w:rsidP="00A35FED">
            <w:r>
              <w:t xml:space="preserve">              &lt;button type="button" class="btn btn-danger" data-dismiss="modal"&gt;Close&lt;/button&gt;</w:t>
            </w:r>
          </w:p>
          <w:p w:rsidR="00A35FED" w:rsidRDefault="00A35FED" w:rsidP="00A35FED">
            <w:r>
              <w:t xml:space="preserve">            &lt;/div&gt;</w:t>
            </w:r>
          </w:p>
          <w:p w:rsidR="00A35FED" w:rsidRDefault="00A35FED" w:rsidP="00A35FED"/>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 Modal for Voucher Validation Form --&gt;</w:t>
            </w:r>
          </w:p>
          <w:p w:rsidR="00A35FED" w:rsidRDefault="00A35FED" w:rsidP="00A35FED">
            <w:r>
              <w:t xml:space="preserve">       &lt;div class="modal fade" id="myModal3" style="max-height: 500px !important; margin-top: 70px;"&gt;</w:t>
            </w:r>
          </w:p>
          <w:p w:rsidR="00A35FED" w:rsidRDefault="00A35FED" w:rsidP="00A35FED">
            <w:r>
              <w:t xml:space="preserve">        &lt;div class="modal-dialog modal-dialog-scrollable modal-lg"&gt;</w:t>
            </w:r>
          </w:p>
          <w:p w:rsidR="00A35FED" w:rsidRDefault="00A35FED" w:rsidP="00A35FED">
            <w:r>
              <w:t xml:space="preserve">          &lt;div class="modal-content"&gt;</w:t>
            </w:r>
          </w:p>
          <w:p w:rsidR="00A35FED" w:rsidRDefault="00A35FED" w:rsidP="00A35FED"/>
          <w:p w:rsidR="00A35FED" w:rsidRDefault="00A35FED" w:rsidP="00A35FED">
            <w:r>
              <w:t xml:space="preserve">            &lt;!-- Modal Header --&gt;</w:t>
            </w:r>
          </w:p>
          <w:p w:rsidR="00A35FED" w:rsidRDefault="00A35FED" w:rsidP="00A35FED">
            <w:r>
              <w:t xml:space="preserve">            &lt;div class="modal-header"&gt;</w:t>
            </w:r>
          </w:p>
          <w:p w:rsidR="00A35FED" w:rsidRDefault="00A35FED" w:rsidP="00A35FED">
            <w:r>
              <w:t xml:space="preserve">            &lt;h4 class="modal-title"&gt;Validate Your Voucher&lt;/h4&gt;</w:t>
            </w:r>
          </w:p>
          <w:p w:rsidR="00A35FED" w:rsidRDefault="00A35FED" w:rsidP="00A35FED">
            <w:r>
              <w:t xml:space="preserve">              &lt;button type="button" class="close" data-dismiss="modal"&gt;&amp;#x274C;&lt;/button&gt;</w:t>
            </w:r>
          </w:p>
          <w:p w:rsidR="00A35FED" w:rsidRDefault="00A35FED" w:rsidP="00A35FED">
            <w:r>
              <w:t xml:space="preserve">            &lt;/div&gt;</w:t>
            </w:r>
          </w:p>
          <w:p w:rsidR="00A35FED" w:rsidRDefault="00A35FED" w:rsidP="00A35FED"/>
          <w:p w:rsidR="00A35FED" w:rsidRDefault="00A35FED" w:rsidP="00A35FED">
            <w:r>
              <w:t xml:space="preserve">            &lt;!-- Modal body --&gt;</w:t>
            </w:r>
          </w:p>
          <w:p w:rsidR="00A35FED" w:rsidRDefault="00A35FED" w:rsidP="00A35FED">
            <w:r>
              <w:t xml:space="preserve">            &lt;div class="modal-body"&gt;</w:t>
            </w:r>
          </w:p>
          <w:p w:rsidR="00A35FED" w:rsidRDefault="00A35FED" w:rsidP="00A35FED">
            <w:r>
              <w:t xml:space="preserve">               &lt;form action="" method="post" id="validate"&gt;</w:t>
            </w:r>
          </w:p>
          <w:p w:rsidR="00A35FED" w:rsidRDefault="00A35FED" w:rsidP="00A35FED">
            <w:r>
              <w:t xml:space="preserve">                    &lt;div class="dbl-field"&gt;</w:t>
            </w:r>
          </w:p>
          <w:p w:rsidR="00A35FED" w:rsidRDefault="00A35FED" w:rsidP="00A35FED">
            <w:r>
              <w:t xml:space="preserve">                        &lt;div class="field"&gt;</w:t>
            </w:r>
          </w:p>
          <w:p w:rsidR="00A35FED" w:rsidRDefault="00A35FED" w:rsidP="00A35FED">
            <w:r>
              <w:t xml:space="preserve">                             &lt;img alt=""  src="img/user_1.png" width="25" height="25"/&gt;&amp;emsp;</w:t>
            </w:r>
          </w:p>
          <w:p w:rsidR="00A35FED" w:rsidRDefault="00A35FED" w:rsidP="00A35FED">
            <w:r>
              <w:t xml:space="preserve">                            &lt;input type="text" name="name" placeholder="Enter your name"&gt;</w:t>
            </w:r>
          </w:p>
          <w:p w:rsidR="00A35FED" w:rsidRDefault="00A35FED" w:rsidP="00A35FED">
            <w:r>
              <w:t xml:space="preserve">                        &lt;/div&gt;</w:t>
            </w:r>
          </w:p>
          <w:p w:rsidR="00A35FED" w:rsidRDefault="00A35FED" w:rsidP="00A35FED">
            <w:r>
              <w:lastRenderedPageBreak/>
              <w:t xml:space="preserve">                        &lt;div class="field"&gt; </w:t>
            </w:r>
          </w:p>
          <w:p w:rsidR="00A35FED" w:rsidRDefault="00A35FED" w:rsidP="00A35FED">
            <w:r>
              <w:t xml:space="preserve">                             &lt;img alt=""  src="img/email_1.png" width="25" height="25"/&gt;&amp;emsp;</w:t>
            </w:r>
          </w:p>
          <w:p w:rsidR="00A35FED" w:rsidRDefault="00A35FED" w:rsidP="00A35FED">
            <w:r>
              <w:t xml:space="preserve">                            &lt;input type="text" name="email" placeholder="Enter your email"&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dbl-field"&gt;</w:t>
            </w:r>
          </w:p>
          <w:p w:rsidR="00A35FED" w:rsidRDefault="00A35FED" w:rsidP="00A35FED">
            <w:r>
              <w:t xml:space="preserve">                        &lt;!--&lt;div class="field"&gt;</w:t>
            </w:r>
          </w:p>
          <w:p w:rsidR="00A35FED" w:rsidRDefault="00A35FED" w:rsidP="00A35FED">
            <w:r>
              <w:t xml:space="preserve">                            &lt;img alt=""  src="img/phone-call_1.png" width="25" height="25"/&gt;&amp;emsp;</w:t>
            </w:r>
          </w:p>
          <w:p w:rsidR="00A35FED" w:rsidRDefault="00A35FED" w:rsidP="00A35FED">
            <w:r>
              <w:t xml:space="preserve">                            &lt;input type="text" name="phone" placeholder="Enter your phone"&gt;</w:t>
            </w:r>
          </w:p>
          <w:p w:rsidR="00A35FED" w:rsidRDefault="00A35FED" w:rsidP="00A35FED">
            <w:r>
              <w:t xml:space="preserve">                        &lt;/div&gt; --&gt;</w:t>
            </w:r>
          </w:p>
          <w:p w:rsidR="00A35FED" w:rsidRDefault="00A35FED" w:rsidP="00A35FED">
            <w:r>
              <w:t xml:space="preserve">                        &lt;div class="field"&gt;&lt;br&gt;</w:t>
            </w:r>
          </w:p>
          <w:p w:rsidR="00A35FED" w:rsidRDefault="00A35FED" w:rsidP="00A35FED">
            <w:r>
              <w:t xml:space="preserve">                            &lt;img alt=""  src="img/global.png" width="25" height="25"/&gt;&amp;emsp;</w:t>
            </w:r>
          </w:p>
          <w:p w:rsidR="00A35FED" w:rsidRDefault="00A35FED" w:rsidP="00A35FED">
            <w:r>
              <w:t xml:space="preserve">                            &lt;input type="text" name="residence_name_moved_in" placeholder="Residence Location moved in"&gt;</w:t>
            </w:r>
          </w:p>
          <w:p w:rsidR="00A35FED" w:rsidRDefault="00A35FED" w:rsidP="00A35FED">
            <w:r>
              <w:t xml:space="preserve">                        &lt;/div&gt;</w:t>
            </w:r>
          </w:p>
          <w:p w:rsidR="00A35FED" w:rsidRDefault="00A35FED" w:rsidP="00A35FED">
            <w:r>
              <w:t xml:space="preserve">                        &lt;div class="field"&gt;</w:t>
            </w:r>
          </w:p>
          <w:p w:rsidR="00A35FED" w:rsidRDefault="00A35FED" w:rsidP="00A35FED">
            <w:r>
              <w:t xml:space="preserve">                             &lt;img alt=""  src="img/timetable_1.png" width="25" height="25"/&gt;&amp;emsp;</w:t>
            </w:r>
          </w:p>
          <w:p w:rsidR="00A35FED" w:rsidRDefault="00A35FED" w:rsidP="00A35FED">
            <w:r>
              <w:t xml:space="preserve">                              &lt;input type="text" name="user_moved_in_date" placeholder="Date moved in to Residence"&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 class="dbl-field "&gt; </w:t>
            </w:r>
          </w:p>
          <w:p w:rsidR="00A35FED" w:rsidRDefault="00A35FED" w:rsidP="00A35FED">
            <w:r>
              <w:t xml:space="preserve">                        &lt;div class="field"&gt;&lt;br&gt;</w:t>
            </w:r>
          </w:p>
          <w:p w:rsidR="00A35FED" w:rsidRDefault="00A35FED" w:rsidP="00A35FED">
            <w:r>
              <w:t xml:space="preserve">                            &lt;img alt=""  src="img/dollar.png" width="25" height="25"/&gt;&amp;emsp;</w:t>
            </w:r>
          </w:p>
          <w:p w:rsidR="00A35FED" w:rsidRDefault="00A35FED" w:rsidP="00A35FED">
            <w:r>
              <w:t xml:space="preserve">                            &lt;input type="text" name="monthly_rent_amount" placeholder="Monthly Rent Amount"&gt;</w:t>
            </w:r>
          </w:p>
          <w:p w:rsidR="00A35FED" w:rsidRDefault="00A35FED" w:rsidP="00A35FED">
            <w:r>
              <w:t xml:space="preserve">                        &lt;/div&gt;</w:t>
            </w:r>
          </w:p>
          <w:p w:rsidR="00A35FED" w:rsidRDefault="00A35FED" w:rsidP="00A35FED">
            <w:r>
              <w:t xml:space="preserve">                    &lt;/div&gt;</w:t>
            </w:r>
          </w:p>
          <w:p w:rsidR="00A35FED" w:rsidRDefault="00A35FED" w:rsidP="00A35FED">
            <w:r>
              <w:t xml:space="preserve">                     &lt;input type="hidden" name="_token" value="izJQ9FiEOCz9MskykcXNycSMQgejuOSZjHsdsbSU"&gt; </w:t>
            </w:r>
          </w:p>
          <w:p w:rsidR="00A35FED" w:rsidRDefault="00A35FED" w:rsidP="00A35FED"/>
          <w:p w:rsidR="00A35FED" w:rsidRDefault="00A35FED" w:rsidP="00A35FED">
            <w:r>
              <w:t xml:space="preserve">                     &lt;div class="row"&gt;</w:t>
            </w:r>
          </w:p>
          <w:p w:rsidR="00A35FED" w:rsidRDefault="00A35FED" w:rsidP="00A35FED">
            <w:r>
              <w:t xml:space="preserve">                     &lt;div class="field"&gt;</w:t>
            </w:r>
          </w:p>
          <w:p w:rsidR="00A35FED" w:rsidRDefault="00A35FED" w:rsidP="00A35FED">
            <w:r>
              <w:t xml:space="preserve">                              &lt;br&gt;    &amp;ensp;&lt;img alt="" src="img/coupon.png" width="28" height="28"/&gt;</w:t>
            </w:r>
          </w:p>
          <w:p w:rsidR="00A35FED" w:rsidRDefault="00A35FED" w:rsidP="00A35FED">
            <w:r>
              <w:t xml:space="preserve">                        &lt;/div&gt;</w:t>
            </w:r>
          </w:p>
          <w:p w:rsidR="00A35FED" w:rsidRDefault="00A35FED" w:rsidP="00A35FED">
            <w:r>
              <w:t xml:space="preserve">                   </w:t>
            </w:r>
          </w:p>
          <w:p w:rsidR="00A35FED" w:rsidRDefault="00A35FED" w:rsidP="00A35FED">
            <w:r>
              <w:t xml:space="preserve">                        &lt;div class="col-lg-6 "&gt;&lt;br&gt;</w:t>
            </w:r>
          </w:p>
          <w:p w:rsidR="00A35FED" w:rsidRDefault="00A35FED" w:rsidP="00A35FED">
            <w:r>
              <w:t xml:space="preserve">                             &lt;div class="form-group "&gt;</w:t>
            </w:r>
          </w:p>
          <w:p w:rsidR="00A35FED" w:rsidRDefault="00A35FED" w:rsidP="00A35FED">
            <w:r>
              <w:t xml:space="preserve">                                </w:t>
            </w:r>
          </w:p>
          <w:p w:rsidR="00A35FED" w:rsidRDefault="00A35FED" w:rsidP="00A35FED">
            <w:r>
              <w:t xml:space="preserve">                                &lt;div class="controls mb-1"&gt;</w:t>
            </w:r>
          </w:p>
          <w:p w:rsidR="00A35FED" w:rsidRDefault="00A35FED" w:rsidP="00A35FED">
            <w:r>
              <w:t xml:space="preserve">                </w:t>
            </w:r>
          </w:p>
          <w:p w:rsidR="00A35FED" w:rsidRDefault="00A35FED" w:rsidP="00A35FED">
            <w:r>
              <w:t xml:space="preserve">                                    &lt;input type="text" class="form-control" required</w:t>
            </w:r>
          </w:p>
          <w:p w:rsidR="00A35FED" w:rsidRDefault="00A35FED" w:rsidP="00A35FED">
            <w:r>
              <w:t xml:space="preserve">                                            pattern="([A-Z]|[a-z]|[0-9]){4}-([A-Z]|[a-z]|[0-9]){4}-([A-Z]|[a-z]|[0-9]){4}"</w:t>
            </w:r>
          </w:p>
          <w:p w:rsidR="00A35FED" w:rsidRDefault="00A35FED" w:rsidP="00A35FED">
            <w:r>
              <w:t xml:space="preserve">                                            placeholder="xxxx-xxxx-xxxx" name="voucher_code" id="voucher_code", value=""</w:t>
            </w:r>
          </w:p>
          <w:p w:rsidR="00A35FED" w:rsidRDefault="00A35FED" w:rsidP="00A35FED">
            <w:r>
              <w:t xml:space="preserve">                                            data-error="Please enter a valid voucher code."/&gt;</w:t>
            </w:r>
          </w:p>
          <w:p w:rsidR="00A35FED" w:rsidRDefault="00A35FED" w:rsidP="00A35FED">
            <w:r>
              <w:t xml:space="preserve">                                    &lt;div class="help-block"&gt;</w:t>
            </w:r>
          </w:p>
          <w:p w:rsidR="00A35FED" w:rsidRDefault="00A35FED" w:rsidP="00A35FED">
            <w:r>
              <w:t xml:space="preserve">                                                &lt;small class="text-muted"&gt;xxxx-xxxx-xxxx (eg. AB1C-34FG-W8Q1)&lt;/small&gt;</w:t>
            </w:r>
          </w:p>
          <w:p w:rsidR="00A35FED" w:rsidRDefault="00A35FED" w:rsidP="00A35FED">
            <w:r>
              <w:lastRenderedPageBreak/>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lt;input type="hidden" name="voucher_status" value="2"&gt; </w:t>
            </w:r>
          </w:p>
          <w:p w:rsidR="00A35FED" w:rsidRDefault="00A35FED" w:rsidP="00A35FED">
            <w:r>
              <w:t xml:space="preserve">                        &lt;!--status 2- Voucher Validated after verifying the user credentials--&gt;</w:t>
            </w:r>
          </w:p>
          <w:p w:rsidR="00A35FED" w:rsidRDefault="00A35FED" w:rsidP="00A35FED">
            <w:r>
              <w:t xml:space="preserve">                        &lt;div class="button-area"&gt;</w:t>
            </w:r>
          </w:p>
          <w:p w:rsidR="00A35FED" w:rsidRDefault="00A35FED" w:rsidP="00A35FED">
            <w:r>
              <w:t xml:space="preserve">                            &lt;button type="submit"&gt;Validate Now&lt;/button&gt;</w:t>
            </w:r>
          </w:p>
          <w:p w:rsidR="00A35FED" w:rsidRDefault="00A35FED" w:rsidP="00A35FED">
            <w:r>
              <w:t xml:space="preserve">                            &lt;span&gt;&lt;/span&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lt;/form&gt;</w:t>
            </w:r>
          </w:p>
          <w:p w:rsidR="00A35FED" w:rsidRDefault="00A35FED" w:rsidP="00A35FED">
            <w:r>
              <w:t xml:space="preserve">            &lt;/div&gt;</w:t>
            </w:r>
          </w:p>
          <w:p w:rsidR="00A35FED" w:rsidRDefault="00A35FED" w:rsidP="00A35FED"/>
          <w:p w:rsidR="00A35FED" w:rsidRDefault="00A35FED" w:rsidP="00A35FED">
            <w:r>
              <w:t xml:space="preserve">            &lt;!-- Modal footer --&gt;</w:t>
            </w:r>
          </w:p>
          <w:p w:rsidR="00A35FED" w:rsidRDefault="00A35FED" w:rsidP="00A35FED">
            <w:r>
              <w:t xml:space="preserve">            &lt;div class="modal-footer"&gt;</w:t>
            </w:r>
          </w:p>
          <w:p w:rsidR="00A35FED" w:rsidRDefault="00A35FED" w:rsidP="00A35FED">
            <w:r>
              <w:t xml:space="preserve">              &lt;button type="button" class="btn btn-danger" data-dismiss="modal"&gt;Close&lt;/button&gt;</w:t>
            </w:r>
          </w:p>
          <w:p w:rsidR="00A35FED" w:rsidRDefault="00A35FED" w:rsidP="00A35FED">
            <w:r>
              <w:t xml:space="preserve">            &lt;/div&gt;</w:t>
            </w:r>
          </w:p>
          <w:p w:rsidR="00A35FED" w:rsidRDefault="00A35FED" w:rsidP="00A35FED"/>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lt;!-- modal for terms and conditions on Voucher - Register page --&gt;</w:t>
            </w:r>
          </w:p>
          <w:p w:rsidR="00A35FED" w:rsidRDefault="00A35FED" w:rsidP="00A35FED">
            <w:r>
              <w:t xml:space="preserve">      &lt;div class="modal fade" id="myModal4" style="max-height: 500px !important; margin-top: 70px;"&gt;</w:t>
            </w:r>
          </w:p>
          <w:p w:rsidR="00A35FED" w:rsidRDefault="00A35FED" w:rsidP="00A35FED">
            <w:r>
              <w:t xml:space="preserve">        &lt;div class="modal-dialog modal-dialog-scrollable modal-lg"&gt;</w:t>
            </w:r>
          </w:p>
          <w:p w:rsidR="00A35FED" w:rsidRDefault="00A35FED" w:rsidP="00A35FED">
            <w:r>
              <w:t xml:space="preserve">          &lt;div class="modal-content"&gt;</w:t>
            </w:r>
          </w:p>
          <w:p w:rsidR="00A35FED" w:rsidRDefault="00A35FED" w:rsidP="00A35FED"/>
          <w:p w:rsidR="00A35FED" w:rsidRDefault="00A35FED" w:rsidP="00A35FED">
            <w:r>
              <w:t xml:space="preserve">            &lt;!-- Modal Header --&gt;</w:t>
            </w:r>
          </w:p>
          <w:p w:rsidR="00A35FED" w:rsidRDefault="00A35FED" w:rsidP="00A35FED">
            <w:r>
              <w:t xml:space="preserve">            &lt;div class="modal-header"&gt;</w:t>
            </w:r>
          </w:p>
          <w:p w:rsidR="00A35FED" w:rsidRDefault="00A35FED" w:rsidP="00A35FED">
            <w:r>
              <w:t xml:space="preserve">            &lt;h4 class="modal-title"&gt;Senior Place Finder - Terms and Conditions&lt;/h4&gt;</w:t>
            </w:r>
          </w:p>
          <w:p w:rsidR="00A35FED" w:rsidRDefault="00A35FED" w:rsidP="00A35FED">
            <w:r>
              <w:t xml:space="preserve">              &lt;button type="button" class="close" data-dismiss="modal"&gt;&amp;#x274C;&lt;/button&gt;</w:t>
            </w:r>
          </w:p>
          <w:p w:rsidR="00A35FED" w:rsidRDefault="00A35FED" w:rsidP="00A35FED">
            <w:r>
              <w:t xml:space="preserve">            &lt;/div&gt;</w:t>
            </w:r>
          </w:p>
          <w:p w:rsidR="00A35FED" w:rsidRDefault="00A35FED" w:rsidP="00A35FED"/>
          <w:p w:rsidR="00A35FED" w:rsidRDefault="00A35FED" w:rsidP="00A35FED">
            <w:r>
              <w:t xml:space="preserve">            &lt;!-- Modal body --&gt;</w:t>
            </w:r>
          </w:p>
          <w:p w:rsidR="00A35FED" w:rsidRDefault="00A35FED" w:rsidP="00A35FED">
            <w:r>
              <w:t xml:space="preserve">            &lt;div class="modal-body"&gt;</w:t>
            </w:r>
          </w:p>
          <w:p w:rsidR="00A35FED" w:rsidRDefault="00A35FED" w:rsidP="00A35FED">
            <w:r>
              <w:t xml:space="preserve">                </w:t>
            </w:r>
          </w:p>
          <w:p w:rsidR="00A35FED" w:rsidRDefault="00A35FED" w:rsidP="00A35FED">
            <w:r>
              <w:t xml:space="preserve">                &lt;h5&gt;Access &amp; Services&lt;/h5&gt;</w:t>
            </w:r>
          </w:p>
          <w:p w:rsidR="00A35FED" w:rsidRDefault="00A35FED" w:rsidP="00A35FED">
            <w:r>
              <w:t xml:space="preserve">                &lt;p&gt;Your access to data, services, resources, and benefits is free. </w:t>
            </w:r>
          </w:p>
          <w:p w:rsidR="00A35FED" w:rsidRDefault="00A35FED" w:rsidP="00A35FED">
            <w:r>
              <w:t xml:space="preserve">                It's your information in the form of requests, needs, and circumstances that are used to connect you with the right professionals and specialists..</w:t>
            </w:r>
          </w:p>
          <w:p w:rsidR="00A35FED" w:rsidRDefault="00A35FED" w:rsidP="00A35FED">
            <w:r>
              <w:t xml:space="preserve">                &lt;/p&gt;</w:t>
            </w:r>
          </w:p>
          <w:p w:rsidR="00A35FED" w:rsidRDefault="00A35FED" w:rsidP="00A35FED">
            <w:r>
              <w:t xml:space="preserve">                </w:t>
            </w:r>
          </w:p>
          <w:p w:rsidR="00A35FED" w:rsidRDefault="00A35FED" w:rsidP="00A35FED">
            <w:r>
              <w:t xml:space="preserve">                &lt;h5&gt;Consumer Benefit&lt;/h5&gt;</w:t>
            </w:r>
          </w:p>
          <w:p w:rsidR="00A35FED" w:rsidRDefault="00A35FED" w:rsidP="00A35FED">
            <w:r>
              <w:t xml:space="preserve">                &lt;p&gt;</w:t>
            </w:r>
          </w:p>
          <w:p w:rsidR="00A35FED" w:rsidRDefault="00A35FED" w:rsidP="00A35FED">
            <w:r>
              <w:t xml:space="preserve">                    Your Senior Team use and access to the businesses, professionals, and specialists in the Finder websites are FREE.</w:t>
            </w:r>
          </w:p>
          <w:p w:rsidR="00A35FED" w:rsidRDefault="00A35FED" w:rsidP="00A35FED">
            <w:r>
              <w:lastRenderedPageBreak/>
              <w:t xml:space="preserve">                &lt;/p&gt;</w:t>
            </w:r>
          </w:p>
          <w:p w:rsidR="00A35FED" w:rsidRDefault="00A35FED" w:rsidP="00A35FED">
            <w:r>
              <w:t xml:space="preserve">                &lt;p&gt;</w:t>
            </w:r>
          </w:p>
          <w:p w:rsidR="00A35FED" w:rsidRDefault="00A35FED" w:rsidP="00A35FED">
            <w:r>
              <w:t xml:space="preserve">                    It's 24/7 Free access to search and learn about the senior market and to make direct contact receiving their contact information to speak first-hand to gain knowledge from qualified professionals, and executives with the authority to advise and act on your behalf.</w:t>
            </w:r>
          </w:p>
          <w:p w:rsidR="00A35FED" w:rsidRDefault="00A35FED" w:rsidP="00A35FED">
            <w:r>
              <w:t xml:space="preserve">                &lt;/p&gt;</w:t>
            </w:r>
          </w:p>
          <w:p w:rsidR="00A35FED" w:rsidRDefault="00A35FED" w:rsidP="00A35FED">
            <w:r>
              <w:t xml:space="preserve">                &lt;p&gt;</w:t>
            </w:r>
          </w:p>
          <w:p w:rsidR="00A35FED" w:rsidRDefault="00A35FED" w:rsidP="00A35FED">
            <w:r>
              <w:t xml:space="preserve">                   Your requests and needs, and contact information are made available to those professionals you request to contact directly.  </w:t>
            </w:r>
          </w:p>
          <w:p w:rsidR="00A35FED" w:rsidRDefault="00A35FED" w:rsidP="00A35FED">
            <w:r>
              <w:t xml:space="preserve">                &lt;/p&gt;</w:t>
            </w:r>
          </w:p>
          <w:p w:rsidR="00A35FED" w:rsidRDefault="00A35FED" w:rsidP="00A35FED">
            <w:r>
              <w:t xml:space="preserve">                &lt;p&gt;</w:t>
            </w:r>
          </w:p>
          <w:p w:rsidR="00A35FED" w:rsidRDefault="00A35FED" w:rsidP="00A35FED">
            <w:r>
              <w:t xml:space="preserve">                    With your requests and the professional's acceptance of your requests and indication to contact them, you become a referral of Your Senior Team.</w:t>
            </w:r>
          </w:p>
          <w:p w:rsidR="00A35FED" w:rsidRDefault="00A35FED" w:rsidP="00A35FED">
            <w:r>
              <w:t xml:space="preserve">                &lt;/p&gt;</w:t>
            </w:r>
          </w:p>
          <w:p w:rsidR="00A35FED" w:rsidRDefault="00A35FED" w:rsidP="00A35FED">
            <w:r>
              <w:t xml:space="preserve">                &lt;p&gt;</w:t>
            </w:r>
          </w:p>
          <w:p w:rsidR="00A35FED" w:rsidRDefault="00A35FED" w:rsidP="00A35FED">
            <w:r>
              <w:t xml:space="preserve">                    You will be kept top-of-mind with all those you select to explore products and services. Receive updates directly from them here on your Free Dashboard, as well as send your status or position to them without having to pick up the phone. </w:t>
            </w:r>
          </w:p>
          <w:p w:rsidR="00A35FED" w:rsidRDefault="00A35FED" w:rsidP="00A35FED">
            <w:r>
              <w:t xml:space="preserve">                &lt;/p&gt;</w:t>
            </w:r>
          </w:p>
          <w:p w:rsidR="00A35FED" w:rsidRDefault="00A35FED" w:rsidP="00A35FED">
            <w:r>
              <w:t xml:space="preserve">                &lt;p&gt;</w:t>
            </w:r>
          </w:p>
          <w:p w:rsidR="00A35FED" w:rsidRDefault="00A35FED" w:rsidP="00A35FED">
            <w:r>
              <w:t xml:space="preserve">                    The Dashboard keeps Your Senior Team Lists, dates for free initial consultations, Cash Vouchers, and Gift Cards, and keeps your information private, secured, and recorded available only if you choose, and on your Dashboard where you can manage it all.</w:t>
            </w:r>
          </w:p>
          <w:p w:rsidR="00A35FED" w:rsidRDefault="00A35FED" w:rsidP="00A35FED">
            <w:r>
              <w:t xml:space="preserve">                &lt;/p&gt;</w:t>
            </w:r>
          </w:p>
          <w:p w:rsidR="00A35FED" w:rsidRDefault="00A35FED" w:rsidP="00A35FED">
            <w:r>
              <w:t xml:space="preserve">                &lt;p&gt;</w:t>
            </w:r>
          </w:p>
          <w:p w:rsidR="00A35FED" w:rsidRDefault="00A35FED" w:rsidP="00A35FED">
            <w:r>
              <w:t xml:space="preserve">                   Users also have access to forums, blogs, libraries, and podcasts on the Your Senior Team platform; www.yourseniorteam.com. </w:t>
            </w:r>
          </w:p>
          <w:p w:rsidR="00A35FED" w:rsidRDefault="00A35FED" w:rsidP="00A35FED">
            <w:r>
              <w:t xml:space="preserve">                &lt;/p&gt;</w:t>
            </w:r>
          </w:p>
          <w:p w:rsidR="00A35FED" w:rsidRDefault="00A35FED" w:rsidP="00A35FED">
            <w:r>
              <w:t xml:space="preserve">                </w:t>
            </w:r>
          </w:p>
          <w:p w:rsidR="00A35FED" w:rsidRDefault="00A35FED" w:rsidP="00A35FED">
            <w:r>
              <w:t xml:space="preserve">                &lt;h5&gt;Terms &amp; Conditions&lt;/h5&gt;</w:t>
            </w:r>
          </w:p>
          <w:p w:rsidR="00A35FED" w:rsidRDefault="00A35FED" w:rsidP="00A35FED">
            <w:r>
              <w:t xml:space="preserve">                &lt;p&gt;Users are required to respect the data and to act in good faith when searching for services and products. Also, we ask you to make your best efforts to provide status updates and to maintain your progress from emails sent and notifications found in your Dashboard.&lt;/p&gt;</w:t>
            </w:r>
          </w:p>
          <w:p w:rsidR="00A35FED" w:rsidRDefault="00A35FED" w:rsidP="00A35FED">
            <w:r>
              <w:t xml:space="preserve">                </w:t>
            </w:r>
          </w:p>
          <w:p w:rsidR="00A35FED" w:rsidRDefault="00A35FED" w:rsidP="00A35FED">
            <w:r>
              <w:t xml:space="preserve">                &lt;h5&gt;Fees &amp; Payment&lt;/h5&gt;</w:t>
            </w:r>
          </w:p>
          <w:p w:rsidR="00A35FED" w:rsidRDefault="00A35FED" w:rsidP="00A35FED">
            <w:r>
              <w:t xml:space="preserve">                &lt;p&gt;</w:t>
            </w:r>
          </w:p>
          <w:p w:rsidR="00A35FED" w:rsidRDefault="00A35FED" w:rsidP="00A35FED">
            <w:r>
              <w:t xml:space="preserve">                    There are no fees for your use and access to tools and data to form Your Senior Team to support your needs as a senior.</w:t>
            </w:r>
          </w:p>
          <w:p w:rsidR="00A35FED" w:rsidRDefault="00A35FED" w:rsidP="00A35FED">
            <w:r>
              <w:t xml:space="preserve">                &lt;/p&gt;</w:t>
            </w:r>
          </w:p>
          <w:p w:rsidR="00A35FED" w:rsidRDefault="00A35FED" w:rsidP="00A35FED">
            <w:r>
              <w:t xml:space="preserve">                </w:t>
            </w:r>
          </w:p>
          <w:p w:rsidR="00A35FED" w:rsidRDefault="00A35FED" w:rsidP="00A35FED">
            <w:r>
              <w:t xml:space="preserve">                &lt;h5&gt;Club &amp; System Rules&lt;/h5&gt;</w:t>
            </w:r>
          </w:p>
          <w:p w:rsidR="00A35FED" w:rsidRDefault="00A35FED" w:rsidP="00A35FED">
            <w:r>
              <w:t xml:space="preserve">                &lt;p&gt;</w:t>
            </w:r>
          </w:p>
          <w:p w:rsidR="00A35FED" w:rsidRDefault="00A35FED" w:rsidP="00A35FED">
            <w:r>
              <w:t xml:space="preserve">                   Trust and honesty are expected from the Members of Your Senior Team and all activity must abide by the rules and ethics of business, fiduciaries, and consumer rights laws and regulations. </w:t>
            </w:r>
          </w:p>
          <w:p w:rsidR="00A35FED" w:rsidRDefault="00A35FED" w:rsidP="00A35FED">
            <w:r>
              <w:t xml:space="preserve">                &lt;/p&gt;</w:t>
            </w:r>
          </w:p>
          <w:p w:rsidR="00A35FED" w:rsidRDefault="00A35FED" w:rsidP="00A35FED">
            <w:r>
              <w:t xml:space="preserve">                &lt;p&gt;</w:t>
            </w:r>
          </w:p>
          <w:p w:rsidR="00A35FED" w:rsidRDefault="00A35FED" w:rsidP="00A35FED">
            <w:r>
              <w:t xml:space="preserve">                   We believe that every senior seeking knowledge and assistance should be treated by everyone as if they were their mother or father. </w:t>
            </w:r>
          </w:p>
          <w:p w:rsidR="00A35FED" w:rsidRDefault="00A35FED" w:rsidP="00A35FED">
            <w:r>
              <w:lastRenderedPageBreak/>
              <w:t xml:space="preserve">                &lt;/p&gt;</w:t>
            </w:r>
          </w:p>
          <w:p w:rsidR="00A35FED" w:rsidRDefault="00A35FED" w:rsidP="00A35FED">
            <w:r>
              <w:t xml:space="preserve">                </w:t>
            </w:r>
          </w:p>
          <w:p w:rsidR="00A35FED" w:rsidRDefault="00A35FED" w:rsidP="00A35FED">
            <w:r>
              <w:t xml:space="preserve">                &lt;h5&gt;Privacy &amp; Security&lt;/h5&gt;</w:t>
            </w:r>
          </w:p>
          <w:p w:rsidR="00A35FED" w:rsidRDefault="00A35FED" w:rsidP="00A35FED">
            <w:r>
              <w:t xml:space="preserve">                &lt;p&gt;</w:t>
            </w:r>
          </w:p>
          <w:p w:rsidR="00A35FED" w:rsidRDefault="00A35FED" w:rsidP="00A35FED">
            <w:r>
              <w:t xml:space="preserve">                    Your information, activity, interactions, and communications are viewed only by you, the relevant party to any interaction and transaction you initiate, and to whom it is intended. The general data in which all users are included will be used to better serve you the user to better navigate and understand the many facets of the senior market.</w:t>
            </w:r>
          </w:p>
          <w:p w:rsidR="00A35FED" w:rsidRDefault="00A35FED" w:rsidP="00A35FED">
            <w:r>
              <w:t xml:space="preserve">                    </w:t>
            </w:r>
          </w:p>
          <w:p w:rsidR="00A35FED" w:rsidRDefault="00A35FED" w:rsidP="00A35FED">
            <w:r>
              <w:t xml:space="preserve">                &lt;/p&gt;</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lt;!--&lt;label class="text-primary pointer mb-2" onclick="acceptTerms();" &gt; </w:t>
            </w:r>
          </w:p>
          <w:p w:rsidR="00A35FED" w:rsidRDefault="00A35FED" w:rsidP="00A35FED">
            <w:r>
              <w:t xml:space="preserve">            &lt;input type="checkbox" id="acceptOne" &lt;?php //if ( $_SESSION['accepted1'] == 1 ) { echo 'checked=""' ; } ?&gt; /&gt; Please check the box to indicate you have read all the above.</w:t>
            </w:r>
          </w:p>
          <w:p w:rsidR="00A35FED" w:rsidRDefault="00A35FED" w:rsidP="00A35FED">
            <w:r>
              <w:t xml:space="preserve">        &lt;/label&gt;</w:t>
            </w:r>
          </w:p>
          <w:p w:rsidR="00A35FED" w:rsidRDefault="00A35FED" w:rsidP="00A35FED">
            <w:r>
              <w:t xml:space="preserve">        </w:t>
            </w:r>
          </w:p>
          <w:p w:rsidR="00A35FED" w:rsidRDefault="00A35FED" w:rsidP="00A35FED">
            <w:r>
              <w:t xml:space="preserve">        &lt;label class="text-primary pointer" onclick="acceptTerms();" &gt; </w:t>
            </w:r>
          </w:p>
          <w:p w:rsidR="00A35FED" w:rsidRDefault="00A35FED" w:rsidP="00A35FED">
            <w:r>
              <w:t xml:space="preserve">            &lt;input type="checkbox" id="acceptTwo" &lt;?php //if ( $accepted == 1 ) { echo 'checked=""' ; } ?&gt; /&gt; Please check the box to indicate your acceptance of all the above terms and conditions, and be guided to complete your membership content and profile. </w:t>
            </w:r>
          </w:p>
          <w:p w:rsidR="00A35FED" w:rsidRDefault="00A35FED" w:rsidP="00A35FED">
            <w:r>
              <w:t xml:space="preserve">        &lt;/label&gt; --&gt;</w:t>
            </w:r>
          </w:p>
          <w:p w:rsidR="00A35FED" w:rsidRDefault="00A35FED" w:rsidP="00A35FED">
            <w:r>
              <w:t xml:space="preserve">        </w:t>
            </w:r>
          </w:p>
          <w:p w:rsidR="00A35FED" w:rsidRDefault="00A35FED" w:rsidP="00A35FED">
            <w:r>
              <w:t xml:space="preserve">      &lt;/div&gt;</w:t>
            </w:r>
          </w:p>
          <w:p w:rsidR="00A35FED" w:rsidRDefault="00A35FED" w:rsidP="00A35FED"/>
          <w:p w:rsidR="00A35FED" w:rsidRDefault="00A35FED" w:rsidP="00A35FED">
            <w:r>
              <w:t xml:space="preserve">            &lt;!-- Modal footer --&gt;</w:t>
            </w:r>
          </w:p>
          <w:p w:rsidR="00A35FED" w:rsidRDefault="00A35FED" w:rsidP="00A35FED">
            <w:r>
              <w:t xml:space="preserve">            &lt;div class="modal-footer"&gt;</w:t>
            </w:r>
          </w:p>
          <w:p w:rsidR="00A35FED" w:rsidRDefault="00A35FED" w:rsidP="00A35FED">
            <w:r>
              <w:t xml:space="preserve">              &lt;button type="button" class="btn btn-danger" data-dismiss="modal"&gt;Close&lt;/button&gt;</w:t>
            </w:r>
          </w:p>
          <w:p w:rsidR="00A35FED" w:rsidRDefault="00A35FED" w:rsidP="00A35FED">
            <w:r>
              <w:t xml:space="preserve">            &lt;/div&gt;</w:t>
            </w:r>
          </w:p>
          <w:p w:rsidR="00A35FED" w:rsidRDefault="00A35FED" w:rsidP="00A35FED"/>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lt;!-- modal for verify your email on Voucher page - Register page --&gt;</w:t>
            </w:r>
          </w:p>
          <w:p w:rsidR="00A35FED" w:rsidRDefault="00A35FED" w:rsidP="00A35FED">
            <w:r>
              <w:t xml:space="preserve">      &lt;div class="modal fade" id="myModal5" style="max-height: 500px !important; margin-top: 70px;"&gt;</w:t>
            </w:r>
          </w:p>
          <w:p w:rsidR="00A35FED" w:rsidRDefault="00A35FED" w:rsidP="00A35FED">
            <w:r>
              <w:t xml:space="preserve">        &lt;div class="modal-dialog modal-dialog-scrollable modal-lg"&gt;</w:t>
            </w:r>
          </w:p>
          <w:p w:rsidR="00A35FED" w:rsidRDefault="00A35FED" w:rsidP="00A35FED">
            <w:r>
              <w:t xml:space="preserve">          &lt;div class="modal-content"&gt;</w:t>
            </w:r>
          </w:p>
          <w:p w:rsidR="00A35FED" w:rsidRDefault="00A35FED" w:rsidP="00A35FED"/>
          <w:p w:rsidR="00A35FED" w:rsidRDefault="00A35FED" w:rsidP="00A35FED">
            <w:r>
              <w:t xml:space="preserve">            &lt;!-- Modal Header --&gt;</w:t>
            </w:r>
          </w:p>
          <w:p w:rsidR="00A35FED" w:rsidRDefault="00A35FED" w:rsidP="00A35FED">
            <w:r>
              <w:t xml:space="preserve">            &lt;div class="modal-header"&gt;</w:t>
            </w:r>
          </w:p>
          <w:p w:rsidR="00A35FED" w:rsidRDefault="00A35FED" w:rsidP="00A35FED">
            <w:r>
              <w:t xml:space="preserve">            &lt;h4 class="modal-title"&gt;Verify your email to receive &lt;b&gt;$200 Voucher&lt;/b&gt;&lt;/h4&gt;</w:t>
            </w:r>
          </w:p>
          <w:p w:rsidR="00A35FED" w:rsidRDefault="00A35FED" w:rsidP="00A35FED">
            <w:r>
              <w:t xml:space="preserve">              &lt;button type="button" class="close" data-dismiss="modal"&gt;&amp;#x274C;&lt;/button&gt;</w:t>
            </w:r>
          </w:p>
          <w:p w:rsidR="00A35FED" w:rsidRDefault="00A35FED" w:rsidP="00A35FED">
            <w:r>
              <w:t xml:space="preserve">             </w:t>
            </w:r>
          </w:p>
          <w:p w:rsidR="00A35FED" w:rsidRDefault="00A35FED" w:rsidP="00A35FED">
            <w:r>
              <w:t xml:space="preserve">            &lt;/div&gt;</w:t>
            </w:r>
          </w:p>
          <w:p w:rsidR="00A35FED" w:rsidRDefault="00A35FED" w:rsidP="00A35FED"/>
          <w:p w:rsidR="00A35FED" w:rsidRDefault="00A35FED" w:rsidP="00A35FED">
            <w:r>
              <w:t xml:space="preserve">            &lt;!-- Modal body --&gt;</w:t>
            </w:r>
          </w:p>
          <w:p w:rsidR="00A35FED" w:rsidRDefault="00A35FED" w:rsidP="00A35FED">
            <w:r>
              <w:lastRenderedPageBreak/>
              <w:t xml:space="preserve">            &lt;div class="modal-body"&gt;</w:t>
            </w:r>
          </w:p>
          <w:p w:rsidR="00A35FED" w:rsidRDefault="00A35FED" w:rsidP="00A35FED">
            <w:r>
              <w:t xml:space="preserve">                &lt;form action="" method="post" id="freePropertyEvaluationForm&lt;?php echo $memberId ; ?&gt;"&gt;</w:t>
            </w:r>
          </w:p>
          <w:p w:rsidR="00A35FED" w:rsidRDefault="00A35FED" w:rsidP="00A35FED">
            <w:r>
              <w:t xml:space="preserve">            </w:t>
            </w:r>
          </w:p>
          <w:p w:rsidR="00A35FED" w:rsidRDefault="00A35FED" w:rsidP="00A35FED">
            <w:r>
              <w:t xml:space="preserve">            &lt;input type="hidden" name="sessionId" value="&lt;?php echo CURRENT_SESSION_ID ; ?&gt;" /&gt;</w:t>
            </w:r>
          </w:p>
          <w:p w:rsidR="00A35FED" w:rsidRDefault="00A35FED" w:rsidP="00A35FED">
            <w:r>
              <w:t xml:space="preserve">            &lt;input type="hidden" name="item" value="User" /&gt;</w:t>
            </w:r>
          </w:p>
          <w:p w:rsidR="00A35FED" w:rsidRDefault="00A35FED" w:rsidP="00A35FED">
            <w:r>
              <w:t xml:space="preserve">            &lt;input type="hidden" name="memberId" value="&lt;?php echo $memberId ; ?&gt;" /&gt;</w:t>
            </w:r>
          </w:p>
          <w:p w:rsidR="00A35FED" w:rsidRDefault="00A35FED" w:rsidP="00A35FED">
            <w:r>
              <w:t xml:space="preserve">            &lt;input type="hidden" name="memberNameF" value="&lt;?php echo $nameF ; ?&gt;" /&gt;</w:t>
            </w:r>
          </w:p>
          <w:p w:rsidR="00A35FED" w:rsidRDefault="00A35FED" w:rsidP="00A35FED">
            <w:r>
              <w:t xml:space="preserve">            &lt;input type="hidden" name="memberEmail" value="&lt;?php echo $emailOpp ; ?&gt;" /&gt;</w:t>
            </w:r>
          </w:p>
          <w:p w:rsidR="00A35FED" w:rsidRDefault="00A35FED" w:rsidP="00A35FED"/>
          <w:p w:rsidR="00A35FED" w:rsidRDefault="00A35FED" w:rsidP="00A35FED"/>
          <w:p w:rsidR="00A35FED" w:rsidRDefault="00A35FED" w:rsidP="00A35FED">
            <w:r>
              <w:t xml:space="preserve">        &lt;div class="mb-3 row"&gt;</w:t>
            </w:r>
          </w:p>
          <w:p w:rsidR="00A35FED" w:rsidRDefault="00A35FED" w:rsidP="00A35FED">
            <w:r>
              <w:t xml:space="preserve">            &lt;label class="col-sm-4 col-form-label text-end"&gt;Your Name*:&lt;/label&gt;</w:t>
            </w:r>
          </w:p>
          <w:p w:rsidR="00A35FED" w:rsidRDefault="00A35FED" w:rsidP="00A35FED">
            <w:r>
              <w:t xml:space="preserve">            &lt;div class="col-sm-8"&gt;</w:t>
            </w:r>
          </w:p>
          <w:p w:rsidR="00A35FED" w:rsidRDefault="00A35FED" w:rsidP="00A35FED">
            <w:r>
              <w:t xml:space="preserve">                &lt;input type="text" name="name" class="form-control" required="" value="&lt;?php echo $userName ; ?&gt;" /&gt;</w:t>
            </w:r>
          </w:p>
          <w:p w:rsidR="00A35FED" w:rsidRDefault="00A35FED" w:rsidP="00A35FED">
            <w:r>
              <w:t xml:space="preserve">            &lt;/div&gt;</w:t>
            </w:r>
          </w:p>
          <w:p w:rsidR="00A35FED" w:rsidRDefault="00A35FED" w:rsidP="00A35FED">
            <w:r>
              <w:t xml:space="preserve">        &lt;/div&gt;</w:t>
            </w:r>
          </w:p>
          <w:p w:rsidR="00A35FED" w:rsidRDefault="00A35FED" w:rsidP="00A35FED">
            <w:r>
              <w:t xml:space="preserve">        </w:t>
            </w:r>
          </w:p>
          <w:p w:rsidR="00A35FED" w:rsidRDefault="00A35FED" w:rsidP="00A35FED">
            <w:r>
              <w:t xml:space="preserve">        &lt;div class="mb-3 row"&gt;</w:t>
            </w:r>
          </w:p>
          <w:p w:rsidR="00A35FED" w:rsidRDefault="00A35FED" w:rsidP="00A35FED">
            <w:r>
              <w:t xml:space="preserve">            &lt;label class="col-sm-4 col-form-label text-end"&gt;Your Email*:&lt;/label&gt;</w:t>
            </w:r>
          </w:p>
          <w:p w:rsidR="00A35FED" w:rsidRDefault="00A35FED" w:rsidP="00A35FED">
            <w:r>
              <w:t xml:space="preserve">            &lt;div class="col-sm-8"&gt;</w:t>
            </w:r>
          </w:p>
          <w:p w:rsidR="00A35FED" w:rsidRDefault="00A35FED" w:rsidP="00A35FED">
            <w:r>
              <w:t xml:space="preserve">                &lt;input type="email" name="email" id="inputEmail" class="form-control" required="" value="&lt;?php echo $email ; ?&gt;" /&gt;</w:t>
            </w:r>
          </w:p>
          <w:p w:rsidR="00A35FED" w:rsidRDefault="00A35FED" w:rsidP="00A35FED">
            <w:r>
              <w:t xml:space="preserve">            &lt;/div&gt;</w:t>
            </w:r>
          </w:p>
          <w:p w:rsidR="00A35FED" w:rsidRDefault="00A35FED" w:rsidP="00A35FED">
            <w:r>
              <w:t xml:space="preserve">        &lt;/div&gt;</w:t>
            </w:r>
          </w:p>
          <w:p w:rsidR="00A35FED" w:rsidRDefault="00A35FED" w:rsidP="00A35FED"/>
          <w:p w:rsidR="00A35FED" w:rsidRDefault="00A35FED" w:rsidP="00A35FED">
            <w:r>
              <w:t xml:space="preserve">        &lt;div class="form-group text-right"&gt;</w:t>
            </w:r>
          </w:p>
          <w:p w:rsidR="00A35FED" w:rsidRDefault="00A35FED" w:rsidP="00A35FED"/>
          <w:p w:rsidR="00A35FED" w:rsidRDefault="00A35FED" w:rsidP="00A35FED">
            <w:r>
              <w:t xml:space="preserve">            &lt;div class="collapse" id="processSpan"&gt;</w:t>
            </w:r>
          </w:p>
          <w:p w:rsidR="00A35FED" w:rsidRDefault="00A35FED" w:rsidP="00A35FED">
            <w:r>
              <w:t xml:space="preserve">                &lt;div class="spinner-border text-primary" &gt;</w:t>
            </w:r>
          </w:p>
          <w:p w:rsidR="00A35FED" w:rsidRDefault="00A35FED" w:rsidP="00A35FED">
            <w:r>
              <w:t xml:space="preserve">                  &lt;span class="visually-hidden"&gt;Loading...&lt;/span&gt;</w:t>
            </w:r>
          </w:p>
          <w:p w:rsidR="00A35FED" w:rsidRDefault="00A35FED" w:rsidP="00A35FED">
            <w:r>
              <w:t xml:space="preserve">                &lt;/div&gt; Processing please wait..</w:t>
            </w:r>
          </w:p>
          <w:p w:rsidR="00A35FED" w:rsidRDefault="00A35FED" w:rsidP="00A35FED">
            <w:r>
              <w:t xml:space="preserve">            &lt;/div&gt;</w:t>
            </w:r>
          </w:p>
          <w:p w:rsidR="00A35FED" w:rsidRDefault="00A35FED" w:rsidP="00A35FED">
            <w:r>
              <w:t xml:space="preserve">            &lt;small id="log_result&lt;?php echo $memberId ; ?&gt;"&gt;&lt;/small&gt;</w:t>
            </w:r>
          </w:p>
          <w:p w:rsidR="00A35FED" w:rsidRDefault="00A35FED" w:rsidP="00A35FED">
            <w:r>
              <w:t xml:space="preserve">            &lt;div id="submitBtnsBox1" class="text-end"&gt;</w:t>
            </w:r>
          </w:p>
          <w:p w:rsidR="00A35FED" w:rsidRDefault="00A35FED" w:rsidP="00A35FED">
            <w:r>
              <w:t xml:space="preserve">                &lt;button type="submit" class="btn btn-success"&gt;SUBMIT&lt;/button&gt;</w:t>
            </w:r>
          </w:p>
          <w:p w:rsidR="00A35FED" w:rsidRDefault="00A35FED" w:rsidP="00A35FED">
            <w:r>
              <w:t xml:space="preserve">            &lt;/div&gt;</w:t>
            </w:r>
          </w:p>
          <w:p w:rsidR="00A35FED" w:rsidRDefault="00A35FED" w:rsidP="00A35FED">
            <w:r>
              <w:t xml:space="preserve">        &lt;/div&gt;</w:t>
            </w:r>
          </w:p>
          <w:p w:rsidR="00A35FED" w:rsidRDefault="00A35FED" w:rsidP="00A35FED"/>
          <w:p w:rsidR="00A35FED" w:rsidRDefault="00A35FED" w:rsidP="00A35FED">
            <w:r>
              <w:t xml:space="preserve">  </w:t>
            </w:r>
          </w:p>
          <w:p w:rsidR="00A35FED" w:rsidRDefault="00A35FED" w:rsidP="00A35FED">
            <w:r>
              <w:t xml:space="preserve">        &lt;/form&gt; </w:t>
            </w:r>
          </w:p>
          <w:p w:rsidR="00A35FED" w:rsidRDefault="00A35FED" w:rsidP="00A35FED">
            <w:r>
              <w:t xml:space="preserve">            </w:t>
            </w:r>
          </w:p>
          <w:p w:rsidR="00A35FED" w:rsidRDefault="00A35FED" w:rsidP="00A35FED">
            <w:r>
              <w:t xml:space="preserve">            &lt;/div&gt;</w:t>
            </w:r>
          </w:p>
          <w:p w:rsidR="00A35FED" w:rsidRDefault="00A35FED" w:rsidP="00A35FED"/>
          <w:p w:rsidR="00A35FED" w:rsidRDefault="00A35FED" w:rsidP="00A35FED">
            <w:r>
              <w:t xml:space="preserve">            &lt;!-- Modal footer --&gt;</w:t>
            </w:r>
          </w:p>
          <w:p w:rsidR="00A35FED" w:rsidRDefault="00A35FED" w:rsidP="00A35FED">
            <w:r>
              <w:t xml:space="preserve">            &lt;div class="modal-footer"&gt;</w:t>
            </w:r>
          </w:p>
          <w:p w:rsidR="00A35FED" w:rsidRDefault="00A35FED" w:rsidP="00A35FED">
            <w:r>
              <w:t xml:space="preserve">              &lt;button type="button" class="btn btn-danger" data-dismiss="modal"&gt;Close&lt;/button&gt;</w:t>
            </w:r>
          </w:p>
          <w:p w:rsidR="00A35FED" w:rsidRDefault="00A35FED" w:rsidP="00A35FED">
            <w:r>
              <w:t xml:space="preserve">            &lt;/div&gt;</w:t>
            </w:r>
          </w:p>
          <w:p w:rsidR="00A35FED" w:rsidRDefault="00A35FED" w:rsidP="00A35FED"/>
          <w:p w:rsidR="00A35FED" w:rsidRDefault="00A35FED" w:rsidP="00A35FED">
            <w:r>
              <w:t xml:space="preserve">          &lt;/div&gt;</w:t>
            </w:r>
          </w:p>
          <w:p w:rsidR="00A35FED" w:rsidRDefault="00A35FED" w:rsidP="00A35FED">
            <w:r>
              <w:t xml:space="preserve">        &lt;/div&gt;</w:t>
            </w:r>
          </w:p>
          <w:p w:rsidR="00A35FED" w:rsidRDefault="00A35FED" w:rsidP="00A35FED">
            <w:r>
              <w:t xml:space="preserve">      &lt;/div&gt;</w:t>
            </w:r>
          </w:p>
          <w:p w:rsidR="00A35FED" w:rsidRDefault="00A35FED" w:rsidP="00A35FED">
            <w:r>
              <w:t>&lt;/div&gt;</w:t>
            </w:r>
          </w:p>
          <w:p w:rsidR="00A35FED" w:rsidRDefault="00A35FED" w:rsidP="00A35FED">
            <w:r>
              <w:t xml:space="preserve"> &lt;!--end of modal pop-up for Senior Place Finder Modal section --&gt;</w:t>
            </w:r>
          </w:p>
          <w:p w:rsidR="00A35FED" w:rsidRDefault="00A35FED" w:rsidP="00A35FED"/>
          <w:p w:rsidR="00A35FED" w:rsidRDefault="00A35FED" w:rsidP="00A35FED"/>
          <w:p w:rsidR="00A35FED" w:rsidRDefault="00A35FED" w:rsidP="00A35FED"/>
          <w:p w:rsidR="00A35FED" w:rsidRDefault="00A35FED" w:rsidP="00A35FED">
            <w:r>
              <w:t>&lt;script type="text/javascript"&gt;</w:t>
            </w:r>
          </w:p>
          <w:p w:rsidR="00A35FED" w:rsidRDefault="00A35FED" w:rsidP="00A35FED">
            <w:r>
              <w:t xml:space="preserve">    var isMobile = /iPhone|Android/i.test(navigator.userAgent);</w:t>
            </w:r>
          </w:p>
          <w:p w:rsidR="00A35FED" w:rsidRDefault="00A35FED" w:rsidP="00A35FED">
            <w:r>
              <w:t xml:space="preserve">    $(document).ready(function () {</w:t>
            </w:r>
          </w:p>
          <w:p w:rsidR="00A35FED" w:rsidRDefault="00A35FED" w:rsidP="00A35FED">
            <w:r>
              <w:t xml:space="preserve">        // jQuery reverse</w:t>
            </w:r>
          </w:p>
          <w:p w:rsidR="00A35FED" w:rsidRDefault="00A35FED" w:rsidP="00A35FED">
            <w:r>
              <w:t xml:space="preserve">        $.fn.reverse = [].reverse;</w:t>
            </w:r>
          </w:p>
          <w:p w:rsidR="00A35FED" w:rsidRDefault="00A35FED" w:rsidP="00A35FED">
            <w:r>
              <w:t xml:space="preserve">        $(".floating-widget ul li").hover(function () {</w:t>
            </w:r>
          </w:p>
          <w:p w:rsidR="00A35FED" w:rsidRDefault="00A35FED" w:rsidP="00A35FED">
            <w:r>
              <w:t xml:space="preserve">            $(this).toggleClass("active");</w:t>
            </w:r>
          </w:p>
          <w:p w:rsidR="00A35FED" w:rsidRDefault="00A35FED" w:rsidP="00A35FED">
            <w:r>
              <w:t xml:space="preserve">        });</w:t>
            </w:r>
          </w:p>
          <w:p w:rsidR="00A35FED" w:rsidRDefault="00A35FED" w:rsidP="00A35FED">
            <w:r>
              <w:t xml:space="preserve">        if (isMobile) {</w:t>
            </w:r>
          </w:p>
          <w:p w:rsidR="00A35FED" w:rsidRDefault="00A35FED" w:rsidP="00A35FED">
            <w:r>
              <w:t xml:space="preserve">            // Toggle-on-click behaviour.</w:t>
            </w:r>
          </w:p>
          <w:p w:rsidR="00A35FED" w:rsidRDefault="00A35FED" w:rsidP="00A35FED">
            <w:r>
              <w:t xml:space="preserve">            $(document).on('click.floatingWidget', '.floating-widget &gt; a', function (e) {</w:t>
            </w:r>
          </w:p>
          <w:p w:rsidR="00A35FED" w:rsidRDefault="00A35FED" w:rsidP="00A35FED">
            <w:r>
              <w:t xml:space="preserve">                var $this = $(this);</w:t>
            </w:r>
          </w:p>
          <w:p w:rsidR="00A35FED" w:rsidRDefault="00A35FED" w:rsidP="00A35FED">
            <w:r>
              <w:t xml:space="preserve">                var $menu = $this.parent();</w:t>
            </w:r>
          </w:p>
          <w:p w:rsidR="00A35FED" w:rsidRDefault="00A35FED" w:rsidP="00A35FED">
            <w:r>
              <w:t xml:space="preserve">                if ($menu.hasClass('open')) {</w:t>
            </w:r>
          </w:p>
          <w:p w:rsidR="00A35FED" w:rsidRDefault="00A35FED" w:rsidP="00A35FED">
            <w:r>
              <w:t xml:space="preserve">                    closeFABMenu($menu);</w:t>
            </w:r>
          </w:p>
          <w:p w:rsidR="00A35FED" w:rsidRDefault="00A35FED" w:rsidP="00A35FED">
            <w:r>
              <w:t xml:space="preserve">                } else {</w:t>
            </w:r>
          </w:p>
          <w:p w:rsidR="00A35FED" w:rsidRDefault="00A35FED" w:rsidP="00A35FED">
            <w:r>
              <w:t xml:space="preserve">                    openFABMenu($menu);</w:t>
            </w:r>
          </w:p>
          <w:p w:rsidR="00A35FED" w:rsidRDefault="00A35FED" w:rsidP="00A35FED">
            <w:r>
              <w:t xml:space="preserve">                }</w:t>
            </w:r>
          </w:p>
          <w:p w:rsidR="00A35FED" w:rsidRDefault="00A35FED" w:rsidP="00A35FED">
            <w:r>
              <w:t xml:space="preserve">            });</w:t>
            </w:r>
          </w:p>
          <w:p w:rsidR="00A35FED" w:rsidRDefault="00A35FED" w:rsidP="00A35FED">
            <w:r>
              <w:t xml:space="preserve">        } else {</w:t>
            </w:r>
          </w:p>
          <w:p w:rsidR="00A35FED" w:rsidRDefault="00A35FED" w:rsidP="00A35FED">
            <w:r>
              <w:t xml:space="preserve">            var $menu = $(".floating-widget");</w:t>
            </w:r>
          </w:p>
          <w:p w:rsidR="00A35FED" w:rsidRDefault="00A35FED" w:rsidP="00A35FED">
            <w:r>
              <w:t xml:space="preserve">            openFABMenu($menu);</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fn.extend({</w:t>
            </w:r>
          </w:p>
          <w:p w:rsidR="00A35FED" w:rsidRDefault="00A35FED" w:rsidP="00A35FED">
            <w:r>
              <w:t xml:space="preserve">        openFAB: function () {</w:t>
            </w:r>
          </w:p>
          <w:p w:rsidR="00A35FED" w:rsidRDefault="00A35FED" w:rsidP="00A35FED">
            <w:r>
              <w:t xml:space="preserve">            openFABMenu($(this));</w:t>
            </w:r>
          </w:p>
          <w:p w:rsidR="00A35FED" w:rsidRDefault="00A35FED" w:rsidP="00A35FED">
            <w:r>
              <w:t xml:space="preserve">        },</w:t>
            </w:r>
          </w:p>
          <w:p w:rsidR="00A35FED" w:rsidRDefault="00A35FED" w:rsidP="00A35FED">
            <w:r>
              <w:t xml:space="preserve">        closeFAB: function () {</w:t>
            </w:r>
          </w:p>
          <w:p w:rsidR="00A35FED" w:rsidRDefault="00A35FED" w:rsidP="00A35FED">
            <w:r>
              <w:t xml:space="preserve">            closeFABMenu($(this));</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var openFABMenu = function (btn) {</w:t>
            </w:r>
          </w:p>
          <w:p w:rsidR="00A35FED" w:rsidRDefault="00A35FED" w:rsidP="00A35FED">
            <w:r>
              <w:t xml:space="preserve">        $this = btn;</w:t>
            </w:r>
          </w:p>
          <w:p w:rsidR="00A35FED" w:rsidRDefault="00A35FED" w:rsidP="00A35FED">
            <w:r>
              <w:t xml:space="preserve">        if ($this.hasClass('open') === false) {</w:t>
            </w:r>
          </w:p>
          <w:p w:rsidR="00A35FED" w:rsidRDefault="00A35FED" w:rsidP="00A35FED"/>
          <w:p w:rsidR="00A35FED" w:rsidRDefault="00A35FED" w:rsidP="00A35FED">
            <w:r>
              <w:t xml:space="preserve">            // Get direction option</w:t>
            </w:r>
          </w:p>
          <w:p w:rsidR="00A35FED" w:rsidRDefault="00A35FED" w:rsidP="00A35FED">
            <w:r>
              <w:lastRenderedPageBreak/>
              <w:t xml:space="preserve">            var horizontal = $this.hasClass('horizontal');</w:t>
            </w:r>
          </w:p>
          <w:p w:rsidR="00A35FED" w:rsidRDefault="00A35FED" w:rsidP="00A35FED">
            <w:r>
              <w:t xml:space="preserve">            var offsetY, offsetX;</w:t>
            </w:r>
          </w:p>
          <w:p w:rsidR="00A35FED" w:rsidRDefault="00A35FED" w:rsidP="00A35FED"/>
          <w:p w:rsidR="00A35FED" w:rsidRDefault="00A35FED" w:rsidP="00A35FED">
            <w:r>
              <w:t xml:space="preserve">            if (horizontal === true) {</w:t>
            </w:r>
          </w:p>
          <w:p w:rsidR="00A35FED" w:rsidRDefault="00A35FED" w:rsidP="00A35FED">
            <w:r>
              <w:t xml:space="preserve">                offsetX = 40;</w:t>
            </w:r>
          </w:p>
          <w:p w:rsidR="00A35FED" w:rsidRDefault="00A35FED" w:rsidP="00A35FED">
            <w:r>
              <w:t xml:space="preserve">            } else {</w:t>
            </w:r>
          </w:p>
          <w:p w:rsidR="00A35FED" w:rsidRDefault="00A35FED" w:rsidP="00A35FED">
            <w:r>
              <w:t xml:space="preserve">                offsetY = 40;</w:t>
            </w:r>
          </w:p>
          <w:p w:rsidR="00A35FED" w:rsidRDefault="00A35FED" w:rsidP="00A35FED">
            <w:r>
              <w:t xml:space="preserve">            }</w:t>
            </w:r>
          </w:p>
          <w:p w:rsidR="00A35FED" w:rsidRDefault="00A35FED" w:rsidP="00A35FED"/>
          <w:p w:rsidR="00A35FED" w:rsidRDefault="00A35FED" w:rsidP="00A35FED">
            <w:r>
              <w:t xml:space="preserve">            $this.addClass('open');</w:t>
            </w:r>
          </w:p>
          <w:p w:rsidR="00A35FED" w:rsidRDefault="00A35FED" w:rsidP="00A35FED">
            <w:r>
              <w:t xml:space="preserve">            $this.find('ul .float-item').velocity(</w:t>
            </w:r>
          </w:p>
          <w:p w:rsidR="00A35FED" w:rsidRDefault="00A35FED" w:rsidP="00A35FED">
            <w:r>
              <w:t xml:space="preserve">                {scaleY: ".4", scaleX: ".4", translateY: offsetY + 'px', translateX: offsetX + 'px'},</w:t>
            </w:r>
          </w:p>
          <w:p w:rsidR="00A35FED" w:rsidRDefault="00A35FED" w:rsidP="00A35FED">
            <w:r>
              <w:t xml:space="preserve">                {duration: 0});</w:t>
            </w:r>
          </w:p>
          <w:p w:rsidR="00A35FED" w:rsidRDefault="00A35FED" w:rsidP="00A35FED"/>
          <w:p w:rsidR="00A35FED" w:rsidRDefault="00A35FED" w:rsidP="00A35FED">
            <w:r>
              <w:t xml:space="preserve">            var time = 0;</w:t>
            </w:r>
          </w:p>
          <w:p w:rsidR="00A35FED" w:rsidRDefault="00A35FED" w:rsidP="00A35FED">
            <w:r>
              <w:t xml:space="preserve">            $this.find('ul .float-item').reverse().each(function () {</w:t>
            </w:r>
          </w:p>
          <w:p w:rsidR="00A35FED" w:rsidRDefault="00A35FED" w:rsidP="00A35FED">
            <w:r>
              <w:t xml:space="preserve">                $(this).velocity(</w:t>
            </w:r>
          </w:p>
          <w:p w:rsidR="00A35FED" w:rsidRDefault="00A35FED" w:rsidP="00A35FED">
            <w:r>
              <w:t xml:space="preserve">                    {opacity: "1", scaleX: "1", scaleY: "1", translateY: "0", translateX: '0'},</w:t>
            </w:r>
          </w:p>
          <w:p w:rsidR="00A35FED" w:rsidRDefault="00A35FED" w:rsidP="00A35FED">
            <w:r>
              <w:t xml:space="preserve">                    {duration: 80, delay: time});</w:t>
            </w:r>
          </w:p>
          <w:p w:rsidR="00A35FED" w:rsidRDefault="00A35FED" w:rsidP="00A35FED">
            <w:r>
              <w:t xml:space="preserve">                time += 40;</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p w:rsidR="00A35FED" w:rsidRDefault="00A35FED" w:rsidP="00A35FED">
            <w:r>
              <w:t xml:space="preserve">    var closeFABMenu = function (btn) {</w:t>
            </w:r>
          </w:p>
          <w:p w:rsidR="00A35FED" w:rsidRDefault="00A35FED" w:rsidP="00A35FED">
            <w:r>
              <w:t xml:space="preserve">        $this = btn;</w:t>
            </w:r>
          </w:p>
          <w:p w:rsidR="00A35FED" w:rsidRDefault="00A35FED" w:rsidP="00A35FED">
            <w:r>
              <w:t xml:space="preserve">        // Get direction option</w:t>
            </w:r>
          </w:p>
          <w:p w:rsidR="00A35FED" w:rsidRDefault="00A35FED" w:rsidP="00A35FED">
            <w:r>
              <w:t xml:space="preserve">        var horizontal = $this.hasClass('horizontal');</w:t>
            </w:r>
          </w:p>
          <w:p w:rsidR="00A35FED" w:rsidRDefault="00A35FED" w:rsidP="00A35FED">
            <w:r>
              <w:t xml:space="preserve">        var offsetY, offsetX;</w:t>
            </w:r>
          </w:p>
          <w:p w:rsidR="00A35FED" w:rsidRDefault="00A35FED" w:rsidP="00A35FED"/>
          <w:p w:rsidR="00A35FED" w:rsidRDefault="00A35FED" w:rsidP="00A35FED">
            <w:r>
              <w:t xml:space="preserve">        if (horizontal === true) {</w:t>
            </w:r>
          </w:p>
          <w:p w:rsidR="00A35FED" w:rsidRDefault="00A35FED" w:rsidP="00A35FED">
            <w:r>
              <w:t xml:space="preserve">            offsetX = 40;</w:t>
            </w:r>
          </w:p>
          <w:p w:rsidR="00A35FED" w:rsidRDefault="00A35FED" w:rsidP="00A35FED">
            <w:r>
              <w:t xml:space="preserve">        } else {</w:t>
            </w:r>
          </w:p>
          <w:p w:rsidR="00A35FED" w:rsidRDefault="00A35FED" w:rsidP="00A35FED">
            <w:r>
              <w:t xml:space="preserve">            offsetY = 40;</w:t>
            </w:r>
          </w:p>
          <w:p w:rsidR="00A35FED" w:rsidRDefault="00A35FED" w:rsidP="00A35FED">
            <w:r>
              <w:t xml:space="preserve">        }</w:t>
            </w:r>
          </w:p>
          <w:p w:rsidR="00A35FED" w:rsidRDefault="00A35FED" w:rsidP="00A35FED"/>
          <w:p w:rsidR="00A35FED" w:rsidRDefault="00A35FED" w:rsidP="00A35FED">
            <w:r>
              <w:t xml:space="preserve">        $this.removeClass('open');</w:t>
            </w:r>
          </w:p>
          <w:p w:rsidR="00A35FED" w:rsidRDefault="00A35FED" w:rsidP="00A35FED">
            <w:r>
              <w:t xml:space="preserve">        var time = 0;</w:t>
            </w:r>
          </w:p>
          <w:p w:rsidR="00A35FED" w:rsidRDefault="00A35FED" w:rsidP="00A35FED">
            <w:r>
              <w:t xml:space="preserve">        $this.find('ul .float-item').velocity("stop", true);</w:t>
            </w:r>
          </w:p>
          <w:p w:rsidR="00A35FED" w:rsidRDefault="00A35FED" w:rsidP="00A35FED">
            <w:r>
              <w:t xml:space="preserve">        $this.find('ul .float-item').velocity(</w:t>
            </w:r>
          </w:p>
          <w:p w:rsidR="00A35FED" w:rsidRDefault="00A35FED" w:rsidP="00A35FED">
            <w:r>
              <w:t xml:space="preserve">            {opacity: "0", scaleX: ".4", scaleY: ".4", translateY: offsetY + 'px', translateX: offsetX + 'px'},</w:t>
            </w:r>
          </w:p>
          <w:p w:rsidR="00A35FED" w:rsidRDefault="00A35FED" w:rsidP="00A35FED">
            <w:r>
              <w:t xml:space="preserve">            {duration: 80}</w:t>
            </w:r>
          </w:p>
          <w:p w:rsidR="00A35FED" w:rsidRDefault="00A35FED" w:rsidP="00A35FED">
            <w:r>
              <w:t xml:space="preserve">        );</w:t>
            </w:r>
          </w:p>
          <w:p w:rsidR="00A35FED" w:rsidRDefault="00A35FED" w:rsidP="00A35FED">
            <w:r>
              <w:t xml:space="preserve">    };</w:t>
            </w:r>
          </w:p>
          <w:p w:rsidR="00A35FED" w:rsidRDefault="00A35FED" w:rsidP="00A35FED">
            <w:r>
              <w:t>&lt;/script&gt;</w:t>
            </w:r>
          </w:p>
          <w:p w:rsidR="00A35FED" w:rsidRDefault="00A35FED" w:rsidP="00A35FED">
            <w:r>
              <w:t>&lt;div id="divLoader" class="loading-widget" align="center"&gt;</w:t>
            </w:r>
          </w:p>
          <w:p w:rsidR="00A35FED" w:rsidRDefault="00A35FED" w:rsidP="00A35FED">
            <w:r>
              <w:t xml:space="preserve">    &lt;br/&gt;</w:t>
            </w:r>
          </w:p>
          <w:p w:rsidR="00A35FED" w:rsidRDefault="00A35FED" w:rsidP="00A35FED">
            <w:r>
              <w:t xml:space="preserve">    &lt;p class="text-default"&gt;</w:t>
            </w:r>
          </w:p>
          <w:p w:rsidR="00A35FED" w:rsidRDefault="00A35FED" w:rsidP="00A35FED">
            <w:r>
              <w:lastRenderedPageBreak/>
              <w:t xml:space="preserve">        Loading, Please Wait for a while...</w:t>
            </w:r>
          </w:p>
          <w:p w:rsidR="00A35FED" w:rsidRDefault="00A35FED" w:rsidP="00A35FED">
            <w:r>
              <w:t xml:space="preserve">    &lt;/p&gt;</w:t>
            </w:r>
          </w:p>
          <w:p w:rsidR="00A35FED" w:rsidRDefault="00A35FED" w:rsidP="00A35FED">
            <w:r>
              <w:t xml:space="preserve">    &lt;br/&gt;</w:t>
            </w:r>
          </w:p>
          <w:p w:rsidR="00A35FED" w:rsidRDefault="00A35FED" w:rsidP="00A35FED">
            <w:r>
              <w:t>&lt;/div&gt;</w:t>
            </w:r>
          </w:p>
          <w:p w:rsidR="00A35FED" w:rsidRDefault="00A35FED" w:rsidP="00A35FED">
            <w:r>
              <w:t>&lt;div id="divOverlay" class="loading-overlay"&gt;&lt;/div&gt;</w:t>
            </w:r>
          </w:p>
          <w:p w:rsidR="00A35FED" w:rsidRDefault="00A35FED" w:rsidP="00A35FED">
            <w:r>
              <w:t>&lt;script type="text/javascript"&gt;</w:t>
            </w:r>
          </w:p>
          <w:p w:rsidR="00A35FED" w:rsidRDefault="00A35FED" w:rsidP="00A35FED">
            <w:r>
              <w:t xml:space="preserve">    window.loading = function (show, message) {</w:t>
            </w:r>
          </w:p>
          <w:p w:rsidR="00A35FED" w:rsidRDefault="00A35FED" w:rsidP="00A35FED">
            <w:r>
              <w:t xml:space="preserve">        let overlay = $(".loading-overlay");</w:t>
            </w:r>
          </w:p>
          <w:p w:rsidR="00A35FED" w:rsidRDefault="00A35FED" w:rsidP="00A35FED">
            <w:r>
              <w:t xml:space="preserve">        let loading = $(".loading-widget");</w:t>
            </w:r>
          </w:p>
          <w:p w:rsidR="00A35FED" w:rsidRDefault="00A35FED" w:rsidP="00A35FED">
            <w:r>
              <w:t xml:space="preserve">        $("p", loading).html(message);</w:t>
            </w:r>
          </w:p>
          <w:p w:rsidR="00A35FED" w:rsidRDefault="00A35FED" w:rsidP="00A35FED">
            <w:r>
              <w:t xml:space="preserve">        if (show) {</w:t>
            </w:r>
          </w:p>
          <w:p w:rsidR="00A35FED" w:rsidRDefault="00A35FED" w:rsidP="00A35FED">
            <w:r>
              <w:t xml:space="preserve">            let top = Math.max($(window).height() / 2 - loading[0].offsetHeight / 2 - 50, 0);</w:t>
            </w:r>
          </w:p>
          <w:p w:rsidR="00A35FED" w:rsidRDefault="00A35FED" w:rsidP="00A35FED">
            <w:r>
              <w:t xml:space="preserve">            overlay.fadeIn();</w:t>
            </w:r>
          </w:p>
          <w:p w:rsidR="00A35FED" w:rsidRDefault="00A35FED" w:rsidP="00A35FED">
            <w:r>
              <w:t xml:space="preserve">            loading.fadeIn();</w:t>
            </w:r>
          </w:p>
          <w:p w:rsidR="00A35FED" w:rsidRDefault="00A35FED" w:rsidP="00A35FED">
            <w:r>
              <w:t xml:space="preserve">            loading.css({</w:t>
            </w:r>
          </w:p>
          <w:p w:rsidR="00A35FED" w:rsidRDefault="00A35FED" w:rsidP="00A35FED">
            <w:r>
              <w:t xml:space="preserve">                top: top</w:t>
            </w:r>
          </w:p>
          <w:p w:rsidR="00A35FED" w:rsidRDefault="00A35FED" w:rsidP="00A35FED">
            <w:r>
              <w:t xml:space="preserve">            });</w:t>
            </w:r>
          </w:p>
          <w:p w:rsidR="00A35FED" w:rsidRDefault="00A35FED" w:rsidP="00A35FED">
            <w:r>
              <w:t xml:space="preserve">        } else {</w:t>
            </w:r>
          </w:p>
          <w:p w:rsidR="00A35FED" w:rsidRDefault="00A35FED" w:rsidP="00A35FED">
            <w:r>
              <w:t xml:space="preserve">            overlay.fadeOut();</w:t>
            </w:r>
          </w:p>
          <w:p w:rsidR="00A35FED" w:rsidRDefault="00A35FED" w:rsidP="00A35FED">
            <w:r>
              <w:t xml:space="preserve">            loading.fadeOut();</w:t>
            </w:r>
          </w:p>
          <w:p w:rsidR="00A35FED" w:rsidRDefault="00A35FED" w:rsidP="00A35FED">
            <w:r>
              <w:t xml:space="preserve">        }</w:t>
            </w:r>
          </w:p>
          <w:p w:rsidR="00A35FED" w:rsidRDefault="00A35FED" w:rsidP="00A35FED">
            <w:r>
              <w:t xml:space="preserve">    }</w:t>
            </w:r>
          </w:p>
          <w:p w:rsidR="00A35FED" w:rsidRDefault="00A35FED" w:rsidP="00A35FED">
            <w:r>
              <w:t>&lt;/script&gt;</w:t>
            </w:r>
          </w:p>
          <w:p w:rsidR="00A35FED" w:rsidRDefault="00A35FED" w:rsidP="00A35FED">
            <w:r>
              <w:t>&lt;style type="text/css"&gt;</w:t>
            </w:r>
          </w:p>
          <w:p w:rsidR="00A35FED" w:rsidRDefault="00A35FED" w:rsidP="00A35FED">
            <w:r>
              <w:t xml:space="preserve">    .loading-overlay {</w:t>
            </w:r>
          </w:p>
          <w:p w:rsidR="00A35FED" w:rsidRDefault="00A35FED" w:rsidP="00A35FED">
            <w:r>
              <w:t xml:space="preserve">        display: none;</w:t>
            </w:r>
          </w:p>
          <w:p w:rsidR="00A35FED" w:rsidRDefault="00A35FED" w:rsidP="00A35FED">
            <w:r>
              <w:t xml:space="preserve">        position: fixed;</w:t>
            </w:r>
          </w:p>
          <w:p w:rsidR="00A35FED" w:rsidRDefault="00A35FED" w:rsidP="00A35FED">
            <w:r>
              <w:t xml:space="preserve">        top: 0;</w:t>
            </w:r>
          </w:p>
          <w:p w:rsidR="00A35FED" w:rsidRDefault="00A35FED" w:rsidP="00A35FED">
            <w:r>
              <w:t xml:space="preserve">        left: 0;</w:t>
            </w:r>
          </w:p>
          <w:p w:rsidR="00A35FED" w:rsidRDefault="00A35FED" w:rsidP="00A35FED">
            <w:r>
              <w:t xml:space="preserve">        background-color: #FFFFFF;</w:t>
            </w:r>
          </w:p>
          <w:p w:rsidR="00A35FED" w:rsidRDefault="00A35FED" w:rsidP="00A35FED">
            <w:r>
              <w:t xml:space="preserve">        z-index: 10060;</w:t>
            </w:r>
          </w:p>
          <w:p w:rsidR="00A35FED" w:rsidRDefault="00A35FED" w:rsidP="00A35FED">
            <w:r>
              <w:t xml:space="preserve">        opacity: 0.8;</w:t>
            </w:r>
          </w:p>
          <w:p w:rsidR="00A35FED" w:rsidRDefault="00A35FED" w:rsidP="00A35FED">
            <w:r>
              <w:t xml:space="preserve">        filter: alpha(opacity=80);</w:t>
            </w:r>
          </w:p>
          <w:p w:rsidR="00A35FED" w:rsidRDefault="00A35FED" w:rsidP="00A35FED">
            <w:r>
              <w:t xml:space="preserve">        -moz-opacity: 0.8;</w:t>
            </w:r>
          </w:p>
          <w:p w:rsidR="00A35FED" w:rsidRDefault="00A35FED" w:rsidP="00A35FED">
            <w:r>
              <w:t xml:space="preserve">        min-height: 100%;</w:t>
            </w:r>
          </w:p>
          <w:p w:rsidR="00A35FED" w:rsidRDefault="00A35FED" w:rsidP="00A35FED">
            <w:r>
              <w:t xml:space="preserve">        width: 100%;</w:t>
            </w:r>
          </w:p>
          <w:p w:rsidR="00A35FED" w:rsidRDefault="00A35FED" w:rsidP="00A35FED">
            <w:r>
              <w:t xml:space="preserve">    }</w:t>
            </w:r>
          </w:p>
          <w:p w:rsidR="00A35FED" w:rsidRDefault="00A35FED" w:rsidP="00A35FED">
            <w:r>
              <w:t xml:space="preserve">    .loading-widget {</w:t>
            </w:r>
          </w:p>
          <w:p w:rsidR="00A35FED" w:rsidRDefault="00A35FED" w:rsidP="00A35FED">
            <w:r>
              <w:t xml:space="preserve">        font-family: Arial;</w:t>
            </w:r>
          </w:p>
          <w:p w:rsidR="00A35FED" w:rsidRDefault="00A35FED" w:rsidP="00A35FED">
            <w:r>
              <w:t xml:space="preserve">        font-size: 10pt;</w:t>
            </w:r>
          </w:p>
          <w:p w:rsidR="00A35FED" w:rsidRDefault="00A35FED" w:rsidP="00A35FED">
            <w:r>
              <w:t xml:space="preserve">        width: 350px;</w:t>
            </w:r>
          </w:p>
          <w:p w:rsidR="00A35FED" w:rsidRDefault="00A35FED" w:rsidP="00A35FED">
            <w:r>
              <w:t xml:space="preserve">        height: 130px;</w:t>
            </w:r>
          </w:p>
          <w:p w:rsidR="00A35FED" w:rsidRDefault="00A35FED" w:rsidP="00A35FED">
            <w:r>
              <w:t xml:space="preserve">        display: none;</w:t>
            </w:r>
          </w:p>
          <w:p w:rsidR="00A35FED" w:rsidRDefault="00A35FED" w:rsidP="00A35FED">
            <w:r>
              <w:t xml:space="preserve">        position: fixed;</w:t>
            </w:r>
          </w:p>
          <w:p w:rsidR="00A35FED" w:rsidRDefault="00A35FED" w:rsidP="00A35FED">
            <w:r>
              <w:t xml:space="preserve">        background: transparent url("img/loader.gif") 50% 50% no-repeat;</w:t>
            </w:r>
          </w:p>
          <w:p w:rsidR="00A35FED" w:rsidRDefault="00A35FED" w:rsidP="00A35FED">
            <w:r>
              <w:t xml:space="preserve">        z-index: 10080;</w:t>
            </w:r>
          </w:p>
          <w:p w:rsidR="00A35FED" w:rsidRDefault="00A35FED" w:rsidP="00A35FED">
            <w:r>
              <w:t xml:space="preserve">        left: 50%;</w:t>
            </w:r>
          </w:p>
          <w:p w:rsidR="00A35FED" w:rsidRDefault="00A35FED" w:rsidP="00A35FED">
            <w:r>
              <w:t xml:space="preserve">        margin-left: -175px;</w:t>
            </w:r>
          </w:p>
          <w:p w:rsidR="00A35FED" w:rsidRDefault="00A35FED" w:rsidP="00A35FED">
            <w:r>
              <w:lastRenderedPageBreak/>
              <w:t xml:space="preserve">    }</w:t>
            </w:r>
          </w:p>
          <w:p w:rsidR="00A35FED" w:rsidRDefault="00A35FED" w:rsidP="00A35FED">
            <w:r>
              <w:t xml:space="preserve">    .loading-widget p {</w:t>
            </w:r>
          </w:p>
          <w:p w:rsidR="00A35FED" w:rsidRDefault="00A35FED" w:rsidP="00A35FED">
            <w:r>
              <w:t xml:space="preserve">        margin-top: 130px;</w:t>
            </w:r>
          </w:p>
          <w:p w:rsidR="00A35FED" w:rsidRDefault="00A35FED" w:rsidP="00A35FED">
            <w:r>
              <w:t xml:space="preserve">        font-weight: bolder;</w:t>
            </w:r>
          </w:p>
          <w:p w:rsidR="00A35FED" w:rsidRDefault="00A35FED" w:rsidP="00A35FED">
            <w:r>
              <w:t xml:space="preserve">        color: #035b67;</w:t>
            </w:r>
          </w:p>
          <w:p w:rsidR="00A35FED" w:rsidRDefault="00A35FED" w:rsidP="00A35FED">
            <w:r>
              <w:t xml:space="preserve">        font-size: 18px;</w:t>
            </w:r>
          </w:p>
          <w:p w:rsidR="00A35FED" w:rsidRDefault="00A35FED" w:rsidP="00A35FED">
            <w:r>
              <w:t xml:space="preserve">    }</w:t>
            </w:r>
          </w:p>
          <w:p w:rsidR="00A35FED" w:rsidRDefault="00A35FED" w:rsidP="00A35FED">
            <w:r>
              <w:t>&lt;/style&gt;&lt;div id="toTop"&gt;&lt;/div&gt;</w:t>
            </w:r>
          </w:p>
          <w:p w:rsidR="00A35FED" w:rsidRDefault="00A35FED" w:rsidP="00A35FED"/>
          <w:p w:rsidR="00A35FED" w:rsidRDefault="00A35FED" w:rsidP="00A35FED">
            <w:r>
              <w:t>&lt;script type="text/javascript"&gt;</w:t>
            </w:r>
          </w:p>
          <w:p w:rsidR="00A35FED" w:rsidRDefault="00A35FED" w:rsidP="00A35FED">
            <w:r>
              <w:t xml:space="preserve">    $(document).ready(function () {</w:t>
            </w:r>
          </w:p>
          <w:p w:rsidR="00A35FED" w:rsidRDefault="00A35FED" w:rsidP="00A35FED">
            <w:r>
              <w:t xml:space="preserve">        /*if (document.referrer !== "" &amp;&amp;</w:t>
            </w:r>
          </w:p>
          <w:p w:rsidR="00A35FED" w:rsidRDefault="00A35FED" w:rsidP="00A35FED">
            <w:r>
              <w:t xml:space="preserve">            (new URL(document.referrer)).origin !== window.location.origin &amp;&amp;</w:t>
            </w:r>
          </w:p>
          <w:p w:rsidR="00A35FED" w:rsidRDefault="00A35FED" w:rsidP="00A35FED">
            <w:r>
              <w:t xml:space="preserve">            lscache.get("last_visited")) {</w:t>
            </w:r>
          </w:p>
          <w:p w:rsidR="00A35FED" w:rsidRDefault="00A35FED" w:rsidP="00A35FED">
            <w:r>
              <w:t xml:space="preserve">            var lastVisited = lscache.get("last_visited");</w:t>
            </w:r>
          </w:p>
          <w:p w:rsidR="00A35FED" w:rsidRDefault="00A35FED" w:rsidP="00A35FED">
            <w:r>
              <w:t xml:space="preserve">            lscache.remove("last_visited");</w:t>
            </w:r>
          </w:p>
          <w:p w:rsidR="00A35FED" w:rsidRDefault="00A35FED" w:rsidP="00A35FED">
            <w:r>
              <w:t xml:space="preserve">            window.location.href = lastVisited;</w:t>
            </w:r>
          </w:p>
          <w:p w:rsidR="00A35FED" w:rsidRDefault="00A35FED" w:rsidP="00A35FED">
            <w:r>
              <w:t xml:space="preserve">        } else {</w:t>
            </w:r>
          </w:p>
          <w:p w:rsidR="00A35FED" w:rsidRDefault="00A35FED" w:rsidP="00A35FED">
            <w:r>
              <w:t xml:space="preserve">            //lscache.set("last_visited", window.location.href);</w:t>
            </w:r>
          </w:p>
          <w:p w:rsidR="00A35FED" w:rsidRDefault="00A35FED" w:rsidP="00A35FED">
            <w:r>
              <w:t xml:space="preserve">        }*/</w:t>
            </w:r>
          </w:p>
          <w:p w:rsidR="00A35FED" w:rsidRDefault="00A35FED" w:rsidP="00A35FED">
            <w:r>
              <w:t xml:space="preserve">        /*window.onbeforeunload = function() {</w:t>
            </w:r>
          </w:p>
          <w:p w:rsidR="00A35FED" w:rsidRDefault="00A35FED" w:rsidP="00A35FED">
            <w:r>
              <w:t xml:space="preserve">            lscache.set("last_visited", window.location.href);</w:t>
            </w:r>
          </w:p>
          <w:p w:rsidR="00A35FED" w:rsidRDefault="00A35FED" w:rsidP="00A35FED">
            <w:r>
              <w:t xml:space="preserve">            return;</w:t>
            </w:r>
          </w:p>
          <w:p w:rsidR="00A35FED" w:rsidRDefault="00A35FED" w:rsidP="00A35FED">
            <w:r>
              <w:t xml:space="preserve">        }*/</w:t>
            </w:r>
          </w:p>
          <w:p w:rsidR="00A35FED" w:rsidRDefault="00A35FED" w:rsidP="00A35FED">
            <w:r>
              <w:t xml:space="preserve">        fnUpdateWishFlag();</w:t>
            </w:r>
          </w:p>
          <w:p w:rsidR="00A35FED" w:rsidRDefault="00A35FED" w:rsidP="00A35FED">
            <w:r>
              <w:t xml:space="preserve">        $(document.body).on("click", ".btn-wishlist", function (e) {</w:t>
            </w:r>
          </w:p>
          <w:p w:rsidR="00A35FED" w:rsidRDefault="00A35FED" w:rsidP="00A35FED">
            <w:r>
              <w:t xml:space="preserve">            e.preventDefault();</w:t>
            </w:r>
          </w:p>
          <w:p w:rsidR="00A35FED" w:rsidRDefault="00A35FED" w:rsidP="00A35FED">
            <w:r>
              <w:t xml:space="preserve">            var that = this;</w:t>
            </w:r>
          </w:p>
          <w:p w:rsidR="00A35FED" w:rsidRDefault="00A35FED" w:rsidP="00A35FED">
            <w:r>
              <w:t xml:space="preserve">            let href = $(that).data("href");</w:t>
            </w:r>
          </w:p>
          <w:p w:rsidR="00A35FED" w:rsidRDefault="00A35FED" w:rsidP="00A35FED">
            <w:r>
              <w:t xml:space="preserve">            let rid = $(that).data("id");</w:t>
            </w:r>
          </w:p>
          <w:p w:rsidR="00A35FED" w:rsidRDefault="00A35FED" w:rsidP="00A35FED">
            <w:r>
              <w:t xml:space="preserve">            if (href) {</w:t>
            </w:r>
          </w:p>
          <w:p w:rsidR="00A35FED" w:rsidRDefault="00A35FED" w:rsidP="00A35FED">
            <w:r>
              <w:t xml:space="preserve">                $.ajax({</w:t>
            </w:r>
          </w:p>
          <w:p w:rsidR="00A35FED" w:rsidRDefault="00A35FED" w:rsidP="00A35FED">
            <w:r>
              <w:t xml:space="preserve">                    type: "get",</w:t>
            </w:r>
          </w:p>
          <w:p w:rsidR="00A35FED" w:rsidRDefault="00A35FED" w:rsidP="00A35FED">
            <w:r>
              <w:t xml:space="preserve">                    url: href,</w:t>
            </w:r>
          </w:p>
          <w:p w:rsidR="00A35FED" w:rsidRDefault="00A35FED" w:rsidP="00A35FED">
            <w:r>
              <w:t xml:space="preserve">                    beforeSend: function () {</w:t>
            </w:r>
          </w:p>
          <w:p w:rsidR="00A35FED" w:rsidRDefault="00A35FED" w:rsidP="00A35FED">
            <w:r>
              <w:t xml:space="preserve">                        $(that).addClass("block-loader");</w:t>
            </w:r>
          </w:p>
          <w:p w:rsidR="00A35FED" w:rsidRDefault="00A35FED" w:rsidP="00A35FED">
            <w:r>
              <w:t xml:space="preserve">                    },</w:t>
            </w:r>
          </w:p>
          <w:p w:rsidR="00A35FED" w:rsidRDefault="00A35FED" w:rsidP="00A35FED">
            <w:r>
              <w:t xml:space="preserve">                    success: function (response) {</w:t>
            </w:r>
          </w:p>
          <w:p w:rsidR="00A35FED" w:rsidRDefault="00A35FED" w:rsidP="00A35FED">
            <w:r>
              <w:t xml:space="preserve">                        $(that).removeClass("block-loader");</w:t>
            </w:r>
          </w:p>
          <w:p w:rsidR="00A35FED" w:rsidRDefault="00A35FED" w:rsidP="00A35FED">
            <w:r>
              <w:t xml:space="preserve">                        $(that).toggleClass("liked");</w:t>
            </w:r>
          </w:p>
          <w:p w:rsidR="00A35FED" w:rsidRDefault="00A35FED" w:rsidP="00A35FED">
            <w:r>
              <w:t xml:space="preserve">                        $("span", that).text($(that).hasClass("liked") ? "In Your List" : "Add To My List");</w:t>
            </w:r>
          </w:p>
          <w:p w:rsidR="00A35FED" w:rsidRDefault="00A35FED" w:rsidP="00A35FED">
            <w:r>
              <w:t xml:space="preserve">                        $(that).attr("data-original-title", $(that).hasClass("liked") ? "Remove From Your List" : "Add To My List").tooltip('show');</w:t>
            </w:r>
          </w:p>
          <w:p w:rsidR="00A35FED" w:rsidRDefault="00A35FED" w:rsidP="00A35FED">
            <w:r>
              <w:t xml:space="preserve">                    }</w:t>
            </w:r>
          </w:p>
          <w:p w:rsidR="00A35FED" w:rsidRDefault="00A35FED" w:rsidP="00A35FED">
            <w:r>
              <w:t xml:space="preserve">                });</w:t>
            </w:r>
          </w:p>
          <w:p w:rsidR="00A35FED" w:rsidRDefault="00A35FED" w:rsidP="00A35FED">
            <w:r>
              <w:t xml:space="preserve">            } else {</w:t>
            </w:r>
          </w:p>
          <w:p w:rsidR="00A35FED" w:rsidRDefault="00A35FED" w:rsidP="00A35FED">
            <w:r>
              <w:t xml:space="preserve">                let wishList = lscache.get("wishlist") || [];</w:t>
            </w:r>
          </w:p>
          <w:p w:rsidR="00A35FED" w:rsidRDefault="00A35FED" w:rsidP="00A35FED">
            <w:r>
              <w:t xml:space="preserve">                if (wishList.includes(rid)) {</w:t>
            </w:r>
          </w:p>
          <w:p w:rsidR="00A35FED" w:rsidRDefault="00A35FED" w:rsidP="00A35FED">
            <w:r>
              <w:lastRenderedPageBreak/>
              <w:t xml:space="preserve">                    wishList = _.without(wishList, rid);</w:t>
            </w:r>
          </w:p>
          <w:p w:rsidR="00A35FED" w:rsidRDefault="00A35FED" w:rsidP="00A35FED">
            <w:r>
              <w:t xml:space="preserve">                } else {</w:t>
            </w:r>
          </w:p>
          <w:p w:rsidR="00A35FED" w:rsidRDefault="00A35FED" w:rsidP="00A35FED">
            <w:r>
              <w:t xml:space="preserve">                    wishList.push(rid);</w:t>
            </w:r>
          </w:p>
          <w:p w:rsidR="00A35FED" w:rsidRDefault="00A35FED" w:rsidP="00A35FED">
            <w:r>
              <w:t xml:space="preserve">                }</w:t>
            </w:r>
          </w:p>
          <w:p w:rsidR="00A35FED" w:rsidRDefault="00A35FED" w:rsidP="00A35FED">
            <w:r>
              <w:t xml:space="preserve">                lscache.set("wishlist", wishList);</w:t>
            </w:r>
          </w:p>
          <w:p w:rsidR="00A35FED" w:rsidRDefault="00A35FED" w:rsidP="00A35FED">
            <w:r>
              <w:t xml:space="preserve">                $(this).toggleClass("liked");</w:t>
            </w:r>
          </w:p>
          <w:p w:rsidR="00A35FED" w:rsidRDefault="00A35FED" w:rsidP="00A35FED">
            <w:r>
              <w:t xml:space="preserve">                $("span", this).text($(this).hasClass("liked") ? "In Your List" : "Add To My List");</w:t>
            </w:r>
          </w:p>
          <w:p w:rsidR="00A35FED" w:rsidRDefault="00A35FED" w:rsidP="00A35FED">
            <w:r>
              <w:t xml:space="preserve">                $(this).attr("data-original-title", $(this).hasClass("liked") ? "Remove From Your List" : "Add To My List").tooltip('show');</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window.fnUpdateWishFlag = function () {</w:t>
            </w:r>
          </w:p>
          <w:p w:rsidR="00A35FED" w:rsidRDefault="00A35FED" w:rsidP="00A35FED">
            <w:r>
              <w:t xml:space="preserve">        let wishList = lscache.get("wishlist") || [];</w:t>
            </w:r>
          </w:p>
          <w:p w:rsidR="00A35FED" w:rsidRDefault="00A35FED" w:rsidP="00A35FED">
            <w:r>
              <w:t xml:space="preserve">        wishList.forEach(function (item) {</w:t>
            </w:r>
          </w:p>
          <w:p w:rsidR="00A35FED" w:rsidRDefault="00A35FED" w:rsidP="00A35FED">
            <w:r>
              <w:t xml:space="preserve">            $(".btn-wishlist[data-id='" + item + "']").addClass("liked");</w:t>
            </w:r>
          </w:p>
          <w:p w:rsidR="00A35FED" w:rsidRDefault="00A35FED" w:rsidP="00A35FED">
            <w:r>
              <w:t xml:space="preserve">            $(".btn-wishlist[data-id='" + item + "'].liked span").text("In Your List");</w:t>
            </w:r>
          </w:p>
          <w:p w:rsidR="00A35FED" w:rsidRDefault="00A35FED" w:rsidP="00A35FED">
            <w:r>
              <w:t xml:space="preserve">            $(".btn-wishlist[data-id='" + item + "'].liked").attr("title", "Remove From Your List");</w:t>
            </w:r>
          </w:p>
          <w:p w:rsidR="00A35FED" w:rsidRDefault="00A35FED" w:rsidP="00A35FED">
            <w:r>
              <w:t xml:space="preserve">        });</w:t>
            </w:r>
          </w:p>
          <w:p w:rsidR="00A35FED" w:rsidRDefault="00A35FED" w:rsidP="00A35FED">
            <w:r>
              <w:t xml:space="preserve">    };</w:t>
            </w:r>
          </w:p>
          <w:p w:rsidR="00A35FED" w:rsidRDefault="00A35FED" w:rsidP="00A35FED">
            <w:r>
              <w:t xml:space="preserve">    &lt;/script&gt;</w:t>
            </w:r>
          </w:p>
          <w:p w:rsidR="00A35FED" w:rsidRDefault="00A35FED" w:rsidP="00A35FED"/>
          <w:p w:rsidR="00A35FED" w:rsidRDefault="00A35FED" w:rsidP="00A35FED">
            <w:r>
              <w:t xml:space="preserve">    &lt;script src="spf/js/theme.js"&gt;&lt;/script&gt;</w:t>
            </w:r>
          </w:p>
          <w:p w:rsidR="00A35FED" w:rsidRDefault="00A35FED" w:rsidP="00A35FED">
            <w:r>
              <w:t xml:space="preserve">    &lt;script src="js/lscache.js"&gt;&lt;/script&gt;</w:t>
            </w:r>
          </w:p>
          <w:p w:rsidR="00A35FED" w:rsidRDefault="00A35FED" w:rsidP="00A35FED">
            <w:r>
              <w:t xml:space="preserve">    &lt;script src="js/notify.js"&gt;&lt;/script&gt;</w:t>
            </w:r>
          </w:p>
          <w:p w:rsidR="00A35FED" w:rsidRDefault="00A35FED" w:rsidP="00A35FED">
            <w:r>
              <w:t xml:space="preserve">    &lt;script src="js/common.js"&gt;&lt;/script&gt;</w:t>
            </w:r>
          </w:p>
          <w:p w:rsidR="00A35FED" w:rsidRDefault="00A35FED" w:rsidP="00A35FED">
            <w:r>
              <w:t xml:space="preserve">    &lt;script src="js/velocity.js"&gt;&lt;/script&gt;</w:t>
            </w:r>
          </w:p>
          <w:p w:rsidR="00A35FED" w:rsidRDefault="00A35FED" w:rsidP="00A35FED">
            <w:r>
              <w:t xml:space="preserve">    &lt;script src="js/validator.js"&gt;&lt;/script&gt;</w:t>
            </w:r>
          </w:p>
          <w:p w:rsidR="00A35FED" w:rsidRDefault="00A35FED" w:rsidP="00A35FED">
            <w:r>
              <w:t xml:space="preserve">    &lt;script src="spf/js/init.js"&gt;&lt;/script&gt;</w:t>
            </w:r>
          </w:p>
          <w:p w:rsidR="00A35FED" w:rsidRDefault="00A35FED" w:rsidP="00A35FED"/>
          <w:p w:rsidR="00A35FED" w:rsidRDefault="00A35FED" w:rsidP="00A35FED">
            <w:r>
              <w:t xml:space="preserve">    &lt;script type="text/javascript"&gt;</w:t>
            </w:r>
          </w:p>
          <w:p w:rsidR="00A35FED" w:rsidRDefault="00A35FED" w:rsidP="00A35FED">
            <w:r>
              <w:t xml:space="preserve">        $(document.body).on("click", "#btnGetVoucher", function (e) {</w:t>
            </w:r>
          </w:p>
          <w:p w:rsidR="00A35FED" w:rsidRDefault="00A35FED" w:rsidP="00A35FED">
            <w:r>
              <w:t xml:space="preserve">            e.preventDefault();</w:t>
            </w:r>
          </w:p>
          <w:p w:rsidR="00A35FED" w:rsidRDefault="00A35FED" w:rsidP="00A35FED">
            <w:r>
              <w:t xml:space="preserve">            var target = $("#divVoucherInfo");</w:t>
            </w:r>
          </w:p>
          <w:p w:rsidR="00A35FED" w:rsidRDefault="00A35FED" w:rsidP="00A35FED">
            <w:r>
              <w:t xml:space="preserve">            var vTarget = $("#divVoucherHolder");</w:t>
            </w:r>
          </w:p>
          <w:p w:rsidR="00A35FED" w:rsidRDefault="00A35FED" w:rsidP="00A35FED">
            <w:r>
              <w:t xml:space="preserve">            var href = $(this).data("href");</w:t>
            </w:r>
          </w:p>
          <w:p w:rsidR="00A35FED" w:rsidRDefault="00A35FED" w:rsidP="00A35FED">
            <w:r>
              <w:t xml:space="preserve">            $.ajax({</w:t>
            </w:r>
          </w:p>
          <w:p w:rsidR="00A35FED" w:rsidRDefault="00A35FED" w:rsidP="00A35FED">
            <w:r>
              <w:t xml:space="preserve">                type: "get",</w:t>
            </w:r>
          </w:p>
          <w:p w:rsidR="00A35FED" w:rsidRDefault="00A35FED" w:rsidP="00A35FED">
            <w:r>
              <w:t xml:space="preserve">                url: href,</w:t>
            </w:r>
          </w:p>
          <w:p w:rsidR="00A35FED" w:rsidRDefault="00A35FED" w:rsidP="00A35FED">
            <w:r>
              <w:t xml:space="preserve">                beforeSend: function () {</w:t>
            </w:r>
          </w:p>
          <w:p w:rsidR="00A35FED" w:rsidRDefault="00A35FED" w:rsidP="00A35FED">
            <w:r>
              <w:t xml:space="preserve">                    target.addClass("block-loader");</w:t>
            </w:r>
          </w:p>
          <w:p w:rsidR="00A35FED" w:rsidRDefault="00A35FED" w:rsidP="00A35FED">
            <w:r>
              <w:t xml:space="preserve">                },</w:t>
            </w:r>
          </w:p>
          <w:p w:rsidR="00A35FED" w:rsidRDefault="00A35FED" w:rsidP="00A35FED">
            <w:r>
              <w:t xml:space="preserve">                success: function (response) {</w:t>
            </w:r>
          </w:p>
          <w:p w:rsidR="00A35FED" w:rsidRDefault="00A35FED" w:rsidP="00A35FED">
            <w:r>
              <w:t xml:space="preserve">                    vTarget.html(response.split("($)")[0]);</w:t>
            </w:r>
          </w:p>
          <w:p w:rsidR="00A35FED" w:rsidRDefault="00A35FED" w:rsidP="00A35FED">
            <w:r>
              <w:t xml:space="preserve">                    target.html(response.split("($)")[1]);</w:t>
            </w:r>
          </w:p>
          <w:p w:rsidR="00A35FED" w:rsidRDefault="00A35FED" w:rsidP="00A35FED">
            <w:r>
              <w:t xml:space="preserve">                    target.removeClass("block-loader");</w:t>
            </w:r>
          </w:p>
          <w:p w:rsidR="00A35FED" w:rsidRDefault="00A35FED" w:rsidP="00A35FED">
            <w:r>
              <w:t xml:space="preserve">                }</w:t>
            </w:r>
          </w:p>
          <w:p w:rsidR="00A35FED" w:rsidRDefault="00A35FED" w:rsidP="00A35FED">
            <w:r>
              <w:t xml:space="preserve">            });</w:t>
            </w:r>
          </w:p>
          <w:p w:rsidR="00A35FED" w:rsidRDefault="00A35FED" w:rsidP="00A35FED">
            <w:r>
              <w:lastRenderedPageBreak/>
              <w:t xml:space="preserve">        });</w:t>
            </w:r>
          </w:p>
          <w:p w:rsidR="00A35FED" w:rsidRDefault="00A35FED" w:rsidP="00A35FED">
            <w:r>
              <w:t xml:space="preserve">        $(document.body).on("click", ".btnToggleWidget", function (e) {</w:t>
            </w:r>
          </w:p>
          <w:p w:rsidR="00A35FED" w:rsidRDefault="00A35FED" w:rsidP="00A35FED">
            <w:r>
              <w:t xml:space="preserve">            e.preventDefault();</w:t>
            </w:r>
          </w:p>
          <w:p w:rsidR="00A35FED" w:rsidRDefault="00A35FED" w:rsidP="00A35FED">
            <w:r>
              <w:t xml:space="preserve">            var target = $(this).data("target");</w:t>
            </w:r>
          </w:p>
          <w:p w:rsidR="00A35FED" w:rsidRDefault="00A35FED" w:rsidP="00A35FED">
            <w:r>
              <w:t xml:space="preserve">            var href = $(this).data("href");</w:t>
            </w:r>
          </w:p>
          <w:p w:rsidR="00A35FED" w:rsidRDefault="00A35FED" w:rsidP="00A35FED">
            <w:r>
              <w:t xml:space="preserve">            $(target).hide();</w:t>
            </w:r>
          </w:p>
          <w:p w:rsidR="00A35FED" w:rsidRDefault="00A35FED" w:rsidP="00A35FED">
            <w:r>
              <w:t xml:space="preserve">            $(href).show();</w:t>
            </w:r>
          </w:p>
          <w:p w:rsidR="00A35FED" w:rsidRDefault="00A35FED" w:rsidP="00A35FED">
            <w:r>
              <w:t xml:space="preserve">        });</w:t>
            </w:r>
          </w:p>
          <w:p w:rsidR="00A35FED" w:rsidRDefault="00A35FED" w:rsidP="00A35FED">
            <w:r>
              <w:t xml:space="preserve">    &lt;/script&gt;</w:t>
            </w:r>
          </w:p>
          <w:p w:rsidR="00A35FED" w:rsidRDefault="00A35FED" w:rsidP="00A35FED">
            <w:r>
              <w:t xml:space="preserve">    &lt;script type="text/javascript"&gt;</w:t>
            </w:r>
          </w:p>
          <w:p w:rsidR="00A35FED" w:rsidRDefault="00A35FED" w:rsidP="00A35FED">
            <w:r>
              <w:t xml:space="preserve">    $(document).ready(function () {</w:t>
            </w:r>
          </w:p>
          <w:p w:rsidR="00A35FED" w:rsidRDefault="00A35FED" w:rsidP="00A35FED">
            <w:r>
              <w:t xml:space="preserve">            });</w:t>
            </w:r>
          </w:p>
          <w:p w:rsidR="00A35FED" w:rsidRDefault="00A35FED" w:rsidP="00A35FED">
            <w:r>
              <w:t xml:space="preserve">    function onStorageEvent(e) {</w:t>
            </w:r>
          </w:p>
          <w:p w:rsidR="00A35FED" w:rsidRDefault="00A35FED" w:rsidP="00A35FED">
            <w:r>
              <w:t xml:space="preserve">        if (e.key === "session-expired") {</w:t>
            </w:r>
          </w:p>
          <w:p w:rsidR="00A35FED" w:rsidRDefault="00A35FED" w:rsidP="00A35FED">
            <w:r>
              <w:t xml:space="preserve">            swal.fire({</w:t>
            </w:r>
          </w:p>
          <w:p w:rsidR="00A35FED" w:rsidRDefault="00A35FED" w:rsidP="00A35FED">
            <w:r>
              <w:t xml:space="preserve">                title: "You Session seems Expired!!",</w:t>
            </w:r>
          </w:p>
          <w:p w:rsidR="00A35FED" w:rsidRDefault="00A35FED" w:rsidP="00A35FED">
            <w:r>
              <w:t xml:space="preserve">                text: "You have logged out from your other active session.",</w:t>
            </w:r>
          </w:p>
          <w:p w:rsidR="00A35FED" w:rsidRDefault="00A35FED" w:rsidP="00A35FED">
            <w:r>
              <w:t xml:space="preserve">                icon: "info",</w:t>
            </w:r>
          </w:p>
          <w:p w:rsidR="00A35FED" w:rsidRDefault="00A35FED" w:rsidP="00A35FED">
            <w:r>
              <w:t xml:space="preserve">                confirmButtonColor: "#DD6B55",</w:t>
            </w:r>
          </w:p>
          <w:p w:rsidR="00A35FED" w:rsidRDefault="00A35FED" w:rsidP="00A35FED">
            <w:r>
              <w:t xml:space="preserve">                confirmButtonText: "Ok, Got it!!",</w:t>
            </w:r>
          </w:p>
          <w:p w:rsidR="00A35FED" w:rsidRDefault="00A35FED" w:rsidP="00A35FED">
            <w:r>
              <w:t xml:space="preserve">                showLoaderOnConfirm: true,</w:t>
            </w:r>
          </w:p>
          <w:p w:rsidR="00A35FED" w:rsidRDefault="00A35FED" w:rsidP="00A35FED">
            <w:r>
              <w:t xml:space="preserve">                allowOutsideClick: false</w:t>
            </w:r>
          </w:p>
          <w:p w:rsidR="00A35FED" w:rsidRDefault="00A35FED" w:rsidP="00A35FED">
            <w:r>
              <w:t xml:space="preserve">            }).then((result) =&gt; {</w:t>
            </w:r>
          </w:p>
          <w:p w:rsidR="00A35FED" w:rsidRDefault="00A35FED" w:rsidP="00A35FED">
            <w:r>
              <w:t xml:space="preserve">                if (result.value) {</w:t>
            </w:r>
          </w:p>
          <w:p w:rsidR="00A35FED" w:rsidRDefault="00A35FED" w:rsidP="00A35FED">
            <w:r>
              <w:t xml:space="preserve">                    Swal.fire({</w:t>
            </w:r>
          </w:p>
          <w:p w:rsidR="00A35FED" w:rsidRDefault="00A35FED" w:rsidP="00A35FED">
            <w:r>
              <w:t xml:space="preserve">                        title: 'Please wait!!',</w:t>
            </w:r>
          </w:p>
          <w:p w:rsidR="00A35FED" w:rsidRDefault="00A35FED" w:rsidP="00A35FED">
            <w:r>
              <w:t xml:space="preserve">                        showLoaderOnConfirm: true,</w:t>
            </w:r>
          </w:p>
          <w:p w:rsidR="00A35FED" w:rsidRDefault="00A35FED" w:rsidP="00A35FED">
            <w:r>
              <w:t xml:space="preserve">                        showConfirmButton: false,</w:t>
            </w:r>
          </w:p>
          <w:p w:rsidR="00A35FED" w:rsidRDefault="00A35FED" w:rsidP="00A35FED">
            <w:r>
              <w:t xml:space="preserve">                        allowOutsideClick: false,</w:t>
            </w:r>
          </w:p>
          <w:p w:rsidR="00A35FED" w:rsidRDefault="00A35FED" w:rsidP="00A35FED">
            <w:r>
              <w:t xml:space="preserve">                        onBeforeOpen: () =&gt; {</w:t>
            </w:r>
          </w:p>
          <w:p w:rsidR="00A35FED" w:rsidRDefault="00A35FED" w:rsidP="00A35FED">
            <w:r>
              <w:t xml:space="preserve">                            Swal.showLoading();</w:t>
            </w:r>
          </w:p>
          <w:p w:rsidR="00A35FED" w:rsidRDefault="00A35FED" w:rsidP="00A35FED">
            <w:r>
              <w:t xml:space="preserve">                        }</w:t>
            </w:r>
          </w:p>
          <w:p w:rsidR="00A35FED" w:rsidRDefault="00A35FED" w:rsidP="00A35FED">
            <w:r>
              <w:t xml:space="preserve">                    });</w:t>
            </w:r>
          </w:p>
          <w:p w:rsidR="00A35FED" w:rsidRDefault="00A35FED" w:rsidP="00A35FED">
            <w:r>
              <w:t xml:space="preserve">                    window.location.reload();</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w:t>
            </w:r>
          </w:p>
          <w:p w:rsidR="00A35FED" w:rsidRDefault="00A35FED" w:rsidP="00A35FED">
            <w:r>
              <w:t xml:space="preserve">    window.addEventListener('storage', onStorageEvent);</w:t>
            </w:r>
          </w:p>
          <w:p w:rsidR="00A35FED" w:rsidRDefault="00A35FED" w:rsidP="00A35FED">
            <w:r>
              <w:t xml:space="preserve">    /*$(document).ready(function () {</w:t>
            </w:r>
          </w:p>
          <w:p w:rsidR="00A35FED" w:rsidRDefault="00A35FED" w:rsidP="00A35FED">
            <w:r>
              <w:t xml:space="preserve">        const timeout = 20000;  // 900000 ms = 15 minutes</w:t>
            </w:r>
          </w:p>
          <w:p w:rsidR="00A35FED" w:rsidRDefault="00A35FED" w:rsidP="00A35FED">
            <w:r>
              <w:t xml:space="preserve">        var idleTimer = null;</w:t>
            </w:r>
          </w:p>
          <w:p w:rsidR="00A35FED" w:rsidRDefault="00A35FED" w:rsidP="00A35FED">
            <w:r>
              <w:t xml:space="preserve">        $('*').bind('mousemove click mouseup mousedown keydown keypress keyup submit change mouseenter scroll resize dblclick', function () {</w:t>
            </w:r>
          </w:p>
          <w:p w:rsidR="00A35FED" w:rsidRDefault="00A35FED" w:rsidP="00A35FED">
            <w:r>
              <w:t xml:space="preserve">            clearTimeout(idleTimer);</w:t>
            </w:r>
          </w:p>
          <w:p w:rsidR="00A35FED" w:rsidRDefault="00A35FED" w:rsidP="00A35FED"/>
          <w:p w:rsidR="00A35FED" w:rsidRDefault="00A35FED" w:rsidP="00A35FED">
            <w:r>
              <w:t xml:space="preserve">            idleTimer = setTimeout(function () {</w:t>
            </w:r>
          </w:p>
          <w:p w:rsidR="00A35FED" w:rsidRDefault="00A35FED" w:rsidP="00A35FED">
            <w:r>
              <w:t xml:space="preserve">                /!*document.getElementById('logout-form').submit();*!/</w:t>
            </w:r>
          </w:p>
          <w:p w:rsidR="00A35FED" w:rsidRDefault="00A35FED" w:rsidP="00A35FED">
            <w:r>
              <w:lastRenderedPageBreak/>
              <w:t xml:space="preserve">                alert("You are idle for more than 60 seconds")</w:t>
            </w:r>
          </w:p>
          <w:p w:rsidR="00A35FED" w:rsidRDefault="00A35FED" w:rsidP="00A35FED">
            <w:r>
              <w:t xml:space="preserve">            }, timeout);</w:t>
            </w:r>
          </w:p>
          <w:p w:rsidR="00A35FED" w:rsidRDefault="00A35FED" w:rsidP="00A35FED">
            <w:r>
              <w:t xml:space="preserve">        });</w:t>
            </w:r>
          </w:p>
          <w:p w:rsidR="00A35FED" w:rsidRDefault="00A35FED" w:rsidP="00A35FED">
            <w:r>
              <w:t xml:space="preserve">        $("body").trigger("mousemove");</w:t>
            </w:r>
          </w:p>
          <w:p w:rsidR="00A35FED" w:rsidRDefault="00A35FED" w:rsidP="00A35FED">
            <w:r>
              <w:t xml:space="preserve">    });*/</w:t>
            </w:r>
          </w:p>
          <w:p w:rsidR="00A35FED" w:rsidRDefault="00A35FED" w:rsidP="00A35FED">
            <w:r>
              <w:t>&lt;/script&gt;</w:t>
            </w:r>
          </w:p>
          <w:p w:rsidR="00A35FED" w:rsidRDefault="00A35FED" w:rsidP="00A35FED">
            <w:r>
              <w:t xml:space="preserve">    </w:t>
            </w:r>
          </w:p>
          <w:p w:rsidR="00A35FED" w:rsidRDefault="00A35FED" w:rsidP="00A35FED">
            <w:r>
              <w:t xml:space="preserve">    &lt;!--scripts for Eifl finder site governance section popup modals--&gt;</w:t>
            </w:r>
          </w:p>
          <w:p w:rsidR="00A35FED" w:rsidRDefault="00A35FED" w:rsidP="00A35FED">
            <w:r>
              <w:t xml:space="preserve">    &lt;script type="text/javascript"&gt;</w:t>
            </w:r>
          </w:p>
          <w:p w:rsidR="00A35FED" w:rsidRDefault="00A35FED" w:rsidP="00A35FED"/>
          <w:p w:rsidR="00A35FED" w:rsidRDefault="00A35FED" w:rsidP="00A35FED">
            <w:r>
              <w:t xml:space="preserve">    $("#myBtn").click(function(){</w:t>
            </w:r>
          </w:p>
          <w:p w:rsidR="00A35FED" w:rsidRDefault="00A35FED" w:rsidP="00A35FED">
            <w:r>
              <w:t xml:space="preserve">        $("#myModal").modal();</w:t>
            </w:r>
          </w:p>
          <w:p w:rsidR="00A35FED" w:rsidRDefault="00A35FED" w:rsidP="00A35FED">
            <w:r>
              <w:t xml:space="preserve">        $(".modal-backdrop").addClass("modal fade show");</w:t>
            </w:r>
          </w:p>
          <w:p w:rsidR="00A35FED" w:rsidRDefault="00A35FED" w:rsidP="00A35FED">
            <w:r>
              <w:t xml:space="preserve">    });</w:t>
            </w:r>
          </w:p>
          <w:p w:rsidR="00A35FED" w:rsidRDefault="00A35FED" w:rsidP="00A35FED">
            <w:r>
              <w:t xml:space="preserve">    $("#myBtn1").click(function(){</w:t>
            </w:r>
          </w:p>
          <w:p w:rsidR="00A35FED" w:rsidRDefault="00A35FED" w:rsidP="00A35FED">
            <w:r>
              <w:t xml:space="preserve">        $("#myModal1").modal();</w:t>
            </w:r>
          </w:p>
          <w:p w:rsidR="00A35FED" w:rsidRDefault="00A35FED" w:rsidP="00A35FED">
            <w:r>
              <w:t xml:space="preserve">        $(".modal-backdrop").addClass("modal fade show");</w:t>
            </w:r>
          </w:p>
          <w:p w:rsidR="00A35FED" w:rsidRDefault="00A35FED" w:rsidP="00A35FED">
            <w:r>
              <w:t xml:space="preserve">    });</w:t>
            </w:r>
          </w:p>
          <w:p w:rsidR="00A35FED" w:rsidRDefault="00A35FED" w:rsidP="00A35FED">
            <w:r>
              <w:t xml:space="preserve">    $("#myBtn2").click(function(){</w:t>
            </w:r>
          </w:p>
          <w:p w:rsidR="00A35FED" w:rsidRDefault="00A35FED" w:rsidP="00A35FED">
            <w:r>
              <w:t xml:space="preserve">        $("#myModal2").modal();</w:t>
            </w:r>
          </w:p>
          <w:p w:rsidR="00A35FED" w:rsidRDefault="00A35FED" w:rsidP="00A35FED">
            <w:r>
              <w:t xml:space="preserve">        $(".modal-backdrop").addClass("modal fade show");</w:t>
            </w:r>
          </w:p>
          <w:p w:rsidR="00A35FED" w:rsidRDefault="00A35FED" w:rsidP="00A35FED">
            <w:r>
              <w:t xml:space="preserve">    });</w:t>
            </w:r>
          </w:p>
          <w:p w:rsidR="00A35FED" w:rsidRDefault="00A35FED" w:rsidP="00A35FED">
            <w:r>
              <w:t xml:space="preserve">    $("#myBtn3").click(function(){</w:t>
            </w:r>
          </w:p>
          <w:p w:rsidR="00A35FED" w:rsidRDefault="00A35FED" w:rsidP="00A35FED">
            <w:r>
              <w:t xml:space="preserve">        $("#myModal3").modal();</w:t>
            </w:r>
          </w:p>
          <w:p w:rsidR="00A35FED" w:rsidRDefault="00A35FED" w:rsidP="00A35FED">
            <w:r>
              <w:t xml:space="preserve">        $(".modal-backdrop").addClass("modal fade show");</w:t>
            </w:r>
          </w:p>
          <w:p w:rsidR="00A35FED" w:rsidRDefault="00A35FED" w:rsidP="00A35FED">
            <w:r>
              <w:t xml:space="preserve">    });</w:t>
            </w:r>
          </w:p>
          <w:p w:rsidR="00A35FED" w:rsidRDefault="00A35FED" w:rsidP="00A35FED">
            <w:r>
              <w:t xml:space="preserve">    $("#myBtn4").click(function(){</w:t>
            </w:r>
          </w:p>
          <w:p w:rsidR="00A35FED" w:rsidRDefault="00A35FED" w:rsidP="00A35FED">
            <w:r>
              <w:t xml:space="preserve">        $("#myModal4").modal();</w:t>
            </w:r>
          </w:p>
          <w:p w:rsidR="00A35FED" w:rsidRDefault="00A35FED" w:rsidP="00A35FED">
            <w:r>
              <w:t xml:space="preserve">        $(".modal-backdrop").addClass("modal fade show");</w:t>
            </w:r>
          </w:p>
          <w:p w:rsidR="00A35FED" w:rsidRDefault="00A35FED" w:rsidP="00A35FED">
            <w:r>
              <w:t xml:space="preserve">    });</w:t>
            </w:r>
          </w:p>
          <w:p w:rsidR="00A35FED" w:rsidRDefault="00A35FED" w:rsidP="00A35FED">
            <w:r>
              <w:t xml:space="preserve">    $("#myBtn5").click(function(){</w:t>
            </w:r>
          </w:p>
          <w:p w:rsidR="00A35FED" w:rsidRDefault="00A35FED" w:rsidP="00A35FED">
            <w:r>
              <w:t xml:space="preserve">        $("#myModal5").modal();</w:t>
            </w:r>
          </w:p>
          <w:p w:rsidR="00A35FED" w:rsidRDefault="00A35FED" w:rsidP="00A35FED">
            <w:r>
              <w:t xml:space="preserve">        $(".modal-backdrop").addClass("modal fade show");</w:t>
            </w:r>
          </w:p>
          <w:p w:rsidR="00A35FED" w:rsidRDefault="00A35FED" w:rsidP="00A35FED">
            <w:r>
              <w:t xml:space="preserve">    });</w:t>
            </w:r>
          </w:p>
          <w:p w:rsidR="00A35FED" w:rsidRDefault="00A35FED" w:rsidP="00A35FED">
            <w:r>
              <w:t>&lt;/script&gt;</w:t>
            </w:r>
          </w:p>
          <w:p w:rsidR="00A35FED" w:rsidRDefault="00A35FED" w:rsidP="00A35FED"/>
          <w:p w:rsidR="00A35FED" w:rsidRDefault="00A35FED" w:rsidP="00A35FED">
            <w:r>
              <w:t>&lt;script&gt;</w:t>
            </w:r>
          </w:p>
          <w:p w:rsidR="00A35FED" w:rsidRDefault="00A35FED" w:rsidP="00A35FED">
            <w:r>
              <w:t xml:space="preserve">//Login Form Validation </w:t>
            </w:r>
          </w:p>
          <w:p w:rsidR="00A35FED" w:rsidRDefault="00A35FED" w:rsidP="00A35FED">
            <w:r>
              <w:t>$("#frmLogin").validate({</w:t>
            </w:r>
          </w:p>
          <w:p w:rsidR="00A35FED" w:rsidRDefault="00A35FED" w:rsidP="00A35FED">
            <w:r>
              <w:t xml:space="preserve">rules: {  </w:t>
            </w:r>
          </w:p>
          <w:p w:rsidR="00A35FED" w:rsidRDefault="00A35FED" w:rsidP="00A35FED">
            <w:r>
              <w:tab/>
              <w:t>email: {</w:t>
            </w:r>
          </w:p>
          <w:p w:rsidR="00A35FED" w:rsidRDefault="00A35FED" w:rsidP="00A35FED">
            <w:r>
              <w:tab/>
            </w:r>
            <w:r>
              <w:tab/>
            </w:r>
            <w:r>
              <w:tab/>
              <w:t xml:space="preserve">required: true, </w:t>
            </w:r>
          </w:p>
          <w:p w:rsidR="00A35FED" w:rsidRDefault="00A35FED" w:rsidP="00A35FED">
            <w:r>
              <w:tab/>
            </w:r>
            <w:r>
              <w:tab/>
            </w:r>
            <w:r>
              <w:tab/>
              <w:t>email:true</w:t>
            </w:r>
          </w:p>
          <w:p w:rsidR="00A35FED" w:rsidRDefault="00A35FED" w:rsidP="00A35FED">
            <w:r>
              <w:tab/>
            </w:r>
            <w:r>
              <w:tab/>
              <w:t xml:space="preserve">},   </w:t>
            </w:r>
          </w:p>
          <w:p w:rsidR="00A35FED" w:rsidRDefault="00A35FED" w:rsidP="00A35FED">
            <w:r>
              <w:tab/>
              <w:t>password: {</w:t>
            </w:r>
          </w:p>
          <w:p w:rsidR="00A35FED" w:rsidRDefault="00A35FED" w:rsidP="00A35FED">
            <w:r>
              <w:tab/>
            </w:r>
            <w:r>
              <w:tab/>
            </w:r>
            <w:r>
              <w:tab/>
              <w:t xml:space="preserve">required: true, </w:t>
            </w:r>
          </w:p>
          <w:p w:rsidR="00A35FED" w:rsidRDefault="00A35FED" w:rsidP="00A35FED">
            <w:r>
              <w:tab/>
            </w:r>
            <w:r>
              <w:tab/>
            </w:r>
            <w:r>
              <w:tab/>
              <w:t>password:true</w:t>
            </w:r>
          </w:p>
          <w:p w:rsidR="00A35FED" w:rsidRDefault="00A35FED" w:rsidP="00A35FED">
            <w:r>
              <w:tab/>
            </w:r>
            <w:r>
              <w:tab/>
              <w:t xml:space="preserve">},   </w:t>
            </w:r>
          </w:p>
          <w:p w:rsidR="00A35FED" w:rsidRDefault="00A35FED" w:rsidP="00A35FED">
            <w:r>
              <w:lastRenderedPageBreak/>
              <w:t>},</w:t>
            </w:r>
          </w:p>
          <w:p w:rsidR="00A35FED" w:rsidRDefault="00A35FED" w:rsidP="00A35FED">
            <w:r>
              <w:t>//For custom messages</w:t>
            </w:r>
          </w:p>
          <w:p w:rsidR="00A35FED" w:rsidRDefault="00A35FED" w:rsidP="00A35FED">
            <w:r>
              <w:t xml:space="preserve">messages: { </w:t>
            </w:r>
          </w:p>
          <w:p w:rsidR="00A35FED" w:rsidRDefault="00A35FED" w:rsidP="00A35FED">
            <w:r>
              <w:tab/>
              <w:t>email:{</w:t>
            </w:r>
          </w:p>
          <w:p w:rsidR="00A35FED" w:rsidRDefault="00A35FED" w:rsidP="00A35FED">
            <w:r>
              <w:tab/>
            </w:r>
            <w:r>
              <w:tab/>
            </w:r>
            <w:r>
              <w:tab/>
              <w:t xml:space="preserve">required: "Please enter email id", </w:t>
            </w:r>
          </w:p>
          <w:p w:rsidR="00A35FED" w:rsidRDefault="00A35FED" w:rsidP="00A35FED">
            <w:r>
              <w:tab/>
            </w:r>
            <w:r>
              <w:tab/>
            </w:r>
            <w:r>
              <w:tab/>
              <w:t>email: "Please enter a valid email address"</w:t>
            </w:r>
          </w:p>
          <w:p w:rsidR="00A35FED" w:rsidRDefault="00A35FED" w:rsidP="00A35FED">
            <w:r>
              <w:tab/>
            </w:r>
            <w:r>
              <w:tab/>
              <w:t xml:space="preserve">},  </w:t>
            </w:r>
          </w:p>
          <w:p w:rsidR="00A35FED" w:rsidRDefault="00A35FED" w:rsidP="00A35FED">
            <w:r>
              <w:t xml:space="preserve">    password: {</w:t>
            </w:r>
          </w:p>
          <w:p w:rsidR="00A35FED" w:rsidRDefault="00A35FED" w:rsidP="00A35FED">
            <w:r>
              <w:tab/>
            </w:r>
            <w:r>
              <w:tab/>
            </w:r>
            <w:r>
              <w:tab/>
              <w:t xml:space="preserve">required: "Please enter your password", </w:t>
            </w:r>
          </w:p>
          <w:p w:rsidR="00A35FED" w:rsidRDefault="00A35FED" w:rsidP="00A35FED">
            <w:r>
              <w:tab/>
            </w:r>
            <w:r>
              <w:tab/>
            </w:r>
            <w:r>
              <w:tab/>
              <w:t>password:"Please enter your password"</w:t>
            </w:r>
          </w:p>
          <w:p w:rsidR="00A35FED" w:rsidRDefault="00A35FED" w:rsidP="00A35FED">
            <w:r>
              <w:tab/>
            </w:r>
            <w:r>
              <w:tab/>
              <w:t xml:space="preserve">},   </w:t>
            </w:r>
          </w:p>
          <w:p w:rsidR="00A35FED" w:rsidRDefault="00A35FED" w:rsidP="00A35FED">
            <w:r>
              <w:t>},</w:t>
            </w:r>
          </w:p>
          <w:p w:rsidR="00A35FED" w:rsidRDefault="00A35FED" w:rsidP="00A35FED">
            <w:r>
              <w:t>errorElement : 'div',</w:t>
            </w:r>
          </w:p>
          <w:p w:rsidR="00A35FED" w:rsidRDefault="00A35FED" w:rsidP="00A35FED">
            <w:r>
              <w:t>errorPlacement: function(error, element) {</w:t>
            </w:r>
          </w:p>
          <w:p w:rsidR="00A35FED" w:rsidRDefault="00A35FED" w:rsidP="00A35FED">
            <w:r>
              <w:tab/>
              <w:t>var placement = $(element).data('error');</w:t>
            </w:r>
          </w:p>
          <w:p w:rsidR="00A35FED" w:rsidRDefault="00A35FED" w:rsidP="00A35FED">
            <w:r>
              <w:tab/>
              <w:t>if (placement) {</w:t>
            </w:r>
          </w:p>
          <w:p w:rsidR="00A35FED" w:rsidRDefault="00A35FED" w:rsidP="00A35FED">
            <w:r>
              <w:tab/>
              <w:t>$(placement).append(error)</w:t>
            </w:r>
          </w:p>
          <w:p w:rsidR="00A35FED" w:rsidRDefault="00A35FED" w:rsidP="00A35FED">
            <w:r>
              <w:tab/>
              <w:t>} else {</w:t>
            </w:r>
          </w:p>
          <w:p w:rsidR="00A35FED" w:rsidRDefault="00A35FED" w:rsidP="00A35FED">
            <w:r>
              <w:tab/>
              <w:t>error.insertAfter(element);</w:t>
            </w:r>
          </w:p>
          <w:p w:rsidR="00A35FED" w:rsidRDefault="00A35FED" w:rsidP="00A35FED">
            <w:r>
              <w:tab/>
              <w:t>}</w:t>
            </w:r>
          </w:p>
          <w:p w:rsidR="00A35FED" w:rsidRDefault="00A35FED" w:rsidP="00A35FED">
            <w:r>
              <w:t>},</w:t>
            </w:r>
          </w:p>
          <w:p w:rsidR="00A35FED" w:rsidRDefault="00A35FED" w:rsidP="00A35FED">
            <w:r>
              <w:tab/>
              <w:t>submitHandler: function(form) {</w:t>
            </w:r>
          </w:p>
          <w:p w:rsidR="00A35FED" w:rsidRDefault="00A35FED" w:rsidP="00A35FED"/>
          <w:p w:rsidR="00A35FED" w:rsidRDefault="00A35FED" w:rsidP="00A35FED">
            <w:r>
              <w:tab/>
            </w:r>
            <w:r>
              <w:tab/>
              <w:t xml:space="preserve">var formData = new FormData(document.getElementsByName('frmLogin')[0]); </w:t>
            </w:r>
          </w:p>
          <w:p w:rsidR="00A35FED" w:rsidRDefault="00A35FED" w:rsidP="00A35FED">
            <w:r>
              <w:tab/>
            </w:r>
            <w:r>
              <w:tab/>
              <w:t>// console.log(formData);return false;</w:t>
            </w:r>
            <w:r>
              <w:tab/>
              <w:t xml:space="preserve"> </w:t>
            </w:r>
          </w:p>
          <w:p w:rsidR="00A35FED" w:rsidRDefault="00A35FED" w:rsidP="00A35FED">
            <w:r>
              <w:tab/>
            </w:r>
            <w:r>
              <w:tab/>
            </w:r>
          </w:p>
          <w:p w:rsidR="00A35FED" w:rsidRDefault="00A35FED" w:rsidP="00A35FED">
            <w:r>
              <w:tab/>
            </w:r>
            <w:r>
              <w:tab/>
              <w:t>$.ajax({</w:t>
            </w:r>
          </w:p>
          <w:p w:rsidR="00A35FED" w:rsidRDefault="00A35FED" w:rsidP="00A35FED">
            <w:r>
              <w:tab/>
            </w:r>
            <w:r>
              <w:tab/>
            </w:r>
            <w:r>
              <w:tab/>
            </w:r>
            <w:r>
              <w:tab/>
              <w:t>url: "/voucher_email_process.php",</w:t>
            </w:r>
          </w:p>
          <w:p w:rsidR="00A35FED" w:rsidRDefault="00A35FED" w:rsidP="00A35FED">
            <w:r>
              <w:tab/>
            </w:r>
            <w:r>
              <w:tab/>
            </w:r>
            <w:r>
              <w:tab/>
            </w:r>
            <w:r>
              <w:tab/>
              <w:t>type: 'POST',</w:t>
            </w:r>
          </w:p>
          <w:p w:rsidR="00A35FED" w:rsidRDefault="00A35FED" w:rsidP="00A35FED">
            <w:r>
              <w:tab/>
            </w:r>
            <w:r>
              <w:tab/>
            </w:r>
            <w:r>
              <w:tab/>
            </w:r>
            <w:r>
              <w:tab/>
              <w:t>data: formData,</w:t>
            </w:r>
          </w:p>
          <w:p w:rsidR="00A35FED" w:rsidRDefault="00A35FED" w:rsidP="00A35FED">
            <w:r>
              <w:tab/>
            </w:r>
            <w:r>
              <w:tab/>
            </w:r>
            <w:r>
              <w:tab/>
            </w:r>
            <w:r>
              <w:tab/>
              <w:t>// async: false,</w:t>
            </w:r>
          </w:p>
          <w:p w:rsidR="00A35FED" w:rsidRDefault="00A35FED" w:rsidP="00A35FED">
            <w:r>
              <w:tab/>
            </w:r>
            <w:r>
              <w:tab/>
            </w:r>
            <w:r>
              <w:tab/>
            </w:r>
            <w:r>
              <w:tab/>
              <w:t>cache: false,</w:t>
            </w:r>
          </w:p>
          <w:p w:rsidR="00A35FED" w:rsidRDefault="00A35FED" w:rsidP="00A35FED">
            <w:r>
              <w:tab/>
            </w:r>
            <w:r>
              <w:tab/>
            </w:r>
            <w:r>
              <w:tab/>
            </w:r>
            <w:r>
              <w:tab/>
              <w:t>contentType: false,</w:t>
            </w:r>
          </w:p>
          <w:p w:rsidR="00A35FED" w:rsidRDefault="00A35FED" w:rsidP="00A35FED">
            <w:r>
              <w:tab/>
            </w:r>
            <w:r>
              <w:tab/>
            </w:r>
            <w:r>
              <w:tab/>
            </w:r>
            <w:r>
              <w:tab/>
              <w:t>processData: false,</w:t>
            </w:r>
          </w:p>
          <w:p w:rsidR="00A35FED" w:rsidRDefault="00A35FED" w:rsidP="00A35FED">
            <w:r>
              <w:tab/>
            </w:r>
            <w:r>
              <w:tab/>
            </w:r>
            <w:r>
              <w:tab/>
            </w:r>
            <w:r>
              <w:tab/>
              <w:t>beforeSend: function(){</w:t>
            </w:r>
          </w:p>
          <w:p w:rsidR="00A35FED" w:rsidRDefault="00A35FED" w:rsidP="00A35FED">
            <w:r>
              <w:tab/>
            </w:r>
            <w:r>
              <w:tab/>
            </w:r>
            <w:r>
              <w:tab/>
            </w:r>
            <w:r>
              <w:tab/>
            </w:r>
            <w:r>
              <w:tab/>
              <w:t>$('#cover-spin').show();</w:t>
            </w:r>
          </w:p>
          <w:p w:rsidR="00A35FED" w:rsidRDefault="00A35FED" w:rsidP="00A35FED">
            <w:r>
              <w:tab/>
            </w:r>
            <w:r>
              <w:tab/>
            </w:r>
            <w:r>
              <w:tab/>
            </w:r>
            <w:r>
              <w:tab/>
            </w:r>
            <w:r>
              <w:tab/>
              <w:t>$("#btnSubmit").attr("disabled", true);</w:t>
            </w:r>
          </w:p>
          <w:p w:rsidR="00A35FED" w:rsidRDefault="00A35FED" w:rsidP="00A35FED">
            <w:r>
              <w:tab/>
            </w:r>
            <w:r>
              <w:tab/>
            </w:r>
            <w:r>
              <w:tab/>
            </w:r>
            <w:r>
              <w:tab/>
              <w:t>},</w:t>
            </w:r>
          </w:p>
          <w:p w:rsidR="00A35FED" w:rsidRDefault="00A35FED" w:rsidP="00A35FED">
            <w:r>
              <w:tab/>
            </w:r>
            <w:r>
              <w:tab/>
            </w:r>
            <w:r>
              <w:tab/>
            </w:r>
            <w:r>
              <w:tab/>
              <w:t xml:space="preserve">success: function (returndata) {   </w:t>
            </w:r>
          </w:p>
          <w:p w:rsidR="00A35FED" w:rsidRDefault="00A35FED" w:rsidP="00A35FED">
            <w:r>
              <w:tab/>
            </w:r>
            <w:r>
              <w:tab/>
            </w:r>
            <w:r>
              <w:tab/>
            </w:r>
            <w:r>
              <w:tab/>
            </w:r>
            <w:r>
              <w:tab/>
            </w:r>
            <w:r>
              <w:tab/>
              <w:t xml:space="preserve"> </w:t>
            </w:r>
          </w:p>
          <w:p w:rsidR="00A35FED" w:rsidRDefault="00A35FED" w:rsidP="00A35FED">
            <w:r>
              <w:tab/>
            </w:r>
            <w:r>
              <w:tab/>
            </w:r>
            <w:r>
              <w:tab/>
            </w:r>
            <w:r>
              <w:tab/>
            </w:r>
            <w:r>
              <w:tab/>
              <w:t>if(returndata==1){</w:t>
            </w:r>
          </w:p>
          <w:p w:rsidR="00A35FED" w:rsidRDefault="00A35FED" w:rsidP="00A35FED">
            <w:r>
              <w:tab/>
            </w:r>
            <w:r>
              <w:tab/>
            </w:r>
            <w:r>
              <w:tab/>
            </w:r>
            <w:r>
              <w:tab/>
            </w:r>
            <w:r>
              <w:tab/>
            </w:r>
            <w:r>
              <w:tab/>
              <w:t>swal("Successfully Saved to your Wish List", {</w:t>
            </w:r>
          </w:p>
          <w:p w:rsidR="00A35FED" w:rsidRDefault="00A35FED" w:rsidP="00A35FED">
            <w:r>
              <w:tab/>
            </w:r>
            <w:r>
              <w:tab/>
            </w:r>
            <w:r>
              <w:tab/>
            </w:r>
            <w:r>
              <w:tab/>
            </w:r>
            <w:r>
              <w:tab/>
            </w:r>
            <w:r>
              <w:tab/>
            </w:r>
            <w:r>
              <w:tab/>
            </w:r>
            <w:r>
              <w:tab/>
              <w:t xml:space="preserve">  icon: "success",</w:t>
            </w:r>
          </w:p>
          <w:p w:rsidR="00A35FED" w:rsidRDefault="00A35FED" w:rsidP="00A35FED">
            <w:r>
              <w:tab/>
            </w:r>
            <w:r>
              <w:tab/>
            </w:r>
            <w:r>
              <w:tab/>
            </w:r>
            <w:r>
              <w:tab/>
            </w:r>
            <w:r>
              <w:tab/>
            </w:r>
            <w:r>
              <w:tab/>
            </w:r>
            <w:r>
              <w:tab/>
              <w:t xml:space="preserve">});  </w:t>
            </w:r>
          </w:p>
          <w:p w:rsidR="00A35FED" w:rsidRDefault="00A35FED" w:rsidP="00A35FED">
            <w:r>
              <w:tab/>
            </w:r>
            <w:r>
              <w:tab/>
            </w:r>
            <w:r>
              <w:tab/>
            </w:r>
            <w:r>
              <w:tab/>
            </w:r>
            <w:r>
              <w:tab/>
            </w:r>
            <w:r>
              <w:tab/>
              <w:t xml:space="preserve">setTimeout(function(){  location.reload(); }, 1000);   </w:t>
            </w:r>
          </w:p>
          <w:p w:rsidR="00A35FED" w:rsidRDefault="00A35FED" w:rsidP="00A35FED">
            <w:r>
              <w:tab/>
            </w:r>
            <w:r>
              <w:tab/>
            </w:r>
            <w:r>
              <w:tab/>
            </w:r>
            <w:r>
              <w:tab/>
            </w:r>
            <w:r>
              <w:tab/>
              <w:t>}else{</w:t>
            </w:r>
          </w:p>
          <w:p w:rsidR="00A35FED" w:rsidRDefault="00A35FED" w:rsidP="00A35FED">
            <w:r>
              <w:tab/>
            </w:r>
            <w:r>
              <w:tab/>
            </w:r>
            <w:r>
              <w:tab/>
            </w:r>
            <w:r>
              <w:tab/>
            </w:r>
            <w:r>
              <w:tab/>
            </w:r>
            <w:r>
              <w:tab/>
              <w:t>swal("Please register to verify your email id", returndata, "error");</w:t>
            </w:r>
          </w:p>
          <w:p w:rsidR="00A35FED" w:rsidRDefault="00A35FED" w:rsidP="00A35FED">
            <w:r>
              <w:lastRenderedPageBreak/>
              <w:tab/>
            </w:r>
            <w:r>
              <w:tab/>
            </w:r>
            <w:r>
              <w:tab/>
            </w:r>
            <w:r>
              <w:tab/>
            </w:r>
            <w:r>
              <w:tab/>
            </w:r>
            <w:r>
              <w:tab/>
              <w:t>return false;</w:t>
            </w:r>
          </w:p>
          <w:p w:rsidR="00A35FED" w:rsidRDefault="00A35FED" w:rsidP="00A35FED">
            <w:r>
              <w:tab/>
            </w:r>
            <w:r>
              <w:tab/>
            </w:r>
            <w:r>
              <w:tab/>
            </w:r>
            <w:r>
              <w:tab/>
            </w:r>
            <w:r>
              <w:tab/>
              <w:t xml:space="preserve">} </w:t>
            </w:r>
          </w:p>
          <w:p w:rsidR="00A35FED" w:rsidRDefault="00A35FED" w:rsidP="00A35FED">
            <w:r>
              <w:tab/>
            </w:r>
            <w:r>
              <w:tab/>
            </w:r>
            <w:r>
              <w:tab/>
            </w:r>
            <w:r>
              <w:tab/>
              <w:t>},</w:t>
            </w:r>
          </w:p>
          <w:p w:rsidR="00A35FED" w:rsidRDefault="00A35FED" w:rsidP="00A35FED">
            <w:r>
              <w:tab/>
            </w:r>
            <w:r>
              <w:tab/>
            </w:r>
            <w:r>
              <w:tab/>
            </w:r>
            <w:r>
              <w:tab/>
              <w:t>complete: function(){</w:t>
            </w:r>
          </w:p>
          <w:p w:rsidR="00A35FED" w:rsidRDefault="00A35FED" w:rsidP="00A35FED">
            <w:r>
              <w:tab/>
            </w:r>
            <w:r>
              <w:tab/>
            </w:r>
            <w:r>
              <w:tab/>
            </w:r>
            <w:r>
              <w:tab/>
            </w:r>
            <w:r>
              <w:tab/>
              <w:t>$('#cover-spin').hide();</w:t>
            </w:r>
          </w:p>
          <w:p w:rsidR="00A35FED" w:rsidRDefault="00A35FED" w:rsidP="00A35FED">
            <w:r>
              <w:tab/>
            </w:r>
            <w:r>
              <w:tab/>
            </w:r>
            <w:r>
              <w:tab/>
            </w:r>
            <w:r>
              <w:tab/>
            </w:r>
            <w:r>
              <w:tab/>
              <w:t>$("#btnSubmit").attr("disabled", false);</w:t>
            </w:r>
          </w:p>
          <w:p w:rsidR="00A35FED" w:rsidRDefault="00A35FED" w:rsidP="00A35FED">
            <w:r>
              <w:tab/>
            </w:r>
            <w:r>
              <w:tab/>
            </w:r>
            <w:r>
              <w:tab/>
            </w:r>
            <w:r>
              <w:tab/>
              <w:t>}</w:t>
            </w:r>
          </w:p>
          <w:p w:rsidR="00A35FED" w:rsidRDefault="00A35FED" w:rsidP="00A35FED">
            <w:r>
              <w:tab/>
            </w:r>
            <w:r>
              <w:tab/>
              <w:t>});</w:t>
            </w:r>
          </w:p>
          <w:p w:rsidR="00A35FED" w:rsidRDefault="00A35FED" w:rsidP="00A35FED">
            <w:r>
              <w:tab/>
            </w:r>
            <w:r>
              <w:tab/>
            </w:r>
          </w:p>
          <w:p w:rsidR="00A35FED" w:rsidRDefault="00A35FED" w:rsidP="00A35FED">
            <w:r>
              <w:tab/>
            </w:r>
            <w:r>
              <w:tab/>
            </w:r>
          </w:p>
          <w:p w:rsidR="00A35FED" w:rsidRDefault="00A35FED" w:rsidP="00A35FED"/>
          <w:p w:rsidR="00A35FED" w:rsidRDefault="00A35FED" w:rsidP="00A35FED">
            <w:r>
              <w:tab/>
              <w:t>}</w:t>
            </w:r>
          </w:p>
          <w:p w:rsidR="00A35FED" w:rsidRDefault="00A35FED" w:rsidP="00A35FED">
            <w:r>
              <w:t xml:space="preserve">});     </w:t>
            </w:r>
          </w:p>
          <w:p w:rsidR="00A35FED" w:rsidRDefault="00A35FED" w:rsidP="00A35FED">
            <w:r>
              <w:t>&lt;/script&gt;</w:t>
            </w:r>
          </w:p>
          <w:p w:rsidR="00A35FED" w:rsidRDefault="00A35FED" w:rsidP="00A35FED"/>
          <w:p w:rsidR="00A35FED" w:rsidRDefault="00A35FED" w:rsidP="00A35FED">
            <w:r>
              <w:t>&lt;!-- Verify your email - code generation to their email id and verification --&gt;</w:t>
            </w:r>
          </w:p>
          <w:p w:rsidR="00A35FED" w:rsidRDefault="00A35FED" w:rsidP="00A35FED">
            <w:r>
              <w:t>&lt;script&gt;</w:t>
            </w:r>
          </w:p>
          <w:p w:rsidR="00A35FED" w:rsidRDefault="00A35FED" w:rsidP="00A35FED">
            <w:r>
              <w:t>function validateEmail&lt;?php echo $memberId ; ?&gt;() {</w:t>
            </w:r>
          </w:p>
          <w:p w:rsidR="00A35FED" w:rsidRDefault="00A35FED" w:rsidP="00A35FED">
            <w:r>
              <w:t xml:space="preserve">    var emailValue = document.getElementById("inputEmail").value ;</w:t>
            </w:r>
          </w:p>
          <w:p w:rsidR="00A35FED" w:rsidRDefault="00A35FED" w:rsidP="00A35FED">
            <w:r>
              <w:t xml:space="preserve">            </w:t>
            </w:r>
          </w:p>
          <w:p w:rsidR="00A35FED" w:rsidRDefault="00A35FED" w:rsidP="00A35FED">
            <w:r>
              <w:t xml:space="preserve">    if (/^\w+([\.-]?\w+)*@\w+([\.-]?\w+)*(\.\w{2,3})+$/.test(emailValue)) { // email correct</w:t>
            </w:r>
          </w:p>
          <w:p w:rsidR="00A35FED" w:rsidRDefault="00A35FED" w:rsidP="00A35FED">
            <w:r>
              <w:t xml:space="preserve">        document.getElementById('meIcon1').style.display = 'none' ;</w:t>
            </w:r>
          </w:p>
          <w:p w:rsidR="00A35FED" w:rsidRDefault="00A35FED" w:rsidP="00A35FED">
            <w:r>
              <w:t xml:space="preserve">        document.getElementById('loadingGif').style.display = 'block' ;</w:t>
            </w:r>
          </w:p>
          <w:p w:rsidR="00A35FED" w:rsidRDefault="00A35FED" w:rsidP="00A35FED"/>
          <w:p w:rsidR="00A35FED" w:rsidRDefault="00A35FED" w:rsidP="00A35FED">
            <w:r>
              <w:t xml:space="preserve">        //send a verification code</w:t>
            </w:r>
          </w:p>
          <w:p w:rsidR="00A35FED" w:rsidRDefault="00A35FED" w:rsidP="00A35FED">
            <w:r>
              <w:t xml:space="preserve">        var data = $(this).serialize();</w:t>
            </w:r>
          </w:p>
          <w:p w:rsidR="00A35FED" w:rsidRDefault="00A35FED" w:rsidP="00A35FED">
            <w:r>
              <w:tab/>
            </w:r>
            <w:r>
              <w:tab/>
              <w:t>$.ajax({</w:t>
            </w:r>
          </w:p>
          <w:p w:rsidR="00A35FED" w:rsidRDefault="00A35FED" w:rsidP="00A35FED">
            <w:r>
              <w:t xml:space="preserve">    </w:t>
            </w:r>
            <w:r>
              <w:tab/>
            </w:r>
            <w:r>
              <w:tab/>
              <w:t>type : 'POST',</w:t>
            </w:r>
          </w:p>
          <w:p w:rsidR="00A35FED" w:rsidRDefault="00A35FED" w:rsidP="00A35FED">
            <w:r>
              <w:t xml:space="preserve">    </w:t>
            </w:r>
            <w:r>
              <w:tab/>
            </w:r>
            <w:r>
              <w:tab/>
              <w:t>url  : "&lt;?php echo SITE_URL_SPF ; ?&gt;/voucher_email_process.php",</w:t>
            </w:r>
          </w:p>
          <w:p w:rsidR="00A35FED" w:rsidRDefault="00A35FED" w:rsidP="00A35FED">
            <w:r>
              <w:t xml:space="preserve">    </w:t>
            </w:r>
            <w:r>
              <w:tab/>
            </w:r>
            <w:r>
              <w:tab/>
              <w:t>data : {</w:t>
            </w:r>
          </w:p>
          <w:p w:rsidR="00A35FED" w:rsidRDefault="00A35FED" w:rsidP="00A35FED">
            <w:r>
              <w:t xml:space="preserve">                "sessionid": "&lt;?php echo CURRENT_SESSION_ID ; ?&gt;",</w:t>
            </w:r>
          </w:p>
          <w:p w:rsidR="00A35FED" w:rsidRDefault="00A35FED" w:rsidP="00A35FED">
            <w:r>
              <w:t xml:space="preserve">                "email": emailValue</w:t>
            </w:r>
          </w:p>
          <w:p w:rsidR="00A35FED" w:rsidRDefault="00A35FED" w:rsidP="00A35FED">
            <w:r>
              <w:t xml:space="preserve">              },</w:t>
            </w:r>
          </w:p>
          <w:p w:rsidR="00A35FED" w:rsidRDefault="00A35FED" w:rsidP="00A35FED">
            <w:r>
              <w:t xml:space="preserve">            success :  function(resultData) {</w:t>
            </w:r>
          </w:p>
          <w:p w:rsidR="00A35FED" w:rsidRDefault="00A35FED" w:rsidP="00A35FED">
            <w:r>
              <w:t xml:space="preserve">                document.getElementById('meIcon1').style.display = 'block';</w:t>
            </w:r>
          </w:p>
          <w:p w:rsidR="00A35FED" w:rsidRDefault="00A35FED" w:rsidP="00A35FED">
            <w:r>
              <w:t xml:space="preserve">                document.getElementById('loadingGif').style.display = 'none';</w:t>
            </w:r>
          </w:p>
          <w:p w:rsidR="00A35FED" w:rsidRDefault="00A35FED" w:rsidP="00A35FED">
            <w:r>
              <w:t xml:space="preserve">                // without hiding whole form..</w:t>
            </w:r>
          </w:p>
          <w:p w:rsidR="00A35FED" w:rsidRDefault="00A35FED" w:rsidP="00A35FED">
            <w:r>
              <w:t xml:space="preserve">        </w:t>
            </w:r>
            <w:r>
              <w:tab/>
            </w:r>
            <w:r>
              <w:tab/>
              <w:t>$("#vericifationMailSentResult&lt;?php echo $memberId ; ?&gt;").fadeIn(500).show(function(){</w:t>
            </w:r>
          </w:p>
          <w:p w:rsidR="00A35FED" w:rsidRDefault="00A35FED" w:rsidP="00A35FED">
            <w:r>
              <w:t xml:space="preserve">                    $("#vericifationMailSentResult&lt;?php echo $memberId ; ?&gt;").html(resultData);</w:t>
            </w:r>
          </w:p>
          <w:p w:rsidR="00A35FED" w:rsidRDefault="00A35FED" w:rsidP="00A35FED">
            <w:r>
              <w:t xml:space="preserve">        </w:t>
            </w:r>
            <w:r>
              <w:tab/>
            </w:r>
            <w:r>
              <w:tab/>
              <w:t>});</w:t>
            </w:r>
          </w:p>
          <w:p w:rsidR="00A35FED" w:rsidRDefault="00A35FED" w:rsidP="00A35FED">
            <w:r>
              <w:t xml:space="preserve">            </w:t>
            </w:r>
          </w:p>
          <w:p w:rsidR="00A35FED" w:rsidRDefault="00A35FED" w:rsidP="00A35FED">
            <w:r>
              <w:t xml:space="preserve">                //document.getElementById('submitBtnBox').style.display = 'none';</w:t>
            </w:r>
          </w:p>
          <w:p w:rsidR="00A35FED" w:rsidRDefault="00A35FED" w:rsidP="00A35FED">
            <w:r>
              <w:t xml:space="preserve">            }</w:t>
            </w:r>
          </w:p>
          <w:p w:rsidR="00A35FED" w:rsidRDefault="00A35FED" w:rsidP="00A35FED">
            <w:r>
              <w:tab/>
            </w:r>
            <w:r>
              <w:tab/>
              <w:t>})</w:t>
            </w:r>
          </w:p>
          <w:p w:rsidR="00A35FED" w:rsidRDefault="00A35FED" w:rsidP="00A35FED"/>
          <w:p w:rsidR="00A35FED" w:rsidRDefault="00A35FED" w:rsidP="00A35FED">
            <w:r>
              <w:t xml:space="preserve">    } else { // wrong email</w:t>
            </w:r>
          </w:p>
          <w:p w:rsidR="00A35FED" w:rsidRDefault="00A35FED" w:rsidP="00A35FED">
            <w:r>
              <w:t xml:space="preserve">        document.getElementById("inputEmail").focus();</w:t>
            </w:r>
          </w:p>
          <w:p w:rsidR="00A35FED" w:rsidRDefault="00A35FED" w:rsidP="00A35FED">
            <w:r>
              <w:lastRenderedPageBreak/>
              <w:t xml:space="preserve">    }</w:t>
            </w:r>
          </w:p>
          <w:p w:rsidR="00A35FED" w:rsidRDefault="00A35FED" w:rsidP="00A35FED">
            <w:r>
              <w:t>}</w:t>
            </w:r>
          </w:p>
          <w:p w:rsidR="00A35FED" w:rsidRDefault="00A35FED" w:rsidP="00A35FED"/>
          <w:p w:rsidR="00A35FED" w:rsidRDefault="00A35FED" w:rsidP="00A35FED"/>
          <w:p w:rsidR="00A35FED" w:rsidRDefault="00A35FED" w:rsidP="00A35FED">
            <w:r>
              <w:t>&lt;/script&gt;</w:t>
            </w:r>
          </w:p>
          <w:p w:rsidR="00A35FED" w:rsidRDefault="00A35FED" w:rsidP="00A35FED"/>
          <w:p w:rsidR="00A35FED" w:rsidRDefault="00A35FED" w:rsidP="00A35FED">
            <w:r>
              <w:t>&lt;script type="text/javascript"&gt;</w:t>
            </w:r>
          </w:p>
          <w:p w:rsidR="00A35FED" w:rsidRDefault="00A35FED" w:rsidP="00A35FED">
            <w:r>
              <w:t>$(document).ready(function() {</w:t>
            </w:r>
          </w:p>
          <w:p w:rsidR="00A35FED" w:rsidRDefault="00A35FED" w:rsidP="00A35FED"/>
          <w:p w:rsidR="00A35FED" w:rsidRDefault="00A35FED" w:rsidP="00A35FED">
            <w:r>
              <w:tab/>
              <w:t>$(document).on('submit', '#freePropertyEvaluationForm&lt;?php echo $memberId ; ?&gt;', function(e) {</w:t>
            </w:r>
          </w:p>
          <w:p w:rsidR="00A35FED" w:rsidRDefault="00A35FED" w:rsidP="00A35FED"/>
          <w:p w:rsidR="00A35FED" w:rsidRDefault="00A35FED" w:rsidP="00A35FED">
            <w:r>
              <w:t xml:space="preserve">        document.getElementById('processSpan').style.display = 'block';</w:t>
            </w:r>
          </w:p>
          <w:p w:rsidR="00A35FED" w:rsidRDefault="00A35FED" w:rsidP="00A35FED">
            <w:r>
              <w:t xml:space="preserve">        document.getElementById('submitBtnsBox').style.display = 'none';</w:t>
            </w:r>
          </w:p>
          <w:p w:rsidR="00A35FED" w:rsidRDefault="00A35FED" w:rsidP="00A35FED">
            <w:r>
              <w:t xml:space="preserve">        document.getElementById("log_result&lt;?php echo $memberId ; ?&gt;").innerHTML = "" ;</w:t>
            </w:r>
          </w:p>
          <w:p w:rsidR="00A35FED" w:rsidRDefault="00A35FED" w:rsidP="00A35FED"/>
          <w:p w:rsidR="00A35FED" w:rsidRDefault="00A35FED" w:rsidP="00A35FED">
            <w:r>
              <w:tab/>
            </w:r>
            <w:r>
              <w:tab/>
              <w:t>var data = $(this).serialize();</w:t>
            </w:r>
          </w:p>
          <w:p w:rsidR="00A35FED" w:rsidRDefault="00A35FED" w:rsidP="00A35FED">
            <w:r>
              <w:tab/>
            </w:r>
            <w:r>
              <w:tab/>
              <w:t>//var val = $("input[type=submit][clicked=true]").val();</w:t>
            </w:r>
          </w:p>
          <w:p w:rsidR="00A35FED" w:rsidRDefault="00A35FED" w:rsidP="00A35FED">
            <w:r>
              <w:tab/>
            </w:r>
            <w:r>
              <w:tab/>
              <w:t>var url_red = "&lt;?php echo SITE_URL_SPF ; ?&gt;/voucher_email_process.php";</w:t>
            </w:r>
          </w:p>
          <w:p w:rsidR="00A35FED" w:rsidRDefault="00A35FED" w:rsidP="00A35FED"/>
          <w:p w:rsidR="00A35FED" w:rsidRDefault="00A35FED" w:rsidP="00A35FED">
            <w:r>
              <w:tab/>
            </w:r>
            <w:r>
              <w:tab/>
              <w:t>$.ajax({</w:t>
            </w:r>
          </w:p>
          <w:p w:rsidR="00A35FED" w:rsidRDefault="00A35FED" w:rsidP="00A35FED"/>
          <w:p w:rsidR="00A35FED" w:rsidRDefault="00A35FED" w:rsidP="00A35FED">
            <w:r>
              <w:tab/>
            </w:r>
            <w:r>
              <w:tab/>
              <w:t>type : 'POST',</w:t>
            </w:r>
          </w:p>
          <w:p w:rsidR="00A35FED" w:rsidRDefault="00A35FED" w:rsidP="00A35FED">
            <w:r>
              <w:tab/>
            </w:r>
            <w:r>
              <w:tab/>
              <w:t>url  : url_red,</w:t>
            </w:r>
          </w:p>
          <w:p w:rsidR="00A35FED" w:rsidRDefault="00A35FED" w:rsidP="00A35FED">
            <w:r>
              <w:tab/>
            </w:r>
            <w:r>
              <w:tab/>
              <w:t>data : data,</w:t>
            </w:r>
          </w:p>
          <w:p w:rsidR="00A35FED" w:rsidRDefault="00A35FED" w:rsidP="00A35FED">
            <w:r>
              <w:tab/>
            </w:r>
            <w:r>
              <w:tab/>
              <w:t>success :  function(data){</w:t>
            </w:r>
          </w:p>
          <w:p w:rsidR="00A35FED" w:rsidRDefault="00A35FED" w:rsidP="00A35FED">
            <w:r>
              <w:t xml:space="preserve">            document.getElementById('submitBtnsBox').style.display = 'block';</w:t>
            </w:r>
          </w:p>
          <w:p w:rsidR="00A35FED" w:rsidRDefault="00A35FED" w:rsidP="00A35FED">
            <w:r>
              <w:t xml:space="preserve">            document.getElementById('processSpan').style.display = 'none';</w:t>
            </w:r>
          </w:p>
          <w:p w:rsidR="00A35FED" w:rsidRDefault="00A35FED" w:rsidP="00A35FED">
            <w:r>
              <w:t xml:space="preserve">            // without hiding whole form..</w:t>
            </w:r>
          </w:p>
          <w:p w:rsidR="00A35FED" w:rsidRDefault="00A35FED" w:rsidP="00A35FED">
            <w:r>
              <w:t xml:space="preserve">    </w:t>
            </w:r>
            <w:r>
              <w:tab/>
            </w:r>
            <w:r>
              <w:tab/>
              <w:t>$("#log_result&lt;?php echo $memberId ; ?&gt;").fadeIn(500).show(function(){</w:t>
            </w:r>
          </w:p>
          <w:p w:rsidR="00A35FED" w:rsidRDefault="00A35FED" w:rsidP="00A35FED">
            <w:r>
              <w:t xml:space="preserve">                $("#log_result&lt;?php echo $memberId ; ?&gt;").html(data);</w:t>
            </w:r>
          </w:p>
          <w:p w:rsidR="00A35FED" w:rsidRDefault="00A35FED" w:rsidP="00A35FED">
            <w:r>
              <w:t xml:space="preserve">    </w:t>
            </w:r>
            <w:r>
              <w:tab/>
            </w:r>
            <w:r>
              <w:tab/>
              <w:t>});</w:t>
            </w:r>
          </w:p>
          <w:p w:rsidR="00A35FED" w:rsidRDefault="00A35FED" w:rsidP="00A35FED">
            <w:r>
              <w:t xml:space="preserve">        </w:t>
            </w:r>
          </w:p>
          <w:p w:rsidR="00A35FED" w:rsidRDefault="00A35FED" w:rsidP="00A35FED">
            <w:r>
              <w:t xml:space="preserve">            //document.getElementById('submitBtnBox').style.display = 'none';</w:t>
            </w:r>
          </w:p>
          <w:p w:rsidR="00A35FED" w:rsidRDefault="00A35FED" w:rsidP="00A35FED"/>
          <w:p w:rsidR="00A35FED" w:rsidRDefault="00A35FED" w:rsidP="00A35FED">
            <w:r>
              <w:t xml:space="preserve">            }</w:t>
            </w:r>
          </w:p>
          <w:p w:rsidR="00A35FED" w:rsidRDefault="00A35FED" w:rsidP="00A35FED">
            <w:r>
              <w:tab/>
            </w:r>
            <w:r>
              <w:tab/>
              <w:t>});</w:t>
            </w:r>
          </w:p>
          <w:p w:rsidR="00A35FED" w:rsidRDefault="00A35FED" w:rsidP="00A35FED">
            <w:r>
              <w:tab/>
            </w:r>
            <w:r>
              <w:tab/>
              <w:t>return false;</w:t>
            </w:r>
          </w:p>
          <w:p w:rsidR="00A35FED" w:rsidRDefault="00A35FED" w:rsidP="00A35FED">
            <w:r>
              <w:tab/>
              <w:t>});</w:t>
            </w:r>
          </w:p>
          <w:p w:rsidR="00A35FED" w:rsidRDefault="00A35FED" w:rsidP="00A35FED">
            <w:r>
              <w:tab/>
            </w:r>
          </w:p>
          <w:p w:rsidR="00A35FED" w:rsidRDefault="00A35FED" w:rsidP="00A35FED">
            <w:r>
              <w:t xml:space="preserve">    /*</w:t>
            </w:r>
          </w:p>
          <w:p w:rsidR="00A35FED" w:rsidRDefault="00A35FED" w:rsidP="00A35FED">
            <w:r>
              <w:t xml:space="preserve">    $(document).on('click', '#btnDonateMonthly', function(e) {</w:t>
            </w:r>
          </w:p>
          <w:p w:rsidR="00A35FED" w:rsidRDefault="00A35FED" w:rsidP="00A35FED">
            <w:r>
              <w:tab/>
            </w:r>
            <w:r>
              <w:tab/>
              <w:t>$(this).closest('form').attr('clicked','btnDonateMonthly');</w:t>
            </w:r>
          </w:p>
          <w:p w:rsidR="00A35FED" w:rsidRDefault="00A35FED" w:rsidP="00A35FED">
            <w:r>
              <w:tab/>
              <w:t>});</w:t>
            </w:r>
          </w:p>
          <w:p w:rsidR="00A35FED" w:rsidRDefault="00A35FED" w:rsidP="00A35FED">
            <w:r>
              <w:tab/>
              <w:t>$(document).on('click', '#btnDonateOneTime', function(e) {</w:t>
            </w:r>
          </w:p>
          <w:p w:rsidR="00A35FED" w:rsidRDefault="00A35FED" w:rsidP="00A35FED">
            <w:r>
              <w:tab/>
            </w:r>
            <w:r>
              <w:tab/>
              <w:t>$(this).closest('form').attr('clicked','btnDonateOneTime');</w:t>
            </w:r>
          </w:p>
          <w:p w:rsidR="00A35FED" w:rsidRDefault="00A35FED" w:rsidP="00A35FED">
            <w:r>
              <w:tab/>
              <w:t>});</w:t>
            </w:r>
          </w:p>
          <w:p w:rsidR="00A35FED" w:rsidRDefault="00A35FED" w:rsidP="00A35FED">
            <w:r>
              <w:t xml:space="preserve">    */</w:t>
            </w:r>
          </w:p>
          <w:p w:rsidR="00A35FED" w:rsidRDefault="00A35FED" w:rsidP="00A35FED">
            <w:r>
              <w:lastRenderedPageBreak/>
              <w:t>});</w:t>
            </w:r>
          </w:p>
          <w:p w:rsidR="00A35FED" w:rsidRDefault="00A35FED" w:rsidP="00A35FED"/>
          <w:p w:rsidR="00A35FED" w:rsidRDefault="00A35FED" w:rsidP="00A35FED">
            <w:r>
              <w:t>&lt;/script&gt;</w:t>
            </w:r>
          </w:p>
          <w:p w:rsidR="00A35FED" w:rsidRDefault="00A35FED" w:rsidP="00A35FED">
            <w:r>
              <w:t>&lt;/body&gt;</w:t>
            </w:r>
          </w:p>
          <w:p w:rsidR="0048012D" w:rsidRDefault="0048012D" w:rsidP="0048012D"/>
        </w:tc>
      </w:tr>
    </w:tbl>
    <w:p w:rsidR="0048012D" w:rsidRDefault="0048012D" w:rsidP="0048012D"/>
    <w:p w:rsidR="00CE304B" w:rsidRDefault="00CE304B" w:rsidP="0048012D"/>
    <w:p w:rsidR="00CE304B" w:rsidRDefault="00CE304B" w:rsidP="0048012D"/>
    <w:tbl>
      <w:tblPr>
        <w:tblStyle w:val="TableGrid"/>
        <w:tblW w:w="0" w:type="auto"/>
        <w:tblLook w:val="04A0" w:firstRow="1" w:lastRow="0" w:firstColumn="1" w:lastColumn="0" w:noHBand="0" w:noVBand="1"/>
      </w:tblPr>
      <w:tblGrid>
        <w:gridCol w:w="9576"/>
      </w:tblGrid>
      <w:tr w:rsidR="00CE304B" w:rsidTr="00CE304B">
        <w:tc>
          <w:tcPr>
            <w:tcW w:w="9576" w:type="dxa"/>
          </w:tcPr>
          <w:p w:rsidR="00CE304B" w:rsidRDefault="00CE304B" w:rsidP="0048012D">
            <w:r>
              <w:t>Add-to-saved-list.php</w:t>
            </w:r>
          </w:p>
        </w:tc>
      </w:tr>
      <w:tr w:rsidR="00CE304B" w:rsidTr="00CE304B">
        <w:tc>
          <w:tcPr>
            <w:tcW w:w="9576" w:type="dxa"/>
          </w:tcPr>
          <w:p w:rsidR="00CE304B" w:rsidRDefault="00CE304B" w:rsidP="0048012D">
            <w:r>
              <w:object w:dxaOrig="3785" w:dyaOrig="4320">
                <v:shape id="_x0000_i1053" type="#_x0000_t75" style="width:453.6pt;height:3in" o:ole="">
                  <v:imagedata r:id="rId62" o:title=""/>
                </v:shape>
                <o:OLEObject Type="Embed" ProgID="PBrush" ShapeID="_x0000_i1053" DrawAspect="Content" ObjectID="_1729694211" r:id="rId63"/>
              </w:object>
            </w:r>
          </w:p>
        </w:tc>
      </w:tr>
      <w:tr w:rsidR="00CE304B" w:rsidTr="00CE304B">
        <w:tc>
          <w:tcPr>
            <w:tcW w:w="9576" w:type="dxa"/>
          </w:tcPr>
          <w:p w:rsidR="00CE304B" w:rsidRDefault="00CE304B" w:rsidP="00CE304B">
            <w:r>
              <w:t xml:space="preserve">&lt;?php </w:t>
            </w:r>
          </w:p>
          <w:p w:rsidR="00CE304B" w:rsidRDefault="00CE304B" w:rsidP="00CE304B">
            <w:r>
              <w:t xml:space="preserve">require_once('config.php') ; </w:t>
            </w:r>
          </w:p>
          <w:p w:rsidR="00CE304B" w:rsidRDefault="00CE304B" w:rsidP="00CE304B">
            <w:r>
              <w:t xml:space="preserve">include_once ('attribute.php'); </w:t>
            </w:r>
          </w:p>
          <w:p w:rsidR="00CE304B" w:rsidRDefault="00CE304B" w:rsidP="00CE304B">
            <w:r>
              <w:t>?&gt;</w:t>
            </w:r>
          </w:p>
          <w:p w:rsidR="00CE304B" w:rsidRDefault="00CE304B" w:rsidP="00CE304B"/>
          <w:p w:rsidR="00CE304B" w:rsidRDefault="00CE304B" w:rsidP="00CE304B"/>
          <w:p w:rsidR="00CE304B" w:rsidRDefault="00CE304B" w:rsidP="00CE304B">
            <w:r>
              <w:t>&lt;!--head start--&gt;</w:t>
            </w:r>
          </w:p>
          <w:p w:rsidR="00CE304B" w:rsidRDefault="00CE304B" w:rsidP="00CE304B">
            <w:r>
              <w:t>&lt;head&gt;</w:t>
            </w:r>
          </w:p>
          <w:p w:rsidR="00CE304B" w:rsidRDefault="00CE304B" w:rsidP="00CE304B">
            <w:r>
              <w:t>&lt;!--meta details--&gt;</w:t>
            </w:r>
          </w:p>
          <w:p w:rsidR="00CE304B" w:rsidRDefault="00CE304B" w:rsidP="00CE304B">
            <w:r>
              <w:t xml:space="preserve">    &lt;meta charset="utf-8"/&gt;</w:t>
            </w:r>
          </w:p>
          <w:p w:rsidR="00CE304B" w:rsidRDefault="00CE304B" w:rsidP="00CE304B">
            <w:r>
              <w:t xml:space="preserve">    &lt;meta http-equiv="Content-Type" content="text/html; charset=UTF-8"/&gt;</w:t>
            </w:r>
          </w:p>
          <w:p w:rsidR="00CE304B" w:rsidRDefault="00CE304B" w:rsidP="00CE304B">
            <w:r>
              <w:t xml:space="preserve">    &lt;meta http-equiv="X-UA-Compatible" content="IE=edge"/&gt;</w:t>
            </w:r>
          </w:p>
          <w:p w:rsidR="00CE304B" w:rsidRDefault="00CE304B" w:rsidP="00CE304B">
            <w:r>
              <w:t xml:space="preserve">    &lt;meta name="viewport" content="width=device-width, initial-scale=1.0, user-scalable=0, minimal-ui"/&gt;</w:t>
            </w:r>
          </w:p>
          <w:p w:rsidR="00CE304B" w:rsidRDefault="00CE304B" w:rsidP="00CE304B">
            <w:r>
              <w:t xml:space="preserve">     &lt;!--  Logo on Browser window--&gt;</w:t>
            </w:r>
          </w:p>
          <w:p w:rsidR="00CE304B" w:rsidRDefault="00CE304B" w:rsidP="00CE304B">
            <w:r>
              <w:t xml:space="preserve">    &lt;link href="spf/img/tablogo.png" rel="shortcut icon" type="image/x-icon"&gt;</w:t>
            </w:r>
          </w:p>
          <w:p w:rsidR="00CE304B" w:rsidRDefault="00CE304B" w:rsidP="00CE304B">
            <w:r>
              <w:t xml:space="preserve">    &lt;!--google prefetch--&gt;</w:t>
            </w:r>
          </w:p>
          <w:p w:rsidR="00CE304B" w:rsidRDefault="00CE304B" w:rsidP="00CE304B">
            <w:r>
              <w:t xml:space="preserve">    &lt;link rel="dns-prefetch" href="http://fonts.gstatic.com/"/&gt;</w:t>
            </w:r>
          </w:p>
          <w:p w:rsidR="00CE304B" w:rsidRDefault="00CE304B" w:rsidP="00CE304B">
            <w:r>
              <w:t xml:space="preserve">    &lt;link rel="dns-prefetch" href="http://www.googletagmanager.com/"/&gt;</w:t>
            </w:r>
          </w:p>
          <w:p w:rsidR="00CE304B" w:rsidRDefault="00CE304B" w:rsidP="00CE304B">
            <w:r>
              <w:t xml:space="preserve">    &lt;link rel="dns-prefetch" href="http://www.google-analytics.com/"/&gt;</w:t>
            </w:r>
          </w:p>
          <w:p w:rsidR="00CE304B" w:rsidRDefault="00CE304B" w:rsidP="00CE304B">
            <w:r>
              <w:lastRenderedPageBreak/>
              <w:t xml:space="preserve">    &lt;link rel="dns-prefetch" href="http://pagead2.googlesyndication.com/"/&gt;</w:t>
            </w:r>
          </w:p>
          <w:p w:rsidR="00CE304B" w:rsidRDefault="00CE304B" w:rsidP="00CE304B">
            <w:r>
              <w:t xml:space="preserve">    &lt;link rel="preconnect" href="http://fonts.gstatic.com/"/&gt;</w:t>
            </w:r>
          </w:p>
          <w:p w:rsidR="00CE304B" w:rsidRDefault="00CE304B" w:rsidP="00CE304B">
            <w:r>
              <w:t xml:space="preserve">    &lt;link rel="preconnect" href="http://www.googletagmanager.com/"/&gt;</w:t>
            </w:r>
          </w:p>
          <w:p w:rsidR="00CE304B" w:rsidRDefault="00CE304B" w:rsidP="00CE304B">
            <w:r>
              <w:t xml:space="preserve">    &lt;link rel="preconnect" href="http://www.google-analytics.com/"/&gt;</w:t>
            </w:r>
          </w:p>
          <w:p w:rsidR="00CE304B" w:rsidRDefault="00CE304B" w:rsidP="00CE304B">
            <w:r>
              <w:t xml:space="preserve">    &lt;link rel="preconnect" href="http://pagead2.googlesyndication.com/"/&gt;</w:t>
            </w:r>
          </w:p>
          <w:p w:rsidR="00CE304B" w:rsidRDefault="00CE304B" w:rsidP="00CE304B">
            <w:r>
              <w:t xml:space="preserve">    &lt;meta name="apple-mobile-web-app-title" content="Senior Services | Senior Place Finder | VABF | ISF | ELF | EIFLF | ESPMF"/&gt;</w:t>
            </w:r>
          </w:p>
          <w:p w:rsidR="00CE304B" w:rsidRDefault="00CE304B" w:rsidP="00CE304B">
            <w:r>
              <w:t xml:space="preserve">    &lt;meta name="apple-mobile-web-app-capable" content="yes"/&gt;</w:t>
            </w:r>
          </w:p>
          <w:p w:rsidR="00CE304B" w:rsidRDefault="00CE304B" w:rsidP="00CE304B">
            <w:r>
              <w:t xml:space="preserve">    &lt;meta name="apple-touch-fullscreen" content="yes"/&gt;</w:t>
            </w:r>
          </w:p>
          <w:p w:rsidR="00CE304B" w:rsidRDefault="00CE304B" w:rsidP="00CE304B">
            <w:r>
              <w:t xml:space="preserve">    &lt;meta name="apple-mobile-web-app-status-bar-style" content="default"/&gt;</w:t>
            </w:r>
          </w:p>
          <w:p w:rsidR="00CE304B" w:rsidRDefault="00CE304B" w:rsidP="00CE304B">
            <w:r>
              <w:t xml:space="preserve">    &lt;meta name="google" content="notranslate"/&gt;</w:t>
            </w:r>
          </w:p>
          <w:p w:rsidR="00CE304B" w:rsidRDefault="00CE304B" w:rsidP="00CE304B">
            <w:r>
              <w:t xml:space="preserve">    &lt;meta property="fb:app_id" content="442299370000163"/&gt;</w:t>
            </w:r>
          </w:p>
          <w:p w:rsidR="00CE304B" w:rsidRDefault="00CE304B" w:rsidP="00CE304B">
            <w:r>
              <w:t xml:space="preserve">    &lt;!--screen  resolution--&gt;</w:t>
            </w:r>
          </w:p>
          <w:p w:rsidR="00CE304B" w:rsidRDefault="00CE304B" w:rsidP="00CE304B">
            <w:r>
              <w:t xml:space="preserve">    &lt;link rel="shortcut icon" href="spf/img/favicon.ico" type="image/x-icon"&gt;</w:t>
            </w:r>
          </w:p>
          <w:p w:rsidR="00CE304B" w:rsidRDefault="00CE304B" w:rsidP="00CE304B">
            <w:r>
              <w:t xml:space="preserve">    &lt;link rel="apple-touch-icon" href="spf/img/apple-touch-icon-60x60.html"&gt;</w:t>
            </w:r>
          </w:p>
          <w:p w:rsidR="00CE304B" w:rsidRDefault="00CE304B" w:rsidP="00CE304B">
            <w:r>
              <w:t xml:space="preserve">    &lt;link rel="apple-touch-icon" sizes="76x76" href="spf/img/apple-touch-icon-76x76.html"&gt;</w:t>
            </w:r>
          </w:p>
          <w:p w:rsidR="00CE304B" w:rsidRDefault="00CE304B" w:rsidP="00CE304B">
            <w:r>
              <w:t xml:space="preserve">    &lt;link rel="apple-touch-icon" sizes="120x120" href="spf/img/apple-touch-icon-120x120.html"&gt;</w:t>
            </w:r>
          </w:p>
          <w:p w:rsidR="00CE304B" w:rsidRDefault="00CE304B" w:rsidP="00CE304B">
            <w:r>
              <w:t xml:space="preserve">    &lt;link rel="apple-touch-icon" sizes="152x152" href="spf/img/apple-touch-icon-152x152.html"&gt;</w:t>
            </w:r>
          </w:p>
          <w:p w:rsidR="00CE304B" w:rsidRDefault="00CE304B" w:rsidP="00CE304B">
            <w:r>
              <w:t xml:space="preserve">    &lt;!--site details--&gt;</w:t>
            </w:r>
          </w:p>
          <w:p w:rsidR="00CE304B" w:rsidRDefault="00CE304B" w:rsidP="00CE304B">
            <w:r>
              <w:t xml:space="preserve">    &lt;title&gt;Senior Services | Senior Place Finder | VABF | ISF | ELF | EIFLF | ESPMF&lt;/title&gt;</w:t>
            </w:r>
          </w:p>
          <w:p w:rsidR="00CE304B" w:rsidRDefault="00CE304B" w:rsidP="00CE304B">
            <w:r>
              <w:t xml:space="preserve">    &lt;meta name="keywords" content="Senior Place Finder, VABF, ISF, ELF, EIFLF, ESPMF"/&gt;</w:t>
            </w:r>
          </w:p>
          <w:p w:rsidR="00CE304B" w:rsidRDefault="00CE304B" w:rsidP="00CE304B">
            <w:r>
              <w:t xml:space="preserve">    &lt;meta name="description" content="Find specialist for any service related to the seniors."&gt;</w:t>
            </w:r>
          </w:p>
          <w:p w:rsidR="00CE304B" w:rsidRDefault="00CE304B" w:rsidP="00CE304B">
            <w:r>
              <w:t xml:space="preserve">    &lt;meta property="og:type" content="website"/&gt;</w:t>
            </w:r>
          </w:p>
          <w:p w:rsidR="00CE304B" w:rsidRDefault="00CE304B" w:rsidP="00CE304B">
            <w:r>
              <w:t xml:space="preserve">    &lt;meta property="og:title" content="Senior Services | Senior Place Finder | VABF | ISF | ELF | EIFLF | ESPMF"/&gt;</w:t>
            </w:r>
          </w:p>
          <w:p w:rsidR="00CE304B" w:rsidRDefault="00CE304B" w:rsidP="00CE304B">
            <w:r>
              <w:t xml:space="preserve">    &lt;meta property="og:description" content="Find specialist for any service related to the seniors."/&gt;</w:t>
            </w:r>
          </w:p>
          <w:p w:rsidR="00CE304B" w:rsidRDefault="00CE304B" w:rsidP="00CE304B">
            <w:r>
              <w:t xml:space="preserve">    &lt;meta property="og:url" content="https://theseniorteam.net/"/&gt;</w:t>
            </w:r>
          </w:p>
          <w:p w:rsidR="00CE304B" w:rsidRDefault="00CE304B" w:rsidP="00CE304B">
            <w:r>
              <w:t xml:space="preserve">    &lt;meta property="og:site_name" content="Senior Team"/&gt;</w:t>
            </w:r>
          </w:p>
          <w:p w:rsidR="00CE304B" w:rsidRDefault="00CE304B" w:rsidP="00CE304B">
            <w:r>
              <w:t xml:space="preserve">    &lt;meta property="og:image" content="c"/&gt;</w:t>
            </w:r>
          </w:p>
          <w:p w:rsidR="00CE304B" w:rsidRDefault="00CE304B" w:rsidP="00CE304B">
            <w:r>
              <w:t xml:space="preserve">    &lt;meta name="twitter:card" content="summary_large_image"/&gt;</w:t>
            </w:r>
          </w:p>
          <w:p w:rsidR="00CE304B" w:rsidRDefault="00CE304B" w:rsidP="00CE304B">
            <w:r>
              <w:t xml:space="preserve">    &lt;meta name="twitter:title" content="Senior Services | Senior Place Finder | VABF | ISF | ELF | EIFLF | ESPMF"/&gt;</w:t>
            </w:r>
          </w:p>
          <w:p w:rsidR="00CE304B" w:rsidRDefault="00CE304B" w:rsidP="00CE304B">
            <w:r>
              <w:t xml:space="preserve">    &lt;meta name="twitter:description" content="Find specialist for any service related to the seniors."/&gt;</w:t>
            </w:r>
          </w:p>
          <w:p w:rsidR="00CE304B" w:rsidRDefault="00CE304B" w:rsidP="00CE304B">
            <w:r>
              <w:t xml:space="preserve">    &lt;meta name="twitter:site" content="@seniorteam"/&gt;</w:t>
            </w:r>
          </w:p>
          <w:p w:rsidR="00CE304B" w:rsidRDefault="00CE304B" w:rsidP="00CE304B">
            <w:r>
              <w:t xml:space="preserve">    &lt;meta name="twitter:image" content="img/icon/ssp.png"/&gt;</w:t>
            </w:r>
          </w:p>
          <w:p w:rsidR="00CE304B" w:rsidRDefault="00CE304B" w:rsidP="00CE304B">
            <w:r>
              <w:t xml:space="preserve">   </w:t>
            </w:r>
          </w:p>
          <w:p w:rsidR="00CE304B" w:rsidRDefault="00CE304B" w:rsidP="00CE304B">
            <w:r>
              <w:t xml:space="preserve">    &lt;meta name="csrf-token" content="dgqJnlX1u9TY9MEkfnEcAOPCkhA13RV7pHlBGUUg"/&gt;</w:t>
            </w:r>
          </w:p>
          <w:p w:rsidR="00CE304B" w:rsidRDefault="00CE304B" w:rsidP="00CE304B">
            <w:r>
              <w:t xml:space="preserve">    &lt;!--app.css --&gt;</w:t>
            </w:r>
          </w:p>
          <w:p w:rsidR="00CE304B" w:rsidRDefault="00CE304B" w:rsidP="00CE304B">
            <w:r>
              <w:t xml:space="preserve">    &lt;link media="all" type="text/css" rel="stylesheet" href="spf/css/app.css"&gt;</w:t>
            </w:r>
          </w:p>
          <w:p w:rsidR="00CE304B" w:rsidRDefault="00CE304B" w:rsidP="00CE304B">
            <w:r>
              <w:t xml:space="preserve">    &lt;!--icons.css --&gt;</w:t>
            </w:r>
          </w:p>
          <w:p w:rsidR="00CE304B" w:rsidRDefault="00CE304B" w:rsidP="00CE304B">
            <w:r>
              <w:t xml:space="preserve">    &lt;link media="all" type="text/css" rel="stylesheet" href="css/icons.css"&gt;</w:t>
            </w:r>
          </w:p>
          <w:p w:rsidR="00CE304B" w:rsidRDefault="00CE304B" w:rsidP="00CE304B">
            <w:r>
              <w:t xml:space="preserve">    &lt;!--notify.css --&gt;</w:t>
            </w:r>
          </w:p>
          <w:p w:rsidR="00CE304B" w:rsidRDefault="00CE304B" w:rsidP="00CE304B">
            <w:r>
              <w:t xml:space="preserve">    &lt;link media="all" type="text/css" rel="stylesheet" href="css/notify.css"&gt;</w:t>
            </w:r>
          </w:p>
          <w:p w:rsidR="00CE304B" w:rsidRDefault="00CE304B" w:rsidP="00CE304B">
            <w:r>
              <w:t xml:space="preserve">    &lt;!--floater.css --&gt;</w:t>
            </w:r>
          </w:p>
          <w:p w:rsidR="00CE304B" w:rsidRDefault="00CE304B" w:rsidP="00CE304B">
            <w:r>
              <w:t xml:space="preserve">    &lt;link media="all" type="text/css" rel="stylesheet" href="css/floater.css"&gt;</w:t>
            </w:r>
          </w:p>
          <w:p w:rsidR="00CE304B" w:rsidRDefault="00CE304B" w:rsidP="00CE304B">
            <w:r>
              <w:t xml:space="preserve">    &lt;!--selectize.css --&gt;</w:t>
            </w:r>
          </w:p>
          <w:p w:rsidR="00CE304B" w:rsidRDefault="00CE304B" w:rsidP="00CE304B">
            <w:r>
              <w:t xml:space="preserve">    &lt;link media="all" type="text/css" rel="stylesheet" href="css/selectize.css"&gt;</w:t>
            </w:r>
          </w:p>
          <w:p w:rsidR="00CE304B" w:rsidRDefault="00CE304B" w:rsidP="00CE304B">
            <w:r>
              <w:t xml:space="preserve">    &lt;!--theme.css --&gt;</w:t>
            </w:r>
          </w:p>
          <w:p w:rsidR="00CE304B" w:rsidRDefault="00CE304B" w:rsidP="00CE304B">
            <w:r>
              <w:lastRenderedPageBreak/>
              <w:t xml:space="preserve">    &lt;link media="all" type="text/css" rel="stylesheet" href="spf/css/theme.css"&gt;</w:t>
            </w:r>
          </w:p>
          <w:p w:rsidR="00CE304B" w:rsidRDefault="00CE304B" w:rsidP="00CE304B">
            <w:r>
              <w:t xml:space="preserve">    &lt;!--app.js --&gt;</w:t>
            </w:r>
          </w:p>
          <w:p w:rsidR="00CE304B" w:rsidRDefault="00CE304B" w:rsidP="00CE304B">
            <w:r>
              <w:t xml:space="preserve">    &lt;script src="js/app.js"&gt;&lt;/script&gt;</w:t>
            </w:r>
          </w:p>
          <w:p w:rsidR="00CE304B" w:rsidRDefault="00CE304B" w:rsidP="00CE304B">
            <w:r>
              <w:t xml:space="preserve">    &lt;!--jquery.js --&gt;</w:t>
            </w:r>
          </w:p>
          <w:p w:rsidR="00CE304B" w:rsidRDefault="00CE304B" w:rsidP="00CE304B">
            <w:r>
              <w:t xml:space="preserve">    &lt;script src="js/jquery.js"&gt;&lt;/script&gt;</w:t>
            </w:r>
          </w:p>
          <w:p w:rsidR="00CE304B" w:rsidRDefault="00CE304B" w:rsidP="00CE304B">
            <w:r>
              <w:t xml:space="preserve">    &lt;!--popper.js --&gt;</w:t>
            </w:r>
          </w:p>
          <w:p w:rsidR="00CE304B" w:rsidRDefault="00CE304B" w:rsidP="00CE304B">
            <w:r>
              <w:t xml:space="preserve">    &lt;script src="js/popper.js"&gt;&lt;/script&gt;</w:t>
            </w:r>
          </w:p>
          <w:p w:rsidR="00CE304B" w:rsidRDefault="00CE304B" w:rsidP="00CE304B">
            <w:r>
              <w:t xml:space="preserve">    &lt;!--bootstrap.js --&gt;</w:t>
            </w:r>
          </w:p>
          <w:p w:rsidR="00CE304B" w:rsidRDefault="00CE304B" w:rsidP="00CE304B">
            <w:r>
              <w:t xml:space="preserve">    &lt;script src="js/bootstrap.js"&gt;&lt;/script&gt;</w:t>
            </w:r>
          </w:p>
          <w:p w:rsidR="00CE304B" w:rsidRDefault="00CE304B" w:rsidP="00CE304B"/>
          <w:p w:rsidR="00CE304B" w:rsidRDefault="00CE304B" w:rsidP="00CE304B">
            <w:r>
              <w:t xml:space="preserve">    &lt;!-- Global site tag (gtag.js) - Google Analytics --&gt;</w:t>
            </w:r>
          </w:p>
          <w:p w:rsidR="00CE304B" w:rsidRDefault="00CE304B" w:rsidP="00CE304B">
            <w:r>
              <w:t xml:space="preserve">    &lt;script async src="https://www.googletagmanager.com/gtag/js?id="&gt;&lt;/script&gt;</w:t>
            </w:r>
          </w:p>
          <w:p w:rsidR="00CE304B" w:rsidRDefault="00CE304B" w:rsidP="00CE304B">
            <w:r>
              <w:t xml:space="preserve">    &lt;script&gt;</w:t>
            </w:r>
          </w:p>
          <w:p w:rsidR="00CE304B" w:rsidRDefault="00CE304B" w:rsidP="00CE304B">
            <w:r>
              <w:t xml:space="preserve">        window.dataLayer = window.dataLayer || [];</w:t>
            </w:r>
          </w:p>
          <w:p w:rsidR="00CE304B" w:rsidRDefault="00CE304B" w:rsidP="00CE304B">
            <w:r>
              <w:t xml:space="preserve">        function gtag() {</w:t>
            </w:r>
          </w:p>
          <w:p w:rsidR="00CE304B" w:rsidRDefault="00CE304B" w:rsidP="00CE304B">
            <w:r>
              <w:t xml:space="preserve">            dataLayer.push(arguments);</w:t>
            </w:r>
          </w:p>
          <w:p w:rsidR="00CE304B" w:rsidRDefault="00CE304B" w:rsidP="00CE304B">
            <w:r>
              <w:t xml:space="preserve">        }</w:t>
            </w:r>
          </w:p>
          <w:p w:rsidR="00CE304B" w:rsidRDefault="00CE304B" w:rsidP="00CE304B">
            <w:r>
              <w:t xml:space="preserve">        gtag('js', new Date());</w:t>
            </w:r>
          </w:p>
          <w:p w:rsidR="00CE304B" w:rsidRDefault="00CE304B" w:rsidP="00CE304B">
            <w:r>
              <w:t xml:space="preserve">        gtag('config', '');</w:t>
            </w:r>
          </w:p>
          <w:p w:rsidR="00CE304B" w:rsidRDefault="00CE304B" w:rsidP="00CE304B">
            <w:r>
              <w:t xml:space="preserve">    &lt;/script&gt;</w:t>
            </w:r>
          </w:p>
          <w:p w:rsidR="00CE304B" w:rsidRDefault="00CE304B" w:rsidP="00CE304B">
            <w:r>
              <w:t xml:space="preserve">    &lt;!--fingerprint2.js --&gt;</w:t>
            </w:r>
          </w:p>
          <w:p w:rsidR="00CE304B" w:rsidRDefault="00CE304B" w:rsidP="00CE304B">
            <w:r>
              <w:t>&lt;script src="js/fingerprint2.js"&gt;&lt;/script&gt;</w:t>
            </w:r>
          </w:p>
          <w:p w:rsidR="00CE304B" w:rsidRDefault="00CE304B" w:rsidP="00CE304B">
            <w:r>
              <w:t>&lt;!--ua-parser.js --&gt;</w:t>
            </w:r>
          </w:p>
          <w:p w:rsidR="00CE304B" w:rsidRDefault="00CE304B" w:rsidP="00CE304B">
            <w:r>
              <w:t>&lt;script src="js/ua-parser.js"&gt;&lt;/script&gt;</w:t>
            </w:r>
          </w:p>
          <w:p w:rsidR="00CE304B" w:rsidRDefault="00CE304B" w:rsidP="00CE304B">
            <w:r>
              <w:t>&lt;script&gt;</w:t>
            </w:r>
          </w:p>
          <w:p w:rsidR="00CE304B" w:rsidRDefault="00CE304B" w:rsidP="00CE304B">
            <w:r>
              <w:t xml:space="preserve">    let fpCookie = getCookie("FP_UUID");</w:t>
            </w:r>
          </w:p>
          <w:p w:rsidR="00CE304B" w:rsidRDefault="00CE304B" w:rsidP="00CE304B">
            <w:r>
              <w:t xml:space="preserve">    let getFingerPrint = function () {</w:t>
            </w:r>
          </w:p>
          <w:p w:rsidR="00CE304B" w:rsidRDefault="00CE304B" w:rsidP="00CE304B">
            <w:r>
              <w:t xml:space="preserve">        let d1 = new Date();</w:t>
            </w:r>
          </w:p>
          <w:p w:rsidR="00CE304B" w:rsidRDefault="00CE304B" w:rsidP="00CE304B">
            <w:r>
              <w:t xml:space="preserve">        let options = {/*</w:t>
            </w:r>
          </w:p>
          <w:p w:rsidR="00CE304B" w:rsidRDefault="00CE304B" w:rsidP="00CE304B">
            <w:r>
              <w:t xml:space="preserve">            excludes: {</w:t>
            </w:r>
          </w:p>
          <w:p w:rsidR="00CE304B" w:rsidRDefault="00CE304B" w:rsidP="00CE304B">
            <w:r>
              <w:t xml:space="preserve">                enumerateDevices: true,</w:t>
            </w:r>
          </w:p>
          <w:p w:rsidR="00CE304B" w:rsidRDefault="00CE304B" w:rsidP="00CE304B">
            <w:r>
              <w:t xml:space="preserve">                pixelRatio: true,</w:t>
            </w:r>
          </w:p>
          <w:p w:rsidR="00CE304B" w:rsidRDefault="00CE304B" w:rsidP="00CE304B">
            <w:r>
              <w:t xml:space="preserve">                doNotTrack: true,</w:t>
            </w:r>
          </w:p>
          <w:p w:rsidR="00CE304B" w:rsidRDefault="00CE304B" w:rsidP="00CE304B">
            <w:r>
              <w:t xml:space="preserve">                fontsFlash: true/!*,</w:t>
            </w:r>
          </w:p>
          <w:p w:rsidR="00CE304B" w:rsidRDefault="00CE304B" w:rsidP="00CE304B">
            <w:r>
              <w:t xml:space="preserve">                plugins: true*!/</w:t>
            </w:r>
          </w:p>
          <w:p w:rsidR="00CE304B" w:rsidRDefault="00CE304B" w:rsidP="00CE304B">
            <w:r>
              <w:t xml:space="preserve">            },</w:t>
            </w:r>
          </w:p>
          <w:p w:rsidR="00CE304B" w:rsidRDefault="00CE304B" w:rsidP="00CE304B">
            <w:r>
              <w:t xml:space="preserve">            extraComponents: [</w:t>
            </w:r>
          </w:p>
          <w:p w:rsidR="00CE304B" w:rsidRDefault="00CE304B" w:rsidP="00CE304B">
            <w:r>
              <w:t xml:space="preserve">                {</w:t>
            </w:r>
          </w:p>
          <w:p w:rsidR="00CE304B" w:rsidRDefault="00CE304B" w:rsidP="00CE304B">
            <w:r>
              <w:t xml:space="preserve">                    key: 'domain',</w:t>
            </w:r>
          </w:p>
          <w:p w:rsidR="00CE304B" w:rsidRDefault="00CE304B" w:rsidP="00CE304B">
            <w:r>
              <w:t xml:space="preserve">                    getData: function (done, options) {</w:t>
            </w:r>
          </w:p>
          <w:p w:rsidR="00CE304B" w:rsidRDefault="00CE304B" w:rsidP="00CE304B">
            <w:r>
              <w:t xml:space="preserve">                        done(window.location.hostname);</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r>
              <w:t xml:space="preserve">                    key: 'domain',</w:t>
            </w:r>
          </w:p>
          <w:p w:rsidR="00CE304B" w:rsidRDefault="00CE304B" w:rsidP="00CE304B">
            <w:r>
              <w:t xml:space="preserve">                    getData: function (done, options) {</w:t>
            </w:r>
          </w:p>
          <w:p w:rsidR="00CE304B" w:rsidRDefault="00CE304B" w:rsidP="00CE304B">
            <w:r>
              <w:t xml:space="preserve">                        done(window.location.hostname);</w:t>
            </w:r>
          </w:p>
          <w:p w:rsidR="00CE304B" w:rsidRDefault="00CE304B" w:rsidP="00CE304B">
            <w:r>
              <w:t xml:space="preserve">                    }</w:t>
            </w:r>
          </w:p>
          <w:p w:rsidR="00CE304B" w:rsidRDefault="00CE304B" w:rsidP="00CE304B">
            <w:r>
              <w:lastRenderedPageBreak/>
              <w:t xml:space="preserve">                }*!/</w:t>
            </w:r>
          </w:p>
          <w:p w:rsidR="00CE304B" w:rsidRDefault="00CE304B" w:rsidP="00CE304B">
            <w:r>
              <w:t xml:space="preserve">            ],*/</w:t>
            </w:r>
          </w:p>
          <w:p w:rsidR="00CE304B" w:rsidRDefault="00CE304B" w:rsidP="00CE304B">
            <w:r>
              <w:t xml:space="preserve">            preprocessor: function (key, value) {</w:t>
            </w:r>
          </w:p>
          <w:p w:rsidR="00CE304B" w:rsidRDefault="00CE304B" w:rsidP="00CE304B">
            <w:r>
              <w:t xml:space="preserve">                if (key === "userAgent") {</w:t>
            </w:r>
          </w:p>
          <w:p w:rsidR="00CE304B" w:rsidRDefault="00CE304B" w:rsidP="00CE304B">
            <w:r>
              <w:t xml:space="preserve">                    let parser = new UAParser(value);</w:t>
            </w:r>
          </w:p>
          <w:p w:rsidR="00CE304B" w:rsidRDefault="00CE304B" w:rsidP="00CE304B">
            <w:r>
              <w:t xml:space="preserve">                    let userAgentMinusVersion = parser.getOS().name + ' ' + parser.getBrowser().name;</w:t>
            </w:r>
          </w:p>
          <w:p w:rsidR="00CE304B" w:rsidRDefault="00CE304B" w:rsidP="00CE304B">
            <w:r>
              <w:t xml:space="preserve">                    return userAgentMinusVersion;</w:t>
            </w:r>
          </w:p>
          <w:p w:rsidR="00CE304B" w:rsidRDefault="00CE304B" w:rsidP="00CE304B">
            <w:r>
              <w:t xml:space="preserve">                }</w:t>
            </w:r>
          </w:p>
          <w:p w:rsidR="00CE304B" w:rsidRDefault="00CE304B" w:rsidP="00CE304B">
            <w:r>
              <w:t xml:space="preserve">                return value;</w:t>
            </w:r>
          </w:p>
          <w:p w:rsidR="00CE304B" w:rsidRDefault="00CE304B" w:rsidP="00CE304B">
            <w:r>
              <w:t xml:space="preserve">            }</w:t>
            </w:r>
          </w:p>
          <w:p w:rsidR="00CE304B" w:rsidRDefault="00CE304B" w:rsidP="00CE304B">
            <w:r>
              <w:t xml:space="preserve">        };</w:t>
            </w:r>
          </w:p>
          <w:p w:rsidR="00CE304B" w:rsidRDefault="00CE304B" w:rsidP="00CE304B">
            <w:r>
              <w:t xml:space="preserve">        Fingerprint2.get(options, function (components) {</w:t>
            </w:r>
          </w:p>
          <w:p w:rsidR="00CE304B" w:rsidRDefault="00CE304B" w:rsidP="00CE304B">
            <w:r>
              <w:t xml:space="preserve">            let fp = Fingerprint2.x64hash128(components.map(function (pair) {</w:t>
            </w:r>
          </w:p>
          <w:p w:rsidR="00CE304B" w:rsidRDefault="00CE304B" w:rsidP="00CE304B">
            <w:r>
              <w:t xml:space="preserve">                return pair.value</w:t>
            </w:r>
          </w:p>
          <w:p w:rsidR="00CE304B" w:rsidRDefault="00CE304B" w:rsidP="00CE304B">
            <w:r>
              <w:t xml:space="preserve">            }).join(), 31);</w:t>
            </w:r>
          </w:p>
          <w:p w:rsidR="00CE304B" w:rsidRDefault="00CE304B" w:rsidP="00CE304B">
            <w:r>
              <w:t xml:space="preserve">            setCookie("FP_UUID", fp, 30);</w:t>
            </w:r>
          </w:p>
          <w:p w:rsidR="00CE304B" w:rsidRDefault="00CE304B" w:rsidP="00CE304B">
            <w:r>
              <w:t xml:space="preserve">            fpCookie = getCookie("FP_UUID");</w:t>
            </w:r>
          </w:p>
          <w:p w:rsidR="00CE304B" w:rsidRDefault="00CE304B" w:rsidP="00CE304B">
            <w:r>
              <w:t xml:space="preserve">            console.log("FP_UUID: ", fpCookie);</w:t>
            </w:r>
          </w:p>
          <w:p w:rsidR="00CE304B" w:rsidRDefault="00CE304B" w:rsidP="00CE304B">
            <w:r>
              <w:t xml:space="preserve">            let d2 = new Date();</w:t>
            </w:r>
          </w:p>
          <w:p w:rsidR="00CE304B" w:rsidRDefault="00CE304B" w:rsidP="00CE304B">
            <w:r>
              <w:t xml:space="preserve">            let tt = d2 - d1;</w:t>
            </w:r>
          </w:p>
          <w:p w:rsidR="00CE304B" w:rsidRDefault="00CE304B" w:rsidP="00CE304B">
            <w:r>
              <w:t xml:space="preserve">            let details = "";</w:t>
            </w:r>
          </w:p>
          <w:p w:rsidR="00CE304B" w:rsidRDefault="00CE304B" w:rsidP="00CE304B">
            <w:r>
              <w:t xml:space="preserve">            console.log("Time Taken : ", tt);</w:t>
            </w:r>
          </w:p>
          <w:p w:rsidR="00CE304B" w:rsidRDefault="00CE304B" w:rsidP="00CE304B">
            <w:r>
              <w:t xml:space="preserve">            console.log("Finger Print : ", fp);</w:t>
            </w:r>
          </w:p>
          <w:p w:rsidR="00CE304B" w:rsidRDefault="00CE304B" w:rsidP="00CE304B">
            <w:r>
              <w:t xml:space="preserve">            for (let index in components) {</w:t>
            </w:r>
          </w:p>
          <w:p w:rsidR="00CE304B" w:rsidRDefault="00CE304B" w:rsidP="00CE304B">
            <w:r>
              <w:t xml:space="preserve">                let obj = components[index];</w:t>
            </w:r>
          </w:p>
          <w:p w:rsidR="00CE304B" w:rsidRDefault="00CE304B" w:rsidP="00CE304B">
            <w:r>
              <w:t xml:space="preserve">                let line = obj.key + " = " + String(obj.value).substr(0, 100);</w:t>
            </w:r>
          </w:p>
          <w:p w:rsidR="00CE304B" w:rsidRDefault="00CE304B" w:rsidP="00CE304B">
            <w:r>
              <w:t xml:space="preserve">                details += line + "\n";</w:t>
            </w:r>
          </w:p>
          <w:p w:rsidR="00CE304B" w:rsidRDefault="00CE304B" w:rsidP="00CE304B">
            <w:r>
              <w:t xml:space="preserve">            }</w:t>
            </w:r>
          </w:p>
          <w:p w:rsidR="00CE304B" w:rsidRDefault="00CE304B" w:rsidP="00CE304B">
            <w:r>
              <w:t xml:space="preserve">            console.log(details);</w:t>
            </w:r>
          </w:p>
          <w:p w:rsidR="00CE304B" w:rsidRDefault="00CE304B" w:rsidP="00CE304B">
            <w:r>
              <w:t xml:space="preserve">        });</w:t>
            </w:r>
          </w:p>
          <w:p w:rsidR="00CE304B" w:rsidRDefault="00CE304B" w:rsidP="00CE304B">
            <w:r>
              <w:t xml:space="preserve">    };</w:t>
            </w:r>
          </w:p>
          <w:p w:rsidR="00CE304B" w:rsidRDefault="00CE304B" w:rsidP="00CE304B"/>
          <w:p w:rsidR="00CE304B" w:rsidRDefault="00CE304B" w:rsidP="00CE304B">
            <w:r>
              <w:t xml:space="preserve">    if (fpCookie === null) {</w:t>
            </w:r>
          </w:p>
          <w:p w:rsidR="00CE304B" w:rsidRDefault="00CE304B" w:rsidP="00CE304B">
            <w:r>
              <w:t xml:space="preserve">        let cancelId;</w:t>
            </w:r>
          </w:p>
          <w:p w:rsidR="00CE304B" w:rsidRDefault="00CE304B" w:rsidP="00CE304B">
            <w:r>
              <w:t xml:space="preserve">        let cancelFunction;</w:t>
            </w:r>
          </w:p>
          <w:p w:rsidR="00CE304B" w:rsidRDefault="00CE304B" w:rsidP="00CE304B">
            <w:r>
              <w:t xml:space="preserve">        if (window.requestIdleCallback) {</w:t>
            </w:r>
          </w:p>
          <w:p w:rsidR="00CE304B" w:rsidRDefault="00CE304B" w:rsidP="00CE304B">
            <w:r>
              <w:t xml:space="preserve">            cancelId = requestIdleCallback(getFingerPrint);</w:t>
            </w:r>
          </w:p>
          <w:p w:rsidR="00CE304B" w:rsidRDefault="00CE304B" w:rsidP="00CE304B">
            <w:r>
              <w:t xml:space="preserve">            cancelFunction = cancelIdleCallback;</w:t>
            </w:r>
          </w:p>
          <w:p w:rsidR="00CE304B" w:rsidRDefault="00CE304B" w:rsidP="00CE304B">
            <w:r>
              <w:t xml:space="preserve">        } else {</w:t>
            </w:r>
          </w:p>
          <w:p w:rsidR="00CE304B" w:rsidRDefault="00CE304B" w:rsidP="00CE304B">
            <w:r>
              <w:t xml:space="preserve">            cancelId = setTimeout(getFingerPrint, 500);</w:t>
            </w:r>
          </w:p>
          <w:p w:rsidR="00CE304B" w:rsidRDefault="00CE304B" w:rsidP="00CE304B">
            <w:r>
              <w:t xml:space="preserve">            cancelFunction = clearTimeout;</w:t>
            </w:r>
          </w:p>
          <w:p w:rsidR="00CE304B" w:rsidRDefault="00CE304B" w:rsidP="00CE304B">
            <w:r>
              <w:t xml:space="preserve">        }</w:t>
            </w:r>
          </w:p>
          <w:p w:rsidR="00CE304B" w:rsidRDefault="00CE304B" w:rsidP="00CE304B">
            <w:r>
              <w:t xml:space="preserve">    }</w:t>
            </w:r>
          </w:p>
          <w:p w:rsidR="00CE304B" w:rsidRDefault="00CE304B" w:rsidP="00CE304B">
            <w:r>
              <w:t>&lt;/script&gt;</w:t>
            </w:r>
          </w:p>
          <w:p w:rsidR="00CE304B" w:rsidRDefault="00CE304B" w:rsidP="00CE304B">
            <w:r>
              <w:t xml:space="preserve">            &lt;script type="application/ld+json"&gt;</w:t>
            </w:r>
          </w:p>
          <w:p w:rsidR="00CE304B" w:rsidRDefault="00CE304B" w:rsidP="00CE304B">
            <w:r>
              <w:t xml:space="preserve">    {"@context":"http:\/\/schema.org","@type":"WebPage","name":"Senior Services","url":"https:\/\/theseniorteam.net","logo":"https:\/\/assets.elite.dev\/img\/portal\/rect\/ssp.svg","sameAs":["https:\/\/theseniorteam.net"]}</w:t>
            </w:r>
          </w:p>
          <w:p w:rsidR="00CE304B" w:rsidRDefault="00CE304B" w:rsidP="00CE304B">
            <w:r>
              <w:lastRenderedPageBreak/>
              <w:t xml:space="preserve">&lt;/script&gt;   </w:t>
            </w:r>
          </w:p>
          <w:p w:rsidR="00CE304B" w:rsidRDefault="00CE304B" w:rsidP="00CE304B"/>
          <w:p w:rsidR="00CE304B" w:rsidRDefault="00CE304B" w:rsidP="00CE304B">
            <w:r>
              <w:t>&lt;!-- Meta Pixel Code --&gt;</w:t>
            </w:r>
          </w:p>
          <w:p w:rsidR="00CE304B" w:rsidRDefault="00CE304B" w:rsidP="00CE304B">
            <w:r>
              <w:t>&lt;script&gt;</w:t>
            </w:r>
          </w:p>
          <w:p w:rsidR="00CE304B" w:rsidRDefault="00CE304B" w:rsidP="00CE304B">
            <w:r>
              <w:t>!function(f,b,e,v,n,t,s)</w:t>
            </w:r>
          </w:p>
          <w:p w:rsidR="00CE304B" w:rsidRDefault="00CE304B" w:rsidP="00CE304B">
            <w:r>
              <w:t>{if(f.fbq)return;n=f.fbq=function(){n.callMethod?</w:t>
            </w:r>
          </w:p>
          <w:p w:rsidR="00CE304B" w:rsidRDefault="00CE304B" w:rsidP="00CE304B">
            <w:r>
              <w:t>n.callMethod.apply(n,arguments):n.queue.push(arguments)};</w:t>
            </w:r>
          </w:p>
          <w:p w:rsidR="00CE304B" w:rsidRDefault="00CE304B" w:rsidP="00CE304B">
            <w:r>
              <w:t>if(!f._fbq)f._fbq=n;n.push=n;n.loaded=!0;n.version='2.0';</w:t>
            </w:r>
          </w:p>
          <w:p w:rsidR="00CE304B" w:rsidRDefault="00CE304B" w:rsidP="00CE304B">
            <w:r>
              <w:t>n.queue=[];t=b.createElement(e);t.async=!0;</w:t>
            </w:r>
          </w:p>
          <w:p w:rsidR="00CE304B" w:rsidRDefault="00CE304B" w:rsidP="00CE304B">
            <w:r>
              <w:t>t.src=v;s=b.getElementsByTagName(e)[0];</w:t>
            </w:r>
          </w:p>
          <w:p w:rsidR="00CE304B" w:rsidRDefault="00CE304B" w:rsidP="00CE304B">
            <w:r>
              <w:t>s.parentNode.insertBefore(t,s)}(window, document,'script',</w:t>
            </w:r>
          </w:p>
          <w:p w:rsidR="00CE304B" w:rsidRDefault="00CE304B" w:rsidP="00CE304B">
            <w:r>
              <w:t>'https://connect.facebook.net/en_US/fbevents.js');</w:t>
            </w:r>
          </w:p>
          <w:p w:rsidR="00CE304B" w:rsidRDefault="00CE304B" w:rsidP="00CE304B">
            <w:r>
              <w:t>fbq('init', '1380363135826732');</w:t>
            </w:r>
          </w:p>
          <w:p w:rsidR="00CE304B" w:rsidRDefault="00CE304B" w:rsidP="00CE304B">
            <w:r>
              <w:t>fbq('track', 'PageView');</w:t>
            </w:r>
          </w:p>
          <w:p w:rsidR="00CE304B" w:rsidRDefault="00CE304B" w:rsidP="00CE304B">
            <w:r>
              <w:t>&lt;/script&gt;</w:t>
            </w:r>
          </w:p>
          <w:p w:rsidR="00CE304B" w:rsidRDefault="00CE304B" w:rsidP="00CE304B">
            <w:r>
              <w:t>&lt;noscript&gt;&lt;img height="1" width="1" style="display:none"</w:t>
            </w:r>
          </w:p>
          <w:p w:rsidR="00CE304B" w:rsidRDefault="00CE304B" w:rsidP="00CE304B">
            <w:r>
              <w:t>src="https://www.facebook.com/tr?id=1380363135826732&amp;ev=PageView&amp;noscript=1"</w:t>
            </w:r>
          </w:p>
          <w:p w:rsidR="00CE304B" w:rsidRDefault="00CE304B" w:rsidP="00CE304B">
            <w:r>
              <w:t>/&gt;&lt;/noscript&gt;</w:t>
            </w:r>
          </w:p>
          <w:p w:rsidR="00CE304B" w:rsidRDefault="00CE304B" w:rsidP="00CE304B">
            <w:r>
              <w:t>&lt;!-- End Meta Pixel Code --&gt;</w:t>
            </w:r>
          </w:p>
          <w:p w:rsidR="00CE304B" w:rsidRDefault="00CE304B" w:rsidP="00CE304B"/>
          <w:p w:rsidR="00CE304B" w:rsidRDefault="00CE304B" w:rsidP="00CE304B">
            <w:r>
              <w:t>&lt;/head&gt;</w:t>
            </w:r>
          </w:p>
          <w:p w:rsidR="00CE304B" w:rsidRDefault="00CE304B" w:rsidP="00CE304B">
            <w:r>
              <w:t>&lt;!--head ends--&gt;</w:t>
            </w:r>
          </w:p>
          <w:p w:rsidR="00CE304B" w:rsidRDefault="00CE304B" w:rsidP="00CE304B"/>
          <w:p w:rsidR="00CE304B" w:rsidRDefault="00CE304B" w:rsidP="00CE304B">
            <w:r>
              <w:t>&lt;div class="loading"&gt;</w:t>
            </w:r>
          </w:p>
          <w:p w:rsidR="00CE304B" w:rsidRDefault="00CE304B" w:rsidP="00CE304B">
            <w:r>
              <w:t xml:space="preserve">    &lt;div class="loader"&gt;&lt;/div&gt;</w:t>
            </w:r>
          </w:p>
          <w:p w:rsidR="00CE304B" w:rsidRDefault="00CE304B" w:rsidP="00CE304B">
            <w:r>
              <w:t>&lt;/div&gt;</w:t>
            </w:r>
          </w:p>
          <w:p w:rsidR="00CE304B" w:rsidRDefault="00CE304B" w:rsidP="00CE304B">
            <w:r>
              <w:t>&lt;div id="divVueContainer"&gt;</w:t>
            </w:r>
          </w:p>
          <w:p w:rsidR="00CE304B" w:rsidRDefault="00CE304B" w:rsidP="00CE304B">
            <w:r>
              <w:t xml:space="preserve">    &lt;div id="page"&gt;</w:t>
            </w:r>
          </w:p>
          <w:p w:rsidR="00CE304B" w:rsidRDefault="00CE304B" w:rsidP="00CE304B"/>
          <w:p w:rsidR="00CE304B" w:rsidRDefault="00CE304B" w:rsidP="00CE304B">
            <w:r>
              <w:t xml:space="preserve">        &lt;!--------------------header starts------------------&gt;</w:t>
            </w:r>
          </w:p>
          <w:p w:rsidR="00CE304B" w:rsidRDefault="00CE304B" w:rsidP="00CE304B">
            <w:r>
              <w:t xml:space="preserve">        &lt;!--top bar start--&gt;</w:t>
            </w:r>
          </w:p>
          <w:p w:rsidR="00CE304B" w:rsidRDefault="00CE304B" w:rsidP="00CE304B">
            <w:r>
              <w:t xml:space="preserve">        &lt;header class=" header  menu_fixed"&gt;</w:t>
            </w:r>
          </w:p>
          <w:p w:rsidR="00CE304B" w:rsidRDefault="00CE304B" w:rsidP="00CE304B">
            <w:r>
              <w:t xml:space="preserve">            &lt;div id="logo"&gt;</w:t>
            </w:r>
          </w:p>
          <w:p w:rsidR="00CE304B" w:rsidRDefault="00CE304B" w:rsidP="00CE304B">
            <w:r>
              <w:t xml:space="preserve">                &lt;a href="home.php"</w:t>
            </w:r>
          </w:p>
          <w:p w:rsidR="00CE304B" w:rsidRDefault="00CE304B" w:rsidP="00CE304B">
            <w:r>
              <w:t xml:space="preserve">                   title="Senior Place Finder - A bridge between seniors and senior living gateway."&gt;</w:t>
            </w:r>
          </w:p>
          <w:p w:rsidR="00CE304B" w:rsidRDefault="00CE304B" w:rsidP="00CE304B">
            <w:r>
              <w:t xml:space="preserve">                        &lt;img alt="" class="logo_normal" src="spf/img/logo.png" width="" height="75"/&gt;</w:t>
            </w:r>
          </w:p>
          <w:p w:rsidR="00CE304B" w:rsidRDefault="00CE304B" w:rsidP="00CE304B">
            <w:r>
              <w:t xml:space="preserve">                        &lt;img alt="" class="logo_sticky" src="spf/img/logo_sticky.png" width="" height="75"/&gt;</w:t>
            </w:r>
          </w:p>
          <w:p w:rsidR="00CE304B" w:rsidRDefault="00CE304B" w:rsidP="00CE304B">
            <w:r>
              <w:t xml:space="preserve">                &lt;/a&gt;</w:t>
            </w:r>
          </w:p>
          <w:p w:rsidR="00CE304B" w:rsidRDefault="00CE304B" w:rsidP="00CE304B">
            <w:r>
              <w:t xml:space="preserve">            &lt;/div&gt;</w:t>
            </w:r>
          </w:p>
          <w:p w:rsidR="00CE304B" w:rsidRDefault="00CE304B" w:rsidP="00CE304B">
            <w:r>
              <w:t xml:space="preserve">            &lt;ul id="top_menu"&gt;</w:t>
            </w:r>
          </w:p>
          <w:p w:rsidR="00CE304B" w:rsidRDefault="00CE304B" w:rsidP="00CE304B">
            <w:r>
              <w:t xml:space="preserve">                    &lt;?php if ( LOGGED_STATUS == 0 ) { ?&gt; </w:t>
            </w:r>
          </w:p>
          <w:p w:rsidR="00CE304B" w:rsidRDefault="00CE304B" w:rsidP="00CE304B">
            <w:r>
              <w:t xml:space="preserve">            </w:t>
            </w:r>
          </w:p>
          <w:p w:rsidR="00CE304B" w:rsidRDefault="00CE304B" w:rsidP="00CE304B">
            <w:r>
              <w:t xml:space="preserve">                &lt;li&gt;&lt;br/&gt;</w:t>
            </w:r>
          </w:p>
          <w:p w:rsidR="00CE304B" w:rsidRDefault="00CE304B" w:rsidP="00CE304B">
            <w:r>
              <w:t xml:space="preserve">                    &lt;a class="btn_add" href="&lt;?php echo SITE_URL_SPF ; ?&gt;/login.php" title="Sign In"&gt; Sign In &lt;/a&gt; </w:t>
            </w:r>
          </w:p>
          <w:p w:rsidR="00CE304B" w:rsidRDefault="00CE304B" w:rsidP="00CE304B">
            <w:r>
              <w:t xml:space="preserve">                &lt;/li&gt;</w:t>
            </w:r>
          </w:p>
          <w:p w:rsidR="00CE304B" w:rsidRDefault="00CE304B" w:rsidP="00CE304B"/>
          <w:p w:rsidR="00CE304B" w:rsidRDefault="00CE304B" w:rsidP="00CE304B">
            <w:r>
              <w:t xml:space="preserve">                &lt;li&gt;&lt;br/&gt;</w:t>
            </w:r>
          </w:p>
          <w:p w:rsidR="00CE304B" w:rsidRDefault="00CE304B" w:rsidP="00CE304B">
            <w:r>
              <w:lastRenderedPageBreak/>
              <w:t xml:space="preserve">                    &lt;a class="btn_add" href="&lt;?php echo SITE_URL_SPF; ?&gt;/register.php" title="Register"&gt; Register&lt;/a&gt;</w:t>
            </w:r>
          </w:p>
          <w:p w:rsidR="00CE304B" w:rsidRDefault="00CE304B" w:rsidP="00CE304B">
            <w:r>
              <w:t xml:space="preserve">                &lt;/li&gt;</w:t>
            </w:r>
          </w:p>
          <w:p w:rsidR="00CE304B" w:rsidRDefault="00CE304B" w:rsidP="00CE304B">
            <w:r>
              <w:t xml:space="preserve">                &lt;?php } else { ?&gt;</w:t>
            </w:r>
          </w:p>
          <w:p w:rsidR="00CE304B" w:rsidRDefault="00CE304B" w:rsidP="00CE304B">
            <w:r>
              <w:t xml:space="preserve">                &lt;li&gt;&lt;br/&gt;</w:t>
            </w:r>
          </w:p>
          <w:p w:rsidR="00CE304B" w:rsidRDefault="00CE304B" w:rsidP="00CE304B">
            <w:r>
              <w:t xml:space="preserve">                    &lt;a class="btn_add" href="&lt;?php echo SITE_URL_SPF ; ?&gt;/dashboard/?domain=spf" title="dashboard"&gt; &lt;?php echo $userName ; ?&gt;&lt;/a&gt;</w:t>
            </w:r>
          </w:p>
          <w:p w:rsidR="00CE304B" w:rsidRDefault="00CE304B" w:rsidP="00CE304B">
            <w:r>
              <w:t xml:space="preserve">                &lt;/li&gt;</w:t>
            </w:r>
          </w:p>
          <w:p w:rsidR="00CE304B" w:rsidRDefault="00CE304B" w:rsidP="00CE304B">
            <w:r>
              <w:t xml:space="preserve">                &lt;li&gt;&lt;br/&gt;</w:t>
            </w:r>
          </w:p>
          <w:p w:rsidR="00CE304B" w:rsidRDefault="00CE304B" w:rsidP="00CE304B">
            <w:r>
              <w:t xml:space="preserve">                    &lt;a class="btn_add" href="&lt;?php echo SITE_URL_PROFILE ; ?&gt;/profile/?sort=login" title="dashboard"&gt;Dashboard &lt;/a&gt;</w:t>
            </w:r>
          </w:p>
          <w:p w:rsidR="00CE304B" w:rsidRDefault="00CE304B" w:rsidP="00CE304B">
            <w:r>
              <w:t xml:space="preserve">                &lt;/li&gt;</w:t>
            </w:r>
          </w:p>
          <w:p w:rsidR="00CE304B" w:rsidRDefault="00CE304B" w:rsidP="00CE304B">
            <w:r>
              <w:tab/>
            </w:r>
            <w:r>
              <w:tab/>
            </w:r>
            <w:r>
              <w:tab/>
            </w:r>
            <w:r>
              <w:tab/>
              <w:t>&lt;li&gt;&lt;br/&gt;</w:t>
            </w:r>
          </w:p>
          <w:p w:rsidR="00CE304B" w:rsidRDefault="00CE304B" w:rsidP="00CE304B">
            <w:r>
              <w:t xml:space="preserve">                    &lt;a class="btn_add" href="&lt;?php echo SITE_URL_SPF ; ?&gt;/logout.php" title="Logout"&gt; Logout&lt;/a&gt;</w:t>
            </w:r>
          </w:p>
          <w:p w:rsidR="00CE304B" w:rsidRDefault="00CE304B" w:rsidP="00CE304B">
            <w:r>
              <w:t xml:space="preserve">                &lt;/li&gt;</w:t>
            </w:r>
          </w:p>
          <w:p w:rsidR="00CE304B" w:rsidRDefault="00CE304B" w:rsidP="00CE304B">
            <w:r>
              <w:t xml:space="preserve">                &lt;?php } ?&gt;</w:t>
            </w:r>
          </w:p>
          <w:p w:rsidR="00CE304B" w:rsidRDefault="00CE304B" w:rsidP="00CE304B">
            <w:r>
              <w:t xml:space="preserve">            &lt;/ul&gt;</w:t>
            </w:r>
          </w:p>
          <w:p w:rsidR="00CE304B" w:rsidRDefault="00CE304B" w:rsidP="00CE304B">
            <w:r>
              <w:t xml:space="preserve">            &lt;!--top bar ends--&gt;</w:t>
            </w:r>
          </w:p>
          <w:p w:rsidR="00CE304B" w:rsidRDefault="00CE304B" w:rsidP="00CE304B">
            <w:r>
              <w:t xml:space="preserve">            &lt;a class="btn_mobile" href="#menu"&gt;</w:t>
            </w:r>
          </w:p>
          <w:p w:rsidR="00CE304B" w:rsidRDefault="00CE304B" w:rsidP="00CE304B">
            <w:r>
              <w:t xml:space="preserve">                &lt;div class="hamburger hamburger--spin" id="hamburger"&gt;</w:t>
            </w:r>
          </w:p>
          <w:p w:rsidR="00CE304B" w:rsidRDefault="00CE304B" w:rsidP="00CE304B">
            <w:r>
              <w:t xml:space="preserve">                    &lt;div class="hamburger-box"&gt;</w:t>
            </w:r>
          </w:p>
          <w:p w:rsidR="00CE304B" w:rsidRDefault="00CE304B" w:rsidP="00CE304B">
            <w:r>
              <w:t xml:space="preserve">                        &lt;div class="hamburger-inner"&gt;&lt;/div&gt;</w:t>
            </w:r>
          </w:p>
          <w:p w:rsidR="00CE304B" w:rsidRDefault="00CE304B" w:rsidP="00CE304B">
            <w:r>
              <w:t xml:space="preserve">                    &lt;/div&gt;</w:t>
            </w:r>
          </w:p>
          <w:p w:rsidR="00CE304B" w:rsidRDefault="00CE304B" w:rsidP="00CE304B">
            <w:r>
              <w:t xml:space="preserve">                &lt;/div&gt;</w:t>
            </w:r>
          </w:p>
          <w:p w:rsidR="00CE304B" w:rsidRDefault="00CE304B" w:rsidP="00CE304B">
            <w:r>
              <w:t xml:space="preserve">            &lt;/a&gt;</w:t>
            </w:r>
          </w:p>
          <w:p w:rsidR="00CE304B" w:rsidRDefault="00CE304B" w:rsidP="00CE304B">
            <w:r>
              <w:t xml:space="preserve">            &lt;!--top nav bar start--&gt;</w:t>
            </w:r>
          </w:p>
          <w:p w:rsidR="00CE304B" w:rsidRDefault="00CE304B" w:rsidP="00CE304B">
            <w:r>
              <w:t xml:space="preserve">            &lt;nav class="main-menu" id="menu"&gt;</w:t>
            </w:r>
          </w:p>
          <w:p w:rsidR="00CE304B" w:rsidRDefault="00CE304B" w:rsidP="00CE304B">
            <w:r>
              <w:t xml:space="preserve">                &lt;ul&gt;</w:t>
            </w:r>
          </w:p>
          <w:p w:rsidR="00CE304B" w:rsidRDefault="00CE304B" w:rsidP="00CE304B">
            <w:r>
              <w:t xml:space="preserve">                    &lt;li&gt;</w:t>
            </w:r>
          </w:p>
          <w:p w:rsidR="00CE304B" w:rsidRDefault="00CE304B" w:rsidP="00CE304B">
            <w:r>
              <w:t xml:space="preserve">                        &lt;span&gt;</w:t>
            </w:r>
          </w:p>
          <w:p w:rsidR="00CE304B" w:rsidRDefault="00CE304B" w:rsidP="00CE304B">
            <w:r>
              <w:t xml:space="preserve">                            &lt;a href="home.php"</w:t>
            </w:r>
          </w:p>
          <w:p w:rsidR="00CE304B" w:rsidRDefault="00CE304B" w:rsidP="00CE304B">
            <w:r>
              <w:t xml:space="preserve">                               class="" style="font-size: 1.1rem; color: #007BCE;"&gt;</w:t>
            </w:r>
          </w:p>
          <w:p w:rsidR="00CE304B" w:rsidRDefault="00CE304B" w:rsidP="00CE304B">
            <w:r>
              <w:t xml:space="preserve">                                Home</w:t>
            </w:r>
          </w:p>
          <w:p w:rsidR="00CE304B" w:rsidRDefault="00CE304B" w:rsidP="00CE304B">
            <w:r>
              <w:t xml:space="preserve">                            &lt;/a&gt;</w:t>
            </w:r>
          </w:p>
          <w:p w:rsidR="00CE304B" w:rsidRDefault="00CE304B" w:rsidP="00CE304B">
            <w:r>
              <w:t xml:space="preserve">                        &lt;/span&gt;</w:t>
            </w:r>
          </w:p>
          <w:p w:rsidR="00CE304B" w:rsidRDefault="00CE304B" w:rsidP="00CE304B">
            <w:r>
              <w:t xml:space="preserve">                    &lt;/li&gt;</w:t>
            </w:r>
          </w:p>
          <w:p w:rsidR="00CE304B" w:rsidRDefault="00CE304B" w:rsidP="00CE304B">
            <w:r>
              <w:t xml:space="preserve">                    &lt;li&gt;</w:t>
            </w:r>
          </w:p>
          <w:p w:rsidR="00CE304B" w:rsidRDefault="00CE304B" w:rsidP="00CE304B">
            <w:r>
              <w:t xml:space="preserve">                        &lt;span&gt;</w:t>
            </w:r>
          </w:p>
          <w:p w:rsidR="00CE304B" w:rsidRDefault="00CE304B" w:rsidP="00CE304B">
            <w:r>
              <w:t xml:space="preserve">                            &lt;a href="aboutus.php"</w:t>
            </w:r>
          </w:p>
          <w:p w:rsidR="00CE304B" w:rsidRDefault="00CE304B" w:rsidP="00CE304B">
            <w:r>
              <w:t xml:space="preserve">                               class="active" style="font-size: 1.1rem; color: #007BCE;"&gt;</w:t>
            </w:r>
          </w:p>
          <w:p w:rsidR="00CE304B" w:rsidRDefault="00CE304B" w:rsidP="00CE304B">
            <w:r>
              <w:t xml:space="preserve">                                About us</w:t>
            </w:r>
          </w:p>
          <w:p w:rsidR="00CE304B" w:rsidRDefault="00CE304B" w:rsidP="00CE304B">
            <w:r>
              <w:t xml:space="preserve">                            &lt;/a&gt;</w:t>
            </w:r>
          </w:p>
          <w:p w:rsidR="00CE304B" w:rsidRDefault="00CE304B" w:rsidP="00CE304B">
            <w:r>
              <w:t xml:space="preserve">                        &lt;/span&gt;</w:t>
            </w:r>
          </w:p>
          <w:p w:rsidR="00CE304B" w:rsidRDefault="00CE304B" w:rsidP="00CE304B">
            <w:r>
              <w:t xml:space="preserve">                    &lt;/li&gt;</w:t>
            </w:r>
          </w:p>
          <w:p w:rsidR="00CE304B" w:rsidRDefault="00CE304B" w:rsidP="00CE304B">
            <w:r>
              <w:t xml:space="preserve">                    </w:t>
            </w:r>
          </w:p>
          <w:p w:rsidR="00CE304B" w:rsidRDefault="00CE304B" w:rsidP="00CE304B">
            <w:r>
              <w:t xml:space="preserve">                    &lt;li&gt;</w:t>
            </w:r>
          </w:p>
          <w:p w:rsidR="00CE304B" w:rsidRDefault="00CE304B" w:rsidP="00CE304B">
            <w:r>
              <w:t xml:space="preserve">                        &lt;span&gt;</w:t>
            </w:r>
          </w:p>
          <w:p w:rsidR="00CE304B" w:rsidRDefault="00CE304B" w:rsidP="00CE304B">
            <w:r>
              <w:lastRenderedPageBreak/>
              <w:t xml:space="preserve">                            &lt;a href="howitworks.php"</w:t>
            </w:r>
          </w:p>
          <w:p w:rsidR="00CE304B" w:rsidRDefault="00CE304B" w:rsidP="00CE304B">
            <w:r>
              <w:t xml:space="preserve">                               class="" style="font-size: 1.1rem; color: #007BCE;"&gt;</w:t>
            </w:r>
          </w:p>
          <w:p w:rsidR="00CE304B" w:rsidRDefault="00CE304B" w:rsidP="00CE304B">
            <w:r>
              <w:t xml:space="preserve">                                How it works</w:t>
            </w:r>
          </w:p>
          <w:p w:rsidR="00CE304B" w:rsidRDefault="00CE304B" w:rsidP="00CE304B">
            <w:r>
              <w:t xml:space="preserve">                            &lt;/a&gt;</w:t>
            </w:r>
          </w:p>
          <w:p w:rsidR="00CE304B" w:rsidRDefault="00CE304B" w:rsidP="00CE304B">
            <w:r>
              <w:t xml:space="preserve">                        &lt;/span&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class="" style="font-size: 1.1rem; color: #007BCE;"&gt;Find More&lt;/a&gt;</w:t>
            </w:r>
          </w:p>
          <w:p w:rsidR="00CE304B" w:rsidRDefault="00CE304B" w:rsidP="00CE304B">
            <w:r>
              <w:t xml:space="preserve">                    &lt;ul&gt;</w:t>
            </w:r>
          </w:p>
          <w:p w:rsidR="00CE304B" w:rsidRDefault="00CE304B" w:rsidP="00CE304B">
            <w:r>
              <w:t xml:space="preserve">                        &lt;li&gt;</w:t>
            </w:r>
          </w:p>
          <w:p w:rsidR="00CE304B" w:rsidRDefault="00CE304B" w:rsidP="00CE304B">
            <w:r>
              <w:t xml:space="preserve">                        &lt;a href=""&gt;Your Senior Team&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gt;SRES Finder&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gt;VA Benefits Finder&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gt;Senior Investment &amp; Finance&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gt;Insure Seniors Finder&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gt;ESPM Finder&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gt;Senior Elder Finder&lt;/a&gt;</w:t>
            </w:r>
          </w:p>
          <w:p w:rsidR="00CE304B" w:rsidRDefault="00CE304B" w:rsidP="00CE304B">
            <w:r>
              <w:t xml:space="preserve">                        &lt;/li&gt;                </w:t>
            </w:r>
          </w:p>
          <w:p w:rsidR="00CE304B" w:rsidRDefault="00CE304B" w:rsidP="00CE304B">
            <w:r>
              <w:t xml:space="preserve">                    &lt;/ul&gt;</w:t>
            </w:r>
          </w:p>
          <w:p w:rsidR="00CE304B" w:rsidRDefault="00CE304B" w:rsidP="00CE304B">
            <w:r>
              <w:t xml:space="preserve">                </w:t>
            </w:r>
          </w:p>
          <w:p w:rsidR="00CE304B" w:rsidRDefault="00CE304B" w:rsidP="00CE304B">
            <w:r>
              <w:t xml:space="preserve">                    &lt;li&gt;</w:t>
            </w:r>
          </w:p>
          <w:p w:rsidR="00CE304B" w:rsidRDefault="00CE304B" w:rsidP="00CE304B">
            <w:r>
              <w:t xml:space="preserve">                        &lt;span&gt;</w:t>
            </w:r>
          </w:p>
          <w:p w:rsidR="00CE304B" w:rsidRDefault="00CE304B" w:rsidP="00CE304B">
            <w:r>
              <w:t xml:space="preserve">                            &lt;a href="contactus.php"</w:t>
            </w:r>
          </w:p>
          <w:p w:rsidR="00CE304B" w:rsidRDefault="00CE304B" w:rsidP="00CE304B">
            <w:r>
              <w:t xml:space="preserve">                               class="" style="font-size: 1.1rem; color: #007BCE;"&gt;</w:t>
            </w:r>
          </w:p>
          <w:p w:rsidR="00CE304B" w:rsidRDefault="00CE304B" w:rsidP="00CE304B">
            <w:r>
              <w:t xml:space="preserve">                                Contact us</w:t>
            </w:r>
          </w:p>
          <w:p w:rsidR="00CE304B" w:rsidRDefault="00CE304B" w:rsidP="00CE304B">
            <w:r>
              <w:t xml:space="preserve">                            &lt;/a&gt;</w:t>
            </w:r>
          </w:p>
          <w:p w:rsidR="00CE304B" w:rsidRDefault="00CE304B" w:rsidP="00CE304B">
            <w:r>
              <w:t xml:space="preserve">                        &lt;/span&gt;</w:t>
            </w:r>
          </w:p>
          <w:p w:rsidR="00CE304B" w:rsidRDefault="00CE304B" w:rsidP="00CE304B">
            <w:r>
              <w:t xml:space="preserve">                    &lt;/li&gt;</w:t>
            </w:r>
          </w:p>
          <w:p w:rsidR="00CE304B" w:rsidRDefault="00CE304B" w:rsidP="00CE304B">
            <w:r>
              <w:t xml:space="preserve">                &lt;/ul&gt;</w:t>
            </w:r>
          </w:p>
          <w:p w:rsidR="00CE304B" w:rsidRDefault="00CE304B" w:rsidP="00CE304B">
            <w:r>
              <w:t xml:space="preserve">            &lt;/nav&gt;</w:t>
            </w:r>
          </w:p>
          <w:p w:rsidR="00CE304B" w:rsidRDefault="00CE304B" w:rsidP="00CE304B">
            <w:r>
              <w:t xml:space="preserve">            &lt;!--top nav bar ends--&gt;</w:t>
            </w:r>
          </w:p>
          <w:p w:rsidR="00CE304B" w:rsidRDefault="00CE304B" w:rsidP="00CE304B">
            <w:r>
              <w:t xml:space="preserve">            &lt;/header&gt;</w:t>
            </w:r>
          </w:p>
          <w:p w:rsidR="00CE304B" w:rsidRDefault="00CE304B" w:rsidP="00CE304B">
            <w:r>
              <w:t xml:space="preserve">            &lt;!--------------------header ends------------------&gt;</w:t>
            </w:r>
          </w:p>
          <w:p w:rsidR="00CE304B" w:rsidRDefault="00CE304B" w:rsidP="00CE304B">
            <w:r>
              <w:t xml:space="preserve">            </w:t>
            </w:r>
          </w:p>
          <w:p w:rsidR="00CE304B" w:rsidRDefault="00CE304B" w:rsidP="00CE304B"/>
          <w:p w:rsidR="00CE304B" w:rsidRDefault="00CE304B" w:rsidP="00CE304B">
            <w:r>
              <w:tab/>
            </w:r>
            <w:r>
              <w:tab/>
            </w:r>
            <w:r>
              <w:tab/>
            </w:r>
            <w:r>
              <w:tab/>
            </w:r>
          </w:p>
          <w:p w:rsidR="00CE304B" w:rsidRDefault="00CE304B" w:rsidP="00CE304B">
            <w:r>
              <w:lastRenderedPageBreak/>
              <w:tab/>
            </w:r>
            <w:r>
              <w:tab/>
            </w:r>
            <w:r>
              <w:tab/>
            </w:r>
            <w:r>
              <w:tab/>
            </w:r>
          </w:p>
          <w:p w:rsidR="00CE304B" w:rsidRDefault="00CE304B" w:rsidP="00CE304B">
            <w:r>
              <w:t>&lt;!--------------------body starts------------------&gt;</w:t>
            </w:r>
          </w:p>
          <w:p w:rsidR="00CE304B" w:rsidRDefault="00CE304B" w:rsidP="00CE304B">
            <w:r>
              <w:t xml:space="preserve">    &lt;div class="sub_header_in sticky_header"&gt;</w:t>
            </w:r>
          </w:p>
          <w:p w:rsidR="00CE304B" w:rsidRDefault="00CE304B" w:rsidP="00CE304B">
            <w:r>
              <w:t xml:space="preserve">        &lt;br/&gt;</w:t>
            </w:r>
          </w:p>
          <w:p w:rsidR="00CE304B" w:rsidRDefault="00CE304B" w:rsidP="00CE304B">
            <w:r>
              <w:t xml:space="preserve">        &lt;div class="container"&gt;</w:t>
            </w:r>
          </w:p>
          <w:p w:rsidR="00CE304B" w:rsidRDefault="00CE304B" w:rsidP="00CE304B">
            <w:r>
              <w:t xml:space="preserve">            &lt;h1&gt;&lt;'Name of Residence'&gt; to your Saved list&lt;/h1&gt;</w:t>
            </w:r>
          </w:p>
          <w:p w:rsidR="00CE304B" w:rsidRDefault="00CE304B" w:rsidP="00CE304B">
            <w:r>
              <w:t xml:space="preserve">        &lt;/div&gt;</w:t>
            </w:r>
          </w:p>
          <w:p w:rsidR="00CE304B" w:rsidRDefault="00CE304B" w:rsidP="00CE304B">
            <w:r>
              <w:t xml:space="preserve">    &lt;/div&gt; </w:t>
            </w:r>
          </w:p>
          <w:p w:rsidR="00CE304B" w:rsidRDefault="00CE304B" w:rsidP="00CE304B">
            <w:r>
              <w:tab/>
            </w:r>
          </w:p>
          <w:p w:rsidR="00CE304B" w:rsidRDefault="00CE304B" w:rsidP="00CE304B">
            <w:r>
              <w:tab/>
              <w:t>&lt;?php require_once('config.php') ; ?&gt;</w:t>
            </w:r>
          </w:p>
          <w:p w:rsidR="00CE304B" w:rsidRDefault="00CE304B" w:rsidP="00CE304B">
            <w:r>
              <w:tab/>
              <w:t>&lt;!--Recent Selections start--&gt;</w:t>
            </w:r>
          </w:p>
          <w:p w:rsidR="00CE304B" w:rsidRDefault="00CE304B" w:rsidP="00CE304B">
            <w:r>
              <w:t xml:space="preserve">    &lt;div class="container margin_60_35"&gt;</w:t>
            </w:r>
          </w:p>
          <w:p w:rsidR="00CE304B" w:rsidRDefault="00CE304B" w:rsidP="00CE304B">
            <w:r>
              <w:t xml:space="preserve">        &lt;div class="main_title_3"&gt;</w:t>
            </w:r>
          </w:p>
          <w:p w:rsidR="00CE304B" w:rsidRDefault="00CE304B" w:rsidP="00CE304B">
            <w:r>
              <w:t xml:space="preserve">            &lt;span&gt;&lt;/span&gt;</w:t>
            </w:r>
          </w:p>
          <w:p w:rsidR="00CE304B" w:rsidRDefault="00CE304B" w:rsidP="00CE304B">
            <w:r>
              <w:t xml:space="preserve">            &lt;h2&gt;Add &lt;'Name of Residence'&gt; to your Saved list &lt;/h2&gt;</w:t>
            </w:r>
          </w:p>
          <w:p w:rsidR="00CE304B" w:rsidRDefault="00CE304B" w:rsidP="00CE304B">
            <w:r>
              <w:t xml:space="preserve">            </w:t>
            </w:r>
          </w:p>
          <w:p w:rsidR="00CE304B" w:rsidRDefault="00CE304B" w:rsidP="00CE304B">
            <w:r>
              <w:t xml:space="preserve">        &lt;/div&gt;</w:t>
            </w:r>
          </w:p>
          <w:p w:rsidR="00CE304B" w:rsidRDefault="00CE304B" w:rsidP="00CE304B">
            <w:r>
              <w:t xml:space="preserve">        &lt;div class="row add_bottom_30"&gt;</w:t>
            </w:r>
          </w:p>
          <w:p w:rsidR="00CE304B" w:rsidRDefault="00CE304B" w:rsidP="00CE304B">
            <w:r>
              <w:tab/>
            </w:r>
            <w:r>
              <w:tab/>
            </w:r>
            <w:r>
              <w:tab/>
              <w:t>&lt;div class="col-12"&gt;</w:t>
            </w:r>
          </w:p>
          <w:p w:rsidR="00CE304B" w:rsidRDefault="00CE304B" w:rsidP="00CE304B"/>
          <w:p w:rsidR="00CE304B" w:rsidRDefault="00CE304B" w:rsidP="00CE304B">
            <w:r>
              <w:t xml:space="preserve">                        &lt;!-- Header --&gt;</w:t>
            </w:r>
          </w:p>
          <w:p w:rsidR="00CE304B" w:rsidRDefault="00CE304B" w:rsidP="00CE304B">
            <w:r>
              <w:t xml:space="preserve">                        &lt;div class="header"&gt;</w:t>
            </w:r>
          </w:p>
          <w:p w:rsidR="00CE304B" w:rsidRDefault="00CE304B" w:rsidP="00CE304B">
            <w:r>
              <w:t xml:space="preserve">                        &lt;!--&lt;h4 class="title"&gt;Add this location to your list&lt;/h4&gt; --&gt;</w:t>
            </w:r>
          </w:p>
          <w:p w:rsidR="00CE304B" w:rsidRDefault="00CE304B" w:rsidP="00CE304B">
            <w:r>
              <w:t xml:space="preserve">                          </w:t>
            </w:r>
          </w:p>
          <w:p w:rsidR="00CE304B" w:rsidRDefault="00CE304B" w:rsidP="00CE304B">
            <w:r>
              <w:t xml:space="preserve">                        &lt;/div&gt;</w:t>
            </w:r>
          </w:p>
          <w:p w:rsidR="00CE304B" w:rsidRDefault="00CE304B" w:rsidP="00CE304B"/>
          <w:p w:rsidR="00CE304B" w:rsidRDefault="00CE304B" w:rsidP="00CE304B">
            <w:r>
              <w:t xml:space="preserve">                        &lt;!-- body - overflow-y: scroll;"--&gt;</w:t>
            </w:r>
          </w:p>
          <w:p w:rsidR="00CE304B" w:rsidRDefault="00CE304B" w:rsidP="00CE304B">
            <w:r>
              <w:t xml:space="preserve">                        &lt;div class="body" style= "height: 600px;" &gt;</w:t>
            </w:r>
          </w:p>
          <w:p w:rsidR="00CE304B" w:rsidRDefault="00CE304B" w:rsidP="00CE304B">
            <w:r>
              <w:t xml:space="preserve">                            </w:t>
            </w:r>
          </w:p>
          <w:p w:rsidR="00CE304B" w:rsidRDefault="00CE304B" w:rsidP="00CE304B">
            <w:r>
              <w:t xml:space="preserve">                            &lt;div class=""&gt;</w:t>
            </w:r>
          </w:p>
          <w:p w:rsidR="00CE304B" w:rsidRDefault="00CE304B" w:rsidP="00CE304B">
            <w:r>
              <w:t xml:space="preserve">                                </w:t>
            </w:r>
          </w:p>
          <w:p w:rsidR="00CE304B" w:rsidRDefault="00CE304B" w:rsidP="00CE304B">
            <w:r>
              <w:t xml:space="preserve">                            &lt;form action="" method="post" name ="wish_form" id="wish_form"&gt;</w:t>
            </w:r>
          </w:p>
          <w:p w:rsidR="00CE304B" w:rsidRDefault="00CE304B" w:rsidP="00CE304B">
            <w:r>
              <w:t xml:space="preserve">                            &lt;?php if ( LOGGED_STATUS == 0) { ?&gt; </w:t>
            </w:r>
          </w:p>
          <w:p w:rsidR="00CE304B" w:rsidRDefault="00CE304B" w:rsidP="00CE304B">
            <w:r>
              <w:t xml:space="preserve">                            &lt;br&gt;</w:t>
            </w:r>
          </w:p>
          <w:p w:rsidR="00CE304B" w:rsidRDefault="00CE304B" w:rsidP="00CE304B">
            <w:r>
              <w:t xml:space="preserve">                               &lt;div class="offset-1 mb-10 row"&gt;</w:t>
            </w:r>
          </w:p>
          <w:p w:rsidR="00CE304B" w:rsidRDefault="00CE304B" w:rsidP="00CE304B">
            <w:r>
              <w:tab/>
            </w:r>
            <w:r>
              <w:tab/>
            </w:r>
            <w:r>
              <w:tab/>
            </w:r>
            <w:r>
              <w:tab/>
            </w:r>
            <w:r>
              <w:tab/>
            </w:r>
            <w:r>
              <w:tab/>
            </w:r>
            <w:r>
              <w:tab/>
            </w:r>
            <w:r>
              <w:tab/>
            </w:r>
            <w:r>
              <w:tab/>
            </w:r>
            <w:r>
              <w:tab/>
              <w:t xml:space="preserve">&lt;p&gt;In order to save this to your list please set up a Free Account. You will be able to store and return to access your list any time.&lt;/p&gt; </w:t>
            </w:r>
          </w:p>
          <w:p w:rsidR="00CE304B" w:rsidRDefault="00CE304B" w:rsidP="00CE304B">
            <w:r>
              <w:tab/>
            </w:r>
            <w:r>
              <w:tab/>
            </w:r>
            <w:r>
              <w:tab/>
            </w:r>
            <w:r>
              <w:tab/>
            </w:r>
            <w:r>
              <w:tab/>
            </w:r>
            <w:r>
              <w:tab/>
            </w:r>
            <w:r>
              <w:tab/>
            </w:r>
            <w:r>
              <w:tab/>
            </w:r>
            <w:r>
              <w:tab/>
              <w:t xml:space="preserve">&lt;/div&gt; </w:t>
            </w:r>
          </w:p>
          <w:p w:rsidR="00CE304B" w:rsidRDefault="00CE304B" w:rsidP="00CE304B">
            <w:r>
              <w:t xml:space="preserve">                                &lt;div class = "row"&gt;</w:t>
            </w:r>
          </w:p>
          <w:p w:rsidR="00CE304B" w:rsidRDefault="00CE304B" w:rsidP="00CE304B">
            <w:r>
              <w:t xml:space="preserve">                                &lt;div class ="col-6"&gt;</w:t>
            </w:r>
          </w:p>
          <w:p w:rsidR="00CE304B" w:rsidRDefault="00CE304B" w:rsidP="00CE304B">
            <w:r>
              <w:t xml:space="preserve">                                    &lt;div class="mb-3 row"&gt;</w:t>
            </w:r>
          </w:p>
          <w:p w:rsidR="00CE304B" w:rsidRDefault="00CE304B" w:rsidP="00CE304B">
            <w:r>
              <w:t xml:space="preserve">                                        &lt;label class="col-sm-4 col-form-label text-end"&gt;&lt;b&gt;Name*&lt;/b&gt;&lt;/label&gt;</w:t>
            </w:r>
          </w:p>
          <w:p w:rsidR="00CE304B" w:rsidRDefault="00CE304B" w:rsidP="00CE304B">
            <w:r>
              <w:t xml:space="preserve">                                        &lt;div class="col-sm-8"&gt;</w:t>
            </w:r>
          </w:p>
          <w:p w:rsidR="00CE304B" w:rsidRDefault="00CE304B" w:rsidP="00CE304B">
            <w:r>
              <w:t xml:space="preserve">                                            &lt;input type="text" name="title" class="form-control" placeholder="Your Full Name" required="" maxlength="50" /&gt;</w:t>
            </w:r>
          </w:p>
          <w:p w:rsidR="00CE304B" w:rsidRDefault="00CE304B" w:rsidP="00CE304B">
            <w:r>
              <w:t xml:space="preserve">                                        &lt;/div&gt;</w:t>
            </w:r>
          </w:p>
          <w:p w:rsidR="00CE304B" w:rsidRDefault="00CE304B" w:rsidP="00CE304B">
            <w:r>
              <w:t xml:space="preserve">                                    &lt;/div&gt;</w:t>
            </w:r>
          </w:p>
          <w:p w:rsidR="00CE304B" w:rsidRDefault="00CE304B" w:rsidP="00CE304B">
            <w:r>
              <w:lastRenderedPageBreak/>
              <w:t xml:space="preserve">                                &lt;/div&gt;</w:t>
            </w:r>
          </w:p>
          <w:p w:rsidR="00CE304B" w:rsidRDefault="00CE304B" w:rsidP="00CE304B">
            <w:r>
              <w:t xml:space="preserve">                                &lt;div class ="col-6"&gt;</w:t>
            </w:r>
          </w:p>
          <w:p w:rsidR="00CE304B" w:rsidRDefault="00CE304B" w:rsidP="00CE304B">
            <w:r>
              <w:t xml:space="preserve">                                    &lt;div class="mb-3 row"&gt;</w:t>
            </w:r>
          </w:p>
          <w:p w:rsidR="00CE304B" w:rsidRDefault="00CE304B" w:rsidP="00CE304B">
            <w:r>
              <w:t xml:space="preserve">                                        &lt;label class="col-sm-4 col-form-label text-end"&gt;&lt;b&gt;Email*&lt;/b&gt;&lt;/label&gt;</w:t>
            </w:r>
          </w:p>
          <w:p w:rsidR="00CE304B" w:rsidRDefault="00CE304B" w:rsidP="00CE304B">
            <w:r>
              <w:t xml:space="preserve">                                        &lt;div class="col-sm-8"&gt;</w:t>
            </w:r>
          </w:p>
          <w:p w:rsidR="00CE304B" w:rsidRDefault="00CE304B" w:rsidP="00CE304B">
            <w:r>
              <w:t xml:space="preserve">                                            &lt;input type="text" name="title" class="form-control" placeholder="Your email id" required="" maxlength="50" /&gt;</w:t>
            </w:r>
          </w:p>
          <w:p w:rsidR="00CE304B" w:rsidRDefault="00CE304B" w:rsidP="00CE304B">
            <w:r>
              <w:t xml:space="preserve">                                        &lt;/div&gt;</w:t>
            </w:r>
          </w:p>
          <w:p w:rsidR="00CE304B" w:rsidRDefault="00CE304B" w:rsidP="00CE304B">
            <w:r>
              <w:t xml:space="preserve">                                    &lt;/div&gt;</w:t>
            </w:r>
          </w:p>
          <w:p w:rsidR="00CE304B" w:rsidRDefault="00CE304B" w:rsidP="00CE304B">
            <w:r>
              <w:t xml:space="preserve">                                &lt;/div&gt;</w:t>
            </w:r>
          </w:p>
          <w:p w:rsidR="00CE304B" w:rsidRDefault="00CE304B" w:rsidP="00CE304B">
            <w:r>
              <w:t xml:space="preserve">                                &lt;div class ="col-6"&gt;</w:t>
            </w:r>
          </w:p>
          <w:p w:rsidR="00CE304B" w:rsidRDefault="00CE304B" w:rsidP="00CE304B">
            <w:r>
              <w:t xml:space="preserve">                                    &lt;div class="mb-3 row"&gt;</w:t>
            </w:r>
          </w:p>
          <w:p w:rsidR="00CE304B" w:rsidRDefault="00CE304B" w:rsidP="00CE304B">
            <w:r>
              <w:t xml:space="preserve">                                        &lt;label class="col-sm-4 col-form-label text-end"&gt;&lt;b&gt;Password*&lt;/b&gt;&lt;/label&gt;</w:t>
            </w:r>
          </w:p>
          <w:p w:rsidR="00CE304B" w:rsidRDefault="00CE304B" w:rsidP="00CE304B">
            <w:r>
              <w:t xml:space="preserve">                                        &lt;div class="col-sm-8"&gt;</w:t>
            </w:r>
          </w:p>
          <w:p w:rsidR="00CE304B" w:rsidRDefault="00CE304B" w:rsidP="00CE304B">
            <w:r>
              <w:t xml:space="preserve">                                            &lt;input type="text" name="title" class="form-control" placeholder="Password" required="" maxlength="50" /&gt;</w:t>
            </w:r>
          </w:p>
          <w:p w:rsidR="00CE304B" w:rsidRDefault="00CE304B" w:rsidP="00CE304B">
            <w:r>
              <w:t xml:space="preserve">                                        &lt;/div&gt;</w:t>
            </w:r>
          </w:p>
          <w:p w:rsidR="00CE304B" w:rsidRDefault="00CE304B" w:rsidP="00CE304B">
            <w:r>
              <w:t xml:space="preserve">                                    &lt;/div&gt;</w:t>
            </w:r>
          </w:p>
          <w:p w:rsidR="00CE304B" w:rsidRDefault="00CE304B" w:rsidP="00CE304B">
            <w:r>
              <w:t xml:space="preserve">                                &lt;/div&gt;</w:t>
            </w:r>
          </w:p>
          <w:p w:rsidR="00CE304B" w:rsidRDefault="00CE304B" w:rsidP="00CE304B">
            <w:r>
              <w:t xml:space="preserve">                                &lt;div class ="col-6"&gt;</w:t>
            </w:r>
          </w:p>
          <w:p w:rsidR="00CE304B" w:rsidRDefault="00CE304B" w:rsidP="00CE304B">
            <w:r>
              <w:t xml:space="preserve">                                    &lt;div class="mb-3 row"&gt;</w:t>
            </w:r>
          </w:p>
          <w:p w:rsidR="00CE304B" w:rsidRDefault="00CE304B" w:rsidP="00CE304B">
            <w:r>
              <w:t xml:space="preserve">                                        &lt;label class="col-sm-4 col-form-label text-end"&gt;&lt;b&gt;Confirm Password*&lt;/b&gt;&lt;/label&gt;</w:t>
            </w:r>
          </w:p>
          <w:p w:rsidR="00CE304B" w:rsidRDefault="00CE304B" w:rsidP="00CE304B">
            <w:r>
              <w:t xml:space="preserve">                                        &lt;div class="col-sm-8"&gt;</w:t>
            </w:r>
          </w:p>
          <w:p w:rsidR="00CE304B" w:rsidRDefault="00CE304B" w:rsidP="00CE304B">
            <w:r>
              <w:t xml:space="preserve">                                            &lt;input type="text" name="title" class="form-control" placeholder="Confirm Password" required="" maxlength="50" /&gt;</w:t>
            </w:r>
          </w:p>
          <w:p w:rsidR="00CE304B" w:rsidRDefault="00CE304B" w:rsidP="00CE304B">
            <w:r>
              <w:t xml:space="preserve">                                        &lt;/div&gt;</w:t>
            </w:r>
          </w:p>
          <w:p w:rsidR="00CE304B" w:rsidRDefault="00CE304B" w:rsidP="00CE304B">
            <w:r>
              <w:t xml:space="preserve">                                    &lt;/div&gt;</w:t>
            </w:r>
          </w:p>
          <w:p w:rsidR="00CE304B" w:rsidRDefault="00CE304B" w:rsidP="00CE304B">
            <w:r>
              <w:t xml:space="preserve">                                &lt;/div&gt;</w:t>
            </w:r>
          </w:p>
          <w:p w:rsidR="00CE304B" w:rsidRDefault="00CE304B" w:rsidP="00CE304B">
            <w:r>
              <w:tab/>
            </w:r>
            <w:r>
              <w:tab/>
            </w:r>
            <w:r>
              <w:tab/>
            </w:r>
            <w:r>
              <w:tab/>
            </w:r>
            <w:r>
              <w:tab/>
            </w:r>
            <w:r>
              <w:tab/>
            </w:r>
            <w:r>
              <w:tab/>
            </w:r>
            <w:r>
              <w:tab/>
            </w:r>
          </w:p>
          <w:p w:rsidR="00CE304B" w:rsidRDefault="00CE304B" w:rsidP="00CE304B">
            <w:r>
              <w:tab/>
            </w:r>
            <w:r>
              <w:tab/>
            </w:r>
            <w:r>
              <w:tab/>
            </w:r>
            <w:r>
              <w:tab/>
            </w:r>
            <w:r>
              <w:tab/>
            </w:r>
            <w:r>
              <w:tab/>
            </w:r>
            <w:r>
              <w:tab/>
            </w:r>
            <w:r>
              <w:tab/>
              <w:t>&lt;?php } ?&gt;</w:t>
            </w:r>
          </w:p>
          <w:p w:rsidR="00CE304B" w:rsidRDefault="00CE304B" w:rsidP="00CE304B">
            <w:r>
              <w:tab/>
            </w:r>
            <w:r>
              <w:tab/>
            </w:r>
            <w:r>
              <w:tab/>
            </w:r>
            <w:r>
              <w:tab/>
            </w:r>
            <w:r>
              <w:tab/>
            </w:r>
            <w:r>
              <w:tab/>
            </w:r>
            <w:r>
              <w:tab/>
            </w:r>
            <w:r>
              <w:tab/>
              <w:t>&lt;!-- Need to check if the user has his email verified before saving to his wish list --&gt;</w:t>
            </w:r>
          </w:p>
          <w:p w:rsidR="00CE304B" w:rsidRDefault="00CE304B" w:rsidP="00CE304B">
            <w:r>
              <w:tab/>
            </w:r>
            <w:r>
              <w:tab/>
            </w:r>
            <w:r>
              <w:tab/>
            </w:r>
            <w:r>
              <w:tab/>
            </w:r>
            <w:r>
              <w:tab/>
            </w:r>
            <w:r>
              <w:tab/>
            </w:r>
            <w:r>
              <w:tab/>
            </w:r>
            <w:r>
              <w:tab/>
              <w:t>&lt;!-- And send out a verification mail to add the Residence to his wish list --&gt;</w:t>
            </w:r>
          </w:p>
          <w:p w:rsidR="00CE304B" w:rsidRDefault="00CE304B" w:rsidP="00CE304B">
            <w:r>
              <w:tab/>
            </w:r>
            <w:r>
              <w:tab/>
            </w:r>
            <w:r>
              <w:tab/>
            </w:r>
            <w:r>
              <w:tab/>
            </w:r>
            <w:r>
              <w:tab/>
            </w:r>
            <w:r>
              <w:tab/>
            </w:r>
            <w:r>
              <w:tab/>
            </w:r>
            <w:r>
              <w:tab/>
              <w:t>&lt;div id="accordion"&gt;</w:t>
            </w:r>
          </w:p>
          <w:p w:rsidR="00CE304B" w:rsidRDefault="00CE304B" w:rsidP="00CE304B">
            <w:r>
              <w:t xml:space="preserve">                                  &lt;div class="card"&gt;</w:t>
            </w:r>
          </w:p>
          <w:p w:rsidR="00CE304B" w:rsidRDefault="00CE304B" w:rsidP="00CE304B">
            <w:r>
              <w:t xml:space="preserve">                                    &lt;div class="card-header" id="heading0"&gt;</w:t>
            </w:r>
          </w:p>
          <w:p w:rsidR="00CE304B" w:rsidRDefault="00CE304B" w:rsidP="00CE304B">
            <w:r>
              <w:t xml:space="preserve">                                      &lt;h3 class="mb-0"&gt;</w:t>
            </w:r>
          </w:p>
          <w:p w:rsidR="00CE304B" w:rsidRDefault="00CE304B" w:rsidP="00CE304B">
            <w:r>
              <w:t xml:space="preserve">                                        &lt;button class="btn btn-link" data-toggle="collapse" data-target="#collapse0" aria-expanded="false" aria-controls="collapse0"&gt; You can enhance your search by entering your needs and desires for senior living.&lt;/button&gt;</w:t>
            </w:r>
          </w:p>
          <w:p w:rsidR="00CE304B" w:rsidRDefault="00CE304B" w:rsidP="00CE304B">
            <w:r>
              <w:t xml:space="preserve">                                      &lt;/h3&gt;</w:t>
            </w:r>
          </w:p>
          <w:p w:rsidR="00CE304B" w:rsidRDefault="00CE304B" w:rsidP="00CE304B">
            <w:r>
              <w:t xml:space="preserve">                                    &lt;/div&gt;</w:t>
            </w:r>
          </w:p>
          <w:p w:rsidR="00CE304B" w:rsidRDefault="00CE304B" w:rsidP="00CE304B">
            <w:r>
              <w:t xml:space="preserve">                                    &lt;div id="collapse0" class="collapse" aria-labelledby="heading0" data-parent="#accordion"&gt;</w:t>
            </w:r>
          </w:p>
          <w:p w:rsidR="00CE304B" w:rsidRDefault="00CE304B" w:rsidP="00CE304B">
            <w:r>
              <w:t xml:space="preserve">                                      &lt;div class="card-body"&gt;</w:t>
            </w:r>
          </w:p>
          <w:p w:rsidR="00CE304B" w:rsidRDefault="00CE304B" w:rsidP="00CE304B">
            <w:r>
              <w:t xml:space="preserve">                                          &lt;form action="" method="post" id="newPropertForm"&gt;</w:t>
            </w:r>
          </w:p>
          <w:p w:rsidR="00CE304B" w:rsidRDefault="00CE304B" w:rsidP="00CE304B"/>
          <w:p w:rsidR="00CE304B" w:rsidRDefault="00CE304B" w:rsidP="00CE304B">
            <w:r>
              <w:t xml:space="preserve">                                &lt;input type="hidden" name="userTempId" value="&lt;?php echo $userTempId ; ?&gt;" /&gt;</w:t>
            </w:r>
          </w:p>
          <w:p w:rsidR="00CE304B" w:rsidRDefault="00CE304B" w:rsidP="00CE304B">
            <w:r>
              <w:t xml:space="preserve">                              </w:t>
            </w:r>
          </w:p>
          <w:p w:rsidR="00CE304B" w:rsidRDefault="00CE304B" w:rsidP="00CE304B">
            <w:r>
              <w:t xml:space="preserve">                                    &lt;div class="row"&gt;</w:t>
            </w:r>
          </w:p>
          <w:p w:rsidR="00CE304B" w:rsidRDefault="00CE304B" w:rsidP="00CE304B">
            <w:r>
              <w:t xml:space="preserve">                                   </w:t>
            </w:r>
            <w:r>
              <w:tab/>
            </w:r>
            <w:r>
              <w:tab/>
              <w:t>&lt;label class="col-2 col-form-label text-end"&gt;&lt;b&gt;Add a City/Zipcode&lt;/b&gt;&lt;/label&gt;</w:t>
            </w:r>
          </w:p>
          <w:p w:rsidR="00CE304B" w:rsidRDefault="00CE304B" w:rsidP="00CE304B">
            <w:r>
              <w:tab/>
            </w:r>
            <w:r>
              <w:tab/>
            </w:r>
            <w:r>
              <w:tab/>
            </w:r>
            <w:r>
              <w:tab/>
            </w:r>
            <w:r>
              <w:tab/>
            </w:r>
            <w:r>
              <w:tab/>
            </w:r>
            <w:r>
              <w:tab/>
            </w:r>
            <w:r>
              <w:tab/>
            </w:r>
            <w:r>
              <w:tab/>
            </w:r>
            <w:r>
              <w:tab/>
              <w:t>&lt;div class="col-4"&gt;</w:t>
            </w:r>
          </w:p>
          <w:p w:rsidR="00CE304B" w:rsidRDefault="00CE304B" w:rsidP="00CE304B">
            <w:r>
              <w:tab/>
            </w:r>
            <w:r>
              <w:tab/>
            </w:r>
            <w:r>
              <w:tab/>
            </w:r>
            <w:r>
              <w:tab/>
            </w:r>
            <w:r>
              <w:tab/>
            </w:r>
            <w:r>
              <w:tab/>
            </w:r>
            <w:r>
              <w:tab/>
            </w:r>
            <w:r>
              <w:tab/>
            </w:r>
            <w:r>
              <w:tab/>
            </w:r>
            <w:r>
              <w:tab/>
            </w:r>
            <w:r>
              <w:tab/>
              <w:t>&lt;!--&lt;select name="cityStateZip" id="cityStateZip" class="form-control" placeholder="Search city, state, zipcode" required="" &gt;</w:t>
            </w:r>
          </w:p>
          <w:p w:rsidR="00CE304B" w:rsidRDefault="00CE304B" w:rsidP="00CE304B">
            <w:r>
              <w:tab/>
            </w:r>
            <w:r>
              <w:tab/>
            </w:r>
            <w:r>
              <w:tab/>
            </w:r>
            <w:r>
              <w:tab/>
            </w:r>
            <w:r>
              <w:tab/>
            </w:r>
            <w:r>
              <w:tab/>
            </w:r>
            <w:r>
              <w:tab/>
            </w:r>
            <w:r>
              <w:tab/>
            </w:r>
            <w:r>
              <w:tab/>
            </w:r>
            <w:r>
              <w:tab/>
            </w:r>
            <w:r>
              <w:tab/>
            </w:r>
            <w:r>
              <w:tab/>
              <w:t>&lt;option value="&lt;?php echo $SCZ ; ?&gt;"&gt;&lt;?php echo $SCZ ; ?&gt;&lt;/option&gt;</w:t>
            </w:r>
          </w:p>
          <w:p w:rsidR="00CE304B" w:rsidRDefault="00CE304B" w:rsidP="00CE304B">
            <w:r>
              <w:tab/>
            </w:r>
            <w:r>
              <w:tab/>
            </w:r>
            <w:r>
              <w:tab/>
            </w:r>
            <w:r>
              <w:tab/>
            </w:r>
            <w:r>
              <w:tab/>
            </w:r>
            <w:r>
              <w:tab/>
            </w:r>
            <w:r>
              <w:tab/>
            </w:r>
            <w:r>
              <w:tab/>
            </w:r>
            <w:r>
              <w:tab/>
            </w:r>
            <w:r>
              <w:tab/>
            </w:r>
            <w:r>
              <w:tab/>
              <w:t>&lt;/select&gt;--&gt;</w:t>
            </w:r>
          </w:p>
          <w:p w:rsidR="00CE304B" w:rsidRDefault="00CE304B" w:rsidP="00CE304B">
            <w:r>
              <w:tab/>
            </w:r>
            <w:r>
              <w:tab/>
            </w:r>
            <w:r>
              <w:tab/>
            </w:r>
            <w:r>
              <w:tab/>
            </w:r>
            <w:r>
              <w:tab/>
            </w:r>
            <w:r>
              <w:tab/>
            </w:r>
            <w:r>
              <w:tab/>
            </w:r>
            <w:r>
              <w:tab/>
            </w:r>
            <w:r>
              <w:tab/>
            </w:r>
            <w:r>
              <w:tab/>
            </w:r>
            <w:r>
              <w:tab/>
              <w:t>&lt;div class="form-group"&gt;</w:t>
            </w:r>
          </w:p>
          <w:p w:rsidR="00CE304B" w:rsidRDefault="00CE304B" w:rsidP="00CE304B">
            <w:r>
              <w:tab/>
            </w:r>
            <w:r>
              <w:tab/>
            </w:r>
            <w:r>
              <w:tab/>
            </w:r>
            <w:r>
              <w:tab/>
            </w:r>
            <w:r>
              <w:tab/>
            </w:r>
            <w:r>
              <w:tab/>
            </w:r>
            <w:r>
              <w:tab/>
            </w:r>
            <w:r>
              <w:tab/>
            </w:r>
            <w:r>
              <w:tab/>
            </w:r>
            <w:r>
              <w:tab/>
            </w:r>
            <w:r>
              <w:tab/>
            </w:r>
            <w:r>
              <w:tab/>
              <w:t>&lt;input class="form-control" placeholder="City or Zip code..." type="text" name="txtLocation" id="txtLocation"/&gt;</w:t>
            </w:r>
          </w:p>
          <w:p w:rsidR="00CE304B" w:rsidRDefault="00CE304B" w:rsidP="00CE304B">
            <w:r>
              <w:tab/>
            </w:r>
            <w:r>
              <w:tab/>
            </w:r>
            <w:r>
              <w:tab/>
            </w:r>
            <w:r>
              <w:tab/>
            </w:r>
            <w:r>
              <w:tab/>
            </w:r>
            <w:r>
              <w:tab/>
            </w:r>
            <w:r>
              <w:tab/>
            </w:r>
            <w:r>
              <w:tab/>
            </w:r>
            <w:r>
              <w:tab/>
            </w:r>
            <w:r>
              <w:tab/>
            </w:r>
            <w:r>
              <w:tab/>
              <w:t>&lt;/div&gt;</w:t>
            </w:r>
          </w:p>
          <w:p w:rsidR="00CE304B" w:rsidRDefault="00CE304B" w:rsidP="00CE304B">
            <w:r>
              <w:tab/>
            </w:r>
            <w:r>
              <w:tab/>
            </w:r>
            <w:r>
              <w:tab/>
            </w:r>
            <w:r>
              <w:tab/>
            </w:r>
            <w:r>
              <w:tab/>
            </w:r>
            <w:r>
              <w:tab/>
            </w:r>
            <w:r>
              <w:tab/>
            </w:r>
            <w:r>
              <w:tab/>
            </w:r>
            <w:r>
              <w:tab/>
            </w:r>
            <w:r>
              <w:tab/>
              <w:t>&lt;/div&gt;</w:t>
            </w:r>
          </w:p>
          <w:p w:rsidR="00CE304B" w:rsidRDefault="00CE304B" w:rsidP="00CE304B">
            <w:r>
              <w:tab/>
            </w:r>
            <w:r>
              <w:tab/>
            </w:r>
            <w:r>
              <w:tab/>
            </w:r>
            <w:r>
              <w:tab/>
            </w:r>
            <w:r>
              <w:tab/>
            </w:r>
            <w:r>
              <w:tab/>
            </w:r>
            <w:r>
              <w:tab/>
            </w:r>
            <w:r>
              <w:tab/>
            </w:r>
            <w:r>
              <w:tab/>
            </w:r>
            <w:r>
              <w:tab/>
            </w:r>
          </w:p>
          <w:p w:rsidR="00CE304B" w:rsidRDefault="00CE304B" w:rsidP="00CE304B">
            <w:r>
              <w:tab/>
            </w:r>
            <w:r>
              <w:tab/>
            </w:r>
            <w:r>
              <w:tab/>
            </w:r>
            <w:r>
              <w:tab/>
            </w:r>
            <w:r>
              <w:tab/>
            </w:r>
            <w:r>
              <w:tab/>
            </w:r>
            <w:r>
              <w:tab/>
            </w:r>
            <w:r>
              <w:tab/>
            </w:r>
            <w:r>
              <w:tab/>
            </w:r>
            <w:r>
              <w:tab/>
              <w:t>&lt;label class="col-2 col-form-label text-end"&gt;&lt;b&gt;Modify your Budget&lt;/b&gt;&lt;/label&gt;</w:t>
            </w:r>
          </w:p>
          <w:p w:rsidR="00CE304B" w:rsidRDefault="00CE304B" w:rsidP="00CE304B">
            <w:r>
              <w:tab/>
            </w:r>
            <w:r>
              <w:tab/>
            </w:r>
            <w:r>
              <w:tab/>
            </w:r>
            <w:r>
              <w:tab/>
            </w:r>
            <w:r>
              <w:tab/>
            </w:r>
            <w:r>
              <w:tab/>
            </w:r>
            <w:r>
              <w:tab/>
            </w:r>
            <w:r>
              <w:tab/>
            </w:r>
            <w:r>
              <w:tab/>
            </w:r>
            <w:r>
              <w:tab/>
              <w:t>&lt;div class="col-4"&gt;</w:t>
            </w:r>
          </w:p>
          <w:p w:rsidR="00CE304B" w:rsidRDefault="00CE304B" w:rsidP="00CE304B">
            <w:r>
              <w:tab/>
            </w:r>
            <w:r>
              <w:tab/>
            </w:r>
            <w:r>
              <w:tab/>
            </w:r>
            <w:r>
              <w:tab/>
            </w:r>
            <w:r>
              <w:tab/>
            </w:r>
            <w:r>
              <w:tab/>
            </w:r>
            <w:r>
              <w:tab/>
            </w:r>
            <w:r>
              <w:tab/>
            </w:r>
            <w:r>
              <w:tab/>
            </w:r>
            <w:r>
              <w:tab/>
            </w:r>
            <w:r>
              <w:tab/>
            </w:r>
          </w:p>
          <w:p w:rsidR="00CE304B" w:rsidRDefault="00CE304B" w:rsidP="00CE304B">
            <w:r>
              <w:tab/>
            </w:r>
            <w:r>
              <w:tab/>
            </w:r>
            <w:r>
              <w:tab/>
            </w:r>
            <w:r>
              <w:tab/>
            </w:r>
            <w:r>
              <w:tab/>
            </w:r>
            <w:r>
              <w:tab/>
            </w:r>
            <w:r>
              <w:tab/>
            </w:r>
            <w:r>
              <w:tab/>
            </w:r>
            <w:r>
              <w:tab/>
            </w:r>
            <w:r>
              <w:tab/>
            </w:r>
            <w:r>
              <w:tab/>
              <w:t>&lt;div class="form-group"&gt;</w:t>
            </w:r>
          </w:p>
          <w:p w:rsidR="00CE304B" w:rsidRDefault="00CE304B" w:rsidP="00CE304B">
            <w:r>
              <w:tab/>
            </w:r>
            <w:r>
              <w:tab/>
            </w:r>
            <w:r>
              <w:tab/>
            </w:r>
            <w:r>
              <w:tab/>
            </w:r>
            <w:r>
              <w:tab/>
            </w:r>
            <w:r>
              <w:tab/>
            </w:r>
            <w:r>
              <w:tab/>
            </w:r>
            <w:r>
              <w:tab/>
            </w:r>
            <w:r>
              <w:tab/>
            </w:r>
            <w:r>
              <w:tab/>
            </w:r>
            <w:r>
              <w:tab/>
            </w:r>
            <w:r>
              <w:tab/>
              <w:t>&lt;input class="form-control" placeholder="Your Budget Range (Numbers only)" type="text" max="5" name="budget" id="budget"/&gt;</w:t>
            </w:r>
          </w:p>
          <w:p w:rsidR="00CE304B" w:rsidRDefault="00CE304B" w:rsidP="00CE304B">
            <w:r>
              <w:tab/>
            </w:r>
            <w:r>
              <w:tab/>
            </w:r>
            <w:r>
              <w:tab/>
            </w:r>
            <w:r>
              <w:tab/>
            </w:r>
            <w:r>
              <w:tab/>
            </w:r>
            <w:r>
              <w:tab/>
            </w:r>
            <w:r>
              <w:tab/>
            </w:r>
            <w:r>
              <w:tab/>
            </w:r>
            <w:r>
              <w:tab/>
            </w:r>
            <w:r>
              <w:tab/>
            </w:r>
            <w:r>
              <w:tab/>
              <w:t>&lt;/div&gt;</w:t>
            </w:r>
          </w:p>
          <w:p w:rsidR="00CE304B" w:rsidRDefault="00CE304B" w:rsidP="00CE304B">
            <w:r>
              <w:tab/>
            </w:r>
            <w:r>
              <w:tab/>
            </w:r>
            <w:r>
              <w:tab/>
            </w:r>
            <w:r>
              <w:tab/>
            </w:r>
            <w:r>
              <w:tab/>
            </w:r>
            <w:r>
              <w:tab/>
            </w:r>
            <w:r>
              <w:tab/>
            </w:r>
            <w:r>
              <w:tab/>
            </w:r>
            <w:r>
              <w:tab/>
            </w:r>
            <w:r>
              <w:tab/>
              <w:t>&lt;/div&gt;</w:t>
            </w:r>
          </w:p>
          <w:p w:rsidR="00CE304B" w:rsidRDefault="00CE304B" w:rsidP="00CE304B">
            <w:r>
              <w:t xml:space="preserve">                                    &lt;/div&gt;</w:t>
            </w:r>
          </w:p>
          <w:p w:rsidR="00CE304B" w:rsidRDefault="00CE304B" w:rsidP="00CE304B">
            <w:r>
              <w:t xml:space="preserve">                                    </w:t>
            </w:r>
          </w:p>
          <w:p w:rsidR="00CE304B" w:rsidRDefault="00CE304B" w:rsidP="00CE304B">
            <w:r>
              <w:t xml:space="preserve">                                &lt;div class="mb-3 row"&gt;</w:t>
            </w:r>
          </w:p>
          <w:p w:rsidR="00CE304B" w:rsidRDefault="00CE304B" w:rsidP="00CE304B">
            <w:r>
              <w:t xml:space="preserve">                                </w:t>
            </w:r>
          </w:p>
          <w:p w:rsidR="00CE304B" w:rsidRDefault="00CE304B" w:rsidP="00CE304B">
            <w:r>
              <w:t xml:space="preserve">                                &lt;?php </w:t>
            </w:r>
          </w:p>
          <w:p w:rsidR="00CE304B" w:rsidRDefault="00CE304B" w:rsidP="00CE304B">
            <w:r>
              <w:t xml:space="preserve">                                 </w:t>
            </w:r>
          </w:p>
          <w:p w:rsidR="00CE304B" w:rsidRDefault="00CE304B" w:rsidP="00CE304B">
            <w:r>
              <w:t xml:space="preserve">                            foreach($propertyAttributes as $propertyAttributeCode=&gt;$propertyAttribute){ ?&gt;</w:t>
            </w:r>
          </w:p>
          <w:p w:rsidR="00CE304B" w:rsidRDefault="00CE304B" w:rsidP="00CE304B">
            <w:r>
              <w:t xml:space="preserve">                            &lt;div class="col-sm-4"&gt; </w:t>
            </w:r>
          </w:p>
          <w:p w:rsidR="00CE304B" w:rsidRDefault="00CE304B" w:rsidP="00CE304B">
            <w:r>
              <w:t xml:space="preserve">                                </w:t>
            </w:r>
          </w:p>
          <w:p w:rsidR="00CE304B" w:rsidRDefault="00CE304B" w:rsidP="00CE304B">
            <w:r>
              <w:t xml:space="preserve">                            &lt;label class="col-sm-12 col-form-label text-end"&gt; &lt;strong&gt;&lt;?php echo $propertyAttribute['label']; ?&gt; &lt;/strong&gt; &lt;/label&gt; </w:t>
            </w:r>
          </w:p>
          <w:p w:rsidR="00CE304B" w:rsidRDefault="00CE304B" w:rsidP="00CE304B">
            <w:r>
              <w:t xml:space="preserve">                            </w:t>
            </w:r>
          </w:p>
          <w:p w:rsidR="00CE304B" w:rsidRDefault="00CE304B" w:rsidP="00CE304B">
            <w:r>
              <w:t xml:space="preserve">                                &lt;div class="col-sm-12" class="form-control"&gt;</w:t>
            </w:r>
          </w:p>
          <w:p w:rsidR="00CE304B" w:rsidRDefault="00CE304B" w:rsidP="00CE304B">
            <w:r>
              <w:t xml:space="preserve">                                &lt;!--&lt;fieldset&gt; --&gt;</w:t>
            </w:r>
          </w:p>
          <w:p w:rsidR="00CE304B" w:rsidRDefault="00CE304B" w:rsidP="00CE304B">
            <w:r>
              <w:t xml:space="preserve">                                &lt;?php foreach($propertyAttribute['options'] as $option){ ?&gt;</w:t>
            </w:r>
          </w:p>
          <w:p w:rsidR="00CE304B" w:rsidRDefault="00CE304B" w:rsidP="00CE304B">
            <w:r>
              <w:t xml:space="preserve">                                </w:t>
            </w:r>
          </w:p>
          <w:p w:rsidR="00CE304B" w:rsidRDefault="00CE304B" w:rsidP="00CE304B">
            <w:r>
              <w:lastRenderedPageBreak/>
              <w:t xml:space="preserve">                                </w:t>
            </w:r>
          </w:p>
          <w:p w:rsidR="00CE304B" w:rsidRDefault="00CE304B" w:rsidP="00CE304B">
            <w:r>
              <w:t xml:space="preserve">                                 &lt;label for="&lt;?php echo $option['value']?&gt;"&gt;</w:t>
            </w:r>
          </w:p>
          <w:p w:rsidR="00CE304B" w:rsidRDefault="00CE304B" w:rsidP="00CE304B">
            <w:r>
              <w:t xml:space="preserve">                                  &lt;input &lt;?php echo $onclick ?&gt; type="checkbox" name="&lt;?php echo $propertyAttributeCode?&gt;[]" id="&lt;?php echo$propertyAttributeCode.'_'.$option['value'] ?&gt;" value="&lt;?php echo $option['value']?&gt;" &gt;</w:t>
            </w:r>
          </w:p>
          <w:p w:rsidR="00CE304B" w:rsidRDefault="00CE304B" w:rsidP="00CE304B">
            <w:r>
              <w:t xml:space="preserve">                                  &lt;?php echo $option['label']?&gt;&lt;/label&gt;</w:t>
            </w:r>
          </w:p>
          <w:p w:rsidR="00CE304B" w:rsidRDefault="00CE304B" w:rsidP="00CE304B">
            <w:r>
              <w:t xml:space="preserve">                      </w:t>
            </w:r>
          </w:p>
          <w:p w:rsidR="00CE304B" w:rsidRDefault="00CE304B" w:rsidP="00CE304B">
            <w:r>
              <w:t xml:space="preserve">                                  </w:t>
            </w:r>
          </w:p>
          <w:p w:rsidR="00CE304B" w:rsidRDefault="00CE304B" w:rsidP="00CE304B">
            <w:r>
              <w:t xml:space="preserve">                                &lt;br /&gt; </w:t>
            </w:r>
          </w:p>
          <w:p w:rsidR="00CE304B" w:rsidRDefault="00CE304B" w:rsidP="00CE304B">
            <w:r>
              <w:t xml:space="preserve">                                </w:t>
            </w:r>
          </w:p>
          <w:p w:rsidR="00CE304B" w:rsidRDefault="00CE304B" w:rsidP="00CE304B">
            <w:r>
              <w:t xml:space="preserve">                                &lt;?php  }  ?&gt;</w:t>
            </w:r>
          </w:p>
          <w:p w:rsidR="00CE304B" w:rsidRDefault="00CE304B" w:rsidP="00CE304B">
            <w:r>
              <w:t xml:space="preserve">                                </w:t>
            </w:r>
          </w:p>
          <w:p w:rsidR="00CE304B" w:rsidRDefault="00CE304B" w:rsidP="00CE304B">
            <w:r>
              <w:t xml:space="preserve">                                  &lt;!--&lt;/fieldset&gt; --&gt;</w:t>
            </w:r>
          </w:p>
          <w:p w:rsidR="00CE304B" w:rsidRDefault="00CE304B" w:rsidP="00CE304B">
            <w:r>
              <w:t xml:space="preserve">                                &lt;/div&gt;</w:t>
            </w:r>
          </w:p>
          <w:p w:rsidR="00CE304B" w:rsidRDefault="00CE304B" w:rsidP="00CE304B">
            <w:r>
              <w:t xml:space="preserve">                            &lt;/div&gt;</w:t>
            </w:r>
          </w:p>
          <w:p w:rsidR="00CE304B" w:rsidRDefault="00CE304B" w:rsidP="00CE304B">
            <w:r>
              <w:t xml:space="preserve">                          &lt;?php  }</w:t>
            </w:r>
          </w:p>
          <w:p w:rsidR="00CE304B" w:rsidRDefault="00CE304B" w:rsidP="00CE304B">
            <w:r>
              <w:t xml:space="preserve">                            ?&gt;</w:t>
            </w:r>
          </w:p>
          <w:p w:rsidR="00CE304B" w:rsidRDefault="00CE304B" w:rsidP="00CE304B">
            <w:r>
              <w:t xml:space="preserve">                        &lt;/div&gt;    </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r>
              <w:t>&lt;script&gt;</w:t>
            </w:r>
          </w:p>
          <w:p w:rsidR="00CE304B" w:rsidRDefault="00CE304B" w:rsidP="00CE304B">
            <w:r>
              <w:t>function priceBoxShow(checkboxid, divid) {</w:t>
            </w:r>
          </w:p>
          <w:p w:rsidR="00CE304B" w:rsidRDefault="00CE304B" w:rsidP="00CE304B">
            <w:r>
              <w:t xml:space="preserve">      var checkBox = document.getElementById(checkboxid);</w:t>
            </w:r>
          </w:p>
          <w:p w:rsidR="00CE304B" w:rsidRDefault="00CE304B" w:rsidP="00CE304B">
            <w:r>
              <w:t xml:space="preserve">  const pricebox = document.getElementById(divid);</w:t>
            </w:r>
          </w:p>
          <w:p w:rsidR="00CE304B" w:rsidRDefault="00CE304B" w:rsidP="00CE304B">
            <w:r>
              <w:t xml:space="preserve">  if (checkBox.checked == true){</w:t>
            </w:r>
          </w:p>
          <w:p w:rsidR="00CE304B" w:rsidRDefault="00CE304B" w:rsidP="00CE304B">
            <w:r>
              <w:t xml:space="preserve">   pricebox.style.display = 'block';</w:t>
            </w:r>
          </w:p>
          <w:p w:rsidR="00CE304B" w:rsidRDefault="00CE304B" w:rsidP="00CE304B">
            <w:r>
              <w:t xml:space="preserve">  } else {</w:t>
            </w:r>
          </w:p>
          <w:p w:rsidR="00CE304B" w:rsidRDefault="00CE304B" w:rsidP="00CE304B">
            <w:r>
              <w:t xml:space="preserve">    pricebox.style.display = 'none';</w:t>
            </w:r>
          </w:p>
          <w:p w:rsidR="00CE304B" w:rsidRDefault="00CE304B" w:rsidP="00CE304B">
            <w:r>
              <w:t xml:space="preserve">  }</w:t>
            </w:r>
          </w:p>
          <w:p w:rsidR="00CE304B" w:rsidRDefault="00CE304B" w:rsidP="00CE304B">
            <w:r>
              <w:t xml:space="preserve"> </w:t>
            </w:r>
          </w:p>
          <w:p w:rsidR="00CE304B" w:rsidRDefault="00CE304B" w:rsidP="00CE304B">
            <w:r>
              <w:t>}</w:t>
            </w:r>
          </w:p>
          <w:p w:rsidR="00CE304B" w:rsidRDefault="00CE304B" w:rsidP="00CE304B">
            <w:r>
              <w:t>&lt;/script&gt;</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r>
              <w:t>&lt;script&gt;</w:t>
            </w:r>
          </w:p>
          <w:p w:rsidR="00CE304B" w:rsidRDefault="00CE304B" w:rsidP="00CE304B">
            <w:r>
              <w:t>$('#cityStateZip').selectize({</w:t>
            </w:r>
          </w:p>
          <w:p w:rsidR="00CE304B" w:rsidRDefault="00CE304B" w:rsidP="00CE304B">
            <w:r>
              <w:t xml:space="preserve">    valueField: 'zipcode',</w:t>
            </w:r>
          </w:p>
          <w:p w:rsidR="00CE304B" w:rsidRDefault="00CE304B" w:rsidP="00CE304B">
            <w:r>
              <w:t xml:space="preserve">    labelField: 'display_text',</w:t>
            </w:r>
          </w:p>
          <w:p w:rsidR="00CE304B" w:rsidRDefault="00CE304B" w:rsidP="00CE304B">
            <w:r>
              <w:t xml:space="preserve">    searchField: 'display_text',</w:t>
            </w:r>
          </w:p>
          <w:p w:rsidR="00CE304B" w:rsidRDefault="00CE304B" w:rsidP="00CE304B">
            <w:r>
              <w:t xml:space="preserve">    options: [],</w:t>
            </w:r>
          </w:p>
          <w:p w:rsidR="00CE304B" w:rsidRDefault="00CE304B" w:rsidP="00CE304B">
            <w:r>
              <w:t xml:space="preserve">  create: false,</w:t>
            </w:r>
          </w:p>
          <w:p w:rsidR="00CE304B" w:rsidRDefault="00CE304B" w:rsidP="00CE304B">
            <w:r>
              <w:t xml:space="preserve">  load: function(query, callback) {</w:t>
            </w:r>
          </w:p>
          <w:p w:rsidR="00CE304B" w:rsidRDefault="00CE304B" w:rsidP="00CE304B">
            <w:r>
              <w:t xml:space="preserve">    if (!query.length) return callback();</w:t>
            </w:r>
          </w:p>
          <w:p w:rsidR="00CE304B" w:rsidRDefault="00CE304B" w:rsidP="00CE304B">
            <w:r>
              <w:t xml:space="preserve">    </w:t>
            </w:r>
          </w:p>
          <w:p w:rsidR="00CE304B" w:rsidRDefault="00CE304B" w:rsidP="00CE304B">
            <w:r>
              <w:t xml:space="preserve">    //var countryId = document.getElementById("countryId").value ;</w:t>
            </w:r>
          </w:p>
          <w:p w:rsidR="00CE304B" w:rsidRDefault="00CE304B" w:rsidP="00CE304B">
            <w:r>
              <w:t xml:space="preserve">    //var selectedCountry = "United States" ; // document.querySelector('#select-country </w:t>
            </w:r>
            <w:r>
              <w:lastRenderedPageBreak/>
              <w:t>option:checked').text ;</w:t>
            </w:r>
          </w:p>
          <w:p w:rsidR="00CE304B" w:rsidRDefault="00CE304B" w:rsidP="00CE304B">
            <w:r>
              <w:t xml:space="preserve">    </w:t>
            </w:r>
          </w:p>
          <w:p w:rsidR="00CE304B" w:rsidRDefault="00CE304B" w:rsidP="00CE304B">
            <w:r>
              <w:t xml:space="preserve">    //alert(countryId) ;</w:t>
            </w:r>
          </w:p>
          <w:p w:rsidR="00CE304B" w:rsidRDefault="00CE304B" w:rsidP="00CE304B">
            <w:r>
              <w:t xml:space="preserve">    $.ajax({</w:t>
            </w:r>
          </w:p>
          <w:p w:rsidR="00CE304B" w:rsidRDefault="00CE304B" w:rsidP="00CE304B">
            <w:r>
              <w:t xml:space="preserve">      url: '&lt;?php echo SITE_URL_PROFILE ; ?&gt;/selectize/country_usa_state_city_zipcode.php',</w:t>
            </w:r>
          </w:p>
          <w:p w:rsidR="00CE304B" w:rsidRDefault="00CE304B" w:rsidP="00CE304B">
            <w:r>
              <w:t xml:space="preserve">      type: 'GET',</w:t>
            </w:r>
          </w:p>
          <w:p w:rsidR="00CE304B" w:rsidRDefault="00CE304B" w:rsidP="00CE304B">
            <w:r>
              <w:t xml:space="preserve">      dataType: 'json',</w:t>
            </w:r>
          </w:p>
          <w:p w:rsidR="00CE304B" w:rsidRDefault="00CE304B" w:rsidP="00CE304B">
            <w:r>
              <w:t xml:space="preserve">      data: {</w:t>
            </w:r>
          </w:p>
          <w:p w:rsidR="00CE304B" w:rsidRDefault="00CE304B" w:rsidP="00CE304B">
            <w:r>
              <w:t xml:space="preserve">        //countryid: countryId,</w:t>
            </w:r>
          </w:p>
          <w:p w:rsidR="00CE304B" w:rsidRDefault="00CE304B" w:rsidP="00CE304B">
            <w:r>
              <w:t xml:space="preserve">        //countryname: selectedCountry,</w:t>
            </w:r>
          </w:p>
          <w:p w:rsidR="00CE304B" w:rsidRDefault="00CE304B" w:rsidP="00CE304B">
            <w:r>
              <w:t xml:space="preserve">        query: query,</w:t>
            </w:r>
          </w:p>
          <w:p w:rsidR="00CE304B" w:rsidRDefault="00CE304B" w:rsidP="00CE304B">
            <w:r>
              <w:t xml:space="preserve">      },</w:t>
            </w:r>
          </w:p>
          <w:p w:rsidR="00CE304B" w:rsidRDefault="00CE304B" w:rsidP="00CE304B">
            <w:r>
              <w:t xml:space="preserve">      error: function() {</w:t>
            </w:r>
          </w:p>
          <w:p w:rsidR="00CE304B" w:rsidRDefault="00CE304B" w:rsidP="00CE304B">
            <w:r>
              <w:t xml:space="preserve">        callback();</w:t>
            </w:r>
          </w:p>
          <w:p w:rsidR="00CE304B" w:rsidRDefault="00CE304B" w:rsidP="00CE304B">
            <w:r>
              <w:t xml:space="preserve">      },</w:t>
            </w:r>
          </w:p>
          <w:p w:rsidR="00CE304B" w:rsidRDefault="00CE304B" w:rsidP="00CE304B">
            <w:r>
              <w:t xml:space="preserve">      success: function(res) {</w:t>
            </w:r>
          </w:p>
          <w:p w:rsidR="00CE304B" w:rsidRDefault="00CE304B" w:rsidP="00CE304B">
            <w:r>
              <w:t xml:space="preserve">        callback(res);</w:t>
            </w:r>
          </w:p>
          <w:p w:rsidR="00CE304B" w:rsidRDefault="00CE304B" w:rsidP="00CE304B">
            <w:r>
              <w:t xml:space="preserve">        //document.getElementById('cityDiv').style.display = 'block';</w:t>
            </w:r>
          </w:p>
          <w:p w:rsidR="00CE304B" w:rsidRDefault="00CE304B" w:rsidP="00CE304B">
            <w:r>
              <w:t xml:space="preserve">        //alert(res) ;</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r>
              <w:t>});</w:t>
            </w:r>
          </w:p>
          <w:p w:rsidR="00CE304B" w:rsidRDefault="00CE304B" w:rsidP="00CE304B">
            <w:r>
              <w:t>&lt;/script&gt;</w:t>
            </w:r>
          </w:p>
          <w:p w:rsidR="00CE304B" w:rsidRDefault="00CE304B" w:rsidP="00CE304B">
            <w:r>
              <w:t xml:space="preserve">            &lt;div class="row"&gt;</w:t>
            </w:r>
          </w:p>
          <w:p w:rsidR="00CE304B" w:rsidRDefault="00CE304B" w:rsidP="00CE304B">
            <w:r>
              <w:t xml:space="preserve">                &lt;label class="col-2 col-form-label text-end"&gt;&lt;b&gt;You are the  *&lt;/b&gt;&lt;/label&gt;</w:t>
            </w:r>
          </w:p>
          <w:p w:rsidR="00CE304B" w:rsidRDefault="00CE304B" w:rsidP="00CE304B">
            <w:r>
              <w:t xml:space="preserve">                &lt;div class="col-3"&gt;</w:t>
            </w:r>
          </w:p>
          <w:p w:rsidR="00CE304B" w:rsidRDefault="00CE304B" w:rsidP="00CE304B">
            <w:r>
              <w:t xml:space="preserve">                    &lt;div class="you"&gt;</w:t>
            </w:r>
          </w:p>
          <w:p w:rsidR="00CE304B" w:rsidRDefault="00CE304B" w:rsidP="00CE304B">
            <w:r>
              <w:t xml:space="preserve">                      &lt;input type = "radio" name = "Seniors"</w:t>
            </w:r>
          </w:p>
          <w:p w:rsidR="00CE304B" w:rsidRDefault="00CE304B" w:rsidP="00CE304B">
            <w:r>
              <w:t xml:space="preserve">                        id = "Senior" value = "Senior"</w:t>
            </w:r>
          </w:p>
          <w:p w:rsidR="00CE304B" w:rsidRDefault="00CE304B" w:rsidP="00CE304B">
            <w:r>
              <w:t xml:space="preserve">                         checked = "checked" /&gt;</w:t>
            </w:r>
          </w:p>
          <w:p w:rsidR="00CE304B" w:rsidRDefault="00CE304B" w:rsidP="00CE304B">
            <w:r>
              <w:t xml:space="preserve">                        &lt;label for = "sizeSmall"&gt;Senior&lt;/label&gt;</w:t>
            </w:r>
          </w:p>
          <w:p w:rsidR="00CE304B" w:rsidRDefault="00CE304B" w:rsidP="00CE304B">
            <w:r>
              <w:t xml:space="preserve">                    &lt;/div&gt;</w:t>
            </w:r>
          </w:p>
          <w:p w:rsidR="00CE304B" w:rsidRDefault="00CE304B" w:rsidP="00CE304B">
            <w:r>
              <w:t xml:space="preserve">                    &lt;div class="you"&gt;</w:t>
            </w:r>
          </w:p>
          <w:p w:rsidR="00CE304B" w:rsidRDefault="00CE304B" w:rsidP="00CE304B">
            <w:r>
              <w:t xml:space="preserve">                        &lt;input type = "radio" name = "Seniors"</w:t>
            </w:r>
          </w:p>
          <w:p w:rsidR="00CE304B" w:rsidRDefault="00CE304B" w:rsidP="00CE304B">
            <w:r>
              <w:t xml:space="preserve">                         id = "sizeMed" value = "Adult Child" /&gt;</w:t>
            </w:r>
          </w:p>
          <w:p w:rsidR="00CE304B" w:rsidRDefault="00CE304B" w:rsidP="00CE304B">
            <w:r>
              <w:t xml:space="preserve">                        &lt;label for = "Adult Child"&gt;Adult Child&lt;/label&gt;</w:t>
            </w:r>
          </w:p>
          <w:p w:rsidR="00CE304B" w:rsidRDefault="00CE304B" w:rsidP="00CE304B">
            <w:r>
              <w:t xml:space="preserve">                    &lt;/div&gt;</w:t>
            </w:r>
          </w:p>
          <w:p w:rsidR="00CE304B" w:rsidRDefault="00CE304B" w:rsidP="00CE304B">
            <w:r>
              <w:t xml:space="preserve">                    &lt;div class="you"&gt;    </w:t>
            </w:r>
          </w:p>
          <w:p w:rsidR="00CE304B" w:rsidRDefault="00CE304B" w:rsidP="00CE304B">
            <w:r>
              <w:t xml:space="preserve">                        &lt;input type = "radio" name = "Seniors"</w:t>
            </w:r>
          </w:p>
          <w:p w:rsidR="00CE304B" w:rsidRDefault="00CE304B" w:rsidP="00CE304B">
            <w:r>
              <w:t xml:space="preserve">                         id = "sizeLarge" value = "Family Member" /&gt;</w:t>
            </w:r>
          </w:p>
          <w:p w:rsidR="00CE304B" w:rsidRDefault="00CE304B" w:rsidP="00CE304B">
            <w:r>
              <w:t xml:space="preserve">                        &lt;label for = "Family Member"&gt;Family Member&lt;/label&gt;</w:t>
            </w:r>
          </w:p>
          <w:p w:rsidR="00CE304B" w:rsidRDefault="00CE304B" w:rsidP="00CE304B">
            <w:r>
              <w:t xml:space="preserve">                    &lt;/div&gt;</w:t>
            </w:r>
          </w:p>
          <w:p w:rsidR="00CE304B" w:rsidRDefault="00CE304B" w:rsidP="00CE304B">
            <w:r>
              <w:t xml:space="preserve">                    &lt;div class="you"&gt;    </w:t>
            </w:r>
          </w:p>
          <w:p w:rsidR="00CE304B" w:rsidRDefault="00CE304B" w:rsidP="00CE304B">
            <w:r>
              <w:t xml:space="preserve">                        &lt;input type = "radio" name = "Seniors"</w:t>
            </w:r>
          </w:p>
          <w:p w:rsidR="00CE304B" w:rsidRDefault="00CE304B" w:rsidP="00CE304B">
            <w:r>
              <w:t xml:space="preserve">                        id = "sizeLarge" value = "Friend" /&gt;</w:t>
            </w:r>
          </w:p>
          <w:p w:rsidR="00CE304B" w:rsidRDefault="00CE304B" w:rsidP="00CE304B">
            <w:r>
              <w:t xml:space="preserve">                        &lt;label for = "Friend"&gt;Friend&lt;/label&gt;</w:t>
            </w:r>
          </w:p>
          <w:p w:rsidR="00CE304B" w:rsidRDefault="00CE304B" w:rsidP="00CE304B">
            <w:r>
              <w:t xml:space="preserve">                    &lt;/div&gt;</w:t>
            </w:r>
          </w:p>
          <w:p w:rsidR="00CE304B" w:rsidRDefault="00CE304B" w:rsidP="00CE304B">
            <w:r>
              <w:lastRenderedPageBreak/>
              <w:t xml:space="preserve">                    &lt;div class="you"&gt;    </w:t>
            </w:r>
          </w:p>
          <w:p w:rsidR="00CE304B" w:rsidRDefault="00CE304B" w:rsidP="00CE304B">
            <w:r>
              <w:t xml:space="preserve">                        &lt;input type = "radio" name = "Seniors"</w:t>
            </w:r>
          </w:p>
          <w:p w:rsidR="00CE304B" w:rsidRDefault="00CE304B" w:rsidP="00CE304B">
            <w:r>
              <w:t xml:space="preserve">                         id = "Advisor" value = "Advisor" /&gt;</w:t>
            </w:r>
          </w:p>
          <w:p w:rsidR="00CE304B" w:rsidRDefault="00CE304B" w:rsidP="00CE304B">
            <w:r>
              <w:t xml:space="preserve">                        &lt;label for = "Advisore"&gt;Advisor&lt;/label&gt;</w:t>
            </w:r>
          </w:p>
          <w:p w:rsidR="00CE304B" w:rsidRDefault="00CE304B" w:rsidP="00CE304B">
            <w:r>
              <w:t xml:space="preserve">                    &lt;/div&gt;</w:t>
            </w:r>
          </w:p>
          <w:p w:rsidR="00CE304B" w:rsidRDefault="00CE304B" w:rsidP="00CE304B">
            <w:r>
              <w:t xml:space="preserve">                    &lt;div class="you"&gt;    </w:t>
            </w:r>
          </w:p>
          <w:p w:rsidR="00CE304B" w:rsidRDefault="00CE304B" w:rsidP="00CE304B">
            <w:r>
              <w:t xml:space="preserve">                        &lt;input type = "radio" name = "Seniors"</w:t>
            </w:r>
          </w:p>
          <w:p w:rsidR="00CE304B" w:rsidRDefault="00CE304B" w:rsidP="00CE304B">
            <w:r>
              <w:t xml:space="preserve">                         id = "POA" value = "POA" /&gt;</w:t>
            </w:r>
          </w:p>
          <w:p w:rsidR="00CE304B" w:rsidRDefault="00CE304B" w:rsidP="00CE304B">
            <w:r>
              <w:t xml:space="preserve">                        &lt;label for = "POA"&gt;POA&lt;/label&gt;</w:t>
            </w:r>
          </w:p>
          <w:p w:rsidR="00CE304B" w:rsidRDefault="00CE304B" w:rsidP="00CE304B">
            <w:r>
              <w:t xml:space="preserve">                    &lt;/div&gt;</w:t>
            </w:r>
          </w:p>
          <w:p w:rsidR="00CE304B" w:rsidRDefault="00CE304B" w:rsidP="00CE304B">
            <w:r>
              <w:t xml:space="preserve">                    &lt;div class="you"&gt;    </w:t>
            </w:r>
          </w:p>
          <w:p w:rsidR="00CE304B" w:rsidRDefault="00CE304B" w:rsidP="00CE304B">
            <w:r>
              <w:t xml:space="preserve">                        &lt;input type = "radio" name = "Seniors"</w:t>
            </w:r>
          </w:p>
          <w:p w:rsidR="00CE304B" w:rsidRDefault="00CE304B" w:rsidP="00CE304B">
            <w:r>
              <w:t xml:space="preserve">                         id = "other" value = "Other" /&gt;</w:t>
            </w:r>
          </w:p>
          <w:p w:rsidR="00CE304B" w:rsidRDefault="00CE304B" w:rsidP="00CE304B">
            <w:r>
              <w:t xml:space="preserve">                        &lt;label for = "Other"&gt;Other&lt;/label&gt;</w:t>
            </w:r>
          </w:p>
          <w:p w:rsidR="00CE304B" w:rsidRDefault="00CE304B" w:rsidP="00CE304B">
            <w:r>
              <w:t xml:space="preserve">                    &lt;/div&gt;</w:t>
            </w:r>
          </w:p>
          <w:p w:rsidR="00CE304B" w:rsidRDefault="00CE304B" w:rsidP="00CE304B">
            <w:r>
              <w:t xml:space="preserve">                    &lt;div&gt;</w:t>
            </w:r>
          </w:p>
          <w:p w:rsidR="00CE304B" w:rsidRDefault="00CE304B" w:rsidP="00CE304B">
            <w:r>
              <w:t xml:space="preserve">                       &lt;input type="text" id="dist" name="txtbox"&gt; &lt;label&gt;&lt;/label&gt;</w:t>
            </w:r>
          </w:p>
          <w:p w:rsidR="00CE304B" w:rsidRDefault="00CE304B" w:rsidP="00CE304B">
            <w:r>
              <w:t xml:space="preserve">                    &lt;/div&gt;</w:t>
            </w:r>
          </w:p>
          <w:p w:rsidR="00CE304B" w:rsidRDefault="00CE304B" w:rsidP="00CE304B">
            <w:r>
              <w:t xml:space="preserve">                &lt;/div&gt;</w:t>
            </w:r>
          </w:p>
          <w:p w:rsidR="00CE304B" w:rsidRDefault="00CE304B" w:rsidP="00CE304B">
            <w:r>
              <w:t xml:space="preserve">            </w:t>
            </w:r>
          </w:p>
          <w:p w:rsidR="00CE304B" w:rsidRDefault="00CE304B" w:rsidP="00CE304B">
            <w:r>
              <w:t xml:space="preserve">                &lt;!-- start of enable text box when radio button is selected --&gt;</w:t>
            </w:r>
          </w:p>
          <w:p w:rsidR="00CE304B" w:rsidRDefault="00CE304B" w:rsidP="00CE304B">
            <w:r>
              <w:t xml:space="preserve">                    &lt;script type="text/javascript"&gt;</w:t>
            </w:r>
          </w:p>
          <w:p w:rsidR="00CE304B" w:rsidRDefault="00CE304B" w:rsidP="00CE304B">
            <w:r>
              <w:t xml:space="preserve">                        $(document).ready(function () {</w:t>
            </w:r>
          </w:p>
          <w:p w:rsidR="00CE304B" w:rsidRDefault="00CE304B" w:rsidP="00CE304B">
            <w:r>
              <w:t xml:space="preserve">                            $("#dist").prop('disabled', true);</w:t>
            </w:r>
          </w:p>
          <w:p w:rsidR="00CE304B" w:rsidRDefault="00CE304B" w:rsidP="00CE304B">
            <w:r>
              <w:t xml:space="preserve">                            $("#other").click(function () {</w:t>
            </w:r>
          </w:p>
          <w:p w:rsidR="00CE304B" w:rsidRDefault="00CE304B" w:rsidP="00CE304B">
            <w:r>
              <w:t xml:space="preserve">                                $("#dist").prop('disabled', false);</w:t>
            </w:r>
          </w:p>
          <w:p w:rsidR="00CE304B" w:rsidRDefault="00CE304B" w:rsidP="00CE304B">
            <w:r>
              <w:t xml:space="preserve">                            });</w:t>
            </w:r>
          </w:p>
          <w:p w:rsidR="00CE304B" w:rsidRDefault="00CE304B" w:rsidP="00CE304B">
            <w:r>
              <w:t xml:space="preserve">                    }); </w:t>
            </w:r>
          </w:p>
          <w:p w:rsidR="00CE304B" w:rsidRDefault="00CE304B" w:rsidP="00CE304B">
            <w:r>
              <w:t xml:space="preserve">                    &lt;/script&gt;</w:t>
            </w:r>
          </w:p>
          <w:p w:rsidR="00CE304B" w:rsidRDefault="00CE304B" w:rsidP="00CE304B">
            <w:r>
              <w:t xml:space="preserve">                    &lt;!--&lt;script type="text/javascript"&gt;</w:t>
            </w:r>
          </w:p>
          <w:p w:rsidR="00CE304B" w:rsidRDefault="00CE304B" w:rsidP="00CE304B">
            <w:r>
              <w:t xml:space="preserve">                    $(document).ready(function () {</w:t>
            </w:r>
          </w:p>
          <w:p w:rsidR="00CE304B" w:rsidRDefault="00CE304B" w:rsidP="00CE304B">
            <w:r>
              <w:t xml:space="preserve">                        $("#dist").attr("disabled","disabled");</w:t>
            </w:r>
          </w:p>
          <w:p w:rsidR="00CE304B" w:rsidRDefault="00CE304B" w:rsidP="00CE304B">
            <w:r>
              <w:t xml:space="preserve">                        $("#other").click(function () {</w:t>
            </w:r>
          </w:p>
          <w:p w:rsidR="00CE304B" w:rsidRDefault="00CE304B" w:rsidP="00CE304B">
            <w:r>
              <w:t xml:space="preserve">                            $("#dist").removeAttr("disabled");</w:t>
            </w:r>
          </w:p>
          <w:p w:rsidR="00CE304B" w:rsidRDefault="00CE304B" w:rsidP="00CE304B">
            <w:r>
              <w:t xml:space="preserve">                        });</w:t>
            </w:r>
          </w:p>
          <w:p w:rsidR="00CE304B" w:rsidRDefault="00CE304B" w:rsidP="00CE304B">
            <w:r>
              <w:t xml:space="preserve">                    });</w:t>
            </w:r>
          </w:p>
          <w:p w:rsidR="00CE304B" w:rsidRDefault="00CE304B" w:rsidP="00CE304B">
            <w:r>
              <w:t xml:space="preserve">                    &lt;/script&gt; --&gt;</w:t>
            </w:r>
          </w:p>
          <w:p w:rsidR="00CE304B" w:rsidRDefault="00CE304B" w:rsidP="00CE304B">
            <w:r>
              <w:t xml:space="preserve">                &lt;!-- end of enable text box when radio button is selected --&gt;</w:t>
            </w:r>
          </w:p>
          <w:p w:rsidR="00CE304B" w:rsidRDefault="00CE304B" w:rsidP="00CE304B">
            <w:r>
              <w:t xml:space="preserve">            </w:t>
            </w:r>
          </w:p>
          <w:p w:rsidR="00CE304B" w:rsidRDefault="00CE304B" w:rsidP="00CE304B">
            <w:r>
              <w:t xml:space="preserve">                &lt;label class="col-4 col-form-label text-end"&gt;&lt;b&gt;Birthdate of Prospective Resident*  &lt;/b&gt;&lt;/label&gt;</w:t>
            </w:r>
          </w:p>
          <w:p w:rsidR="00CE304B" w:rsidRDefault="00CE304B" w:rsidP="00CE304B">
            <w:r>
              <w:t xml:space="preserve">                &lt;div class="col-3"&gt;</w:t>
            </w:r>
          </w:p>
          <w:p w:rsidR="00CE304B" w:rsidRDefault="00CE304B" w:rsidP="00CE304B">
            <w:r>
              <w:t xml:space="preserve">                    &lt;input type="date" id="start" name="trip-start"</w:t>
            </w:r>
          </w:p>
          <w:p w:rsidR="00CE304B" w:rsidRDefault="00CE304B" w:rsidP="00CE304B">
            <w:r>
              <w:t xml:space="preserve">                       value="1950-12-25"</w:t>
            </w:r>
          </w:p>
          <w:p w:rsidR="00CE304B" w:rsidRDefault="00CE304B" w:rsidP="00CE304B">
            <w:r>
              <w:t xml:space="preserve">                       min="1922-01-01" max="2004-12-31"&gt;</w:t>
            </w:r>
          </w:p>
          <w:p w:rsidR="00CE304B" w:rsidRDefault="00CE304B" w:rsidP="00CE304B">
            <w:r>
              <w:t xml:space="preserve">                &lt;/div&gt;</w:t>
            </w:r>
          </w:p>
          <w:p w:rsidR="00CE304B" w:rsidRDefault="00CE304B" w:rsidP="00CE304B">
            <w:r>
              <w:t xml:space="preserve">            &lt;/div&gt;</w:t>
            </w:r>
          </w:p>
          <w:p w:rsidR="00CE304B" w:rsidRDefault="00CE304B" w:rsidP="00CE304B">
            <w:r>
              <w:t xml:space="preserve">            &lt;br&gt;</w:t>
            </w:r>
          </w:p>
          <w:p w:rsidR="00CE304B" w:rsidRDefault="00CE304B" w:rsidP="00CE304B">
            <w:r>
              <w:lastRenderedPageBreak/>
              <w:t xml:space="preserve">            </w:t>
            </w:r>
          </w:p>
          <w:p w:rsidR="00CE304B" w:rsidRDefault="00CE304B" w:rsidP="00CE304B"/>
          <w:p w:rsidR="00CE304B" w:rsidRDefault="00CE304B" w:rsidP="00CE304B"/>
          <w:p w:rsidR="00CE304B" w:rsidRDefault="00CE304B" w:rsidP="00CE304B">
            <w:r>
              <w:t xml:space="preserve">           &lt;!--&lt;div class="text-end mt-3"&gt;</w:t>
            </w:r>
          </w:p>
          <w:p w:rsidR="00CE304B" w:rsidRDefault="00CE304B" w:rsidP="00CE304B">
            <w:r>
              <w:t xml:space="preserve">                    &lt;div class="collapse" id="processSpan"&gt;</w:t>
            </w:r>
          </w:p>
          <w:p w:rsidR="00CE304B" w:rsidRDefault="00CE304B" w:rsidP="00CE304B">
            <w:r>
              <w:t xml:space="preserve">                        &lt;div class="spinner-border text-primary" role="status"&gt;</w:t>
            </w:r>
          </w:p>
          <w:p w:rsidR="00CE304B" w:rsidRDefault="00CE304B" w:rsidP="00CE304B">
            <w:r>
              <w:t xml:space="preserve">                          &lt;span class="visually-hidden"&gt;Loading...&lt;/span&gt;</w:t>
            </w:r>
          </w:p>
          <w:p w:rsidR="00CE304B" w:rsidRDefault="00CE304B" w:rsidP="00CE304B">
            <w:r>
              <w:t xml:space="preserve">                        &lt;/div&gt; Processing please wait..</w:t>
            </w:r>
          </w:p>
          <w:p w:rsidR="00CE304B" w:rsidRDefault="00CE304B" w:rsidP="00CE304B">
            <w:r>
              <w:t xml:space="preserve">                    &lt;/div&gt;</w:t>
            </w:r>
          </w:p>
          <w:p w:rsidR="00CE304B" w:rsidRDefault="00CE304B" w:rsidP="00CE304B">
            <w:r>
              <w:t xml:space="preserve">                    &lt;span id="log_result"&gt;&lt;/span&gt;</w:t>
            </w:r>
          </w:p>
          <w:p w:rsidR="00CE304B" w:rsidRDefault="00CE304B" w:rsidP="00CE304B">
            <w:r>
              <w:t xml:space="preserve">                    &lt;div id="submitBtnsBox" style="text-align: right;"&gt;</w:t>
            </w:r>
          </w:p>
          <w:p w:rsidR="00CE304B" w:rsidRDefault="00CE304B" w:rsidP="00CE304B">
            <w:r>
              <w:t xml:space="preserve">                        &lt;button name="submit" type="submit" class="btn btn-success" &gt;&lt;i class="fas fa-2x fa-pen-to-square"&gt;&lt;/i&gt; SUBMIT&lt;/button&gt;  </w:t>
            </w:r>
          </w:p>
          <w:p w:rsidR="00CE304B" w:rsidRDefault="00CE304B" w:rsidP="00CE304B">
            <w:r>
              <w:t xml:space="preserve">                        </w:t>
            </w:r>
          </w:p>
          <w:p w:rsidR="00CE304B" w:rsidRDefault="00CE304B" w:rsidP="00CE304B">
            <w:r>
              <w:t xml:space="preserve">                    &lt;/div&gt;</w:t>
            </w:r>
          </w:p>
          <w:p w:rsidR="00CE304B" w:rsidRDefault="00CE304B" w:rsidP="00CE304B">
            <w:r>
              <w:t xml:space="preserve">                &lt;/div&gt;--&gt;</w:t>
            </w:r>
          </w:p>
          <w:p w:rsidR="00CE304B" w:rsidRDefault="00CE304B" w:rsidP="00CE304B"/>
          <w:p w:rsidR="00CE304B" w:rsidRDefault="00CE304B" w:rsidP="00CE304B">
            <w:r>
              <w:t xml:space="preserve">        &lt;/form&gt;</w:t>
            </w:r>
          </w:p>
          <w:p w:rsidR="00CE304B" w:rsidRDefault="00CE304B" w:rsidP="00CE304B">
            <w:r>
              <w:t xml:space="preserve">                                          </w:t>
            </w:r>
          </w:p>
          <w:p w:rsidR="00CE304B" w:rsidRDefault="00CE304B" w:rsidP="00CE304B">
            <w:r>
              <w:t xml:space="preserve">                                        &lt;!---&lt;div class="card"&gt;</w:t>
            </w:r>
          </w:p>
          <w:p w:rsidR="00CE304B" w:rsidRDefault="00CE304B" w:rsidP="00CE304B">
            <w:r>
              <w:t xml:space="preserve">                                            </w:t>
            </w:r>
          </w:p>
          <w:p w:rsidR="00CE304B" w:rsidRDefault="00CE304B" w:rsidP="00CE304B">
            <w:r>
              <w:t xml:space="preserve">                                                                                          </w:t>
            </w:r>
          </w:p>
          <w:p w:rsidR="00CE304B" w:rsidRDefault="00CE304B" w:rsidP="00CE304B">
            <w:r>
              <w:t xml:space="preserve">                                          &lt;!--&lt;div class="card-header" id="heading0_1"&gt;</w:t>
            </w:r>
          </w:p>
          <w:p w:rsidR="00CE304B" w:rsidRDefault="00CE304B" w:rsidP="00CE304B">
            <w:r>
              <w:t xml:space="preserve">                                            &lt;h3 class="mb-0"&gt;</w:t>
            </w:r>
          </w:p>
          <w:p w:rsidR="00CE304B" w:rsidRDefault="00CE304B" w:rsidP="00CE304B">
            <w:r>
              <w:t xml:space="preserve">                                              &lt;button class="btn btn-link" data-toggle="collapse" data-target="#collapse0_1" aria-expanded="false" aria-controls="collapse0_1"&gt;sub-collapse text&lt;/button&gt;</w:t>
            </w:r>
          </w:p>
          <w:p w:rsidR="00CE304B" w:rsidRDefault="00CE304B" w:rsidP="00CE304B">
            <w:r>
              <w:t xml:space="preserve">                                            &lt;/h3&gt;</w:t>
            </w:r>
          </w:p>
          <w:p w:rsidR="00CE304B" w:rsidRDefault="00CE304B" w:rsidP="00CE304B">
            <w:r>
              <w:t xml:space="preserve">                                          &lt;/div&gt; --&gt;</w:t>
            </w:r>
          </w:p>
          <w:p w:rsidR="00CE304B" w:rsidRDefault="00CE304B" w:rsidP="00CE304B">
            <w:r>
              <w:t xml:space="preserve">                                          &lt;!-- remove data-parent here or set to "#collapse0" --&gt;</w:t>
            </w:r>
          </w:p>
          <w:p w:rsidR="00CE304B" w:rsidRDefault="00CE304B" w:rsidP="00CE304B">
            <w:r>
              <w:t xml:space="preserve">                                          &lt;!--&lt;div id="collapse0_1" class="collapse" aria-labelledby="heading0_1"&gt;</w:t>
            </w:r>
          </w:p>
          <w:p w:rsidR="00CE304B" w:rsidRDefault="00CE304B" w:rsidP="00CE304B">
            <w:r>
              <w:t xml:space="preserve">                                            &lt;div class="card-body"&gt;</w:t>
            </w:r>
          </w:p>
          <w:p w:rsidR="00CE304B" w:rsidRDefault="00CE304B" w:rsidP="00CE304B">
            <w:r>
              <w:t xml:space="preserve">                                            &lt;p&gt;text here...&lt;/p&gt;</w:t>
            </w:r>
          </w:p>
          <w:p w:rsidR="00CE304B" w:rsidRDefault="00CE304B" w:rsidP="00CE304B">
            <w:r>
              <w:t xml:space="preserve">                                            &lt;/div&gt;</w:t>
            </w:r>
          </w:p>
          <w:p w:rsidR="00CE304B" w:rsidRDefault="00CE304B" w:rsidP="00CE304B">
            <w:r>
              <w:t xml:space="preserve">                                          &lt;/div&gt;</w:t>
            </w:r>
          </w:p>
          <w:p w:rsidR="00CE304B" w:rsidRDefault="00CE304B" w:rsidP="00CE304B">
            <w:r>
              <w:t xml:space="preserve">                                        &lt;/div&gt; --&gt;</w:t>
            </w:r>
          </w:p>
          <w:p w:rsidR="00CE304B" w:rsidRDefault="00CE304B" w:rsidP="00CE304B">
            <w:r>
              <w:t xml:space="preserve">                                        </w:t>
            </w:r>
          </w:p>
          <w:p w:rsidR="00CE304B" w:rsidRDefault="00CE304B" w:rsidP="00CE304B">
            <w:r>
              <w:t xml:space="preserve">                                      &lt;/div&gt;</w:t>
            </w:r>
          </w:p>
          <w:p w:rsidR="00CE304B" w:rsidRDefault="00CE304B" w:rsidP="00CE304B">
            <w:r>
              <w:t xml:space="preserve">                                    &lt;/div&gt;</w:t>
            </w:r>
          </w:p>
          <w:p w:rsidR="00CE304B" w:rsidRDefault="00CE304B" w:rsidP="00CE304B">
            <w:r>
              <w:t xml:space="preserve">                                  &lt;/div&gt;</w:t>
            </w:r>
          </w:p>
          <w:p w:rsidR="00CE304B" w:rsidRDefault="00CE304B" w:rsidP="00CE304B">
            <w:r>
              <w:t xml:space="preserve">                                &lt;/div&gt;</w:t>
            </w:r>
          </w:p>
          <w:p w:rsidR="00CE304B" w:rsidRDefault="00CE304B" w:rsidP="00CE304B">
            <w:r>
              <w:t xml:space="preserve">                                  </w:t>
            </w:r>
          </w:p>
          <w:p w:rsidR="00CE304B" w:rsidRDefault="00CE304B" w:rsidP="00CE304B">
            <w:r>
              <w:t xml:space="preserve">                                &lt;div class="form-group"&gt;</w:t>
            </w:r>
          </w:p>
          <w:p w:rsidR="00CE304B" w:rsidRDefault="00CE304B" w:rsidP="00CE304B">
            <w:r>
              <w:tab/>
            </w:r>
            <w:r>
              <w:tab/>
            </w:r>
            <w:r>
              <w:tab/>
            </w:r>
            <w:r>
              <w:tab/>
            </w:r>
            <w:r>
              <w:tab/>
            </w:r>
            <w:r>
              <w:tab/>
            </w:r>
            <w:r>
              <w:tab/>
            </w:r>
            <w:r>
              <w:tab/>
            </w:r>
            <w:r>
              <w:tab/>
              <w:t xml:space="preserve">&lt;div class="col-sm-12"&gt; </w:t>
            </w:r>
          </w:p>
          <w:p w:rsidR="00CE304B" w:rsidRDefault="00CE304B" w:rsidP="00CE304B">
            <w:r>
              <w:tab/>
            </w:r>
            <w:r>
              <w:tab/>
            </w:r>
            <w:r>
              <w:tab/>
            </w:r>
            <w:r>
              <w:tab/>
            </w:r>
            <w:r>
              <w:tab/>
            </w:r>
            <w:r>
              <w:tab/>
            </w:r>
            <w:r>
              <w:tab/>
            </w:r>
            <w:r>
              <w:tab/>
            </w:r>
            <w:r>
              <w:tab/>
            </w:r>
            <w:r>
              <w:tab/>
              <w:t>&lt;div id="submitBtnsBox" class="text-end"&gt;</w:t>
            </w:r>
          </w:p>
          <w:p w:rsidR="00CE304B" w:rsidRDefault="00CE304B" w:rsidP="00CE304B">
            <w:r>
              <w:tab/>
            </w:r>
            <w:r>
              <w:tab/>
            </w:r>
            <w:r>
              <w:tab/>
            </w:r>
            <w:r>
              <w:tab/>
            </w:r>
            <w:r>
              <w:tab/>
            </w:r>
            <w:r>
              <w:tab/>
            </w:r>
            <w:r>
              <w:tab/>
            </w:r>
            <w:r>
              <w:tab/>
            </w:r>
            <w:r>
              <w:tab/>
            </w:r>
            <w:r>
              <w:tab/>
            </w:r>
            <w:r>
              <w:tab/>
              <w:t>&lt;button type="submit"  id="btnSubmit1" class="btn btn-success"&gt;Save to your list &lt;/button&gt;</w:t>
            </w:r>
          </w:p>
          <w:p w:rsidR="00CE304B" w:rsidRDefault="00CE304B" w:rsidP="00CE304B">
            <w:r>
              <w:tab/>
            </w:r>
            <w:r>
              <w:tab/>
            </w:r>
            <w:r>
              <w:tab/>
            </w:r>
            <w:r>
              <w:tab/>
            </w:r>
            <w:r>
              <w:tab/>
            </w:r>
            <w:r>
              <w:tab/>
            </w:r>
            <w:r>
              <w:tab/>
            </w:r>
            <w:r>
              <w:tab/>
            </w:r>
            <w:r>
              <w:tab/>
            </w:r>
            <w:r>
              <w:tab/>
              <w:t>&lt;/div&gt;</w:t>
            </w:r>
          </w:p>
          <w:p w:rsidR="00CE304B" w:rsidRDefault="00CE304B" w:rsidP="00CE304B">
            <w:r>
              <w:lastRenderedPageBreak/>
              <w:tab/>
            </w:r>
            <w:r>
              <w:tab/>
            </w:r>
            <w:r>
              <w:tab/>
            </w:r>
            <w:r>
              <w:tab/>
            </w:r>
            <w:r>
              <w:tab/>
            </w:r>
            <w:r>
              <w:tab/>
            </w:r>
            <w:r>
              <w:tab/>
            </w:r>
            <w:r>
              <w:tab/>
            </w:r>
            <w:r>
              <w:tab/>
              <w:t>&lt;/div&gt;</w:t>
            </w:r>
          </w:p>
          <w:p w:rsidR="00CE304B" w:rsidRDefault="00CE304B" w:rsidP="00CE304B">
            <w:r>
              <w:tab/>
            </w:r>
            <w:r>
              <w:tab/>
            </w:r>
            <w:r>
              <w:tab/>
            </w:r>
            <w:r>
              <w:tab/>
            </w:r>
            <w:r>
              <w:tab/>
            </w:r>
            <w:r>
              <w:tab/>
            </w:r>
            <w:r>
              <w:tab/>
            </w:r>
            <w:r>
              <w:tab/>
              <w:t>&lt;/div&gt;</w:t>
            </w:r>
          </w:p>
          <w:p w:rsidR="00CE304B" w:rsidRDefault="00CE304B" w:rsidP="00CE304B">
            <w:r>
              <w:t xml:space="preserve">                                </w:t>
            </w:r>
          </w:p>
          <w:p w:rsidR="00CE304B" w:rsidRDefault="00CE304B" w:rsidP="00CE304B">
            <w:r>
              <w:t xml:space="preserve">                                </w:t>
            </w:r>
          </w:p>
          <w:p w:rsidR="00CE304B" w:rsidRDefault="00CE304B" w:rsidP="00CE304B">
            <w:r>
              <w:t xml:space="preserve">                            &lt;/form&gt;</w:t>
            </w:r>
          </w:p>
          <w:p w:rsidR="00CE304B" w:rsidRDefault="00CE304B" w:rsidP="00CE304B">
            <w:r>
              <w:t xml:space="preserve">                    &lt;/div&gt;</w:t>
            </w:r>
          </w:p>
          <w:p w:rsidR="00CE304B" w:rsidRDefault="00CE304B" w:rsidP="00CE304B"/>
          <w:p w:rsidR="00CE304B" w:rsidRDefault="00CE304B" w:rsidP="00CE304B">
            <w:r>
              <w:t xml:space="preserve">                            &lt;!-- Modal footer --&gt;</w:t>
            </w:r>
          </w:p>
          <w:p w:rsidR="00CE304B" w:rsidRDefault="00CE304B" w:rsidP="00CE304B">
            <w:r>
              <w:t xml:space="preserve">                            &lt;!--&lt;div class="modal-footer text-left"&gt; --&gt;</w:t>
            </w:r>
          </w:p>
          <w:p w:rsidR="00CE304B" w:rsidRDefault="00CE304B" w:rsidP="00CE304B">
            <w:r>
              <w:t xml:space="preserve">                            &lt;div class="text-left"&gt;</w:t>
            </w:r>
          </w:p>
          <w:p w:rsidR="00CE304B" w:rsidRDefault="00CE304B" w:rsidP="00CE304B">
            <w:r>
              <w:t xml:space="preserve">                              &lt;p&gt;</w:t>
            </w:r>
          </w:p>
          <w:p w:rsidR="00CE304B" w:rsidRDefault="00CE304B" w:rsidP="00CE304B">
            <w:r>
              <w:t xml:space="preserve">                              &lt;!--&lt;b&gt;Note:&lt;/b&gt; Please register in case if you haven't registered yet.    --&gt;</w:t>
            </w:r>
          </w:p>
          <w:p w:rsidR="00CE304B" w:rsidRDefault="00CE304B" w:rsidP="00CE304B">
            <w:r>
              <w:t xml:space="preserve">                                  </w:t>
            </w:r>
          </w:p>
          <w:p w:rsidR="00CE304B" w:rsidRDefault="00CE304B" w:rsidP="00CE304B">
            <w:r>
              <w:t xml:space="preserve">                              &lt;/p&gt;</w:t>
            </w:r>
          </w:p>
          <w:p w:rsidR="00CE304B" w:rsidRDefault="00CE304B" w:rsidP="00CE304B">
            <w:r>
              <w:t xml:space="preserve">                              &lt;!--&lt;button type="button" class="btn btn-danger" data-dismiss="modal"&gt;Close&lt;/button&gt;--&gt;</w:t>
            </w:r>
          </w:p>
          <w:p w:rsidR="00CE304B" w:rsidRDefault="00CE304B" w:rsidP="00CE304B">
            <w:r>
              <w:t xml:space="preserve">                            &lt;/div&gt;</w:t>
            </w:r>
          </w:p>
          <w:p w:rsidR="00CE304B" w:rsidRDefault="00CE304B" w:rsidP="00CE304B">
            <w:r>
              <w:t xml:space="preserve">                            &lt;div class="modal-footer"&gt;</w:t>
            </w:r>
          </w:p>
          <w:p w:rsidR="00CE304B" w:rsidRDefault="00CE304B" w:rsidP="00CE304B">
            <w:r>
              <w:t xml:space="preserve">    </w:t>
            </w:r>
            <w:r>
              <w:tab/>
            </w:r>
            <w:r>
              <w:tab/>
            </w:r>
            <w:r>
              <w:tab/>
            </w:r>
            <w:r>
              <w:tab/>
            </w:r>
            <w:r>
              <w:tab/>
            </w:r>
            <w:r>
              <w:tab/>
              <w:t xml:space="preserve">    </w:t>
            </w:r>
          </w:p>
          <w:p w:rsidR="00CE304B" w:rsidRDefault="00CE304B" w:rsidP="00CE304B">
            <w:r>
              <w:t xml:space="preserve">    </w:t>
            </w:r>
            <w:r>
              <w:tab/>
            </w:r>
            <w:r>
              <w:tab/>
            </w:r>
            <w:r>
              <w:tab/>
            </w:r>
            <w:r>
              <w:tab/>
            </w:r>
            <w:r>
              <w:tab/>
            </w:r>
            <w:r>
              <w:tab/>
              <w:t xml:space="preserve">  </w:t>
            </w:r>
          </w:p>
          <w:p w:rsidR="00CE304B" w:rsidRDefault="00CE304B" w:rsidP="00CE304B">
            <w:r>
              <w:t xml:space="preserve">    </w:t>
            </w:r>
            <w:r>
              <w:tab/>
            </w:r>
            <w:r>
              <w:tab/>
            </w:r>
            <w:r>
              <w:tab/>
            </w:r>
            <w:r>
              <w:tab/>
            </w:r>
            <w:r>
              <w:tab/>
            </w:r>
            <w:r>
              <w:tab/>
              <w:t>&lt;/div&gt;</w:t>
            </w:r>
          </w:p>
          <w:p w:rsidR="00CE304B" w:rsidRDefault="00CE304B" w:rsidP="00CE304B">
            <w:r>
              <w:t xml:space="preserve">              &lt;/div&gt;</w:t>
            </w:r>
          </w:p>
          <w:p w:rsidR="00CE304B" w:rsidRDefault="00CE304B" w:rsidP="00CE304B">
            <w:r>
              <w:t xml:space="preserve">        &lt;/div&gt;</w:t>
            </w:r>
            <w:r>
              <w:tab/>
            </w:r>
            <w:r>
              <w:tab/>
            </w:r>
          </w:p>
          <w:p w:rsidR="00CE304B" w:rsidRDefault="00CE304B" w:rsidP="00CE304B">
            <w:r>
              <w:tab/>
            </w:r>
            <w:r>
              <w:tab/>
              <w:t>&lt;/div&gt;</w:t>
            </w:r>
          </w:p>
          <w:p w:rsidR="00CE304B" w:rsidRDefault="00CE304B" w:rsidP="00CE304B">
            <w:r>
              <w:tab/>
              <w:t>&lt;/div&gt;</w:t>
            </w:r>
          </w:p>
          <w:p w:rsidR="00CE304B" w:rsidRDefault="00CE304B" w:rsidP="00CE304B">
            <w:r>
              <w:tab/>
            </w:r>
          </w:p>
          <w:p w:rsidR="00CE304B" w:rsidRDefault="00CE304B" w:rsidP="00CE304B">
            <w:r>
              <w:tab/>
            </w:r>
          </w:p>
          <w:p w:rsidR="00CE304B" w:rsidRDefault="00CE304B" w:rsidP="00CE304B">
            <w:r>
              <w:tab/>
            </w:r>
          </w:p>
          <w:p w:rsidR="00CE304B" w:rsidRDefault="00CE304B" w:rsidP="00CE304B"/>
          <w:p w:rsidR="00CE304B" w:rsidRDefault="00CE304B" w:rsidP="00CE304B">
            <w:r>
              <w:t xml:space="preserve">       </w:t>
            </w:r>
          </w:p>
          <w:p w:rsidR="00CE304B" w:rsidRDefault="00CE304B" w:rsidP="00CE304B"/>
          <w:p w:rsidR="00CE304B" w:rsidRDefault="00CE304B" w:rsidP="00CE304B"/>
          <w:p w:rsidR="00CE304B" w:rsidRDefault="00CE304B" w:rsidP="00CE304B"/>
          <w:p w:rsidR="00CE304B" w:rsidRDefault="00CE304B" w:rsidP="00CE304B"/>
          <w:p w:rsidR="00CE304B" w:rsidRDefault="00CE304B" w:rsidP="00CE304B">
            <w:r>
              <w:t xml:space="preserve">    &lt;/div&gt;</w:t>
            </w:r>
          </w:p>
          <w:p w:rsidR="00CE304B" w:rsidRDefault="00CE304B" w:rsidP="00CE304B">
            <w:r>
              <w:t>&lt;/div&gt;</w:t>
            </w:r>
          </w:p>
          <w:p w:rsidR="00CE304B" w:rsidRDefault="00CE304B" w:rsidP="00CE304B"/>
          <w:p w:rsidR="00CE304B" w:rsidRDefault="00CE304B" w:rsidP="00CE304B">
            <w:r>
              <w:t>&lt;!--------------------floating widgets starts------------------&gt;</w:t>
            </w:r>
          </w:p>
          <w:p w:rsidR="00CE304B" w:rsidRDefault="00CE304B" w:rsidP="00CE304B">
            <w:r>
              <w:t>&lt;!--&lt;div class="floating-widget"&gt;</w:t>
            </w:r>
          </w:p>
          <w:p w:rsidR="00CE304B" w:rsidRDefault="00CE304B" w:rsidP="00CE304B">
            <w:r>
              <w:t xml:space="preserve">    &lt;a class="float-item all-service d-xl-none d-lg-none d-md-none d-sm-block"&gt;</w:t>
            </w:r>
          </w:p>
          <w:p w:rsidR="00CE304B" w:rsidRDefault="00CE304B" w:rsidP="00CE304B">
            <w:r>
              <w:t xml:space="preserve">        &lt;img src="img/icon/ssp.png" class="icon"/&gt;</w:t>
            </w:r>
          </w:p>
          <w:p w:rsidR="00CE304B" w:rsidRDefault="00CE304B" w:rsidP="00CE304B">
            <w:r>
              <w:t xml:space="preserve">    &lt;/a&gt;</w:t>
            </w:r>
          </w:p>
          <w:p w:rsidR="00CE304B" w:rsidRDefault="00CE304B" w:rsidP="00CE304B">
            <w:r>
              <w:t xml:space="preserve">    &lt;ul&gt;</w:t>
            </w:r>
          </w:p>
          <w:p w:rsidR="00CE304B" w:rsidRDefault="00CE304B" w:rsidP="00CE304B">
            <w:r>
              <w:t xml:space="preserve">   </w:t>
            </w:r>
          </w:p>
          <w:p w:rsidR="00CE304B" w:rsidRDefault="00CE304B" w:rsidP="00CE304B">
            <w:r>
              <w:t xml:space="preserve">                    &lt;li&gt;</w:t>
            </w:r>
          </w:p>
          <w:p w:rsidR="00CE304B" w:rsidRDefault="00CE304B" w:rsidP="00CE304B">
            <w:r>
              <w:t xml:space="preserve">                &lt;a href="https://srepfinder.com/" target="_blank" class="float-item" title="Find Senior Real Estate Professionals specializing in the real estate of seniors"</w:t>
            </w:r>
          </w:p>
          <w:p w:rsidR="00CE304B" w:rsidRDefault="00CE304B" w:rsidP="00CE304B">
            <w:r>
              <w:t xml:space="preserve">                   data-toggle="tooltip" data-placement="right" data-delay="500"&gt;</w:t>
            </w:r>
          </w:p>
          <w:p w:rsidR="00CE304B" w:rsidRDefault="00CE304B" w:rsidP="00CE304B">
            <w:r>
              <w:lastRenderedPageBreak/>
              <w:t xml:space="preserve">                    &lt;img class="rounded-circle icon" src="img/icon/srep.png"/&gt;</w:t>
            </w:r>
          </w:p>
          <w:p w:rsidR="00CE304B" w:rsidRDefault="00CE304B" w:rsidP="00CE304B">
            <w:r>
              <w:t xml:space="preserve">                    &lt;img class="full-logo" src="img/finder/text/srep.png"/&gt;</w:t>
            </w:r>
          </w:p>
          <w:p w:rsidR="00CE304B" w:rsidRDefault="00CE304B" w:rsidP="00CE304B">
            <w:r>
              <w:t xml:space="preserve">                &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https://espmfinder.com/" target="_blank" class="float-item" title="Find Professionals Serving Seniors with their Estate Sales, Packing and Moving"</w:t>
            </w:r>
          </w:p>
          <w:p w:rsidR="00CE304B" w:rsidRDefault="00CE304B" w:rsidP="00CE304B">
            <w:r>
              <w:t xml:space="preserve">                   data-toggle="tooltip" data-placement="right" data-delay="500"&gt;</w:t>
            </w:r>
          </w:p>
          <w:p w:rsidR="00CE304B" w:rsidRDefault="00CE304B" w:rsidP="00CE304B">
            <w:r>
              <w:t xml:space="preserve">                    &lt;img class="rounded-circle icon" src="img/icon/espm.png"/&gt;</w:t>
            </w:r>
          </w:p>
          <w:p w:rsidR="00CE304B" w:rsidRDefault="00CE304B" w:rsidP="00CE304B">
            <w:r>
              <w:t xml:space="preserve">                    &lt;img class="full-logo" src="img/finder/text/espm.png"/&gt;</w:t>
            </w:r>
          </w:p>
          <w:p w:rsidR="00CE304B" w:rsidRDefault="00CE304B" w:rsidP="00CE304B">
            <w:r>
              <w:t xml:space="preserve">                &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https://elderlawlawyerfinder.com/" target="_blank" class="float-item" title="Find Attorneys specializing in the legal needs of seniors"</w:t>
            </w:r>
          </w:p>
          <w:p w:rsidR="00CE304B" w:rsidRDefault="00CE304B" w:rsidP="00CE304B">
            <w:r>
              <w:t xml:space="preserve">                   data-toggle="tooltip" data-placement="right" data-delay="500"&gt;</w:t>
            </w:r>
          </w:p>
          <w:p w:rsidR="00CE304B" w:rsidRDefault="00CE304B" w:rsidP="00CE304B">
            <w:r>
              <w:t xml:space="preserve">                    &lt;img class="rounded-circle icon" src="img/icon/el.png"/&gt;</w:t>
            </w:r>
          </w:p>
          <w:p w:rsidR="00CE304B" w:rsidRDefault="00CE304B" w:rsidP="00CE304B">
            <w:r>
              <w:t xml:space="preserve">                    &lt;img class="full-logo" src="img/finder/text/el.png"/&gt;</w:t>
            </w:r>
          </w:p>
          <w:p w:rsidR="00CE304B" w:rsidRDefault="00CE304B" w:rsidP="00CE304B">
            <w:r>
              <w:t xml:space="preserve">                &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https://eiflfinder.com/" target="_blank" class="float-item" title="Find Professionals specializing in Investment, Finance and Loans for Seniors"</w:t>
            </w:r>
          </w:p>
          <w:p w:rsidR="00CE304B" w:rsidRDefault="00CE304B" w:rsidP="00CE304B">
            <w:r>
              <w:t xml:space="preserve">                   data-toggle="tooltip" data-placement="right" data-delay="500"&gt;</w:t>
            </w:r>
          </w:p>
          <w:p w:rsidR="00CE304B" w:rsidRDefault="00CE304B" w:rsidP="00CE304B">
            <w:r>
              <w:t xml:space="preserve">                    &lt;img class="rounded-circle icon" src="img/icon/eifl.png"/&gt;</w:t>
            </w:r>
          </w:p>
          <w:p w:rsidR="00CE304B" w:rsidRDefault="00CE304B" w:rsidP="00CE304B">
            <w:r>
              <w:t xml:space="preserve">                    &lt;img class="full-logo" src="img/finder/text/eifl.png"/&gt;</w:t>
            </w:r>
          </w:p>
          <w:p w:rsidR="00CE304B" w:rsidRDefault="00CE304B" w:rsidP="00CE304B">
            <w:r>
              <w:t xml:space="preserve">                &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https://vabenefitsfinder.com/" target="_blank" class="float-item" title="Find Specialists who guarantee Seniors the Veteran’s Benefits they deserve"</w:t>
            </w:r>
          </w:p>
          <w:p w:rsidR="00CE304B" w:rsidRDefault="00CE304B" w:rsidP="00CE304B">
            <w:r>
              <w:t xml:space="preserve">                   data-toggle="tooltip" data-placement="right" data-delay="500"&gt;</w:t>
            </w:r>
          </w:p>
          <w:p w:rsidR="00CE304B" w:rsidRDefault="00CE304B" w:rsidP="00CE304B">
            <w:r>
              <w:t xml:space="preserve">                    &lt;img class="rounded-circle icon" src="img/icon/vab.png"/&gt;</w:t>
            </w:r>
          </w:p>
          <w:p w:rsidR="00CE304B" w:rsidRDefault="00CE304B" w:rsidP="00CE304B">
            <w:r>
              <w:t xml:space="preserve">                    &lt;img class="full-logo" src="img/finder/text/vab.png"/&gt;</w:t>
            </w:r>
          </w:p>
          <w:p w:rsidR="00CE304B" w:rsidRDefault="00CE304B" w:rsidP="00CE304B">
            <w:r>
              <w:t xml:space="preserve">                &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https://insureseniorsfinder.com/" target="_blank" class="float-item" title="Find Professionals who Insure Seniors for life, health, property and peace of mind"</w:t>
            </w:r>
          </w:p>
          <w:p w:rsidR="00CE304B" w:rsidRDefault="00CE304B" w:rsidP="00CE304B">
            <w:r>
              <w:t xml:space="preserve">                   data-toggle="tooltip" data-placement="right" data-delay="500"&gt;</w:t>
            </w:r>
          </w:p>
          <w:p w:rsidR="00CE304B" w:rsidRDefault="00CE304B" w:rsidP="00CE304B">
            <w:r>
              <w:t xml:space="preserve">                    &lt;img class="rounded-circle icon" src="img/icon/is.png"/&gt;</w:t>
            </w:r>
          </w:p>
          <w:p w:rsidR="00CE304B" w:rsidRDefault="00CE304B" w:rsidP="00CE304B">
            <w:r>
              <w:t xml:space="preserve">                    &lt;img class="full-logo" src="img/finder/text/is.png"/&gt;</w:t>
            </w:r>
          </w:p>
          <w:p w:rsidR="00CE304B" w:rsidRDefault="00CE304B" w:rsidP="00CE304B">
            <w:r>
              <w:t xml:space="preserve">                &lt;/a&gt;</w:t>
            </w:r>
          </w:p>
          <w:p w:rsidR="00CE304B" w:rsidRDefault="00CE304B" w:rsidP="00CE304B">
            <w:r>
              <w:t xml:space="preserve">            &lt;/li&gt;</w:t>
            </w:r>
          </w:p>
          <w:p w:rsidR="00CE304B" w:rsidRDefault="00CE304B" w:rsidP="00CE304B">
            <w:r>
              <w:t xml:space="preserve">            &lt;/ul&gt;</w:t>
            </w:r>
          </w:p>
          <w:p w:rsidR="00CE304B" w:rsidRDefault="00CE304B" w:rsidP="00CE304B">
            <w:r>
              <w:t>&lt;/div&gt; --&gt;</w:t>
            </w:r>
          </w:p>
          <w:p w:rsidR="00CE304B" w:rsidRDefault="00CE304B" w:rsidP="00CE304B"/>
          <w:p w:rsidR="00CE304B" w:rsidRDefault="00CE304B" w:rsidP="00CE304B">
            <w:r>
              <w:t>&lt;script type="text/javascript"&gt;</w:t>
            </w:r>
          </w:p>
          <w:p w:rsidR="00CE304B" w:rsidRDefault="00CE304B" w:rsidP="00CE304B">
            <w:r>
              <w:lastRenderedPageBreak/>
              <w:t xml:space="preserve">    var isMobile = /iPhone|Android/i.test(navigator.userAgent);</w:t>
            </w:r>
          </w:p>
          <w:p w:rsidR="00CE304B" w:rsidRDefault="00CE304B" w:rsidP="00CE304B">
            <w:r>
              <w:t xml:space="preserve">    $(document).ready(function () {</w:t>
            </w:r>
          </w:p>
          <w:p w:rsidR="00CE304B" w:rsidRDefault="00CE304B" w:rsidP="00CE304B">
            <w:r>
              <w:t xml:space="preserve">        // jQuery reverse</w:t>
            </w:r>
          </w:p>
          <w:p w:rsidR="00CE304B" w:rsidRDefault="00CE304B" w:rsidP="00CE304B">
            <w:r>
              <w:t xml:space="preserve">        $.fn.reverse = [].reverse;</w:t>
            </w:r>
          </w:p>
          <w:p w:rsidR="00CE304B" w:rsidRDefault="00CE304B" w:rsidP="00CE304B">
            <w:r>
              <w:t xml:space="preserve">        $(".floating-widget ul li").hover(function () {</w:t>
            </w:r>
          </w:p>
          <w:p w:rsidR="00CE304B" w:rsidRDefault="00CE304B" w:rsidP="00CE304B">
            <w:r>
              <w:t xml:space="preserve">            $(this).toggleClass("active");</w:t>
            </w:r>
          </w:p>
          <w:p w:rsidR="00CE304B" w:rsidRDefault="00CE304B" w:rsidP="00CE304B">
            <w:r>
              <w:t xml:space="preserve">        });</w:t>
            </w:r>
          </w:p>
          <w:p w:rsidR="00CE304B" w:rsidRDefault="00CE304B" w:rsidP="00CE304B">
            <w:r>
              <w:t xml:space="preserve">        if (isMobile) {</w:t>
            </w:r>
          </w:p>
          <w:p w:rsidR="00CE304B" w:rsidRDefault="00CE304B" w:rsidP="00CE304B">
            <w:r>
              <w:t xml:space="preserve">            // Toggle-on-click behaviour.</w:t>
            </w:r>
          </w:p>
          <w:p w:rsidR="00CE304B" w:rsidRDefault="00CE304B" w:rsidP="00CE304B">
            <w:r>
              <w:t xml:space="preserve">            $(document).on('click.floatingWidget', '.floating-widget &gt; a', function (e) {</w:t>
            </w:r>
          </w:p>
          <w:p w:rsidR="00CE304B" w:rsidRDefault="00CE304B" w:rsidP="00CE304B">
            <w:r>
              <w:t xml:space="preserve">                var $this = $(this);</w:t>
            </w:r>
          </w:p>
          <w:p w:rsidR="00CE304B" w:rsidRDefault="00CE304B" w:rsidP="00CE304B">
            <w:r>
              <w:t xml:space="preserve">                var $menu = $this.parent();</w:t>
            </w:r>
          </w:p>
          <w:p w:rsidR="00CE304B" w:rsidRDefault="00CE304B" w:rsidP="00CE304B">
            <w:r>
              <w:t xml:space="preserve">                if ($menu.hasClass('open')) {</w:t>
            </w:r>
          </w:p>
          <w:p w:rsidR="00CE304B" w:rsidRDefault="00CE304B" w:rsidP="00CE304B">
            <w:r>
              <w:t xml:space="preserve">                    closeFABMenu($menu);</w:t>
            </w:r>
          </w:p>
          <w:p w:rsidR="00CE304B" w:rsidRDefault="00CE304B" w:rsidP="00CE304B">
            <w:r>
              <w:t xml:space="preserve">                } else {</w:t>
            </w:r>
          </w:p>
          <w:p w:rsidR="00CE304B" w:rsidRDefault="00CE304B" w:rsidP="00CE304B">
            <w:r>
              <w:t xml:space="preserve">                    openFABMenu($menu);</w:t>
            </w:r>
          </w:p>
          <w:p w:rsidR="00CE304B" w:rsidRDefault="00CE304B" w:rsidP="00CE304B">
            <w:r>
              <w:t xml:space="preserve">                }</w:t>
            </w:r>
          </w:p>
          <w:p w:rsidR="00CE304B" w:rsidRDefault="00CE304B" w:rsidP="00CE304B">
            <w:r>
              <w:t xml:space="preserve">            });</w:t>
            </w:r>
          </w:p>
          <w:p w:rsidR="00CE304B" w:rsidRDefault="00CE304B" w:rsidP="00CE304B">
            <w:r>
              <w:t xml:space="preserve">        } else {</w:t>
            </w:r>
          </w:p>
          <w:p w:rsidR="00CE304B" w:rsidRDefault="00CE304B" w:rsidP="00CE304B">
            <w:r>
              <w:t xml:space="preserve">            var $menu = $(".floating-widget");</w:t>
            </w:r>
          </w:p>
          <w:p w:rsidR="00CE304B" w:rsidRDefault="00CE304B" w:rsidP="00CE304B">
            <w:r>
              <w:t xml:space="preserve">            openFABMenu($menu);</w:t>
            </w:r>
          </w:p>
          <w:p w:rsidR="00CE304B" w:rsidRDefault="00CE304B" w:rsidP="00CE304B">
            <w:r>
              <w:t xml:space="preserve">        }</w:t>
            </w:r>
          </w:p>
          <w:p w:rsidR="00CE304B" w:rsidRDefault="00CE304B" w:rsidP="00CE304B">
            <w:r>
              <w:t xml:space="preserve">    });</w:t>
            </w:r>
          </w:p>
          <w:p w:rsidR="00CE304B" w:rsidRDefault="00CE304B" w:rsidP="00CE304B"/>
          <w:p w:rsidR="00CE304B" w:rsidRDefault="00CE304B" w:rsidP="00CE304B">
            <w:r>
              <w:t xml:space="preserve">    $.fn.extend({</w:t>
            </w:r>
          </w:p>
          <w:p w:rsidR="00CE304B" w:rsidRDefault="00CE304B" w:rsidP="00CE304B">
            <w:r>
              <w:t xml:space="preserve">        openFAB: function () {</w:t>
            </w:r>
          </w:p>
          <w:p w:rsidR="00CE304B" w:rsidRDefault="00CE304B" w:rsidP="00CE304B">
            <w:r>
              <w:t xml:space="preserve">            openFABMenu($(this));</w:t>
            </w:r>
          </w:p>
          <w:p w:rsidR="00CE304B" w:rsidRDefault="00CE304B" w:rsidP="00CE304B">
            <w:r>
              <w:t xml:space="preserve">        },</w:t>
            </w:r>
          </w:p>
          <w:p w:rsidR="00CE304B" w:rsidRDefault="00CE304B" w:rsidP="00CE304B">
            <w:r>
              <w:t xml:space="preserve">        closeFAB: function () {</w:t>
            </w:r>
          </w:p>
          <w:p w:rsidR="00CE304B" w:rsidRDefault="00CE304B" w:rsidP="00CE304B">
            <w:r>
              <w:t xml:space="preserve">            closeFABMenu($(this));</w:t>
            </w:r>
          </w:p>
          <w:p w:rsidR="00CE304B" w:rsidRDefault="00CE304B" w:rsidP="00CE304B">
            <w:r>
              <w:t xml:space="preserve">        }</w:t>
            </w:r>
          </w:p>
          <w:p w:rsidR="00CE304B" w:rsidRDefault="00CE304B" w:rsidP="00CE304B">
            <w:r>
              <w:t xml:space="preserve">    });</w:t>
            </w:r>
          </w:p>
          <w:p w:rsidR="00CE304B" w:rsidRDefault="00CE304B" w:rsidP="00CE304B"/>
          <w:p w:rsidR="00CE304B" w:rsidRDefault="00CE304B" w:rsidP="00CE304B">
            <w:r>
              <w:t xml:space="preserve">    var openFABMenu = function (btn) {</w:t>
            </w:r>
          </w:p>
          <w:p w:rsidR="00CE304B" w:rsidRDefault="00CE304B" w:rsidP="00CE304B">
            <w:r>
              <w:t xml:space="preserve">        $this = btn;</w:t>
            </w:r>
          </w:p>
          <w:p w:rsidR="00CE304B" w:rsidRDefault="00CE304B" w:rsidP="00CE304B">
            <w:r>
              <w:t xml:space="preserve">        if ($this.hasClass('open') === false) {</w:t>
            </w:r>
          </w:p>
          <w:p w:rsidR="00CE304B" w:rsidRDefault="00CE304B" w:rsidP="00CE304B"/>
          <w:p w:rsidR="00CE304B" w:rsidRDefault="00CE304B" w:rsidP="00CE304B">
            <w:r>
              <w:t xml:space="preserve">            // Get direction option</w:t>
            </w:r>
          </w:p>
          <w:p w:rsidR="00CE304B" w:rsidRDefault="00CE304B" w:rsidP="00CE304B">
            <w:r>
              <w:t xml:space="preserve">            var horizontal = $this.hasClass('horizontal');</w:t>
            </w:r>
          </w:p>
          <w:p w:rsidR="00CE304B" w:rsidRDefault="00CE304B" w:rsidP="00CE304B">
            <w:r>
              <w:t xml:space="preserve">            var offsetY, offsetX;</w:t>
            </w:r>
          </w:p>
          <w:p w:rsidR="00CE304B" w:rsidRDefault="00CE304B" w:rsidP="00CE304B"/>
          <w:p w:rsidR="00CE304B" w:rsidRDefault="00CE304B" w:rsidP="00CE304B">
            <w:r>
              <w:t xml:space="preserve">            if (horizontal === true) {</w:t>
            </w:r>
          </w:p>
          <w:p w:rsidR="00CE304B" w:rsidRDefault="00CE304B" w:rsidP="00CE304B">
            <w:r>
              <w:t xml:space="preserve">                offsetX = 40;</w:t>
            </w:r>
          </w:p>
          <w:p w:rsidR="00CE304B" w:rsidRDefault="00CE304B" w:rsidP="00CE304B">
            <w:r>
              <w:t xml:space="preserve">            } else {</w:t>
            </w:r>
          </w:p>
          <w:p w:rsidR="00CE304B" w:rsidRDefault="00CE304B" w:rsidP="00CE304B">
            <w:r>
              <w:t xml:space="preserve">                offsetY = 40;</w:t>
            </w:r>
          </w:p>
          <w:p w:rsidR="00CE304B" w:rsidRDefault="00CE304B" w:rsidP="00CE304B">
            <w:r>
              <w:t xml:space="preserve">            }</w:t>
            </w:r>
          </w:p>
          <w:p w:rsidR="00CE304B" w:rsidRDefault="00CE304B" w:rsidP="00CE304B"/>
          <w:p w:rsidR="00CE304B" w:rsidRDefault="00CE304B" w:rsidP="00CE304B">
            <w:r>
              <w:t xml:space="preserve">            $this.addClass('open');</w:t>
            </w:r>
          </w:p>
          <w:p w:rsidR="00CE304B" w:rsidRDefault="00CE304B" w:rsidP="00CE304B">
            <w:r>
              <w:lastRenderedPageBreak/>
              <w:t xml:space="preserve">            $this.find('ul .float-item').velocity(</w:t>
            </w:r>
          </w:p>
          <w:p w:rsidR="00CE304B" w:rsidRDefault="00CE304B" w:rsidP="00CE304B">
            <w:r>
              <w:t xml:space="preserve">                {scaleY: ".4", scaleX: ".4", translateY: offsetY + 'px', translateX: offsetX + 'px'},</w:t>
            </w:r>
          </w:p>
          <w:p w:rsidR="00CE304B" w:rsidRDefault="00CE304B" w:rsidP="00CE304B">
            <w:r>
              <w:t xml:space="preserve">                {duration: 0});</w:t>
            </w:r>
          </w:p>
          <w:p w:rsidR="00CE304B" w:rsidRDefault="00CE304B" w:rsidP="00CE304B"/>
          <w:p w:rsidR="00CE304B" w:rsidRDefault="00CE304B" w:rsidP="00CE304B">
            <w:r>
              <w:t xml:space="preserve">            var time = 0;</w:t>
            </w:r>
          </w:p>
          <w:p w:rsidR="00CE304B" w:rsidRDefault="00CE304B" w:rsidP="00CE304B">
            <w:r>
              <w:t xml:space="preserve">            $this.find('ul .float-item').reverse().each(function () {</w:t>
            </w:r>
          </w:p>
          <w:p w:rsidR="00CE304B" w:rsidRDefault="00CE304B" w:rsidP="00CE304B">
            <w:r>
              <w:t xml:space="preserve">                $(this).velocity(</w:t>
            </w:r>
          </w:p>
          <w:p w:rsidR="00CE304B" w:rsidRDefault="00CE304B" w:rsidP="00CE304B">
            <w:r>
              <w:t xml:space="preserve">                    {opacity: "1", scaleX: "1", scaleY: "1", translateY: "0", translateX: '0'},</w:t>
            </w:r>
          </w:p>
          <w:p w:rsidR="00CE304B" w:rsidRDefault="00CE304B" w:rsidP="00CE304B">
            <w:r>
              <w:t xml:space="preserve">                    {duration: 80, delay: time});</w:t>
            </w:r>
          </w:p>
          <w:p w:rsidR="00CE304B" w:rsidRDefault="00CE304B" w:rsidP="00CE304B">
            <w:r>
              <w:t xml:space="preserve">                time += 40;</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p w:rsidR="00CE304B" w:rsidRDefault="00CE304B" w:rsidP="00CE304B">
            <w:r>
              <w:t xml:space="preserve">    var closeFABMenu = function (btn) {</w:t>
            </w:r>
          </w:p>
          <w:p w:rsidR="00CE304B" w:rsidRDefault="00CE304B" w:rsidP="00CE304B">
            <w:r>
              <w:t xml:space="preserve">        $this = btn;</w:t>
            </w:r>
          </w:p>
          <w:p w:rsidR="00CE304B" w:rsidRDefault="00CE304B" w:rsidP="00CE304B">
            <w:r>
              <w:t xml:space="preserve">        // Get direction option</w:t>
            </w:r>
          </w:p>
          <w:p w:rsidR="00CE304B" w:rsidRDefault="00CE304B" w:rsidP="00CE304B">
            <w:r>
              <w:t xml:space="preserve">        var horizontal = $this.hasClass('horizontal');</w:t>
            </w:r>
          </w:p>
          <w:p w:rsidR="00CE304B" w:rsidRDefault="00CE304B" w:rsidP="00CE304B">
            <w:r>
              <w:t xml:space="preserve">        var offsetY, offsetX;</w:t>
            </w:r>
          </w:p>
          <w:p w:rsidR="00CE304B" w:rsidRDefault="00CE304B" w:rsidP="00CE304B"/>
          <w:p w:rsidR="00CE304B" w:rsidRDefault="00CE304B" w:rsidP="00CE304B">
            <w:r>
              <w:t xml:space="preserve">        if (horizontal === true) {</w:t>
            </w:r>
          </w:p>
          <w:p w:rsidR="00CE304B" w:rsidRDefault="00CE304B" w:rsidP="00CE304B">
            <w:r>
              <w:t xml:space="preserve">            offsetX = 40;</w:t>
            </w:r>
          </w:p>
          <w:p w:rsidR="00CE304B" w:rsidRDefault="00CE304B" w:rsidP="00CE304B">
            <w:r>
              <w:t xml:space="preserve">        } else {</w:t>
            </w:r>
          </w:p>
          <w:p w:rsidR="00CE304B" w:rsidRDefault="00CE304B" w:rsidP="00CE304B">
            <w:r>
              <w:t xml:space="preserve">            offsetY = 40;</w:t>
            </w:r>
          </w:p>
          <w:p w:rsidR="00CE304B" w:rsidRDefault="00CE304B" w:rsidP="00CE304B">
            <w:r>
              <w:t xml:space="preserve">        }</w:t>
            </w:r>
          </w:p>
          <w:p w:rsidR="00CE304B" w:rsidRDefault="00CE304B" w:rsidP="00CE304B"/>
          <w:p w:rsidR="00CE304B" w:rsidRDefault="00CE304B" w:rsidP="00CE304B">
            <w:r>
              <w:t xml:space="preserve">        $this.removeClass('open');</w:t>
            </w:r>
          </w:p>
          <w:p w:rsidR="00CE304B" w:rsidRDefault="00CE304B" w:rsidP="00CE304B">
            <w:r>
              <w:t xml:space="preserve">        var time = 0;</w:t>
            </w:r>
          </w:p>
          <w:p w:rsidR="00CE304B" w:rsidRDefault="00CE304B" w:rsidP="00CE304B">
            <w:r>
              <w:t xml:space="preserve">        $this.find('ul .float-item').velocity("stop", true);</w:t>
            </w:r>
          </w:p>
          <w:p w:rsidR="00CE304B" w:rsidRDefault="00CE304B" w:rsidP="00CE304B">
            <w:r>
              <w:t xml:space="preserve">        $this.find('ul .float-item').velocity(</w:t>
            </w:r>
          </w:p>
          <w:p w:rsidR="00CE304B" w:rsidRDefault="00CE304B" w:rsidP="00CE304B">
            <w:r>
              <w:t xml:space="preserve">            {opacity: "0", scaleX: ".4", scaleY: ".4", translateY: offsetY + 'px', translateX: offsetX + 'px'},</w:t>
            </w:r>
          </w:p>
          <w:p w:rsidR="00CE304B" w:rsidRDefault="00CE304B" w:rsidP="00CE304B">
            <w:r>
              <w:t xml:space="preserve">            {duration: 80}</w:t>
            </w:r>
          </w:p>
          <w:p w:rsidR="00CE304B" w:rsidRDefault="00CE304B" w:rsidP="00CE304B">
            <w:r>
              <w:t xml:space="preserve">        );</w:t>
            </w:r>
          </w:p>
          <w:p w:rsidR="00CE304B" w:rsidRDefault="00CE304B" w:rsidP="00CE304B">
            <w:r>
              <w:t xml:space="preserve">    };</w:t>
            </w:r>
          </w:p>
          <w:p w:rsidR="00CE304B" w:rsidRDefault="00CE304B" w:rsidP="00CE304B">
            <w:r>
              <w:t>&lt;/script&gt;</w:t>
            </w:r>
          </w:p>
          <w:p w:rsidR="00CE304B" w:rsidRDefault="00CE304B" w:rsidP="00CE304B">
            <w:r>
              <w:t>&lt;!--------------------floatign widgets ends------------------&gt;</w:t>
            </w:r>
          </w:p>
          <w:p w:rsidR="00CE304B" w:rsidRDefault="00CE304B" w:rsidP="00CE304B">
            <w:r>
              <w:t>&lt;div id="divLoader" class="loading-widget" align="center"&gt;</w:t>
            </w:r>
          </w:p>
          <w:p w:rsidR="00CE304B" w:rsidRDefault="00CE304B" w:rsidP="00CE304B">
            <w:r>
              <w:t xml:space="preserve">    &lt;br/&gt;</w:t>
            </w:r>
          </w:p>
          <w:p w:rsidR="00CE304B" w:rsidRDefault="00CE304B" w:rsidP="00CE304B">
            <w:r>
              <w:t xml:space="preserve">    &lt;p class="text-default"&gt;</w:t>
            </w:r>
          </w:p>
          <w:p w:rsidR="00CE304B" w:rsidRDefault="00CE304B" w:rsidP="00CE304B">
            <w:r>
              <w:t xml:space="preserve">        Loading, Please Wait for a while...</w:t>
            </w:r>
          </w:p>
          <w:p w:rsidR="00CE304B" w:rsidRDefault="00CE304B" w:rsidP="00CE304B">
            <w:r>
              <w:t xml:space="preserve">    &lt;/p&gt;</w:t>
            </w:r>
          </w:p>
          <w:p w:rsidR="00CE304B" w:rsidRDefault="00CE304B" w:rsidP="00CE304B">
            <w:r>
              <w:t xml:space="preserve">    &lt;br/&gt;</w:t>
            </w:r>
          </w:p>
          <w:p w:rsidR="00CE304B" w:rsidRDefault="00CE304B" w:rsidP="00CE304B">
            <w:r>
              <w:t>&lt;/div&gt;</w:t>
            </w:r>
          </w:p>
          <w:p w:rsidR="00CE304B" w:rsidRDefault="00CE304B" w:rsidP="00CE304B">
            <w:r>
              <w:t>&lt;div id="divOverlay" class="loading-overlay"&gt;&lt;/div&gt;</w:t>
            </w:r>
          </w:p>
          <w:p w:rsidR="00CE304B" w:rsidRDefault="00CE304B" w:rsidP="00CE304B">
            <w:r>
              <w:t>&lt;script type="text/javascript"&gt;</w:t>
            </w:r>
          </w:p>
          <w:p w:rsidR="00CE304B" w:rsidRDefault="00CE304B" w:rsidP="00CE304B">
            <w:r>
              <w:t xml:space="preserve">    window.loading = function (show, message) {</w:t>
            </w:r>
          </w:p>
          <w:p w:rsidR="00CE304B" w:rsidRDefault="00CE304B" w:rsidP="00CE304B">
            <w:r>
              <w:t xml:space="preserve">        let overlay = $(".loading-overlay");</w:t>
            </w:r>
          </w:p>
          <w:p w:rsidR="00CE304B" w:rsidRDefault="00CE304B" w:rsidP="00CE304B">
            <w:r>
              <w:t xml:space="preserve">        let loading = $(".loading-widget");</w:t>
            </w:r>
          </w:p>
          <w:p w:rsidR="00CE304B" w:rsidRDefault="00CE304B" w:rsidP="00CE304B">
            <w:r>
              <w:lastRenderedPageBreak/>
              <w:t xml:space="preserve">        $("p", loading).html(message);</w:t>
            </w:r>
          </w:p>
          <w:p w:rsidR="00CE304B" w:rsidRDefault="00CE304B" w:rsidP="00CE304B">
            <w:r>
              <w:t xml:space="preserve">        if (show) {</w:t>
            </w:r>
          </w:p>
          <w:p w:rsidR="00CE304B" w:rsidRDefault="00CE304B" w:rsidP="00CE304B">
            <w:r>
              <w:t xml:space="preserve">            let top = Math.max($(window).height() / 2 - loading[0].offsetHeight / 2 - 50, 0);</w:t>
            </w:r>
          </w:p>
          <w:p w:rsidR="00CE304B" w:rsidRDefault="00CE304B" w:rsidP="00CE304B">
            <w:r>
              <w:t xml:space="preserve">            overlay.fadeIn();</w:t>
            </w:r>
          </w:p>
          <w:p w:rsidR="00CE304B" w:rsidRDefault="00CE304B" w:rsidP="00CE304B">
            <w:r>
              <w:t xml:space="preserve">            loading.fadeIn();</w:t>
            </w:r>
          </w:p>
          <w:p w:rsidR="00CE304B" w:rsidRDefault="00CE304B" w:rsidP="00CE304B">
            <w:r>
              <w:t xml:space="preserve">            loading.css({</w:t>
            </w:r>
          </w:p>
          <w:p w:rsidR="00CE304B" w:rsidRDefault="00CE304B" w:rsidP="00CE304B">
            <w:r>
              <w:t xml:space="preserve">                top: top</w:t>
            </w:r>
          </w:p>
          <w:p w:rsidR="00CE304B" w:rsidRDefault="00CE304B" w:rsidP="00CE304B">
            <w:r>
              <w:t xml:space="preserve">            });</w:t>
            </w:r>
          </w:p>
          <w:p w:rsidR="00CE304B" w:rsidRDefault="00CE304B" w:rsidP="00CE304B">
            <w:r>
              <w:t xml:space="preserve">        } else {</w:t>
            </w:r>
          </w:p>
          <w:p w:rsidR="00CE304B" w:rsidRDefault="00CE304B" w:rsidP="00CE304B">
            <w:r>
              <w:t xml:space="preserve">            overlay.fadeOut();</w:t>
            </w:r>
          </w:p>
          <w:p w:rsidR="00CE304B" w:rsidRDefault="00CE304B" w:rsidP="00CE304B">
            <w:r>
              <w:t xml:space="preserve">            loading.fadeOut();</w:t>
            </w:r>
          </w:p>
          <w:p w:rsidR="00CE304B" w:rsidRDefault="00CE304B" w:rsidP="00CE304B">
            <w:r>
              <w:t xml:space="preserve">        }</w:t>
            </w:r>
          </w:p>
          <w:p w:rsidR="00CE304B" w:rsidRDefault="00CE304B" w:rsidP="00CE304B">
            <w:r>
              <w:t xml:space="preserve">    }</w:t>
            </w:r>
          </w:p>
          <w:p w:rsidR="00CE304B" w:rsidRDefault="00CE304B" w:rsidP="00CE304B">
            <w:r>
              <w:t>&lt;/script&gt;</w:t>
            </w:r>
          </w:p>
          <w:p w:rsidR="00CE304B" w:rsidRDefault="00CE304B" w:rsidP="00CE304B">
            <w:r>
              <w:t>&lt;style type="text/css"&gt;</w:t>
            </w:r>
          </w:p>
          <w:p w:rsidR="00CE304B" w:rsidRDefault="00CE304B" w:rsidP="00CE304B">
            <w:r>
              <w:t xml:space="preserve">    .loading-overlay {</w:t>
            </w:r>
          </w:p>
          <w:p w:rsidR="00CE304B" w:rsidRDefault="00CE304B" w:rsidP="00CE304B">
            <w:r>
              <w:t xml:space="preserve">        display: none;</w:t>
            </w:r>
          </w:p>
          <w:p w:rsidR="00CE304B" w:rsidRDefault="00CE304B" w:rsidP="00CE304B">
            <w:r>
              <w:t xml:space="preserve">        position: fixed;</w:t>
            </w:r>
          </w:p>
          <w:p w:rsidR="00CE304B" w:rsidRDefault="00CE304B" w:rsidP="00CE304B">
            <w:r>
              <w:t xml:space="preserve">        top: 0;</w:t>
            </w:r>
          </w:p>
          <w:p w:rsidR="00CE304B" w:rsidRDefault="00CE304B" w:rsidP="00CE304B">
            <w:r>
              <w:t xml:space="preserve">        left: 0;</w:t>
            </w:r>
          </w:p>
          <w:p w:rsidR="00CE304B" w:rsidRDefault="00CE304B" w:rsidP="00CE304B">
            <w:r>
              <w:t xml:space="preserve">        background-color: #FFFFFF;</w:t>
            </w:r>
          </w:p>
          <w:p w:rsidR="00CE304B" w:rsidRDefault="00CE304B" w:rsidP="00CE304B">
            <w:r>
              <w:t xml:space="preserve">        z-index: 10060;</w:t>
            </w:r>
          </w:p>
          <w:p w:rsidR="00CE304B" w:rsidRDefault="00CE304B" w:rsidP="00CE304B">
            <w:r>
              <w:t xml:space="preserve">        opacity: 0.8;</w:t>
            </w:r>
          </w:p>
          <w:p w:rsidR="00CE304B" w:rsidRDefault="00CE304B" w:rsidP="00CE304B">
            <w:r>
              <w:t xml:space="preserve">        filter: alpha(opacity=80);</w:t>
            </w:r>
          </w:p>
          <w:p w:rsidR="00CE304B" w:rsidRDefault="00CE304B" w:rsidP="00CE304B">
            <w:r>
              <w:t xml:space="preserve">        -moz-opacity: 0.8;</w:t>
            </w:r>
          </w:p>
          <w:p w:rsidR="00CE304B" w:rsidRDefault="00CE304B" w:rsidP="00CE304B">
            <w:r>
              <w:t xml:space="preserve">        min-height: 100%;</w:t>
            </w:r>
          </w:p>
          <w:p w:rsidR="00CE304B" w:rsidRDefault="00CE304B" w:rsidP="00CE304B">
            <w:r>
              <w:t xml:space="preserve">        width: 100%;</w:t>
            </w:r>
          </w:p>
          <w:p w:rsidR="00CE304B" w:rsidRDefault="00CE304B" w:rsidP="00CE304B">
            <w:r>
              <w:t xml:space="preserve">    }</w:t>
            </w:r>
          </w:p>
          <w:p w:rsidR="00CE304B" w:rsidRDefault="00CE304B" w:rsidP="00CE304B">
            <w:r>
              <w:t xml:space="preserve">    .loading-widget {</w:t>
            </w:r>
          </w:p>
          <w:p w:rsidR="00CE304B" w:rsidRDefault="00CE304B" w:rsidP="00CE304B">
            <w:r>
              <w:t xml:space="preserve">        font-family: Arial;</w:t>
            </w:r>
          </w:p>
          <w:p w:rsidR="00CE304B" w:rsidRDefault="00CE304B" w:rsidP="00CE304B">
            <w:r>
              <w:t xml:space="preserve">        font-size: 10pt;</w:t>
            </w:r>
          </w:p>
          <w:p w:rsidR="00CE304B" w:rsidRDefault="00CE304B" w:rsidP="00CE304B">
            <w:r>
              <w:t xml:space="preserve">        width: 350px;</w:t>
            </w:r>
          </w:p>
          <w:p w:rsidR="00CE304B" w:rsidRDefault="00CE304B" w:rsidP="00CE304B">
            <w:r>
              <w:t xml:space="preserve">        height: 130px;</w:t>
            </w:r>
          </w:p>
          <w:p w:rsidR="00CE304B" w:rsidRDefault="00CE304B" w:rsidP="00CE304B">
            <w:r>
              <w:t xml:space="preserve">        display: none;</w:t>
            </w:r>
          </w:p>
          <w:p w:rsidR="00CE304B" w:rsidRDefault="00CE304B" w:rsidP="00CE304B">
            <w:r>
              <w:t xml:space="preserve">        position: fixed;</w:t>
            </w:r>
          </w:p>
          <w:p w:rsidR="00CE304B" w:rsidRDefault="00CE304B" w:rsidP="00CE304B">
            <w:r>
              <w:t xml:space="preserve">        background: transparent url("img/loader.gif") 50% 50% no-repeat;</w:t>
            </w:r>
          </w:p>
          <w:p w:rsidR="00CE304B" w:rsidRDefault="00CE304B" w:rsidP="00CE304B">
            <w:r>
              <w:t xml:space="preserve">        z-index: 10080;</w:t>
            </w:r>
          </w:p>
          <w:p w:rsidR="00CE304B" w:rsidRDefault="00CE304B" w:rsidP="00CE304B">
            <w:r>
              <w:t xml:space="preserve">        left: 50%;</w:t>
            </w:r>
          </w:p>
          <w:p w:rsidR="00CE304B" w:rsidRDefault="00CE304B" w:rsidP="00CE304B">
            <w:r>
              <w:t xml:space="preserve">        margin-left: -175px;</w:t>
            </w:r>
          </w:p>
          <w:p w:rsidR="00CE304B" w:rsidRDefault="00CE304B" w:rsidP="00CE304B">
            <w:r>
              <w:t xml:space="preserve">    }</w:t>
            </w:r>
          </w:p>
          <w:p w:rsidR="00CE304B" w:rsidRDefault="00CE304B" w:rsidP="00CE304B">
            <w:r>
              <w:t xml:space="preserve">    .loading-widget p {</w:t>
            </w:r>
          </w:p>
          <w:p w:rsidR="00CE304B" w:rsidRDefault="00CE304B" w:rsidP="00CE304B">
            <w:r>
              <w:t xml:space="preserve">        margin-top: 130px;</w:t>
            </w:r>
          </w:p>
          <w:p w:rsidR="00CE304B" w:rsidRDefault="00CE304B" w:rsidP="00CE304B">
            <w:r>
              <w:t xml:space="preserve">        font-weight: bolder;</w:t>
            </w:r>
          </w:p>
          <w:p w:rsidR="00CE304B" w:rsidRDefault="00CE304B" w:rsidP="00CE304B">
            <w:r>
              <w:t xml:space="preserve">        color: #035b67;</w:t>
            </w:r>
          </w:p>
          <w:p w:rsidR="00CE304B" w:rsidRDefault="00CE304B" w:rsidP="00CE304B">
            <w:r>
              <w:t xml:space="preserve">        font-size: 18px;</w:t>
            </w:r>
          </w:p>
          <w:p w:rsidR="00CE304B" w:rsidRDefault="00CE304B" w:rsidP="00CE304B">
            <w:r>
              <w:t xml:space="preserve">    }</w:t>
            </w:r>
          </w:p>
          <w:p w:rsidR="00CE304B" w:rsidRDefault="00CE304B" w:rsidP="00CE304B">
            <w:r>
              <w:t>&lt;/style&gt;</w:t>
            </w:r>
          </w:p>
          <w:p w:rsidR="00CE304B" w:rsidRDefault="00CE304B" w:rsidP="00CE304B">
            <w:r>
              <w:t>&lt;!--------------------remove from wishlist------------------&gt;</w:t>
            </w:r>
          </w:p>
          <w:p w:rsidR="00CE304B" w:rsidRDefault="00CE304B" w:rsidP="00CE304B">
            <w:r>
              <w:lastRenderedPageBreak/>
              <w:t>&lt;!--&lt;div id="toTop"&gt;&lt;/div&gt;--&gt;</w:t>
            </w:r>
          </w:p>
          <w:p w:rsidR="00CE304B" w:rsidRDefault="00CE304B" w:rsidP="00CE304B">
            <w:r>
              <w:t>&lt;script type="text/javascript"&gt;</w:t>
            </w:r>
          </w:p>
          <w:p w:rsidR="00CE304B" w:rsidRDefault="00CE304B" w:rsidP="00CE304B">
            <w:r>
              <w:t xml:space="preserve">    $(document).ready(function () {</w:t>
            </w:r>
          </w:p>
          <w:p w:rsidR="00CE304B" w:rsidRDefault="00CE304B" w:rsidP="00CE304B">
            <w:r>
              <w:t xml:space="preserve">        /*if (document.referrer !== "" &amp;&amp;</w:t>
            </w:r>
          </w:p>
          <w:p w:rsidR="00CE304B" w:rsidRDefault="00CE304B" w:rsidP="00CE304B">
            <w:r>
              <w:t xml:space="preserve">            (new URL(document.referrer)).origin !== window.location.origin &amp;&amp;</w:t>
            </w:r>
          </w:p>
          <w:p w:rsidR="00CE304B" w:rsidRDefault="00CE304B" w:rsidP="00CE304B">
            <w:r>
              <w:t xml:space="preserve">            lscache.get("last_visited")) {</w:t>
            </w:r>
          </w:p>
          <w:p w:rsidR="00CE304B" w:rsidRDefault="00CE304B" w:rsidP="00CE304B">
            <w:r>
              <w:t xml:space="preserve">            var lastVisited = lscache.get("last_visited");</w:t>
            </w:r>
          </w:p>
          <w:p w:rsidR="00CE304B" w:rsidRDefault="00CE304B" w:rsidP="00CE304B">
            <w:r>
              <w:t xml:space="preserve">            lscache.remove("last_visited");</w:t>
            </w:r>
          </w:p>
          <w:p w:rsidR="00CE304B" w:rsidRDefault="00CE304B" w:rsidP="00CE304B">
            <w:r>
              <w:t xml:space="preserve">            window.location.href = lastVisited;</w:t>
            </w:r>
          </w:p>
          <w:p w:rsidR="00CE304B" w:rsidRDefault="00CE304B" w:rsidP="00CE304B">
            <w:r>
              <w:t xml:space="preserve">        } else {</w:t>
            </w:r>
          </w:p>
          <w:p w:rsidR="00CE304B" w:rsidRDefault="00CE304B" w:rsidP="00CE304B">
            <w:r>
              <w:t xml:space="preserve">            //lscache.set("last_visited", window.location.href);</w:t>
            </w:r>
          </w:p>
          <w:p w:rsidR="00CE304B" w:rsidRDefault="00CE304B" w:rsidP="00CE304B">
            <w:r>
              <w:t xml:space="preserve">        }*/</w:t>
            </w:r>
          </w:p>
          <w:p w:rsidR="00CE304B" w:rsidRDefault="00CE304B" w:rsidP="00CE304B">
            <w:r>
              <w:t xml:space="preserve">        /*window.onbeforeunload = function() {</w:t>
            </w:r>
          </w:p>
          <w:p w:rsidR="00CE304B" w:rsidRDefault="00CE304B" w:rsidP="00CE304B">
            <w:r>
              <w:t xml:space="preserve">            lscache.set("last_visited", window.location.href);</w:t>
            </w:r>
          </w:p>
          <w:p w:rsidR="00CE304B" w:rsidRDefault="00CE304B" w:rsidP="00CE304B">
            <w:r>
              <w:t xml:space="preserve">            return;</w:t>
            </w:r>
          </w:p>
          <w:p w:rsidR="00CE304B" w:rsidRDefault="00CE304B" w:rsidP="00CE304B">
            <w:r>
              <w:t xml:space="preserve">        }*/</w:t>
            </w:r>
          </w:p>
          <w:p w:rsidR="00CE304B" w:rsidRDefault="00CE304B" w:rsidP="00CE304B">
            <w:r>
              <w:t xml:space="preserve">        fnUpdateWishFlag();</w:t>
            </w:r>
          </w:p>
          <w:p w:rsidR="00CE304B" w:rsidRDefault="00CE304B" w:rsidP="00CE304B">
            <w:r>
              <w:t xml:space="preserve">        $(document.body).on("click", ".btn-wishlist", function (e) {</w:t>
            </w:r>
          </w:p>
          <w:p w:rsidR="00CE304B" w:rsidRDefault="00CE304B" w:rsidP="00CE304B">
            <w:r>
              <w:t xml:space="preserve">            e.preventDefault();</w:t>
            </w:r>
          </w:p>
          <w:p w:rsidR="00CE304B" w:rsidRDefault="00CE304B" w:rsidP="00CE304B">
            <w:r>
              <w:t xml:space="preserve">            var that = this;</w:t>
            </w:r>
          </w:p>
          <w:p w:rsidR="00CE304B" w:rsidRDefault="00CE304B" w:rsidP="00CE304B">
            <w:r>
              <w:t xml:space="preserve">            let href = $(that).data("href");</w:t>
            </w:r>
          </w:p>
          <w:p w:rsidR="00CE304B" w:rsidRDefault="00CE304B" w:rsidP="00CE304B">
            <w:r>
              <w:t xml:space="preserve">            let rid = $(that).data("id");</w:t>
            </w:r>
          </w:p>
          <w:p w:rsidR="00CE304B" w:rsidRDefault="00CE304B" w:rsidP="00CE304B">
            <w:r>
              <w:t xml:space="preserve">            if (href) {</w:t>
            </w:r>
          </w:p>
          <w:p w:rsidR="00CE304B" w:rsidRDefault="00CE304B" w:rsidP="00CE304B">
            <w:r>
              <w:t xml:space="preserve">                $.ajax({</w:t>
            </w:r>
          </w:p>
          <w:p w:rsidR="00CE304B" w:rsidRDefault="00CE304B" w:rsidP="00CE304B">
            <w:r>
              <w:t xml:space="preserve">                    type: "get",</w:t>
            </w:r>
          </w:p>
          <w:p w:rsidR="00CE304B" w:rsidRDefault="00CE304B" w:rsidP="00CE304B">
            <w:r>
              <w:t xml:space="preserve">                    url: href,</w:t>
            </w:r>
          </w:p>
          <w:p w:rsidR="00CE304B" w:rsidRDefault="00CE304B" w:rsidP="00CE304B">
            <w:r>
              <w:t xml:space="preserve">                    beforeSend: function () {</w:t>
            </w:r>
          </w:p>
          <w:p w:rsidR="00CE304B" w:rsidRDefault="00CE304B" w:rsidP="00CE304B">
            <w:r>
              <w:t xml:space="preserve">                        $(that).addClass("block-loader");</w:t>
            </w:r>
          </w:p>
          <w:p w:rsidR="00CE304B" w:rsidRDefault="00CE304B" w:rsidP="00CE304B">
            <w:r>
              <w:t xml:space="preserve">                    },</w:t>
            </w:r>
          </w:p>
          <w:p w:rsidR="00CE304B" w:rsidRDefault="00CE304B" w:rsidP="00CE304B">
            <w:r>
              <w:t xml:space="preserve">                    success: function (response) {</w:t>
            </w:r>
          </w:p>
          <w:p w:rsidR="00CE304B" w:rsidRDefault="00CE304B" w:rsidP="00CE304B">
            <w:r>
              <w:t xml:space="preserve">                        $(that).removeClass("block-loader");</w:t>
            </w:r>
          </w:p>
          <w:p w:rsidR="00CE304B" w:rsidRDefault="00CE304B" w:rsidP="00CE304B">
            <w:r>
              <w:t xml:space="preserve">                        $(that).toggleClass("liked");</w:t>
            </w:r>
          </w:p>
          <w:p w:rsidR="00CE304B" w:rsidRDefault="00CE304B" w:rsidP="00CE304B">
            <w:r>
              <w:t xml:space="preserve">                        $("span", that).text($(that).hasClass("liked") ? "In Your List" : "Add To My List");</w:t>
            </w:r>
          </w:p>
          <w:p w:rsidR="00CE304B" w:rsidRDefault="00CE304B" w:rsidP="00CE304B">
            <w:r>
              <w:t xml:space="preserve">                        $(that).attr("data-original-title", $(that).hasClass("liked") ? "Remove From Your List" : "Add To My List").tooltip('show');</w:t>
            </w:r>
          </w:p>
          <w:p w:rsidR="00CE304B" w:rsidRDefault="00CE304B" w:rsidP="00CE304B">
            <w:r>
              <w:t xml:space="preserve">                    }</w:t>
            </w:r>
          </w:p>
          <w:p w:rsidR="00CE304B" w:rsidRDefault="00CE304B" w:rsidP="00CE304B">
            <w:r>
              <w:t xml:space="preserve">                });</w:t>
            </w:r>
          </w:p>
          <w:p w:rsidR="00CE304B" w:rsidRDefault="00CE304B" w:rsidP="00CE304B">
            <w:r>
              <w:t xml:space="preserve">            } else {</w:t>
            </w:r>
          </w:p>
          <w:p w:rsidR="00CE304B" w:rsidRDefault="00CE304B" w:rsidP="00CE304B">
            <w:r>
              <w:t xml:space="preserve">                let wishList = lscache.get("wishlist") || [];</w:t>
            </w:r>
          </w:p>
          <w:p w:rsidR="00CE304B" w:rsidRDefault="00CE304B" w:rsidP="00CE304B">
            <w:r>
              <w:t xml:space="preserve">                if (wishList.includes(rid)) {</w:t>
            </w:r>
          </w:p>
          <w:p w:rsidR="00CE304B" w:rsidRDefault="00CE304B" w:rsidP="00CE304B">
            <w:r>
              <w:t xml:space="preserve">                    wishList = _.without(wishList, rid);</w:t>
            </w:r>
          </w:p>
          <w:p w:rsidR="00CE304B" w:rsidRDefault="00CE304B" w:rsidP="00CE304B">
            <w:r>
              <w:t xml:space="preserve">                } else {</w:t>
            </w:r>
          </w:p>
          <w:p w:rsidR="00CE304B" w:rsidRDefault="00CE304B" w:rsidP="00CE304B">
            <w:r>
              <w:t xml:space="preserve">                    wishList.push(rid);</w:t>
            </w:r>
          </w:p>
          <w:p w:rsidR="00CE304B" w:rsidRDefault="00CE304B" w:rsidP="00CE304B">
            <w:r>
              <w:t xml:space="preserve">                }</w:t>
            </w:r>
          </w:p>
          <w:p w:rsidR="00CE304B" w:rsidRDefault="00CE304B" w:rsidP="00CE304B">
            <w:r>
              <w:t xml:space="preserve">                lscache.set("wishlist", wishList);</w:t>
            </w:r>
          </w:p>
          <w:p w:rsidR="00CE304B" w:rsidRDefault="00CE304B" w:rsidP="00CE304B">
            <w:r>
              <w:t xml:space="preserve">                $(this).toggleClass("liked");</w:t>
            </w:r>
          </w:p>
          <w:p w:rsidR="00CE304B" w:rsidRDefault="00CE304B" w:rsidP="00CE304B">
            <w:r>
              <w:t xml:space="preserve">                $("span", this).text($(this).hasClass("liked") ? "In Your List" : "Add To My List");</w:t>
            </w:r>
          </w:p>
          <w:p w:rsidR="00CE304B" w:rsidRDefault="00CE304B" w:rsidP="00CE304B">
            <w:r>
              <w:t xml:space="preserve">                $(this).attr("data-original-title", $(this).hasClass("liked") ? "Remove From Your List" : "Add To </w:t>
            </w:r>
            <w:r>
              <w:lastRenderedPageBreak/>
              <w:t>My List").tooltip('show');</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r>
              <w:t xml:space="preserve">    window.fnUpdateWishFlag = function () {</w:t>
            </w:r>
          </w:p>
          <w:p w:rsidR="00CE304B" w:rsidRDefault="00CE304B" w:rsidP="00CE304B">
            <w:r>
              <w:t xml:space="preserve">        let wishList = lscache.get("wishlist") || [];</w:t>
            </w:r>
          </w:p>
          <w:p w:rsidR="00CE304B" w:rsidRDefault="00CE304B" w:rsidP="00CE304B">
            <w:r>
              <w:t xml:space="preserve">        wishList.forEach(function (item) {</w:t>
            </w:r>
          </w:p>
          <w:p w:rsidR="00CE304B" w:rsidRDefault="00CE304B" w:rsidP="00CE304B">
            <w:r>
              <w:t xml:space="preserve">            $(".btn-wishlist[data-id='" + item + "']").addClass("liked");</w:t>
            </w:r>
          </w:p>
          <w:p w:rsidR="00CE304B" w:rsidRDefault="00CE304B" w:rsidP="00CE304B">
            <w:r>
              <w:t xml:space="preserve">            $(".btn-wishlist[data-id='" + item + "'].liked span").text("In Your List");</w:t>
            </w:r>
          </w:p>
          <w:p w:rsidR="00CE304B" w:rsidRDefault="00CE304B" w:rsidP="00CE304B">
            <w:r>
              <w:t xml:space="preserve">            $(".btn-wishlist[data-id='" + item + "'].liked").attr("title", "Remove From Your List");</w:t>
            </w:r>
          </w:p>
          <w:p w:rsidR="00CE304B" w:rsidRDefault="00CE304B" w:rsidP="00CE304B">
            <w:r>
              <w:t xml:space="preserve">        });</w:t>
            </w:r>
          </w:p>
          <w:p w:rsidR="00CE304B" w:rsidRDefault="00CE304B" w:rsidP="00CE304B">
            <w:r>
              <w:t xml:space="preserve">    };</w:t>
            </w:r>
          </w:p>
          <w:p w:rsidR="00CE304B" w:rsidRDefault="00CE304B" w:rsidP="00CE304B">
            <w:r>
              <w:t xml:space="preserve">    &lt;/script&gt;</w:t>
            </w:r>
          </w:p>
          <w:p w:rsidR="00CE304B" w:rsidRDefault="00CE304B" w:rsidP="00CE304B">
            <w:r>
              <w:t xml:space="preserve">    &lt;!--------------------remove from wishlist ends ------------------&gt;</w:t>
            </w:r>
          </w:p>
          <w:p w:rsidR="00CE304B" w:rsidRDefault="00CE304B" w:rsidP="00CE304B">
            <w:r>
              <w:t>&lt;!--theme.js --&gt;</w:t>
            </w:r>
          </w:p>
          <w:p w:rsidR="00CE304B" w:rsidRDefault="00CE304B" w:rsidP="00CE304B">
            <w:r>
              <w:t>&lt;script src="spf/js/theme.js"&gt;&lt;/script&gt;</w:t>
            </w:r>
          </w:p>
          <w:p w:rsidR="00CE304B" w:rsidRDefault="00CE304B" w:rsidP="00CE304B">
            <w:r>
              <w:t>&lt;!--lscache.js --&gt;</w:t>
            </w:r>
          </w:p>
          <w:p w:rsidR="00CE304B" w:rsidRDefault="00CE304B" w:rsidP="00CE304B">
            <w:r>
              <w:t>&lt;script src="js/lscache.js"&gt;&lt;/script&gt;</w:t>
            </w:r>
          </w:p>
          <w:p w:rsidR="00CE304B" w:rsidRDefault="00CE304B" w:rsidP="00CE304B">
            <w:r>
              <w:t>&lt;!--notify.js --&gt;</w:t>
            </w:r>
          </w:p>
          <w:p w:rsidR="00CE304B" w:rsidRDefault="00CE304B" w:rsidP="00CE304B">
            <w:r>
              <w:t>&lt;script src="js/notify.js"&gt;&lt;/script&gt;</w:t>
            </w:r>
          </w:p>
          <w:p w:rsidR="00CE304B" w:rsidRDefault="00CE304B" w:rsidP="00CE304B">
            <w:r>
              <w:t>&lt;!--js/common.js --&gt;</w:t>
            </w:r>
          </w:p>
          <w:p w:rsidR="00CE304B" w:rsidRDefault="00CE304B" w:rsidP="00CE304B">
            <w:r>
              <w:t>&lt;script src="js/common.js"&gt;&lt;/script&gt;</w:t>
            </w:r>
          </w:p>
          <w:p w:rsidR="00CE304B" w:rsidRDefault="00CE304B" w:rsidP="00CE304B">
            <w:r>
              <w:t>&lt;!--animated_canvas.js --&gt;</w:t>
            </w:r>
          </w:p>
          <w:p w:rsidR="00CE304B" w:rsidRDefault="00CE304B" w:rsidP="00CE304B">
            <w:r>
              <w:t xml:space="preserve">    &lt;script src="spf/js/animated_canvas.js"&gt;&lt;/script&gt;</w:t>
            </w:r>
          </w:p>
          <w:p w:rsidR="00CE304B" w:rsidRDefault="00CE304B" w:rsidP="00CE304B">
            <w:r>
              <w:t xml:space="preserve">    &lt;!--selectize.js --&gt;</w:t>
            </w:r>
          </w:p>
          <w:p w:rsidR="00CE304B" w:rsidRDefault="00CE304B" w:rsidP="00CE304B">
            <w:r>
              <w:t xml:space="preserve">    &lt;script src="js/selectize.js"&gt;&lt;/script&gt;</w:t>
            </w:r>
          </w:p>
          <w:p w:rsidR="00CE304B" w:rsidRDefault="00CE304B" w:rsidP="00CE304B">
            <w:r>
              <w:t xml:space="preserve">    &lt;!--googleapis --&gt;</w:t>
            </w:r>
          </w:p>
          <w:p w:rsidR="00CE304B" w:rsidRDefault="00CE304B" w:rsidP="00CE304B">
            <w:r>
              <w:t xml:space="preserve">    &lt;script</w:t>
            </w:r>
          </w:p>
          <w:p w:rsidR="00CE304B" w:rsidRDefault="00CE304B" w:rsidP="00CE304B">
            <w:r>
              <w:t xml:space="preserve">            src="https://maps.googleapis.com/maps/api/js?key=AIzaSyCjN2knZ92ZcETe2mNF2t5l_j21ZTvTnIY&amp;amp;libraries=places&amp;amp;callback=initAutocomplete"</w:t>
            </w:r>
          </w:p>
          <w:p w:rsidR="00CE304B" w:rsidRDefault="00CE304B" w:rsidP="00CE304B">
            <w:r>
              <w:t xml:space="preserve">            async defer&gt;&lt;/script&gt;</w:t>
            </w:r>
          </w:p>
          <w:p w:rsidR="00CE304B" w:rsidRDefault="00CE304B" w:rsidP="00CE304B">
            <w:r>
              <w:t xml:space="preserve">            &lt;!-- velocity.js--&gt;</w:t>
            </w:r>
          </w:p>
          <w:p w:rsidR="00CE304B" w:rsidRDefault="00CE304B" w:rsidP="00CE304B">
            <w:r>
              <w:t>&lt;script src="js/velocity.js"&gt;&lt;/script&gt;</w:t>
            </w:r>
          </w:p>
          <w:p w:rsidR="00CE304B" w:rsidRDefault="00CE304B" w:rsidP="00CE304B">
            <w:r>
              <w:t>&lt;!-- init.js--&gt;</w:t>
            </w:r>
          </w:p>
          <w:p w:rsidR="00CE304B" w:rsidRDefault="00CE304B" w:rsidP="00CE304B">
            <w:r>
              <w:t>&lt;script src="spf/js/init.js"&gt;&lt;/script&gt;</w:t>
            </w:r>
          </w:p>
          <w:p w:rsidR="00CE304B" w:rsidRDefault="00CE304B" w:rsidP="00CE304B"/>
          <w:p w:rsidR="00CE304B" w:rsidRDefault="00CE304B" w:rsidP="00CE304B">
            <w:r>
              <w:t>&lt;!--------------------filter validation starts------------------&gt;</w:t>
            </w:r>
          </w:p>
          <w:p w:rsidR="00CE304B" w:rsidRDefault="00CE304B" w:rsidP="00CE304B">
            <w:r>
              <w:t xml:space="preserve">   &lt;script type="text/javascript"&gt;</w:t>
            </w:r>
          </w:p>
          <w:p w:rsidR="00CE304B" w:rsidRDefault="00CE304B" w:rsidP="00CE304B"/>
          <w:p w:rsidR="00CE304B" w:rsidRDefault="00CE304B" w:rsidP="00CE304B">
            <w:r>
              <w:t xml:space="preserve">    $("#myBtn").click(function(){</w:t>
            </w:r>
          </w:p>
          <w:p w:rsidR="00CE304B" w:rsidRDefault="00CE304B" w:rsidP="00CE304B">
            <w:r>
              <w:t xml:space="preserve">        $("#myModal").modal();</w:t>
            </w:r>
          </w:p>
          <w:p w:rsidR="00CE304B" w:rsidRDefault="00CE304B" w:rsidP="00CE304B">
            <w:r>
              <w:t xml:space="preserve">        $(".modal-backdrop").addClass("modal fade show");</w:t>
            </w:r>
          </w:p>
          <w:p w:rsidR="00CE304B" w:rsidRDefault="00CE304B" w:rsidP="00CE304B">
            <w:r>
              <w:t xml:space="preserve">    });</w:t>
            </w:r>
          </w:p>
          <w:p w:rsidR="00CE304B" w:rsidRDefault="00CE304B" w:rsidP="00CE304B">
            <w:r>
              <w:t xml:space="preserve">    $("#myBtn1").click(function(){</w:t>
            </w:r>
          </w:p>
          <w:p w:rsidR="00CE304B" w:rsidRDefault="00CE304B" w:rsidP="00CE304B">
            <w:r>
              <w:t xml:space="preserve">        $("#myModal1").modal();</w:t>
            </w:r>
          </w:p>
          <w:p w:rsidR="00CE304B" w:rsidRDefault="00CE304B" w:rsidP="00CE304B">
            <w:r>
              <w:t xml:space="preserve">        $(".modal-backdrop").addClass("modal fade show");</w:t>
            </w:r>
          </w:p>
          <w:p w:rsidR="00CE304B" w:rsidRDefault="00CE304B" w:rsidP="00CE304B">
            <w:r>
              <w:t xml:space="preserve">    });</w:t>
            </w:r>
          </w:p>
          <w:p w:rsidR="00CE304B" w:rsidRDefault="00CE304B" w:rsidP="00CE304B">
            <w:r>
              <w:lastRenderedPageBreak/>
              <w:t xml:space="preserve">    $("#myBtn2").click(function(){</w:t>
            </w:r>
          </w:p>
          <w:p w:rsidR="00CE304B" w:rsidRDefault="00CE304B" w:rsidP="00CE304B">
            <w:r>
              <w:t xml:space="preserve">        $("#myModal2").modal();</w:t>
            </w:r>
          </w:p>
          <w:p w:rsidR="00CE304B" w:rsidRDefault="00CE304B" w:rsidP="00CE304B">
            <w:r>
              <w:t xml:space="preserve">        $(".modal-backdrop").addClass("modal fade show");</w:t>
            </w:r>
          </w:p>
          <w:p w:rsidR="00CE304B" w:rsidRDefault="00CE304B" w:rsidP="00CE304B">
            <w:r>
              <w:t xml:space="preserve">    });</w:t>
            </w:r>
          </w:p>
          <w:p w:rsidR="00CE304B" w:rsidRDefault="00CE304B" w:rsidP="00CE304B">
            <w:r>
              <w:t xml:space="preserve">    </w:t>
            </w:r>
          </w:p>
          <w:p w:rsidR="00CE304B" w:rsidRDefault="00CE304B" w:rsidP="00CE304B">
            <w:r>
              <w:t xml:space="preserve">    &lt;/script&gt;</w:t>
            </w:r>
          </w:p>
          <w:p w:rsidR="00CE304B" w:rsidRDefault="00CE304B" w:rsidP="00CE304B">
            <w:r>
              <w:t xml:space="preserve">   &lt;!--------------------filter validation starts------------------&gt; </w:t>
            </w:r>
          </w:p>
          <w:p w:rsidR="00CE304B" w:rsidRDefault="00CE304B" w:rsidP="00CE304B">
            <w:r>
              <w:t xml:space="preserve">    &lt;script&gt;</w:t>
            </w:r>
          </w:p>
          <w:p w:rsidR="00CE304B" w:rsidRDefault="00CE304B" w:rsidP="00CE304B">
            <w:r>
              <w:t xml:space="preserve">        var placeSearch, autoComplete;</w:t>
            </w:r>
          </w:p>
          <w:p w:rsidR="00CE304B" w:rsidRDefault="00CE304B" w:rsidP="00CE304B">
            <w:r>
              <w:t xml:space="preserve">        $(document).ready(function () {</w:t>
            </w:r>
          </w:p>
          <w:p w:rsidR="00CE304B" w:rsidRDefault="00CE304B" w:rsidP="00CE304B">
            <w:r>
              <w:t xml:space="preserve">            $('.odometer').each(function () {</w:t>
            </w:r>
          </w:p>
          <w:p w:rsidR="00CE304B" w:rsidRDefault="00CE304B" w:rsidP="00CE304B">
            <w:r>
              <w:t xml:space="preserve">                $(this).html($(this).attr("data-value"));</w:t>
            </w:r>
          </w:p>
          <w:p w:rsidR="00CE304B" w:rsidRDefault="00CE304B" w:rsidP="00CE304B">
            <w:r>
              <w:t xml:space="preserve">            });</w:t>
            </w:r>
          </w:p>
          <w:p w:rsidR="00CE304B" w:rsidRDefault="00CE304B" w:rsidP="00CE304B">
            <w:r>
              <w:t xml:space="preserve">            $("#ddlResidenceType").selectize({</w:t>
            </w:r>
          </w:p>
          <w:p w:rsidR="00CE304B" w:rsidRDefault="00CE304B" w:rsidP="00CE304B">
            <w:r>
              <w:t xml:space="preserve">                plugins: ['remove_button'],</w:t>
            </w:r>
          </w:p>
          <w:p w:rsidR="00CE304B" w:rsidRDefault="00CE304B" w:rsidP="00CE304B">
            <w:r>
              <w:t xml:space="preserve">                delimiter: ',',</w:t>
            </w:r>
          </w:p>
          <w:p w:rsidR="00CE304B" w:rsidRDefault="00CE304B" w:rsidP="00CE304B">
            <w:r>
              <w:t xml:space="preserve">                placeholder: 'Residence Types',</w:t>
            </w:r>
          </w:p>
          <w:p w:rsidR="00CE304B" w:rsidRDefault="00CE304B" w:rsidP="00CE304B">
            <w:r>
              <w:t xml:space="preserve">                render: {</w:t>
            </w:r>
          </w:p>
          <w:p w:rsidR="00CE304B" w:rsidRDefault="00CE304B" w:rsidP="00CE304B">
            <w:r>
              <w:t xml:space="preserve">                    item: function (item, escape) {</w:t>
            </w:r>
          </w:p>
          <w:p w:rsidR="00CE304B" w:rsidRDefault="00CE304B" w:rsidP="00CE304B">
            <w:r>
              <w:t xml:space="preserve">                        return '&lt;div class="item" title="' + item.text.trim() + '"&gt;' +</w:t>
            </w:r>
          </w:p>
          <w:p w:rsidR="00CE304B" w:rsidRDefault="00CE304B" w:rsidP="00CE304B">
            <w:r>
              <w:t xml:space="preserve">                            item.text.trim()/*.ellipsis(5)*/ +</w:t>
            </w:r>
          </w:p>
          <w:p w:rsidR="00CE304B" w:rsidRDefault="00CE304B" w:rsidP="00CE304B">
            <w:r>
              <w:t xml:space="preserve">                            '&lt;/div&gt;';</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r>
              <w:t xml:space="preserve">            $("#ddlPriceRange").selectize({</w:t>
            </w:r>
          </w:p>
          <w:p w:rsidR="00CE304B" w:rsidRDefault="00CE304B" w:rsidP="00CE304B">
            <w:r>
              <w:t xml:space="preserve">                placeholder: 'Price Range'</w:t>
            </w:r>
          </w:p>
          <w:p w:rsidR="00CE304B" w:rsidRDefault="00CE304B" w:rsidP="00CE304B">
            <w:r>
              <w:t xml:space="preserve">            });</w:t>
            </w:r>
          </w:p>
          <w:p w:rsidR="00CE304B" w:rsidRDefault="00CE304B" w:rsidP="00CE304B">
            <w:r>
              <w:t xml:space="preserve">            $(document.body).on("click", ".remove-item", function (e) {</w:t>
            </w:r>
          </w:p>
          <w:p w:rsidR="00CE304B" w:rsidRDefault="00CE304B" w:rsidP="00CE304B">
            <w:r>
              <w:t xml:space="preserve">                e.preventDefault();</w:t>
            </w:r>
          </w:p>
          <w:p w:rsidR="00CE304B" w:rsidRDefault="00CE304B" w:rsidP="00CE304B">
            <w:r>
              <w:t xml:space="preserve">                var item = $(this).parents("button");</w:t>
            </w:r>
          </w:p>
          <w:p w:rsidR="00CE304B" w:rsidRDefault="00CE304B" w:rsidP="00CE304B">
            <w:r>
              <w:t xml:space="preserve">                if (item.attr("title") === "Your Location") {</w:t>
            </w:r>
          </w:p>
          <w:p w:rsidR="00CE304B" w:rsidRDefault="00CE304B" w:rsidP="00CE304B">
            <w:r>
              <w:t xml:space="preserve">                    swal.fire({</w:t>
            </w:r>
          </w:p>
          <w:p w:rsidR="00CE304B" w:rsidRDefault="00CE304B" w:rsidP="00CE304B">
            <w:r>
              <w:t xml:space="preserve">                        title: 'Are you sure?',</w:t>
            </w:r>
          </w:p>
          <w:p w:rsidR="00CE304B" w:rsidRDefault="00CE304B" w:rsidP="00CE304B">
            <w:r>
              <w:t xml:space="preserve">                        text: "You are removing your location that was detected by the system. If you choose to remove, you will not be shown with your location automatically, until you clear this preference manually.",</w:t>
            </w:r>
          </w:p>
          <w:p w:rsidR="00CE304B" w:rsidRDefault="00CE304B" w:rsidP="00CE304B">
            <w:r>
              <w:t xml:space="preserve">                        icon: 'warning',</w:t>
            </w:r>
          </w:p>
          <w:p w:rsidR="00CE304B" w:rsidRDefault="00CE304B" w:rsidP="00CE304B">
            <w:r>
              <w:t xml:space="preserve">                        showCancelButton: true,</w:t>
            </w:r>
          </w:p>
          <w:p w:rsidR="00CE304B" w:rsidRDefault="00CE304B" w:rsidP="00CE304B">
            <w:r>
              <w:t xml:space="preserve">                        confirmButtonColor: '#0CC27E',</w:t>
            </w:r>
          </w:p>
          <w:p w:rsidR="00CE304B" w:rsidRDefault="00CE304B" w:rsidP="00CE304B">
            <w:r>
              <w:t xml:space="preserve">                        cancelButtonColor: '#FF586B',</w:t>
            </w:r>
          </w:p>
          <w:p w:rsidR="00CE304B" w:rsidRDefault="00CE304B" w:rsidP="00CE304B">
            <w:r>
              <w:t xml:space="preserve">                        confirmButtonText: 'Yes, Remove',</w:t>
            </w:r>
          </w:p>
          <w:p w:rsidR="00CE304B" w:rsidRDefault="00CE304B" w:rsidP="00CE304B">
            <w:r>
              <w:t xml:space="preserve">                        cancelButtonText: 'Let it be',</w:t>
            </w:r>
          </w:p>
          <w:p w:rsidR="00CE304B" w:rsidRDefault="00CE304B" w:rsidP="00CE304B">
            <w:r>
              <w:t xml:space="preserve">                        showLoaderOnConfirm: true,</w:t>
            </w:r>
          </w:p>
          <w:p w:rsidR="00CE304B" w:rsidRDefault="00CE304B" w:rsidP="00CE304B">
            <w:r>
              <w:t xml:space="preserve">                        reverseButtons: true</w:t>
            </w:r>
          </w:p>
          <w:p w:rsidR="00CE304B" w:rsidRDefault="00CE304B" w:rsidP="00CE304B">
            <w:r>
              <w:t xml:space="preserve">                    }).then((result) =&gt; {</w:t>
            </w:r>
          </w:p>
          <w:p w:rsidR="00CE304B" w:rsidRDefault="00CE304B" w:rsidP="00CE304B">
            <w:r>
              <w:t xml:space="preserve">                        if (result.value) {</w:t>
            </w:r>
          </w:p>
          <w:p w:rsidR="00CE304B" w:rsidRDefault="00CE304B" w:rsidP="00CE304B">
            <w:r>
              <w:t xml:space="preserve">                            lscache.set("auto_location_off", 1, (7 * 24 * 60));</w:t>
            </w:r>
          </w:p>
          <w:p w:rsidR="00CE304B" w:rsidRDefault="00CE304B" w:rsidP="00CE304B">
            <w:r>
              <w:lastRenderedPageBreak/>
              <w:t xml:space="preserve">                            item.remove();</w:t>
            </w:r>
          </w:p>
          <w:p w:rsidR="00CE304B" w:rsidRDefault="00CE304B" w:rsidP="00CE304B">
            <w:r>
              <w:t xml:space="preserve">                            noty("success", "Your preference has been updated!!",</w:t>
            </w:r>
          </w:p>
          <w:p w:rsidR="00CE304B" w:rsidRDefault="00CE304B" w:rsidP="00CE304B">
            <w:r>
              <w:t xml:space="preserve">                                "You will not be shown with your location for the next 7 days.", 5000, "top-right");</w:t>
            </w:r>
          </w:p>
          <w:p w:rsidR="00CE304B" w:rsidRDefault="00CE304B" w:rsidP="00CE304B">
            <w:r>
              <w:t xml:space="preserve">                            /*Swal.fire({</w:t>
            </w:r>
          </w:p>
          <w:p w:rsidR="00CE304B" w:rsidRDefault="00CE304B" w:rsidP="00CE304B">
            <w:r>
              <w:t xml:space="preserve">                                title: "Your preference has been updated!!",</w:t>
            </w:r>
          </w:p>
          <w:p w:rsidR="00CE304B" w:rsidRDefault="00CE304B" w:rsidP="00CE304B">
            <w:r>
              <w:t xml:space="preserve">                                text: "You will not be shown with your location for the next 7 days.",</w:t>
            </w:r>
          </w:p>
          <w:p w:rsidR="00CE304B" w:rsidRDefault="00CE304B" w:rsidP="00CE304B">
            <w:r>
              <w:t xml:space="preserve">                                icon: "success",</w:t>
            </w:r>
          </w:p>
          <w:p w:rsidR="00CE304B" w:rsidRDefault="00CE304B" w:rsidP="00CE304B">
            <w:r>
              <w:t xml:space="preserve">                                confirmButtonText: "Ok, Got it!!"</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r>
              <w:t xml:space="preserve">                } else {</w:t>
            </w:r>
          </w:p>
          <w:p w:rsidR="00CE304B" w:rsidRDefault="00CE304B" w:rsidP="00CE304B">
            <w:r>
              <w:t xml:space="preserve">                    item.remove();</w:t>
            </w:r>
          </w:p>
          <w:p w:rsidR="00CE304B" w:rsidRDefault="00CE304B" w:rsidP="00CE304B">
            <w:r>
              <w:t xml:space="preserve">                }</w:t>
            </w:r>
          </w:p>
          <w:p w:rsidR="00CE304B" w:rsidRDefault="00CE304B" w:rsidP="00CE304B">
            <w:r>
              <w:t xml:space="preserve">            });</w:t>
            </w:r>
          </w:p>
          <w:p w:rsidR="00CE304B" w:rsidRDefault="00CE304B" w:rsidP="00CE304B">
            <w:r>
              <w:t xml:space="preserve">            $(document.body).on("click", "#btnSearchResidence", function (e) {</w:t>
            </w:r>
          </w:p>
          <w:p w:rsidR="00CE304B" w:rsidRDefault="00CE304B" w:rsidP="00CE304B">
            <w:r>
              <w:t xml:space="preserve">                e.preventDefault();</w:t>
            </w:r>
          </w:p>
          <w:p w:rsidR="00CE304B" w:rsidRDefault="00CE304B" w:rsidP="00CE304B">
            <w:r>
              <w:t xml:space="preserve">                $(this).attr("disabled", "disabled");</w:t>
            </w:r>
          </w:p>
          <w:p w:rsidR="00CE304B" w:rsidRDefault="00CE304B" w:rsidP="00CE304B">
            <w:r>
              <w:t xml:space="preserve">                var filter = [];</w:t>
            </w:r>
          </w:p>
          <w:p w:rsidR="00CE304B" w:rsidRDefault="00CE304B" w:rsidP="00CE304B">
            <w:r>
              <w:t xml:space="preserve">                price_range = $("#ddlPriceRange").val().split("-");</w:t>
            </w:r>
          </w:p>
          <w:p w:rsidR="00CE304B" w:rsidRDefault="00CE304B" w:rsidP="00CE304B">
            <w:r>
              <w:t xml:space="preserve">                filter["min"] = price_range[0] || "0";</w:t>
            </w:r>
          </w:p>
          <w:p w:rsidR="00CE304B" w:rsidRDefault="00CE304B" w:rsidP="00CE304B">
            <w:r>
              <w:t xml:space="preserve">                filter["max"] = price_range[1] || "15000";</w:t>
            </w:r>
          </w:p>
          <w:p w:rsidR="00CE304B" w:rsidRDefault="00CE304B" w:rsidP="00CE304B">
            <w:r>
              <w:t xml:space="preserve">                filter["location"] = [...new Set($("#divLocations button").map(function () {</w:t>
            </w:r>
          </w:p>
          <w:p w:rsidR="00CE304B" w:rsidRDefault="00CE304B" w:rsidP="00CE304B">
            <w:r>
              <w:t xml:space="preserve">                    return $(this).data("location");</w:t>
            </w:r>
          </w:p>
          <w:p w:rsidR="00CE304B" w:rsidRDefault="00CE304B" w:rsidP="00CE304B">
            <w:r>
              <w:t xml:space="preserve">                }).get())];</w:t>
            </w:r>
          </w:p>
          <w:p w:rsidR="00CE304B" w:rsidRDefault="00CE304B" w:rsidP="00CE304B">
            <w:r>
              <w:t xml:space="preserve">                filter["residences"] = $("#ddlResidenceType").val();</w:t>
            </w:r>
          </w:p>
          <w:p w:rsidR="00CE304B" w:rsidRDefault="00CE304B" w:rsidP="00CE304B">
            <w:r>
              <w:t xml:space="preserve">                let params = {</w:t>
            </w:r>
          </w:p>
          <w:p w:rsidR="00CE304B" w:rsidRDefault="00CE304B" w:rsidP="00CE304B">
            <w:r>
              <w:t xml:space="preserve">                    "filter": btoa(fnStringifyObject(filter))</w:t>
            </w:r>
          </w:p>
          <w:p w:rsidR="00CE304B" w:rsidRDefault="00CE304B" w:rsidP="00CE304B">
            <w:r>
              <w:t xml:space="preserve">                };</w:t>
            </w:r>
          </w:p>
          <w:p w:rsidR="00CE304B" w:rsidRDefault="00CE304B" w:rsidP="00CE304B">
            <w:r>
              <w:t xml:space="preserve">                fnRedirect("{{ url('/residences", fnObjectToQuery(params));</w:t>
            </w:r>
          </w:p>
          <w:p w:rsidR="00CE304B" w:rsidRDefault="00CE304B" w:rsidP="00CE304B">
            <w:r>
              <w:t xml:space="preserve">            });</w:t>
            </w:r>
          </w:p>
          <w:p w:rsidR="00CE304B" w:rsidRDefault="00CE304B" w:rsidP="00CE304B">
            <w:r>
              <w:t xml:space="preserve">        });</w:t>
            </w:r>
          </w:p>
          <w:p w:rsidR="00CE304B" w:rsidRDefault="00CE304B" w:rsidP="00CE304B"/>
          <w:p w:rsidR="00CE304B" w:rsidRDefault="00CE304B" w:rsidP="00CE304B">
            <w:r>
              <w:t xml:space="preserve">        function initAutocomplete() {</w:t>
            </w:r>
          </w:p>
          <w:p w:rsidR="00CE304B" w:rsidRDefault="00CE304B" w:rsidP="00CE304B">
            <w:r>
              <w:t xml:space="preserve">            geoLocate();</w:t>
            </w:r>
          </w:p>
          <w:p w:rsidR="00CE304B" w:rsidRDefault="00CE304B" w:rsidP="00CE304B">
            <w:r>
              <w:t xml:space="preserve">            autocomplete = new google.maps.places.Autocomplete(</w:t>
            </w:r>
          </w:p>
          <w:p w:rsidR="00CE304B" w:rsidRDefault="00CE304B" w:rsidP="00CE304B">
            <w:r>
              <w:t xml:space="preserve">                document.getElementById('txtLocation'),</w:t>
            </w:r>
          </w:p>
          <w:p w:rsidR="00CE304B" w:rsidRDefault="00CE304B" w:rsidP="00CE304B">
            <w:r>
              <w:t xml:space="preserve">                {</w:t>
            </w:r>
          </w:p>
          <w:p w:rsidR="00CE304B" w:rsidRDefault="00CE304B" w:rsidP="00CE304B">
            <w:r>
              <w:t xml:space="preserve">                    types: ['geocode'],</w:t>
            </w:r>
          </w:p>
          <w:p w:rsidR="00CE304B" w:rsidRDefault="00CE304B" w:rsidP="00CE304B">
            <w:r>
              <w:t xml:space="preserve">                    componentRestrictions: {</w:t>
            </w:r>
          </w:p>
          <w:p w:rsidR="00CE304B" w:rsidRDefault="00CE304B" w:rsidP="00CE304B">
            <w:r>
              <w:t xml:space="preserve">                        country: "us"</w:t>
            </w:r>
          </w:p>
          <w:p w:rsidR="00CE304B" w:rsidRDefault="00CE304B" w:rsidP="00CE304B">
            <w:r>
              <w:t xml:space="preserve">                    }</w:t>
            </w:r>
          </w:p>
          <w:p w:rsidR="00CE304B" w:rsidRDefault="00CE304B" w:rsidP="00CE304B">
            <w:r>
              <w:t xml:space="preserve">                });</w:t>
            </w:r>
          </w:p>
          <w:p w:rsidR="00CE304B" w:rsidRDefault="00CE304B" w:rsidP="00CE304B">
            <w:r>
              <w:t xml:space="preserve">            autocomplete.setFields(['address_component']);</w:t>
            </w:r>
          </w:p>
          <w:p w:rsidR="00CE304B" w:rsidRDefault="00CE304B" w:rsidP="00CE304B">
            <w:r>
              <w:t xml:space="preserve">            autocomplete.addListener('place_changed', fnPlaceChanged);</w:t>
            </w:r>
          </w:p>
          <w:p w:rsidR="00CE304B" w:rsidRDefault="00CE304B" w:rsidP="00CE304B">
            <w:r>
              <w:t xml:space="preserve">            google.maps.event.addDomListener(document.getElementById('txtLocation'), 'keydown', function (e) {</w:t>
            </w:r>
          </w:p>
          <w:p w:rsidR="00CE304B" w:rsidRDefault="00CE304B" w:rsidP="00CE304B">
            <w:r>
              <w:t xml:space="preserve">                if (e.keyCode === 13) {</w:t>
            </w:r>
          </w:p>
          <w:p w:rsidR="00CE304B" w:rsidRDefault="00CE304B" w:rsidP="00CE304B">
            <w:r>
              <w:lastRenderedPageBreak/>
              <w:t xml:space="preserve">                    e.preventDefault();</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p w:rsidR="00CE304B" w:rsidRDefault="00CE304B" w:rsidP="00CE304B">
            <w:r>
              <w:t xml:space="preserve">        function fnPlaceChanged() {</w:t>
            </w:r>
          </w:p>
          <w:p w:rsidR="00CE304B" w:rsidRDefault="00CE304B" w:rsidP="00CE304B">
            <w:r>
              <w:t xml:space="preserve">            var place = autocomplete.getPlace();</w:t>
            </w:r>
          </w:p>
          <w:p w:rsidR="00CE304B" w:rsidRDefault="00CE304B" w:rsidP="00CE304B">
            <w:r>
              <w:t xml:space="preserve">            var locationData = fnGetLocationData(place);</w:t>
            </w:r>
          </w:p>
          <w:p w:rsidR="00CE304B" w:rsidRDefault="00CE304B" w:rsidP="00CE304B">
            <w:r>
              <w:t xml:space="preserve">            if (locationData !== "") {</w:t>
            </w:r>
          </w:p>
          <w:p w:rsidR="00CE304B" w:rsidRDefault="00CE304B" w:rsidP="00CE304B">
            <w:r>
              <w:t xml:space="preserve">                fnAddLocationItem(locationData);</w:t>
            </w:r>
          </w:p>
          <w:p w:rsidR="00CE304B" w:rsidRDefault="00CE304B" w:rsidP="00CE304B">
            <w:r>
              <w:t xml:space="preserve">            } else {</w:t>
            </w:r>
          </w:p>
          <w:p w:rsidR="00CE304B" w:rsidRDefault="00CE304B" w:rsidP="00CE304B">
            <w:r>
              <w:t xml:space="preserve">                swal.fire({</w:t>
            </w:r>
          </w:p>
          <w:p w:rsidR="00CE304B" w:rsidRDefault="00CE304B" w:rsidP="00CE304B">
            <w:r>
              <w:t xml:space="preserve">                    title: "Invalid input!!",</w:t>
            </w:r>
          </w:p>
          <w:p w:rsidR="00CE304B" w:rsidRDefault="00CE304B" w:rsidP="00CE304B">
            <w:r>
              <w:t xml:space="preserve">                    text: "Please enter a city or zip code.",</w:t>
            </w:r>
          </w:p>
          <w:p w:rsidR="00CE304B" w:rsidRDefault="00CE304B" w:rsidP="00CE304B">
            <w:r>
              <w:t xml:space="preserve">                    icon: "warning",</w:t>
            </w:r>
          </w:p>
          <w:p w:rsidR="00CE304B" w:rsidRDefault="00CE304B" w:rsidP="00CE304B">
            <w:r>
              <w:t xml:space="preserve">                    confirmButtonColor: "#DD6B55",</w:t>
            </w:r>
          </w:p>
          <w:p w:rsidR="00CE304B" w:rsidRDefault="00CE304B" w:rsidP="00CE304B">
            <w:r>
              <w:t xml:space="preserve">                    confirmButtonText: "Ok, Got it!!",</w:t>
            </w:r>
          </w:p>
          <w:p w:rsidR="00CE304B" w:rsidRDefault="00CE304B" w:rsidP="00CE304B">
            <w:r>
              <w:t xml:space="preserve">                    allowOutsideClick: false</w:t>
            </w:r>
          </w:p>
          <w:p w:rsidR="00CE304B" w:rsidRDefault="00CE304B" w:rsidP="00CE304B">
            <w:r>
              <w:t xml:space="preserve">                });</w:t>
            </w:r>
          </w:p>
          <w:p w:rsidR="00CE304B" w:rsidRDefault="00CE304B" w:rsidP="00CE304B">
            <w:r>
              <w:t xml:space="preserve">            }</w:t>
            </w:r>
          </w:p>
          <w:p w:rsidR="00CE304B" w:rsidRDefault="00CE304B" w:rsidP="00CE304B">
            <w:r>
              <w:t xml:space="preserve">            $("#txtLocation").val("");</w:t>
            </w:r>
          </w:p>
          <w:p w:rsidR="00CE304B" w:rsidRDefault="00CE304B" w:rsidP="00CE304B">
            <w:r>
              <w:t xml:space="preserve">        }</w:t>
            </w:r>
          </w:p>
          <w:p w:rsidR="00CE304B" w:rsidRDefault="00CE304B" w:rsidP="00CE304B"/>
          <w:p w:rsidR="00CE304B" w:rsidRDefault="00CE304B" w:rsidP="00CE304B">
            <w:r>
              <w:t xml:space="preserve">        function fnGetLocationData(place) {</w:t>
            </w:r>
          </w:p>
          <w:p w:rsidR="00CE304B" w:rsidRDefault="00CE304B" w:rsidP="00CE304B">
            <w:r>
              <w:t xml:space="preserve">            var location = {}, locationData = "";</w:t>
            </w:r>
          </w:p>
          <w:p w:rsidR="00CE304B" w:rsidRDefault="00CE304B" w:rsidP="00CE304B">
            <w:r>
              <w:t xml:space="preserve">            for (var i = 0; i &lt; place.address_components.length; i++) {</w:t>
            </w:r>
          </w:p>
          <w:p w:rsidR="00CE304B" w:rsidRDefault="00CE304B" w:rsidP="00CE304B">
            <w:r>
              <w:t xml:space="preserve">                var addressType = place.address_components[i].types[0];</w:t>
            </w:r>
          </w:p>
          <w:p w:rsidR="00CE304B" w:rsidRDefault="00CE304B" w:rsidP="00CE304B">
            <w:r>
              <w:t xml:space="preserve">                if (addressType === "postal_code") {</w:t>
            </w:r>
          </w:p>
          <w:p w:rsidR="00CE304B" w:rsidRDefault="00CE304B" w:rsidP="00CE304B">
            <w:r>
              <w:t xml:space="preserve">                    location["zip_code"] = place.address_components[i]["short_name"];</w:t>
            </w:r>
          </w:p>
          <w:p w:rsidR="00CE304B" w:rsidRDefault="00CE304B" w:rsidP="00CE304B">
            <w:r>
              <w:t xml:space="preserve">                }</w:t>
            </w:r>
          </w:p>
          <w:p w:rsidR="00CE304B" w:rsidRDefault="00CE304B" w:rsidP="00CE304B">
            <w:r>
              <w:t xml:space="preserve">                if (addressType === "locality") {</w:t>
            </w:r>
          </w:p>
          <w:p w:rsidR="00CE304B" w:rsidRDefault="00CE304B" w:rsidP="00CE304B">
            <w:r>
              <w:t xml:space="preserve">                    location["city_alt"] = place.address_components[i]["long_name"];</w:t>
            </w:r>
          </w:p>
          <w:p w:rsidR="00CE304B" w:rsidRDefault="00CE304B" w:rsidP="00CE304B">
            <w:r>
              <w:t xml:space="preserve">                }</w:t>
            </w:r>
          </w:p>
          <w:p w:rsidR="00CE304B" w:rsidRDefault="00CE304B" w:rsidP="00CE304B">
            <w:r>
              <w:t xml:space="preserve">                if (addressType === "neighborhood") {</w:t>
            </w:r>
          </w:p>
          <w:p w:rsidR="00CE304B" w:rsidRDefault="00CE304B" w:rsidP="00CE304B">
            <w:r>
              <w:t xml:space="preserve">                    location["city"] = place.address_components[i]["long_name"];</w:t>
            </w:r>
          </w:p>
          <w:p w:rsidR="00CE304B" w:rsidRDefault="00CE304B" w:rsidP="00CE304B">
            <w:r>
              <w:t xml:space="preserve">                }</w:t>
            </w:r>
          </w:p>
          <w:p w:rsidR="00CE304B" w:rsidRDefault="00CE304B" w:rsidP="00CE304B">
            <w:r>
              <w:t xml:space="preserve">                if (addressType === "administrative_area_level_1") {</w:t>
            </w:r>
          </w:p>
          <w:p w:rsidR="00CE304B" w:rsidRDefault="00CE304B" w:rsidP="00CE304B">
            <w:r>
              <w:t xml:space="preserve">                    location["state"] = place.address_components[i]["short_name"];</w:t>
            </w:r>
          </w:p>
          <w:p w:rsidR="00CE304B" w:rsidRDefault="00CE304B" w:rsidP="00CE304B">
            <w:r>
              <w:t xml:space="preserve">                }</w:t>
            </w:r>
          </w:p>
          <w:p w:rsidR="00CE304B" w:rsidRDefault="00CE304B" w:rsidP="00CE304B">
            <w:r>
              <w:t xml:space="preserve">            }</w:t>
            </w:r>
          </w:p>
          <w:p w:rsidR="00CE304B" w:rsidRDefault="00CE304B" w:rsidP="00CE304B">
            <w:r>
              <w:t xml:space="preserve">            if (location.hasOwnProperty("zip_code")) {</w:t>
            </w:r>
          </w:p>
          <w:p w:rsidR="00CE304B" w:rsidRDefault="00CE304B" w:rsidP="00CE304B">
            <w:r>
              <w:t xml:space="preserve">                locationData = "zip_code~" + location["zip_code"];</w:t>
            </w:r>
          </w:p>
          <w:p w:rsidR="00CE304B" w:rsidRDefault="00CE304B" w:rsidP="00CE304B">
            <w:r>
              <w:t xml:space="preserve">            } else if (location.hasOwnProperty("city")) {</w:t>
            </w:r>
          </w:p>
          <w:p w:rsidR="00CE304B" w:rsidRDefault="00CE304B" w:rsidP="00CE304B">
            <w:r>
              <w:t xml:space="preserve">                locationData = "city~" + location["city"];</w:t>
            </w:r>
          </w:p>
          <w:p w:rsidR="00CE304B" w:rsidRDefault="00CE304B" w:rsidP="00CE304B">
            <w:r>
              <w:t xml:space="preserve">            } else if (location.hasOwnProperty("city_alt")) {</w:t>
            </w:r>
          </w:p>
          <w:p w:rsidR="00CE304B" w:rsidRDefault="00CE304B" w:rsidP="00CE304B">
            <w:r>
              <w:t xml:space="preserve">                locationData = "city~" + location["city_alt"];</w:t>
            </w:r>
          </w:p>
          <w:p w:rsidR="00CE304B" w:rsidRDefault="00CE304B" w:rsidP="00CE304B">
            <w:r>
              <w:t xml:space="preserve">            }/* else if (location.hasOwnProperty("state")) {</w:t>
            </w:r>
          </w:p>
          <w:p w:rsidR="00CE304B" w:rsidRDefault="00CE304B" w:rsidP="00CE304B">
            <w:r>
              <w:t xml:space="preserve">                locationData = "state~" + location["state"];</w:t>
            </w:r>
          </w:p>
          <w:p w:rsidR="00CE304B" w:rsidRDefault="00CE304B" w:rsidP="00CE304B">
            <w:r>
              <w:lastRenderedPageBreak/>
              <w:t xml:space="preserve">            }*/</w:t>
            </w:r>
          </w:p>
          <w:p w:rsidR="00CE304B" w:rsidRDefault="00CE304B" w:rsidP="00CE304B">
            <w:r>
              <w:t xml:space="preserve">            return locationData;</w:t>
            </w:r>
          </w:p>
          <w:p w:rsidR="00CE304B" w:rsidRDefault="00CE304B" w:rsidP="00CE304B">
            <w:r>
              <w:t xml:space="preserve">        }</w:t>
            </w:r>
          </w:p>
          <w:p w:rsidR="00CE304B" w:rsidRDefault="00CE304B" w:rsidP="00CE304B"/>
          <w:p w:rsidR="00CE304B" w:rsidRDefault="00CE304B" w:rsidP="00CE304B">
            <w:r>
              <w:t xml:space="preserve">        function fnAddLocationItem(data, theme = 'light', title = "Added Location") {</w:t>
            </w:r>
          </w:p>
          <w:p w:rsidR="00CE304B" w:rsidRDefault="00CE304B" w:rsidP="00CE304B">
            <w:r>
              <w:t xml:space="preserve">            let locData = data.split('~');</w:t>
            </w:r>
          </w:p>
          <w:p w:rsidR="00CE304B" w:rsidRDefault="00CE304B" w:rsidP="00CE304B">
            <w:r>
              <w:t xml:space="preserve">            var existing = $("#divLocations button:contains(" + locData[1] + ")");</w:t>
            </w:r>
          </w:p>
          <w:p w:rsidR="00CE304B" w:rsidRDefault="00CE304B" w:rsidP="00CE304B">
            <w:r>
              <w:t xml:space="preserve">            if (existing.length &gt; 0) {</w:t>
            </w:r>
          </w:p>
          <w:p w:rsidR="00CE304B" w:rsidRDefault="00CE304B" w:rsidP="00CE304B">
            <w:r>
              <w:t xml:space="preserve">                $(existing).attr("title", title);</w:t>
            </w:r>
          </w:p>
          <w:p w:rsidR="00CE304B" w:rsidRDefault="00CE304B" w:rsidP="00CE304B">
            <w:r>
              <w:t xml:space="preserve">                $(existing).removeClass("btn-light");</w:t>
            </w:r>
          </w:p>
          <w:p w:rsidR="00CE304B" w:rsidRDefault="00CE304B" w:rsidP="00CE304B">
            <w:r>
              <w:t xml:space="preserve">                $(existing).addClass("btn-" + theme);</w:t>
            </w:r>
          </w:p>
          <w:p w:rsidR="00CE304B" w:rsidRDefault="00CE304B" w:rsidP="00CE304B">
            <w:r>
              <w:t xml:space="preserve">            } else {</w:t>
            </w:r>
          </w:p>
          <w:p w:rsidR="00CE304B" w:rsidRDefault="00CE304B" w:rsidP="00CE304B">
            <w:r>
              <w:t xml:space="preserve">                var template = $('&lt;button type="button" class="btn btn-' + theme + ' btn-sm mr-1 mb-1 wow fadeInDown"&gt;&lt;span class="badge remove-item ml-1"&gt;&amp;times;&lt;/span&gt;&lt;/button&gt;');</w:t>
            </w:r>
          </w:p>
          <w:p w:rsidR="00CE304B" w:rsidRDefault="00CE304B" w:rsidP="00CE304B">
            <w:r>
              <w:t xml:space="preserve">                template.prepend(_.upperFirst(_.camelCase(locData[0])) + ": " + locData[1]);</w:t>
            </w:r>
          </w:p>
          <w:p w:rsidR="00CE304B" w:rsidRDefault="00CE304B" w:rsidP="00CE304B">
            <w:r>
              <w:t xml:space="preserve">                $(template).data("location", data);</w:t>
            </w:r>
          </w:p>
          <w:p w:rsidR="00CE304B" w:rsidRDefault="00CE304B" w:rsidP="00CE304B">
            <w:r>
              <w:t xml:space="preserve">                $(template).attr("title", title);</w:t>
            </w:r>
          </w:p>
          <w:p w:rsidR="00CE304B" w:rsidRDefault="00CE304B" w:rsidP="00CE304B">
            <w:r>
              <w:t xml:space="preserve">                $("#divLocations").append(template);</w:t>
            </w:r>
          </w:p>
          <w:p w:rsidR="00CE304B" w:rsidRDefault="00CE304B" w:rsidP="00CE304B">
            <w:r>
              <w:t xml:space="preserve">            }</w:t>
            </w:r>
          </w:p>
          <w:p w:rsidR="00CE304B" w:rsidRDefault="00CE304B" w:rsidP="00CE304B">
            <w:r>
              <w:t xml:space="preserve">        }</w:t>
            </w:r>
          </w:p>
          <w:p w:rsidR="00CE304B" w:rsidRDefault="00CE304B" w:rsidP="00CE304B"/>
          <w:p w:rsidR="00CE304B" w:rsidRDefault="00CE304B" w:rsidP="00CE304B">
            <w:r>
              <w:t xml:space="preserve">        function geoLocate() {</w:t>
            </w:r>
          </w:p>
          <w:p w:rsidR="00CE304B" w:rsidRDefault="00CE304B" w:rsidP="00CE304B">
            <w:r>
              <w:t xml:space="preserve">            if (navigator.geolocation) {</w:t>
            </w:r>
          </w:p>
          <w:p w:rsidR="00CE304B" w:rsidRDefault="00CE304B" w:rsidP="00CE304B">
            <w:r>
              <w:t xml:space="preserve">                navigator.geolocation.getCurrentPosition(function (position) {</w:t>
            </w:r>
          </w:p>
          <w:p w:rsidR="00CE304B" w:rsidRDefault="00CE304B" w:rsidP="00CE304B">
            <w:r>
              <w:t xml:space="preserve">                    var geolocation = {</w:t>
            </w:r>
          </w:p>
          <w:p w:rsidR="00CE304B" w:rsidRDefault="00CE304B" w:rsidP="00CE304B">
            <w:r>
              <w:t xml:space="preserve">                        lat: position.coords.latitude,</w:t>
            </w:r>
          </w:p>
          <w:p w:rsidR="00CE304B" w:rsidRDefault="00CE304B" w:rsidP="00CE304B">
            <w:r>
              <w:t xml:space="preserve">                        lng: position.coords.longitude</w:t>
            </w:r>
          </w:p>
          <w:p w:rsidR="00CE304B" w:rsidRDefault="00CE304B" w:rsidP="00CE304B">
            <w:r>
              <w:t xml:space="preserve">                    };</w:t>
            </w:r>
          </w:p>
          <w:p w:rsidR="00CE304B" w:rsidRDefault="00CE304B" w:rsidP="00CE304B">
            <w:r>
              <w:t xml:space="preserve">                    var circle = new google.maps.Circle(</w:t>
            </w:r>
          </w:p>
          <w:p w:rsidR="00CE304B" w:rsidRDefault="00CE304B" w:rsidP="00CE304B">
            <w:r>
              <w:t xml:space="preserve">                        {center: geolocation, radius: position.coords.accuracy});</w:t>
            </w:r>
          </w:p>
          <w:p w:rsidR="00CE304B" w:rsidRDefault="00CE304B" w:rsidP="00CE304B">
            <w:r>
              <w:t xml:space="preserve">                    autocomplete.setBounds(circle.getBounds());</w:t>
            </w:r>
          </w:p>
          <w:p w:rsidR="00CE304B" w:rsidRDefault="00CE304B" w:rsidP="00CE304B">
            <w:r>
              <w:t xml:space="preserve">                    if (!lscache.get("auto_location_off")) {</w:t>
            </w:r>
          </w:p>
          <w:p w:rsidR="00CE304B" w:rsidRDefault="00CE304B" w:rsidP="00CE304B">
            <w:r>
              <w:t xml:space="preserve">                        var point = new google.maps.LatLng(position.coords.latitude, position.coords.longitude);</w:t>
            </w:r>
          </w:p>
          <w:p w:rsidR="00CE304B" w:rsidRDefault="00CE304B" w:rsidP="00CE304B">
            <w:r>
              <w:t xml:space="preserve">                        new google.maps.Geocoder().geocode({'latLng': point}, function (res, status) {</w:t>
            </w:r>
          </w:p>
          <w:p w:rsidR="00CE304B" w:rsidRDefault="00CE304B" w:rsidP="00CE304B">
            <w:r>
              <w:t xml:space="preserve">                            if (status === google.maps.GeocoderStatus.OK &amp;&amp; typeof res[0] !== 'undefined') {</w:t>
            </w:r>
          </w:p>
          <w:p w:rsidR="00CE304B" w:rsidRDefault="00CE304B" w:rsidP="00CE304B">
            <w:r>
              <w:t xml:space="preserve">                                var locationData = fnGetLocationData(res[0]);</w:t>
            </w:r>
          </w:p>
          <w:p w:rsidR="00CE304B" w:rsidRDefault="00CE304B" w:rsidP="00CE304B">
            <w:r>
              <w:t xml:space="preserve">                                if (locationData !== "") {</w:t>
            </w:r>
          </w:p>
          <w:p w:rsidR="00CE304B" w:rsidRDefault="00CE304B" w:rsidP="00CE304B">
            <w:r>
              <w:t xml:space="preserve">                                    fnAddLocationItem(locationData, 'success', 'Your Location');</w:t>
            </w:r>
          </w:p>
          <w:p w:rsidR="00CE304B" w:rsidRDefault="00CE304B" w:rsidP="00CE304B">
            <w:r>
              <w:t xml:space="preserve">                                } else {</w:t>
            </w:r>
          </w:p>
          <w:p w:rsidR="00CE304B" w:rsidRDefault="00CE304B" w:rsidP="00CE304B">
            <w:r>
              <w:t xml:space="preserve">                                    fail('Unable to get zip code');</w:t>
            </w:r>
          </w:p>
          <w:p w:rsidR="00CE304B" w:rsidRDefault="00CE304B" w:rsidP="00CE304B">
            <w:r>
              <w:t xml:space="preserve">                                }</w:t>
            </w:r>
          </w:p>
          <w:p w:rsidR="00CE304B" w:rsidRDefault="00CE304B" w:rsidP="00CE304B">
            <w:r>
              <w:t xml:space="preserve">                            } else {</w:t>
            </w:r>
          </w:p>
          <w:p w:rsidR="00CE304B" w:rsidRDefault="00CE304B" w:rsidP="00CE304B">
            <w:r>
              <w:t xml:space="preserve">                                fail('Unable to look-up geolocation');</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r>
              <w:t xml:space="preserve">            } else {</w:t>
            </w:r>
          </w:p>
          <w:p w:rsidR="00CE304B" w:rsidRDefault="00CE304B" w:rsidP="00CE304B">
            <w:r>
              <w:lastRenderedPageBreak/>
              <w:t xml:space="preserve">                console.log("Geolocation not supported");</w:t>
            </w:r>
          </w:p>
          <w:p w:rsidR="00CE304B" w:rsidRDefault="00CE304B" w:rsidP="00CE304B">
            <w:r>
              <w:t xml:space="preserve">            }</w:t>
            </w:r>
          </w:p>
          <w:p w:rsidR="00CE304B" w:rsidRDefault="00CE304B" w:rsidP="00CE304B">
            <w:r>
              <w:t xml:space="preserve">        }</w:t>
            </w:r>
          </w:p>
          <w:p w:rsidR="00CE304B" w:rsidRDefault="00CE304B" w:rsidP="00CE304B"/>
          <w:p w:rsidR="00CE304B" w:rsidRDefault="00CE304B" w:rsidP="00CE304B">
            <w:r>
              <w:t xml:space="preserve">        function fnObjectToQuery(obj) {</w:t>
            </w:r>
          </w:p>
          <w:p w:rsidR="00CE304B" w:rsidRDefault="00CE304B" w:rsidP="00CE304B">
            <w:r>
              <w:t xml:space="preserve">            obj = fnRefineObject(obj);</w:t>
            </w:r>
          </w:p>
          <w:p w:rsidR="00CE304B" w:rsidRDefault="00CE304B" w:rsidP="00CE304B">
            <w:r>
              <w:t xml:space="preserve">            return Object.keys(obj).map(function (prop) {</w:t>
            </w:r>
          </w:p>
          <w:p w:rsidR="00CE304B" w:rsidRDefault="00CE304B" w:rsidP="00CE304B">
            <w:r>
              <w:t xml:space="preserve">                return prop + "=" + obj[prop];</w:t>
            </w:r>
          </w:p>
          <w:p w:rsidR="00CE304B" w:rsidRDefault="00CE304B" w:rsidP="00CE304B">
            <w:r>
              <w:t xml:space="preserve">            }).join("&amp;");</w:t>
            </w:r>
          </w:p>
          <w:p w:rsidR="00CE304B" w:rsidRDefault="00CE304B" w:rsidP="00CE304B">
            <w:r>
              <w:t xml:space="preserve">        }</w:t>
            </w:r>
          </w:p>
          <w:p w:rsidR="00CE304B" w:rsidRDefault="00CE304B" w:rsidP="00CE304B"/>
          <w:p w:rsidR="00CE304B" w:rsidRDefault="00CE304B" w:rsidP="00CE304B">
            <w:r>
              <w:t xml:space="preserve">        function fnStringifyObject(obj) {</w:t>
            </w:r>
          </w:p>
          <w:p w:rsidR="00CE304B" w:rsidRDefault="00CE304B" w:rsidP="00CE304B">
            <w:r>
              <w:t xml:space="preserve">            obj = fnRefineObject(obj);</w:t>
            </w:r>
          </w:p>
          <w:p w:rsidR="00CE304B" w:rsidRDefault="00CE304B" w:rsidP="00CE304B">
            <w:r>
              <w:t xml:space="preserve">            let newArray = [];</w:t>
            </w:r>
          </w:p>
          <w:p w:rsidR="00CE304B" w:rsidRDefault="00CE304B" w:rsidP="00CE304B">
            <w:r>
              <w:t xml:space="preserve">            Object.keys(obj).forEach((prop) =&gt; {</w:t>
            </w:r>
          </w:p>
          <w:p w:rsidR="00CE304B" w:rsidRDefault="00CE304B" w:rsidP="00CE304B">
            <w:r>
              <w:t xml:space="preserve">                newArray.push(prop + ":" + ((obj[prop].constructor === Array) ? obj[prop].join(",") : obj[prop]));</w:t>
            </w:r>
          </w:p>
          <w:p w:rsidR="00CE304B" w:rsidRDefault="00CE304B" w:rsidP="00CE304B">
            <w:r>
              <w:t xml:space="preserve">            });</w:t>
            </w:r>
          </w:p>
          <w:p w:rsidR="00CE304B" w:rsidRDefault="00CE304B" w:rsidP="00CE304B">
            <w:r>
              <w:t xml:space="preserve">            return newArray.join("|");</w:t>
            </w:r>
          </w:p>
          <w:p w:rsidR="00CE304B" w:rsidRDefault="00CE304B" w:rsidP="00CE304B">
            <w:r>
              <w:t xml:space="preserve">        }</w:t>
            </w:r>
          </w:p>
          <w:p w:rsidR="00CE304B" w:rsidRDefault="00CE304B" w:rsidP="00CE304B"/>
          <w:p w:rsidR="00CE304B" w:rsidRDefault="00CE304B" w:rsidP="00CE304B">
            <w:r>
              <w:t xml:space="preserve">        function fnRefineObject(obj) {</w:t>
            </w:r>
          </w:p>
          <w:p w:rsidR="00CE304B" w:rsidRDefault="00CE304B" w:rsidP="00CE304B">
            <w:r>
              <w:t xml:space="preserve">            let newObj = {};</w:t>
            </w:r>
          </w:p>
          <w:p w:rsidR="00CE304B" w:rsidRDefault="00CE304B" w:rsidP="00CE304B">
            <w:r>
              <w:t xml:space="preserve">            Object.keys(obj).forEach((prop) =&gt; {</w:t>
            </w:r>
          </w:p>
          <w:p w:rsidR="00CE304B" w:rsidRDefault="00CE304B" w:rsidP="00CE304B">
            <w:r>
              <w:t xml:space="preserve">                if (obj[prop] &amp;&amp; !(Object.keys(obj[prop]).length === 0 &amp;&amp; obj[prop].constructor === Object) &amp;&amp;</w:t>
            </w:r>
          </w:p>
          <w:p w:rsidR="00CE304B" w:rsidRDefault="00CE304B" w:rsidP="00CE304B">
            <w:r>
              <w:t xml:space="preserve">                    !(obj[prop].constructor === Array &amp;&amp; obj[prop].length === 0)) {</w:t>
            </w:r>
          </w:p>
          <w:p w:rsidR="00CE304B" w:rsidRDefault="00CE304B" w:rsidP="00CE304B">
            <w:r>
              <w:t xml:space="preserve">                    newObj[prop] = obj[prop];</w:t>
            </w:r>
          </w:p>
          <w:p w:rsidR="00CE304B" w:rsidRDefault="00CE304B" w:rsidP="00CE304B">
            <w:r>
              <w:t xml:space="preserve">                }</w:t>
            </w:r>
          </w:p>
          <w:p w:rsidR="00CE304B" w:rsidRDefault="00CE304B" w:rsidP="00CE304B">
            <w:r>
              <w:t xml:space="preserve">            });</w:t>
            </w:r>
          </w:p>
          <w:p w:rsidR="00CE304B" w:rsidRDefault="00CE304B" w:rsidP="00CE304B">
            <w:r>
              <w:t xml:space="preserve">            return newObj;</w:t>
            </w:r>
          </w:p>
          <w:p w:rsidR="00CE304B" w:rsidRDefault="00CE304B" w:rsidP="00CE304B">
            <w:r>
              <w:t xml:space="preserve">        }</w:t>
            </w:r>
          </w:p>
          <w:p w:rsidR="00CE304B" w:rsidRDefault="00CE304B" w:rsidP="00CE304B"/>
          <w:p w:rsidR="00CE304B" w:rsidRDefault="00CE304B" w:rsidP="00CE304B">
            <w:r>
              <w:t xml:space="preserve">        function fnRedirect(url, query) {</w:t>
            </w:r>
          </w:p>
          <w:p w:rsidR="00CE304B" w:rsidRDefault="00CE304B" w:rsidP="00CE304B">
            <w:r>
              <w:t xml:space="preserve">            window.location.href = url + (query ? "?" + query : "");</w:t>
            </w:r>
          </w:p>
          <w:p w:rsidR="00CE304B" w:rsidRDefault="00CE304B" w:rsidP="00CE304B">
            <w:r>
              <w:t xml:space="preserve">        }</w:t>
            </w:r>
          </w:p>
          <w:p w:rsidR="00CE304B" w:rsidRDefault="00CE304B" w:rsidP="00CE304B">
            <w:r>
              <w:t xml:space="preserve">    &lt;/script&gt;</w:t>
            </w:r>
          </w:p>
          <w:p w:rsidR="00CE304B" w:rsidRDefault="00CE304B" w:rsidP="00CE304B">
            <w:r>
              <w:t>&lt;!--------------------filter validation ends------------------&gt;</w:t>
            </w:r>
          </w:p>
          <w:p w:rsidR="00CE304B" w:rsidRDefault="00CE304B" w:rsidP="00CE304B">
            <w:r>
              <w:t xml:space="preserve">    &lt;script type="text/javascript"&gt;</w:t>
            </w:r>
          </w:p>
          <w:p w:rsidR="00CE304B" w:rsidRDefault="00CE304B" w:rsidP="00CE304B">
            <w:r>
              <w:t xml:space="preserve">        $(document).ready(function () {</w:t>
            </w:r>
          </w:p>
          <w:p w:rsidR="00CE304B" w:rsidRDefault="00CE304B" w:rsidP="00CE304B">
            <w:r>
              <w:t xml:space="preserve">                });</w:t>
            </w:r>
          </w:p>
          <w:p w:rsidR="00CE304B" w:rsidRDefault="00CE304B" w:rsidP="00CE304B">
            <w:r>
              <w:t xml:space="preserve">        function onStorageEvent(e) {</w:t>
            </w:r>
          </w:p>
          <w:p w:rsidR="00CE304B" w:rsidRDefault="00CE304B" w:rsidP="00CE304B">
            <w:r>
              <w:t xml:space="preserve">            if (e.key === "session-expired") {</w:t>
            </w:r>
          </w:p>
          <w:p w:rsidR="00CE304B" w:rsidRDefault="00CE304B" w:rsidP="00CE304B">
            <w:r>
              <w:t xml:space="preserve">                swal.fire({</w:t>
            </w:r>
          </w:p>
          <w:p w:rsidR="00CE304B" w:rsidRDefault="00CE304B" w:rsidP="00CE304B">
            <w:r>
              <w:t xml:space="preserve">                    title: "You Session seems Expired!!",</w:t>
            </w:r>
          </w:p>
          <w:p w:rsidR="00CE304B" w:rsidRDefault="00CE304B" w:rsidP="00CE304B">
            <w:r>
              <w:t xml:space="preserve">                    text: "You have logged out from your other active session.",</w:t>
            </w:r>
          </w:p>
          <w:p w:rsidR="00CE304B" w:rsidRDefault="00CE304B" w:rsidP="00CE304B">
            <w:r>
              <w:t xml:space="preserve">                    icon: "info",</w:t>
            </w:r>
          </w:p>
          <w:p w:rsidR="00CE304B" w:rsidRDefault="00CE304B" w:rsidP="00CE304B">
            <w:r>
              <w:t xml:space="preserve">                    confirmButtonColor: "#DD6B55",</w:t>
            </w:r>
          </w:p>
          <w:p w:rsidR="00CE304B" w:rsidRDefault="00CE304B" w:rsidP="00CE304B">
            <w:r>
              <w:t xml:space="preserve">                    confirmButtonText: "Ok, Got it!!",</w:t>
            </w:r>
          </w:p>
          <w:p w:rsidR="00CE304B" w:rsidRDefault="00CE304B" w:rsidP="00CE304B">
            <w:r>
              <w:lastRenderedPageBreak/>
              <w:t xml:space="preserve">                    showLoaderOnConfirm: true,</w:t>
            </w:r>
          </w:p>
          <w:p w:rsidR="00CE304B" w:rsidRDefault="00CE304B" w:rsidP="00CE304B">
            <w:r>
              <w:t xml:space="preserve">                    allowOutsideClick: false</w:t>
            </w:r>
          </w:p>
          <w:p w:rsidR="00CE304B" w:rsidRDefault="00CE304B" w:rsidP="00CE304B">
            <w:r>
              <w:t xml:space="preserve">                }).then((result) =&gt; {</w:t>
            </w:r>
          </w:p>
          <w:p w:rsidR="00CE304B" w:rsidRDefault="00CE304B" w:rsidP="00CE304B">
            <w:r>
              <w:t xml:space="preserve">                    if (result.value) {</w:t>
            </w:r>
          </w:p>
          <w:p w:rsidR="00CE304B" w:rsidRDefault="00CE304B" w:rsidP="00CE304B">
            <w:r>
              <w:t xml:space="preserve">                        Swal.fire({</w:t>
            </w:r>
          </w:p>
          <w:p w:rsidR="00CE304B" w:rsidRDefault="00CE304B" w:rsidP="00CE304B">
            <w:r>
              <w:t xml:space="preserve">                            title: 'Please wait!!',</w:t>
            </w:r>
          </w:p>
          <w:p w:rsidR="00CE304B" w:rsidRDefault="00CE304B" w:rsidP="00CE304B">
            <w:r>
              <w:t xml:space="preserve">                            showLoaderOnConfirm: true,</w:t>
            </w:r>
          </w:p>
          <w:p w:rsidR="00CE304B" w:rsidRDefault="00CE304B" w:rsidP="00CE304B">
            <w:r>
              <w:t xml:space="preserve">                            showConfirmButton: false,</w:t>
            </w:r>
          </w:p>
          <w:p w:rsidR="00CE304B" w:rsidRDefault="00CE304B" w:rsidP="00CE304B">
            <w:r>
              <w:t xml:space="preserve">                            allowOutsideClick: false,</w:t>
            </w:r>
          </w:p>
          <w:p w:rsidR="00CE304B" w:rsidRDefault="00CE304B" w:rsidP="00CE304B">
            <w:r>
              <w:t xml:space="preserve">                            onBeforeOpen: () =&gt; {</w:t>
            </w:r>
          </w:p>
          <w:p w:rsidR="00CE304B" w:rsidRDefault="00CE304B" w:rsidP="00CE304B">
            <w:r>
              <w:t xml:space="preserve">                                Swal.showLoading();</w:t>
            </w:r>
          </w:p>
          <w:p w:rsidR="00CE304B" w:rsidRDefault="00CE304B" w:rsidP="00CE304B">
            <w:r>
              <w:t xml:space="preserve">                            }</w:t>
            </w:r>
          </w:p>
          <w:p w:rsidR="00CE304B" w:rsidRDefault="00CE304B" w:rsidP="00CE304B">
            <w:r>
              <w:t xml:space="preserve">                        });</w:t>
            </w:r>
          </w:p>
          <w:p w:rsidR="00CE304B" w:rsidRDefault="00CE304B" w:rsidP="00CE304B">
            <w:r>
              <w:t xml:space="preserve">                        window.location.reload();</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r>
              <w:t xml:space="preserve">        window.addEventListener('storage', onStorageEvent);</w:t>
            </w:r>
          </w:p>
          <w:p w:rsidR="00CE304B" w:rsidRDefault="00CE304B" w:rsidP="00CE304B">
            <w:r>
              <w:t xml:space="preserve">        /*$(document).ready(function () {</w:t>
            </w:r>
          </w:p>
          <w:p w:rsidR="00CE304B" w:rsidRDefault="00CE304B" w:rsidP="00CE304B">
            <w:r>
              <w:t xml:space="preserve">            const timeout = 20000;  // 900000 ms = 15 minutes</w:t>
            </w:r>
          </w:p>
          <w:p w:rsidR="00CE304B" w:rsidRDefault="00CE304B" w:rsidP="00CE304B">
            <w:r>
              <w:t xml:space="preserve">            var idleTimer = null;</w:t>
            </w:r>
          </w:p>
          <w:p w:rsidR="00CE304B" w:rsidRDefault="00CE304B" w:rsidP="00CE304B">
            <w:r>
              <w:t xml:space="preserve">            $('*').bind('mousemove click mouseup mousedown keydown keypress keyup submit change mouseenter scroll resize dblclick', function () {</w:t>
            </w:r>
          </w:p>
          <w:p w:rsidR="00CE304B" w:rsidRDefault="00CE304B" w:rsidP="00CE304B">
            <w:r>
              <w:t xml:space="preserve">                clearTimeout(idleTimer);</w:t>
            </w:r>
          </w:p>
          <w:p w:rsidR="00CE304B" w:rsidRDefault="00CE304B" w:rsidP="00CE304B"/>
          <w:p w:rsidR="00CE304B" w:rsidRDefault="00CE304B" w:rsidP="00CE304B">
            <w:r>
              <w:t xml:space="preserve">                idleTimer = setTimeout(function () {</w:t>
            </w:r>
          </w:p>
          <w:p w:rsidR="00CE304B" w:rsidRDefault="00CE304B" w:rsidP="00CE304B">
            <w:r>
              <w:t xml:space="preserve">                    /!*document.getElementById('logout-form').submit();*!/</w:t>
            </w:r>
          </w:p>
          <w:p w:rsidR="00CE304B" w:rsidRDefault="00CE304B" w:rsidP="00CE304B">
            <w:r>
              <w:t xml:space="preserve">                    alert("You are idle for more than 60 seconds")</w:t>
            </w:r>
          </w:p>
          <w:p w:rsidR="00CE304B" w:rsidRDefault="00CE304B" w:rsidP="00CE304B">
            <w:r>
              <w:t xml:space="preserve">                }, timeout);</w:t>
            </w:r>
          </w:p>
          <w:p w:rsidR="00CE304B" w:rsidRDefault="00CE304B" w:rsidP="00CE304B">
            <w:r>
              <w:t xml:space="preserve">            });</w:t>
            </w:r>
          </w:p>
          <w:p w:rsidR="00CE304B" w:rsidRDefault="00CE304B" w:rsidP="00CE304B">
            <w:r>
              <w:t xml:space="preserve">            $("body").trigger("mousemove");</w:t>
            </w:r>
          </w:p>
          <w:p w:rsidR="00CE304B" w:rsidRDefault="00CE304B" w:rsidP="00CE304B">
            <w:r>
              <w:t xml:space="preserve">        });*/</w:t>
            </w:r>
          </w:p>
          <w:p w:rsidR="00CE304B" w:rsidRDefault="00CE304B" w:rsidP="00CE304B">
            <w:r>
              <w:t xml:space="preserve">    &lt;/script&gt;</w:t>
            </w:r>
          </w:p>
          <w:p w:rsidR="00CE304B" w:rsidRDefault="00CE304B" w:rsidP="00CE304B">
            <w:r>
              <w:t>&lt;!-- end of script --&gt;</w:t>
            </w:r>
          </w:p>
          <w:p w:rsidR="00CE304B" w:rsidRDefault="00CE304B" w:rsidP="00CE304B"/>
          <w:p w:rsidR="00CE304B" w:rsidRDefault="00CE304B" w:rsidP="00CE304B">
            <w:r>
              <w:t>&lt;!-- start of location script --&gt;</w:t>
            </w:r>
          </w:p>
          <w:p w:rsidR="00CE304B" w:rsidRDefault="00CE304B" w:rsidP="00CE304B">
            <w:r>
              <w:t>&lt;script&gt;</w:t>
            </w:r>
          </w:p>
          <w:p w:rsidR="00CE304B" w:rsidRDefault="00CE304B" w:rsidP="00CE304B">
            <w:r>
              <w:t>function initAutocomplete() {</w:t>
            </w:r>
          </w:p>
          <w:p w:rsidR="00CE304B" w:rsidRDefault="00CE304B" w:rsidP="00CE304B">
            <w:r>
              <w:t xml:space="preserve">            geoLocate();</w:t>
            </w:r>
          </w:p>
          <w:p w:rsidR="00CE304B" w:rsidRDefault="00CE304B" w:rsidP="00CE304B">
            <w:r>
              <w:t xml:space="preserve">            autocomplete = new google.maps.places.Autocomplete(</w:t>
            </w:r>
          </w:p>
          <w:p w:rsidR="00CE304B" w:rsidRDefault="00CE304B" w:rsidP="00CE304B">
            <w:r>
              <w:t xml:space="preserve">                document.getElementById('txtLocation'),</w:t>
            </w:r>
          </w:p>
          <w:p w:rsidR="00CE304B" w:rsidRDefault="00CE304B" w:rsidP="00CE304B">
            <w:r>
              <w:t xml:space="preserve">                {</w:t>
            </w:r>
          </w:p>
          <w:p w:rsidR="00CE304B" w:rsidRDefault="00CE304B" w:rsidP="00CE304B">
            <w:r>
              <w:t xml:space="preserve">                    types: ['geocode'],</w:t>
            </w:r>
          </w:p>
          <w:p w:rsidR="00CE304B" w:rsidRDefault="00CE304B" w:rsidP="00CE304B">
            <w:r>
              <w:t xml:space="preserve">                    componentRestrictions: {</w:t>
            </w:r>
          </w:p>
          <w:p w:rsidR="00CE304B" w:rsidRDefault="00CE304B" w:rsidP="00CE304B">
            <w:r>
              <w:t xml:space="preserve">                        country: "us"</w:t>
            </w:r>
          </w:p>
          <w:p w:rsidR="00CE304B" w:rsidRDefault="00CE304B" w:rsidP="00CE304B">
            <w:r>
              <w:t xml:space="preserve">                    }</w:t>
            </w:r>
          </w:p>
          <w:p w:rsidR="00CE304B" w:rsidRDefault="00CE304B" w:rsidP="00CE304B">
            <w:r>
              <w:t xml:space="preserve">                });</w:t>
            </w:r>
          </w:p>
          <w:p w:rsidR="00CE304B" w:rsidRDefault="00CE304B" w:rsidP="00CE304B">
            <w:r>
              <w:lastRenderedPageBreak/>
              <w:t xml:space="preserve">            autocomplete.setFields(['address_component']);</w:t>
            </w:r>
          </w:p>
          <w:p w:rsidR="00CE304B" w:rsidRDefault="00CE304B" w:rsidP="00CE304B">
            <w:r>
              <w:t xml:space="preserve">            autocomplete.addListener('place_changed', fnPlaceChanged);</w:t>
            </w:r>
          </w:p>
          <w:p w:rsidR="00CE304B" w:rsidRDefault="00CE304B" w:rsidP="00CE304B">
            <w:r>
              <w:t xml:space="preserve">            google.maps.event.addDomListener(document.getElementById('txtLocation'), 'keydown', function (e) {</w:t>
            </w:r>
          </w:p>
          <w:p w:rsidR="00CE304B" w:rsidRDefault="00CE304B" w:rsidP="00CE304B">
            <w:r>
              <w:t xml:space="preserve">                if (e.keyCode === 13) {</w:t>
            </w:r>
          </w:p>
          <w:p w:rsidR="00CE304B" w:rsidRDefault="00CE304B" w:rsidP="00CE304B">
            <w:r>
              <w:t xml:space="preserve">                    e.preventDefault();</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p w:rsidR="00CE304B" w:rsidRDefault="00CE304B" w:rsidP="00CE304B">
            <w:r>
              <w:t xml:space="preserve">        function fnPlaceChanged() {</w:t>
            </w:r>
          </w:p>
          <w:p w:rsidR="00CE304B" w:rsidRDefault="00CE304B" w:rsidP="00CE304B">
            <w:r>
              <w:t xml:space="preserve">            var place = autocomplete.getPlace();</w:t>
            </w:r>
          </w:p>
          <w:p w:rsidR="00CE304B" w:rsidRDefault="00CE304B" w:rsidP="00CE304B">
            <w:r>
              <w:t xml:space="preserve">            var locationData = fnGetLocationData(place);</w:t>
            </w:r>
          </w:p>
          <w:p w:rsidR="00CE304B" w:rsidRDefault="00CE304B" w:rsidP="00CE304B">
            <w:r>
              <w:t xml:space="preserve">            if (locationData !== "") {</w:t>
            </w:r>
          </w:p>
          <w:p w:rsidR="00CE304B" w:rsidRDefault="00CE304B" w:rsidP="00CE304B">
            <w:r>
              <w:t xml:space="preserve">                fnAddLocationItem(locationData);</w:t>
            </w:r>
          </w:p>
          <w:p w:rsidR="00CE304B" w:rsidRDefault="00CE304B" w:rsidP="00CE304B">
            <w:r>
              <w:t xml:space="preserve">            } else {</w:t>
            </w:r>
          </w:p>
          <w:p w:rsidR="00CE304B" w:rsidRDefault="00CE304B" w:rsidP="00CE304B">
            <w:r>
              <w:t xml:space="preserve">                swal.fire({</w:t>
            </w:r>
          </w:p>
          <w:p w:rsidR="00CE304B" w:rsidRDefault="00CE304B" w:rsidP="00CE304B">
            <w:r>
              <w:t xml:space="preserve">                    title: "Invalid input!!",</w:t>
            </w:r>
          </w:p>
          <w:p w:rsidR="00CE304B" w:rsidRDefault="00CE304B" w:rsidP="00CE304B">
            <w:r>
              <w:t xml:space="preserve">                    text: "Please enter a city or zip code.",</w:t>
            </w:r>
          </w:p>
          <w:p w:rsidR="00CE304B" w:rsidRDefault="00CE304B" w:rsidP="00CE304B">
            <w:r>
              <w:t xml:space="preserve">                    icon: "warning",</w:t>
            </w:r>
          </w:p>
          <w:p w:rsidR="00CE304B" w:rsidRDefault="00CE304B" w:rsidP="00CE304B">
            <w:r>
              <w:t xml:space="preserve">                    confirmButtonColor: "#DD6B55",</w:t>
            </w:r>
          </w:p>
          <w:p w:rsidR="00CE304B" w:rsidRDefault="00CE304B" w:rsidP="00CE304B">
            <w:r>
              <w:t xml:space="preserve">                    confirmButtonText: "Ok, Got it!!",</w:t>
            </w:r>
          </w:p>
          <w:p w:rsidR="00CE304B" w:rsidRDefault="00CE304B" w:rsidP="00CE304B">
            <w:r>
              <w:t xml:space="preserve">                    allowOutsideClick: false</w:t>
            </w:r>
          </w:p>
          <w:p w:rsidR="00CE304B" w:rsidRDefault="00CE304B" w:rsidP="00CE304B">
            <w:r>
              <w:t xml:space="preserve">                });</w:t>
            </w:r>
          </w:p>
          <w:p w:rsidR="00CE304B" w:rsidRDefault="00CE304B" w:rsidP="00CE304B">
            <w:r>
              <w:t xml:space="preserve">            }</w:t>
            </w:r>
          </w:p>
          <w:p w:rsidR="00CE304B" w:rsidRDefault="00CE304B" w:rsidP="00CE304B">
            <w:r>
              <w:t xml:space="preserve">            $("#txtLocation").val("");</w:t>
            </w:r>
          </w:p>
          <w:p w:rsidR="00CE304B" w:rsidRDefault="00CE304B" w:rsidP="00CE304B">
            <w:r>
              <w:t xml:space="preserve">        }</w:t>
            </w:r>
          </w:p>
          <w:p w:rsidR="00CE304B" w:rsidRDefault="00CE304B" w:rsidP="00CE304B"/>
          <w:p w:rsidR="00CE304B" w:rsidRDefault="00CE304B" w:rsidP="00CE304B">
            <w:r>
              <w:t xml:space="preserve">        function fnGetLocationData(place) {</w:t>
            </w:r>
          </w:p>
          <w:p w:rsidR="00CE304B" w:rsidRDefault="00CE304B" w:rsidP="00CE304B">
            <w:r>
              <w:t xml:space="preserve">            var location = {}, locationData = "";</w:t>
            </w:r>
          </w:p>
          <w:p w:rsidR="00CE304B" w:rsidRDefault="00CE304B" w:rsidP="00CE304B">
            <w:r>
              <w:t xml:space="preserve">            for (var i = 0; i &lt; place.address_components.length; i++) {</w:t>
            </w:r>
          </w:p>
          <w:p w:rsidR="00CE304B" w:rsidRDefault="00CE304B" w:rsidP="00CE304B">
            <w:r>
              <w:t xml:space="preserve">                var addressType = place.address_components[i].types[0];</w:t>
            </w:r>
          </w:p>
          <w:p w:rsidR="00CE304B" w:rsidRDefault="00CE304B" w:rsidP="00CE304B">
            <w:r>
              <w:t xml:space="preserve">                if (addressType === "postal_code") {</w:t>
            </w:r>
          </w:p>
          <w:p w:rsidR="00CE304B" w:rsidRDefault="00CE304B" w:rsidP="00CE304B">
            <w:r>
              <w:t xml:space="preserve">                    location["zip_code"] = place.address_components[i]["short_name"];</w:t>
            </w:r>
          </w:p>
          <w:p w:rsidR="00CE304B" w:rsidRDefault="00CE304B" w:rsidP="00CE304B">
            <w:r>
              <w:t xml:space="preserve">                }</w:t>
            </w:r>
          </w:p>
          <w:p w:rsidR="00CE304B" w:rsidRDefault="00CE304B" w:rsidP="00CE304B">
            <w:r>
              <w:t xml:space="preserve">                if (addressType === "locality") {</w:t>
            </w:r>
          </w:p>
          <w:p w:rsidR="00CE304B" w:rsidRDefault="00CE304B" w:rsidP="00CE304B">
            <w:r>
              <w:t xml:space="preserve">                    location["city_alt"] = place.address_components[i]["long_name"];</w:t>
            </w:r>
          </w:p>
          <w:p w:rsidR="00CE304B" w:rsidRDefault="00CE304B" w:rsidP="00CE304B">
            <w:r>
              <w:t xml:space="preserve">                }</w:t>
            </w:r>
          </w:p>
          <w:p w:rsidR="00CE304B" w:rsidRDefault="00CE304B" w:rsidP="00CE304B">
            <w:r>
              <w:t xml:space="preserve">                if (addressType === "neighborhood") {</w:t>
            </w:r>
          </w:p>
          <w:p w:rsidR="00CE304B" w:rsidRDefault="00CE304B" w:rsidP="00CE304B">
            <w:r>
              <w:t xml:space="preserve">                    location["city"] = place.address_components[i]["long_name"];</w:t>
            </w:r>
          </w:p>
          <w:p w:rsidR="00CE304B" w:rsidRDefault="00CE304B" w:rsidP="00CE304B">
            <w:r>
              <w:t xml:space="preserve">                }</w:t>
            </w:r>
          </w:p>
          <w:p w:rsidR="00CE304B" w:rsidRDefault="00CE304B" w:rsidP="00CE304B">
            <w:r>
              <w:t xml:space="preserve">                if (addressType === "administrative_area_level_1") {</w:t>
            </w:r>
          </w:p>
          <w:p w:rsidR="00CE304B" w:rsidRDefault="00CE304B" w:rsidP="00CE304B">
            <w:r>
              <w:t xml:space="preserve">                    location["state"] = place.address_components[i]["short_name"];</w:t>
            </w:r>
          </w:p>
          <w:p w:rsidR="00CE304B" w:rsidRDefault="00CE304B" w:rsidP="00CE304B">
            <w:r>
              <w:t xml:space="preserve">                }</w:t>
            </w:r>
          </w:p>
          <w:p w:rsidR="00CE304B" w:rsidRDefault="00CE304B" w:rsidP="00CE304B">
            <w:r>
              <w:t xml:space="preserve">            }</w:t>
            </w:r>
          </w:p>
          <w:p w:rsidR="00CE304B" w:rsidRDefault="00CE304B" w:rsidP="00CE304B">
            <w:r>
              <w:t xml:space="preserve">            if (location.hasOwnProperty("zip_code")) {</w:t>
            </w:r>
          </w:p>
          <w:p w:rsidR="00CE304B" w:rsidRDefault="00CE304B" w:rsidP="00CE304B">
            <w:r>
              <w:t xml:space="preserve">                locationData = "zip_code~" + location["zip_code"];</w:t>
            </w:r>
          </w:p>
          <w:p w:rsidR="00CE304B" w:rsidRDefault="00CE304B" w:rsidP="00CE304B">
            <w:r>
              <w:t xml:space="preserve">            } else if (location.hasOwnProperty("city")) {</w:t>
            </w:r>
          </w:p>
          <w:p w:rsidR="00CE304B" w:rsidRDefault="00CE304B" w:rsidP="00CE304B">
            <w:r>
              <w:lastRenderedPageBreak/>
              <w:t xml:space="preserve">                locationData = "city~" + location["city"];</w:t>
            </w:r>
          </w:p>
          <w:p w:rsidR="00CE304B" w:rsidRDefault="00CE304B" w:rsidP="00CE304B">
            <w:r>
              <w:t xml:space="preserve">            } else if (location.hasOwnProperty("city_alt")) {</w:t>
            </w:r>
          </w:p>
          <w:p w:rsidR="00CE304B" w:rsidRDefault="00CE304B" w:rsidP="00CE304B">
            <w:r>
              <w:t xml:space="preserve">                locationData = "city~" + location["city_alt"];</w:t>
            </w:r>
          </w:p>
          <w:p w:rsidR="00CE304B" w:rsidRDefault="00CE304B" w:rsidP="00CE304B">
            <w:r>
              <w:t xml:space="preserve">            }/* else if (location.hasOwnProperty("state")) {</w:t>
            </w:r>
          </w:p>
          <w:p w:rsidR="00CE304B" w:rsidRDefault="00CE304B" w:rsidP="00CE304B">
            <w:r>
              <w:t xml:space="preserve">                locationData = "state~" + location["state"];</w:t>
            </w:r>
          </w:p>
          <w:p w:rsidR="00CE304B" w:rsidRDefault="00CE304B" w:rsidP="00CE304B">
            <w:r>
              <w:t xml:space="preserve">            }*/</w:t>
            </w:r>
          </w:p>
          <w:p w:rsidR="00CE304B" w:rsidRDefault="00CE304B" w:rsidP="00CE304B">
            <w:r>
              <w:t xml:space="preserve">            return locationData;</w:t>
            </w:r>
          </w:p>
          <w:p w:rsidR="00CE304B" w:rsidRDefault="00CE304B" w:rsidP="00CE304B">
            <w:r>
              <w:t xml:space="preserve">        }</w:t>
            </w:r>
          </w:p>
          <w:p w:rsidR="00CE304B" w:rsidRDefault="00CE304B" w:rsidP="00CE304B"/>
          <w:p w:rsidR="00CE304B" w:rsidRDefault="00CE304B" w:rsidP="00CE304B">
            <w:r>
              <w:t xml:space="preserve">        function fnAddLocationItem(data, theme = 'light', title = "Added Location") {</w:t>
            </w:r>
          </w:p>
          <w:p w:rsidR="00CE304B" w:rsidRDefault="00CE304B" w:rsidP="00CE304B">
            <w:r>
              <w:t xml:space="preserve">            let locData = data.split('~');</w:t>
            </w:r>
          </w:p>
          <w:p w:rsidR="00CE304B" w:rsidRDefault="00CE304B" w:rsidP="00CE304B">
            <w:r>
              <w:t xml:space="preserve">            var existing = $("#divLocations button:contains(" + locData[1] + ")");</w:t>
            </w:r>
          </w:p>
          <w:p w:rsidR="00CE304B" w:rsidRDefault="00CE304B" w:rsidP="00CE304B">
            <w:r>
              <w:t xml:space="preserve">            if (existing.length &gt; 0) {</w:t>
            </w:r>
          </w:p>
          <w:p w:rsidR="00CE304B" w:rsidRDefault="00CE304B" w:rsidP="00CE304B">
            <w:r>
              <w:t xml:space="preserve">                $(existing).attr("title", title);</w:t>
            </w:r>
          </w:p>
          <w:p w:rsidR="00CE304B" w:rsidRDefault="00CE304B" w:rsidP="00CE304B">
            <w:r>
              <w:t xml:space="preserve">                $(existing).removeClass("btn-light");</w:t>
            </w:r>
          </w:p>
          <w:p w:rsidR="00CE304B" w:rsidRDefault="00CE304B" w:rsidP="00CE304B">
            <w:r>
              <w:t xml:space="preserve">                $(existing).addClass("btn-" + theme);</w:t>
            </w:r>
          </w:p>
          <w:p w:rsidR="00CE304B" w:rsidRDefault="00CE304B" w:rsidP="00CE304B">
            <w:r>
              <w:t xml:space="preserve">            } else {</w:t>
            </w:r>
          </w:p>
          <w:p w:rsidR="00CE304B" w:rsidRDefault="00CE304B" w:rsidP="00CE304B">
            <w:r>
              <w:t xml:space="preserve">                var template = $('&lt;button type="button" class="btn btn-' + theme + ' btn-sm mr-1 mb-1 wow fadeInDown"&gt;&lt;span class="badge remove-item ml-1"&gt;&amp;times;&lt;/span&gt;&lt;/button&gt;');</w:t>
            </w:r>
          </w:p>
          <w:p w:rsidR="00CE304B" w:rsidRDefault="00CE304B" w:rsidP="00CE304B">
            <w:r>
              <w:t xml:space="preserve">                template.prepend(_.upperFirst(_.camelCase(locData[0])) + ": " + locData[1]);</w:t>
            </w:r>
          </w:p>
          <w:p w:rsidR="00CE304B" w:rsidRDefault="00CE304B" w:rsidP="00CE304B">
            <w:r>
              <w:t xml:space="preserve">                $(template).data("location", data);</w:t>
            </w:r>
          </w:p>
          <w:p w:rsidR="00CE304B" w:rsidRDefault="00CE304B" w:rsidP="00CE304B">
            <w:r>
              <w:t xml:space="preserve">                $(template).attr("title", title);</w:t>
            </w:r>
          </w:p>
          <w:p w:rsidR="00CE304B" w:rsidRDefault="00CE304B" w:rsidP="00CE304B">
            <w:r>
              <w:t xml:space="preserve">                $("#divLocations").append(template);</w:t>
            </w:r>
          </w:p>
          <w:p w:rsidR="00CE304B" w:rsidRDefault="00CE304B" w:rsidP="00CE304B">
            <w:r>
              <w:t xml:space="preserve">            }</w:t>
            </w:r>
          </w:p>
          <w:p w:rsidR="00CE304B" w:rsidRDefault="00CE304B" w:rsidP="00CE304B">
            <w:r>
              <w:t xml:space="preserve">        }</w:t>
            </w:r>
          </w:p>
          <w:p w:rsidR="00CE304B" w:rsidRDefault="00CE304B" w:rsidP="00CE304B"/>
          <w:p w:rsidR="00CE304B" w:rsidRDefault="00CE304B" w:rsidP="00CE304B">
            <w:r>
              <w:t xml:space="preserve">        function geoLocate() {</w:t>
            </w:r>
          </w:p>
          <w:p w:rsidR="00CE304B" w:rsidRDefault="00CE304B" w:rsidP="00CE304B">
            <w:r>
              <w:t xml:space="preserve">            if (navigator.geolocation) {</w:t>
            </w:r>
          </w:p>
          <w:p w:rsidR="00CE304B" w:rsidRDefault="00CE304B" w:rsidP="00CE304B">
            <w:r>
              <w:t xml:space="preserve">                navigator.geolocation.getCurrentPosition(function (position) {</w:t>
            </w:r>
          </w:p>
          <w:p w:rsidR="00CE304B" w:rsidRDefault="00CE304B" w:rsidP="00CE304B">
            <w:r>
              <w:t xml:space="preserve">                    var geolocation = {</w:t>
            </w:r>
          </w:p>
          <w:p w:rsidR="00CE304B" w:rsidRDefault="00CE304B" w:rsidP="00CE304B">
            <w:r>
              <w:t xml:space="preserve">                        lat: position.coords.latitude,</w:t>
            </w:r>
          </w:p>
          <w:p w:rsidR="00CE304B" w:rsidRDefault="00CE304B" w:rsidP="00CE304B">
            <w:r>
              <w:t xml:space="preserve">                        lng: position.coords.longitude</w:t>
            </w:r>
          </w:p>
          <w:p w:rsidR="00CE304B" w:rsidRDefault="00CE304B" w:rsidP="00CE304B">
            <w:r>
              <w:t xml:space="preserve">                    };</w:t>
            </w:r>
          </w:p>
          <w:p w:rsidR="00CE304B" w:rsidRDefault="00CE304B" w:rsidP="00CE304B">
            <w:r>
              <w:t xml:space="preserve">                    var circle = new google.maps.Circle(</w:t>
            </w:r>
          </w:p>
          <w:p w:rsidR="00CE304B" w:rsidRDefault="00CE304B" w:rsidP="00CE304B">
            <w:r>
              <w:t xml:space="preserve">                        {center: geolocation, radius: position.coords.accuracy});</w:t>
            </w:r>
          </w:p>
          <w:p w:rsidR="00CE304B" w:rsidRDefault="00CE304B" w:rsidP="00CE304B">
            <w:r>
              <w:t xml:space="preserve">                    autocomplete.setBounds(circle.getBounds());</w:t>
            </w:r>
          </w:p>
          <w:p w:rsidR="00CE304B" w:rsidRDefault="00CE304B" w:rsidP="00CE304B">
            <w:r>
              <w:t xml:space="preserve">                    if (!lscache.get("auto_location_off")) {</w:t>
            </w:r>
          </w:p>
          <w:p w:rsidR="00CE304B" w:rsidRDefault="00CE304B" w:rsidP="00CE304B">
            <w:r>
              <w:t xml:space="preserve">                        var point = new google.maps.LatLng(position.coords.latitude, position.coords.longitude);</w:t>
            </w:r>
          </w:p>
          <w:p w:rsidR="00CE304B" w:rsidRDefault="00CE304B" w:rsidP="00CE304B">
            <w:r>
              <w:t xml:space="preserve">                        new google.maps.Geocoder().geocode({'latLng': point}, function (res, status) {</w:t>
            </w:r>
          </w:p>
          <w:p w:rsidR="00CE304B" w:rsidRDefault="00CE304B" w:rsidP="00CE304B">
            <w:r>
              <w:t xml:space="preserve">                            if (status === google.maps.GeocoderStatus.OK &amp;&amp; typeof res[0] !== 'undefined') {</w:t>
            </w:r>
          </w:p>
          <w:p w:rsidR="00CE304B" w:rsidRDefault="00CE304B" w:rsidP="00CE304B">
            <w:r>
              <w:t xml:space="preserve">                                var locationData = fnGetLocationData(res[0]);</w:t>
            </w:r>
          </w:p>
          <w:p w:rsidR="00CE304B" w:rsidRDefault="00CE304B" w:rsidP="00CE304B">
            <w:r>
              <w:t xml:space="preserve">                                if (locationData !== "") {</w:t>
            </w:r>
          </w:p>
          <w:p w:rsidR="00CE304B" w:rsidRDefault="00CE304B" w:rsidP="00CE304B">
            <w:r>
              <w:t xml:space="preserve">                                    fnAddLocationItem(locationData, 'success', 'Your Location');</w:t>
            </w:r>
          </w:p>
          <w:p w:rsidR="00CE304B" w:rsidRDefault="00CE304B" w:rsidP="00CE304B">
            <w:r>
              <w:t xml:space="preserve">                                } else {</w:t>
            </w:r>
          </w:p>
          <w:p w:rsidR="00CE304B" w:rsidRDefault="00CE304B" w:rsidP="00CE304B">
            <w:r>
              <w:t xml:space="preserve">                                    fail('Unable to get zip code');</w:t>
            </w:r>
          </w:p>
          <w:p w:rsidR="00CE304B" w:rsidRDefault="00CE304B" w:rsidP="00CE304B">
            <w:r>
              <w:t xml:space="preserve">                                }</w:t>
            </w:r>
          </w:p>
          <w:p w:rsidR="00CE304B" w:rsidRDefault="00CE304B" w:rsidP="00CE304B">
            <w:r>
              <w:t xml:space="preserve">                            } else {</w:t>
            </w:r>
          </w:p>
          <w:p w:rsidR="00CE304B" w:rsidRDefault="00CE304B" w:rsidP="00CE304B">
            <w:r>
              <w:t xml:space="preserve">                                fail('Unable to look-up geolocation');</w:t>
            </w:r>
          </w:p>
          <w:p w:rsidR="00CE304B" w:rsidRDefault="00CE304B" w:rsidP="00CE304B">
            <w:r>
              <w:lastRenderedPageBreak/>
              <w:t xml:space="preserve">                            }</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r>
              <w:t xml:space="preserve">            } else {</w:t>
            </w:r>
          </w:p>
          <w:p w:rsidR="00CE304B" w:rsidRDefault="00CE304B" w:rsidP="00CE304B">
            <w:r>
              <w:t xml:space="preserve">                console.log("Geolocation not supported");</w:t>
            </w:r>
          </w:p>
          <w:p w:rsidR="00CE304B" w:rsidRDefault="00CE304B" w:rsidP="00CE304B">
            <w:r>
              <w:t xml:space="preserve">            }</w:t>
            </w:r>
          </w:p>
          <w:p w:rsidR="00CE304B" w:rsidRDefault="00CE304B" w:rsidP="00CE304B">
            <w:r>
              <w:t xml:space="preserve">        }</w:t>
            </w:r>
          </w:p>
          <w:p w:rsidR="00CE304B" w:rsidRDefault="00CE304B" w:rsidP="00CE304B"/>
          <w:p w:rsidR="00CE304B" w:rsidRDefault="00CE304B" w:rsidP="00CE304B">
            <w:r>
              <w:t xml:space="preserve">        function fnObjectToQuery(obj) {</w:t>
            </w:r>
          </w:p>
          <w:p w:rsidR="00CE304B" w:rsidRDefault="00CE304B" w:rsidP="00CE304B">
            <w:r>
              <w:t xml:space="preserve">            obj = fnRefineObject(obj);</w:t>
            </w:r>
          </w:p>
          <w:p w:rsidR="00CE304B" w:rsidRDefault="00CE304B" w:rsidP="00CE304B">
            <w:r>
              <w:t xml:space="preserve">            return Object.keys(obj).map(function (prop) {</w:t>
            </w:r>
          </w:p>
          <w:p w:rsidR="00CE304B" w:rsidRDefault="00CE304B" w:rsidP="00CE304B">
            <w:r>
              <w:t xml:space="preserve">                return prop + "=" + obj[prop];</w:t>
            </w:r>
          </w:p>
          <w:p w:rsidR="00CE304B" w:rsidRDefault="00CE304B" w:rsidP="00CE304B">
            <w:r>
              <w:t xml:space="preserve">            }).join("&amp;");</w:t>
            </w:r>
          </w:p>
          <w:p w:rsidR="00CE304B" w:rsidRDefault="00CE304B" w:rsidP="00CE304B">
            <w:r>
              <w:t xml:space="preserve">        }</w:t>
            </w:r>
          </w:p>
          <w:p w:rsidR="00CE304B" w:rsidRDefault="00CE304B" w:rsidP="00CE304B"/>
          <w:p w:rsidR="00CE304B" w:rsidRDefault="00CE304B" w:rsidP="00CE304B">
            <w:r>
              <w:t xml:space="preserve">        function fnStringifyObject(obj) {</w:t>
            </w:r>
          </w:p>
          <w:p w:rsidR="00CE304B" w:rsidRDefault="00CE304B" w:rsidP="00CE304B">
            <w:r>
              <w:t xml:space="preserve">            obj = fnRefineObject(obj);</w:t>
            </w:r>
          </w:p>
          <w:p w:rsidR="00CE304B" w:rsidRDefault="00CE304B" w:rsidP="00CE304B">
            <w:r>
              <w:t xml:space="preserve">            let newArray = [];</w:t>
            </w:r>
          </w:p>
          <w:p w:rsidR="00CE304B" w:rsidRDefault="00CE304B" w:rsidP="00CE304B">
            <w:r>
              <w:t xml:space="preserve">            Object.keys(obj).forEach((prop) =&gt; {</w:t>
            </w:r>
          </w:p>
          <w:p w:rsidR="00CE304B" w:rsidRDefault="00CE304B" w:rsidP="00CE304B">
            <w:r>
              <w:t xml:space="preserve">                newArray.push(prop + ":" + ((obj[prop].constructor === Array) ? obj[prop].join(",") : obj[prop]));</w:t>
            </w:r>
          </w:p>
          <w:p w:rsidR="00CE304B" w:rsidRDefault="00CE304B" w:rsidP="00CE304B">
            <w:r>
              <w:t xml:space="preserve">            });</w:t>
            </w:r>
          </w:p>
          <w:p w:rsidR="00CE304B" w:rsidRDefault="00CE304B" w:rsidP="00CE304B">
            <w:r>
              <w:t xml:space="preserve">            return newArray.join("|");</w:t>
            </w:r>
          </w:p>
          <w:p w:rsidR="00CE304B" w:rsidRDefault="00CE304B" w:rsidP="00CE304B">
            <w:r>
              <w:t xml:space="preserve">        }</w:t>
            </w:r>
          </w:p>
          <w:p w:rsidR="00CE304B" w:rsidRDefault="00CE304B" w:rsidP="00CE304B"/>
          <w:p w:rsidR="00CE304B" w:rsidRDefault="00CE304B" w:rsidP="00CE304B">
            <w:r>
              <w:t xml:space="preserve">        function fnRefineObject(obj) {</w:t>
            </w:r>
          </w:p>
          <w:p w:rsidR="00CE304B" w:rsidRDefault="00CE304B" w:rsidP="00CE304B">
            <w:r>
              <w:t xml:space="preserve">            let newObj = {};</w:t>
            </w:r>
          </w:p>
          <w:p w:rsidR="00CE304B" w:rsidRDefault="00CE304B" w:rsidP="00CE304B">
            <w:r>
              <w:t xml:space="preserve">            Object.keys(obj).forEach((prop) =&gt; {</w:t>
            </w:r>
          </w:p>
          <w:p w:rsidR="00CE304B" w:rsidRDefault="00CE304B" w:rsidP="00CE304B">
            <w:r>
              <w:t xml:space="preserve">                if (obj[prop] &amp;&amp; !(Object.keys(obj[prop]).length === 0 &amp;&amp; obj[prop].constructor === Object) &amp;&amp;</w:t>
            </w:r>
          </w:p>
          <w:p w:rsidR="00CE304B" w:rsidRDefault="00CE304B" w:rsidP="00CE304B">
            <w:r>
              <w:t xml:space="preserve">                    !(obj[prop].constructor === Array &amp;&amp; obj[prop].length === 0)) {</w:t>
            </w:r>
          </w:p>
          <w:p w:rsidR="00CE304B" w:rsidRDefault="00CE304B" w:rsidP="00CE304B">
            <w:r>
              <w:t xml:space="preserve">                    newObj[prop] = obj[prop];</w:t>
            </w:r>
          </w:p>
          <w:p w:rsidR="00CE304B" w:rsidRDefault="00CE304B" w:rsidP="00CE304B">
            <w:r>
              <w:t xml:space="preserve">                }</w:t>
            </w:r>
          </w:p>
          <w:p w:rsidR="00CE304B" w:rsidRDefault="00CE304B" w:rsidP="00CE304B">
            <w:r>
              <w:t xml:space="preserve">            });</w:t>
            </w:r>
          </w:p>
          <w:p w:rsidR="00CE304B" w:rsidRDefault="00CE304B" w:rsidP="00CE304B">
            <w:r>
              <w:t xml:space="preserve">            return newObj;</w:t>
            </w:r>
          </w:p>
          <w:p w:rsidR="00CE304B" w:rsidRDefault="00CE304B" w:rsidP="00CE304B">
            <w:r>
              <w:t xml:space="preserve">        }</w:t>
            </w:r>
          </w:p>
          <w:p w:rsidR="00CE304B" w:rsidRDefault="00CE304B" w:rsidP="00CE304B"/>
          <w:p w:rsidR="00CE304B" w:rsidRDefault="00CE304B" w:rsidP="00CE304B">
            <w:r>
              <w:t xml:space="preserve">        function fnRedirect(url, query) {</w:t>
            </w:r>
          </w:p>
          <w:p w:rsidR="00CE304B" w:rsidRDefault="00CE304B" w:rsidP="00CE304B">
            <w:r>
              <w:t xml:space="preserve">            window.location.href = url + (query ? "?" + query : "");</w:t>
            </w:r>
          </w:p>
          <w:p w:rsidR="00CE304B" w:rsidRDefault="00CE304B" w:rsidP="00CE304B">
            <w:r>
              <w:t xml:space="preserve">        }</w:t>
            </w:r>
          </w:p>
          <w:p w:rsidR="00CE304B" w:rsidRDefault="00CE304B" w:rsidP="00CE304B">
            <w:r>
              <w:t xml:space="preserve">    &lt;/script&gt;</w:t>
            </w:r>
          </w:p>
          <w:p w:rsidR="00CE304B" w:rsidRDefault="00CE304B" w:rsidP="00CE304B">
            <w:r>
              <w:t xml:space="preserve">    </w:t>
            </w:r>
          </w:p>
          <w:p w:rsidR="00CE304B" w:rsidRDefault="00CE304B" w:rsidP="00CE304B">
            <w:r>
              <w:t xml:space="preserve">    &lt;!--From Validation--&gt;</w:t>
            </w:r>
          </w:p>
          <w:p w:rsidR="00CE304B" w:rsidRDefault="00CE304B" w:rsidP="00CE304B">
            <w:r>
              <w:t>&lt;script src="js/from-validation-js/jquery.min.js"&gt;&lt;/script&gt;</w:t>
            </w:r>
          </w:p>
          <w:p w:rsidR="00CE304B" w:rsidRDefault="00CE304B" w:rsidP="00CE304B">
            <w:r>
              <w:t xml:space="preserve">&lt;script src="js/from-validation-js/jquery.validate.min.js"&gt;&lt;/script&gt; </w:t>
            </w:r>
          </w:p>
          <w:p w:rsidR="00CE304B" w:rsidRDefault="00CE304B" w:rsidP="00CE304B">
            <w:r>
              <w:t xml:space="preserve">&lt;script src="js/from-validation-js/filevalidation.js"&gt;&lt;/script&gt; </w:t>
            </w:r>
          </w:p>
          <w:p w:rsidR="00CE304B" w:rsidRDefault="00CE304B" w:rsidP="00CE304B">
            <w:r>
              <w:t xml:space="preserve">&lt;script src="js/from-validation-js/sweetalert.min.js"&gt;&lt;/script&gt;  </w:t>
            </w:r>
          </w:p>
          <w:p w:rsidR="00CE304B" w:rsidRDefault="00CE304B" w:rsidP="00CE304B"/>
          <w:p w:rsidR="00CE304B" w:rsidRDefault="00CE304B" w:rsidP="00CE304B"/>
          <w:p w:rsidR="00CE304B" w:rsidRDefault="00CE304B" w:rsidP="00CE304B">
            <w:r>
              <w:t>&lt;!--Wish Form - Add to your Wishlist --&gt;</w:t>
            </w:r>
          </w:p>
          <w:p w:rsidR="00CE304B" w:rsidRDefault="00CE304B" w:rsidP="00CE304B">
            <w:r>
              <w:t>&lt;script&gt;</w:t>
            </w:r>
          </w:p>
          <w:p w:rsidR="00CE304B" w:rsidRDefault="00CE304B" w:rsidP="00CE304B">
            <w:r>
              <w:t xml:space="preserve">//Form Validation </w:t>
            </w:r>
          </w:p>
          <w:p w:rsidR="00CE304B" w:rsidRDefault="00CE304B" w:rsidP="00CE304B">
            <w:r>
              <w:t>$("#wish_form").validate({</w:t>
            </w:r>
          </w:p>
          <w:p w:rsidR="00CE304B" w:rsidRDefault="00CE304B" w:rsidP="00CE304B">
            <w:r>
              <w:t xml:space="preserve">rules: {  </w:t>
            </w:r>
          </w:p>
          <w:p w:rsidR="00CE304B" w:rsidRDefault="00CE304B" w:rsidP="00CE304B">
            <w:r>
              <w:tab/>
              <w:t>email1: {</w:t>
            </w:r>
          </w:p>
          <w:p w:rsidR="00CE304B" w:rsidRDefault="00CE304B" w:rsidP="00CE304B">
            <w:r>
              <w:tab/>
            </w:r>
            <w:r>
              <w:tab/>
            </w:r>
            <w:r>
              <w:tab/>
              <w:t xml:space="preserve">required: true, </w:t>
            </w:r>
          </w:p>
          <w:p w:rsidR="00CE304B" w:rsidRDefault="00CE304B" w:rsidP="00CE304B">
            <w:r>
              <w:tab/>
            </w:r>
            <w:r>
              <w:tab/>
            </w:r>
            <w:r>
              <w:tab/>
              <w:t>email:true</w:t>
            </w:r>
          </w:p>
          <w:p w:rsidR="00CE304B" w:rsidRDefault="00CE304B" w:rsidP="00CE304B">
            <w:r>
              <w:tab/>
            </w:r>
            <w:r>
              <w:tab/>
              <w:t xml:space="preserve">},   </w:t>
            </w:r>
          </w:p>
          <w:p w:rsidR="00CE304B" w:rsidRDefault="00CE304B" w:rsidP="00CE304B">
            <w:r>
              <w:t>},</w:t>
            </w:r>
          </w:p>
          <w:p w:rsidR="00CE304B" w:rsidRDefault="00CE304B" w:rsidP="00CE304B">
            <w:r>
              <w:t>//For custom messages</w:t>
            </w:r>
          </w:p>
          <w:p w:rsidR="00CE304B" w:rsidRDefault="00CE304B" w:rsidP="00CE304B">
            <w:r>
              <w:t xml:space="preserve">messages: { </w:t>
            </w:r>
          </w:p>
          <w:p w:rsidR="00CE304B" w:rsidRDefault="00CE304B" w:rsidP="00CE304B">
            <w:r>
              <w:tab/>
              <w:t>email1:{</w:t>
            </w:r>
          </w:p>
          <w:p w:rsidR="00CE304B" w:rsidRDefault="00CE304B" w:rsidP="00CE304B">
            <w:r>
              <w:tab/>
            </w:r>
            <w:r>
              <w:tab/>
            </w:r>
            <w:r>
              <w:tab/>
              <w:t xml:space="preserve">required: "Please enter email id", </w:t>
            </w:r>
          </w:p>
          <w:p w:rsidR="00CE304B" w:rsidRDefault="00CE304B" w:rsidP="00CE304B">
            <w:r>
              <w:tab/>
            </w:r>
            <w:r>
              <w:tab/>
            </w:r>
            <w:r>
              <w:tab/>
              <w:t>email1: "Please enter a valid email address"</w:t>
            </w:r>
          </w:p>
          <w:p w:rsidR="00CE304B" w:rsidRDefault="00CE304B" w:rsidP="00CE304B">
            <w:r>
              <w:tab/>
            </w:r>
            <w:r>
              <w:tab/>
              <w:t xml:space="preserve">},  </w:t>
            </w:r>
          </w:p>
          <w:p w:rsidR="00CE304B" w:rsidRDefault="00CE304B" w:rsidP="00CE304B"/>
          <w:p w:rsidR="00CE304B" w:rsidRDefault="00CE304B" w:rsidP="00CE304B">
            <w:r>
              <w:t>},</w:t>
            </w:r>
          </w:p>
          <w:p w:rsidR="00CE304B" w:rsidRDefault="00CE304B" w:rsidP="00CE304B">
            <w:r>
              <w:t>errorElement : 'div',</w:t>
            </w:r>
          </w:p>
          <w:p w:rsidR="00CE304B" w:rsidRDefault="00CE304B" w:rsidP="00CE304B">
            <w:r>
              <w:t>errorPlacement: function(error, element) {</w:t>
            </w:r>
          </w:p>
          <w:p w:rsidR="00CE304B" w:rsidRDefault="00CE304B" w:rsidP="00CE304B">
            <w:r>
              <w:tab/>
              <w:t>var placement = $(element).data('error');</w:t>
            </w:r>
          </w:p>
          <w:p w:rsidR="00CE304B" w:rsidRDefault="00CE304B" w:rsidP="00CE304B">
            <w:r>
              <w:tab/>
              <w:t>if (placement) {</w:t>
            </w:r>
          </w:p>
          <w:p w:rsidR="00CE304B" w:rsidRDefault="00CE304B" w:rsidP="00CE304B">
            <w:r>
              <w:tab/>
              <w:t>$(placement).append(error)</w:t>
            </w:r>
          </w:p>
          <w:p w:rsidR="00CE304B" w:rsidRDefault="00CE304B" w:rsidP="00CE304B">
            <w:r>
              <w:tab/>
              <w:t>} else {</w:t>
            </w:r>
          </w:p>
          <w:p w:rsidR="00CE304B" w:rsidRDefault="00CE304B" w:rsidP="00CE304B">
            <w:r>
              <w:tab/>
              <w:t>error.insertAfter(element);</w:t>
            </w:r>
          </w:p>
          <w:p w:rsidR="00CE304B" w:rsidRDefault="00CE304B" w:rsidP="00CE304B">
            <w:r>
              <w:tab/>
              <w:t>}</w:t>
            </w:r>
          </w:p>
          <w:p w:rsidR="00CE304B" w:rsidRDefault="00CE304B" w:rsidP="00CE304B">
            <w:r>
              <w:t>},</w:t>
            </w:r>
          </w:p>
          <w:p w:rsidR="00CE304B" w:rsidRDefault="00CE304B" w:rsidP="00CE304B">
            <w:r>
              <w:tab/>
              <w:t>submitHandler: function(form) {</w:t>
            </w:r>
          </w:p>
          <w:p w:rsidR="00CE304B" w:rsidRDefault="00CE304B" w:rsidP="00CE304B"/>
          <w:p w:rsidR="00CE304B" w:rsidRDefault="00CE304B" w:rsidP="00CE304B">
            <w:r>
              <w:tab/>
            </w:r>
            <w:r>
              <w:tab/>
              <w:t xml:space="preserve">var formData = new FormData(document.getElementsByName('wish_form')[0]); </w:t>
            </w:r>
          </w:p>
          <w:p w:rsidR="00CE304B" w:rsidRDefault="00CE304B" w:rsidP="00CE304B">
            <w:r>
              <w:tab/>
            </w:r>
            <w:r>
              <w:tab/>
              <w:t>// console.log(formData);return false;</w:t>
            </w:r>
            <w:r>
              <w:tab/>
              <w:t xml:space="preserve"> </w:t>
            </w:r>
          </w:p>
          <w:p w:rsidR="00CE304B" w:rsidRDefault="00CE304B" w:rsidP="00CE304B">
            <w:r>
              <w:tab/>
            </w:r>
            <w:r>
              <w:tab/>
            </w:r>
          </w:p>
          <w:p w:rsidR="00CE304B" w:rsidRDefault="00CE304B" w:rsidP="00CE304B">
            <w:r>
              <w:tab/>
            </w:r>
            <w:r>
              <w:tab/>
              <w:t>$.ajax({</w:t>
            </w:r>
          </w:p>
          <w:p w:rsidR="00CE304B" w:rsidRDefault="00CE304B" w:rsidP="00CE304B">
            <w:r>
              <w:tab/>
            </w:r>
            <w:r>
              <w:tab/>
            </w:r>
            <w:r>
              <w:tab/>
            </w:r>
            <w:r>
              <w:tab/>
              <w:t>url: "/spf_wishlist_insert_process.php",</w:t>
            </w:r>
          </w:p>
          <w:p w:rsidR="00CE304B" w:rsidRDefault="00CE304B" w:rsidP="00CE304B">
            <w:r>
              <w:tab/>
            </w:r>
            <w:r>
              <w:tab/>
            </w:r>
            <w:r>
              <w:tab/>
            </w:r>
            <w:r>
              <w:tab/>
              <w:t>type: 'POST',</w:t>
            </w:r>
          </w:p>
          <w:p w:rsidR="00CE304B" w:rsidRDefault="00CE304B" w:rsidP="00CE304B">
            <w:r>
              <w:tab/>
            </w:r>
            <w:r>
              <w:tab/>
            </w:r>
            <w:r>
              <w:tab/>
            </w:r>
            <w:r>
              <w:tab/>
              <w:t>data: formData,</w:t>
            </w:r>
          </w:p>
          <w:p w:rsidR="00CE304B" w:rsidRDefault="00CE304B" w:rsidP="00CE304B">
            <w:r>
              <w:tab/>
            </w:r>
            <w:r>
              <w:tab/>
            </w:r>
            <w:r>
              <w:tab/>
            </w:r>
            <w:r>
              <w:tab/>
              <w:t>// async: false,</w:t>
            </w:r>
          </w:p>
          <w:p w:rsidR="00CE304B" w:rsidRDefault="00CE304B" w:rsidP="00CE304B">
            <w:r>
              <w:tab/>
            </w:r>
            <w:r>
              <w:tab/>
            </w:r>
            <w:r>
              <w:tab/>
            </w:r>
            <w:r>
              <w:tab/>
              <w:t>cache: false,</w:t>
            </w:r>
          </w:p>
          <w:p w:rsidR="00CE304B" w:rsidRDefault="00CE304B" w:rsidP="00CE304B">
            <w:r>
              <w:tab/>
            </w:r>
            <w:r>
              <w:tab/>
            </w:r>
            <w:r>
              <w:tab/>
            </w:r>
            <w:r>
              <w:tab/>
              <w:t>contentType: false,</w:t>
            </w:r>
          </w:p>
          <w:p w:rsidR="00CE304B" w:rsidRDefault="00CE304B" w:rsidP="00CE304B">
            <w:r>
              <w:tab/>
            </w:r>
            <w:r>
              <w:tab/>
            </w:r>
            <w:r>
              <w:tab/>
            </w:r>
            <w:r>
              <w:tab/>
              <w:t>processData: false,</w:t>
            </w:r>
          </w:p>
          <w:p w:rsidR="00CE304B" w:rsidRDefault="00CE304B" w:rsidP="00CE304B">
            <w:r>
              <w:tab/>
            </w:r>
            <w:r>
              <w:tab/>
            </w:r>
            <w:r>
              <w:tab/>
            </w:r>
            <w:r>
              <w:tab/>
              <w:t>beforeSend: function(){</w:t>
            </w:r>
          </w:p>
          <w:p w:rsidR="00CE304B" w:rsidRDefault="00CE304B" w:rsidP="00CE304B">
            <w:r>
              <w:tab/>
            </w:r>
            <w:r>
              <w:tab/>
            </w:r>
            <w:r>
              <w:tab/>
            </w:r>
            <w:r>
              <w:tab/>
            </w:r>
            <w:r>
              <w:tab/>
              <w:t>$('#cover-spin').show();</w:t>
            </w:r>
          </w:p>
          <w:p w:rsidR="00CE304B" w:rsidRDefault="00CE304B" w:rsidP="00CE304B">
            <w:r>
              <w:tab/>
            </w:r>
            <w:r>
              <w:tab/>
            </w:r>
            <w:r>
              <w:tab/>
            </w:r>
            <w:r>
              <w:tab/>
            </w:r>
            <w:r>
              <w:tab/>
              <w:t>$("#btnSubmit").attr("disabled", true);</w:t>
            </w:r>
          </w:p>
          <w:p w:rsidR="00CE304B" w:rsidRDefault="00CE304B" w:rsidP="00CE304B">
            <w:r>
              <w:tab/>
            </w:r>
            <w:r>
              <w:tab/>
            </w:r>
            <w:r>
              <w:tab/>
            </w:r>
            <w:r>
              <w:tab/>
              <w:t>},</w:t>
            </w:r>
          </w:p>
          <w:p w:rsidR="00CE304B" w:rsidRDefault="00CE304B" w:rsidP="00CE304B">
            <w:r>
              <w:tab/>
            </w:r>
            <w:r>
              <w:tab/>
            </w:r>
            <w:r>
              <w:tab/>
            </w:r>
            <w:r>
              <w:tab/>
              <w:t xml:space="preserve">success: function (returndata) {   </w:t>
            </w:r>
          </w:p>
          <w:p w:rsidR="00CE304B" w:rsidRDefault="00CE304B" w:rsidP="00CE304B">
            <w:r>
              <w:tab/>
            </w:r>
            <w:r>
              <w:tab/>
            </w:r>
            <w:r>
              <w:tab/>
            </w:r>
            <w:r>
              <w:tab/>
            </w:r>
            <w:r>
              <w:tab/>
              <w:t>console.log(returndata);return false;</w:t>
            </w:r>
            <w:r>
              <w:tab/>
              <w:t xml:space="preserve"> </w:t>
            </w:r>
          </w:p>
          <w:p w:rsidR="00CE304B" w:rsidRDefault="00CE304B" w:rsidP="00CE304B">
            <w:r>
              <w:tab/>
            </w:r>
            <w:r>
              <w:tab/>
            </w:r>
            <w:r>
              <w:tab/>
            </w:r>
            <w:r>
              <w:tab/>
            </w:r>
            <w:r>
              <w:tab/>
              <w:t>if(returndata==1){</w:t>
            </w:r>
          </w:p>
          <w:p w:rsidR="00CE304B" w:rsidRDefault="00CE304B" w:rsidP="00CE304B">
            <w:r>
              <w:lastRenderedPageBreak/>
              <w:tab/>
            </w:r>
            <w:r>
              <w:tab/>
            </w:r>
            <w:r>
              <w:tab/>
            </w:r>
            <w:r>
              <w:tab/>
            </w:r>
            <w:r>
              <w:tab/>
            </w:r>
            <w:r>
              <w:tab/>
              <w:t>swal("Successfully Saved to your Wish List", {</w:t>
            </w:r>
          </w:p>
          <w:p w:rsidR="00CE304B" w:rsidRDefault="00CE304B" w:rsidP="00CE304B">
            <w:r>
              <w:tab/>
            </w:r>
            <w:r>
              <w:tab/>
            </w:r>
            <w:r>
              <w:tab/>
            </w:r>
            <w:r>
              <w:tab/>
            </w:r>
            <w:r>
              <w:tab/>
            </w:r>
            <w:r>
              <w:tab/>
            </w:r>
            <w:r>
              <w:tab/>
            </w:r>
            <w:r>
              <w:tab/>
              <w:t xml:space="preserve">  icon: "success",</w:t>
            </w:r>
          </w:p>
          <w:p w:rsidR="00CE304B" w:rsidRDefault="00CE304B" w:rsidP="00CE304B">
            <w:r>
              <w:tab/>
            </w:r>
            <w:r>
              <w:tab/>
            </w:r>
            <w:r>
              <w:tab/>
            </w:r>
            <w:r>
              <w:tab/>
            </w:r>
            <w:r>
              <w:tab/>
            </w:r>
            <w:r>
              <w:tab/>
            </w:r>
            <w:r>
              <w:tab/>
              <w:t xml:space="preserve">});  </w:t>
            </w:r>
          </w:p>
          <w:p w:rsidR="00CE304B" w:rsidRDefault="00CE304B" w:rsidP="00CE304B">
            <w:r>
              <w:tab/>
            </w:r>
            <w:r>
              <w:tab/>
            </w:r>
            <w:r>
              <w:tab/>
            </w:r>
            <w:r>
              <w:tab/>
            </w:r>
            <w:r>
              <w:tab/>
            </w:r>
            <w:r>
              <w:tab/>
              <w:t xml:space="preserve">setTimeout(function(){  location.reload(); }, 1000);   </w:t>
            </w:r>
          </w:p>
          <w:p w:rsidR="00CE304B" w:rsidRDefault="00CE304B" w:rsidP="00CE304B">
            <w:r>
              <w:tab/>
            </w:r>
            <w:r>
              <w:tab/>
            </w:r>
            <w:r>
              <w:tab/>
            </w:r>
            <w:r>
              <w:tab/>
            </w:r>
            <w:r>
              <w:tab/>
              <w:t>}else{</w:t>
            </w:r>
          </w:p>
          <w:p w:rsidR="00CE304B" w:rsidRDefault="00CE304B" w:rsidP="00CE304B">
            <w:r>
              <w:tab/>
            </w:r>
            <w:r>
              <w:tab/>
            </w:r>
            <w:r>
              <w:tab/>
            </w:r>
            <w:r>
              <w:tab/>
            </w:r>
            <w:r>
              <w:tab/>
            </w:r>
            <w:r>
              <w:tab/>
              <w:t>swal("Alert", returndata, "error");</w:t>
            </w:r>
          </w:p>
          <w:p w:rsidR="00CE304B" w:rsidRDefault="00CE304B" w:rsidP="00CE304B">
            <w:r>
              <w:tab/>
            </w:r>
            <w:r>
              <w:tab/>
            </w:r>
            <w:r>
              <w:tab/>
            </w:r>
            <w:r>
              <w:tab/>
            </w:r>
            <w:r>
              <w:tab/>
            </w:r>
            <w:r>
              <w:tab/>
              <w:t>return false;</w:t>
            </w:r>
          </w:p>
          <w:p w:rsidR="00CE304B" w:rsidRDefault="00CE304B" w:rsidP="00CE304B">
            <w:r>
              <w:tab/>
            </w:r>
            <w:r>
              <w:tab/>
            </w:r>
            <w:r>
              <w:tab/>
            </w:r>
            <w:r>
              <w:tab/>
            </w:r>
            <w:r>
              <w:tab/>
              <w:t xml:space="preserve">} </w:t>
            </w:r>
          </w:p>
          <w:p w:rsidR="00CE304B" w:rsidRDefault="00CE304B" w:rsidP="00CE304B">
            <w:r>
              <w:tab/>
            </w:r>
            <w:r>
              <w:tab/>
            </w:r>
            <w:r>
              <w:tab/>
            </w:r>
            <w:r>
              <w:tab/>
              <w:t>},</w:t>
            </w:r>
          </w:p>
          <w:p w:rsidR="00CE304B" w:rsidRDefault="00CE304B" w:rsidP="00CE304B">
            <w:r>
              <w:tab/>
            </w:r>
            <w:r>
              <w:tab/>
            </w:r>
            <w:r>
              <w:tab/>
            </w:r>
            <w:r>
              <w:tab/>
              <w:t>complete: function(){</w:t>
            </w:r>
          </w:p>
          <w:p w:rsidR="00CE304B" w:rsidRDefault="00CE304B" w:rsidP="00CE304B">
            <w:r>
              <w:tab/>
            </w:r>
            <w:r>
              <w:tab/>
            </w:r>
            <w:r>
              <w:tab/>
            </w:r>
            <w:r>
              <w:tab/>
            </w:r>
            <w:r>
              <w:tab/>
              <w:t>$('#cover-spin').hide();</w:t>
            </w:r>
          </w:p>
          <w:p w:rsidR="00CE304B" w:rsidRDefault="00CE304B" w:rsidP="00CE304B">
            <w:r>
              <w:tab/>
            </w:r>
            <w:r>
              <w:tab/>
            </w:r>
            <w:r>
              <w:tab/>
            </w:r>
            <w:r>
              <w:tab/>
            </w:r>
            <w:r>
              <w:tab/>
              <w:t>$("#btnSubmit").attr("disabled", false);</w:t>
            </w:r>
          </w:p>
          <w:p w:rsidR="00CE304B" w:rsidRDefault="00CE304B" w:rsidP="00CE304B">
            <w:r>
              <w:tab/>
            </w:r>
            <w:r>
              <w:tab/>
            </w:r>
            <w:r>
              <w:tab/>
            </w:r>
            <w:r>
              <w:tab/>
              <w:t>}</w:t>
            </w:r>
          </w:p>
          <w:p w:rsidR="00CE304B" w:rsidRDefault="00CE304B" w:rsidP="00CE304B">
            <w:r>
              <w:tab/>
            </w:r>
            <w:r>
              <w:tab/>
              <w:t>});</w:t>
            </w:r>
          </w:p>
          <w:p w:rsidR="00CE304B" w:rsidRDefault="00CE304B" w:rsidP="00CE304B">
            <w:r>
              <w:tab/>
            </w:r>
            <w:r>
              <w:tab/>
            </w:r>
          </w:p>
          <w:p w:rsidR="00CE304B" w:rsidRDefault="00CE304B" w:rsidP="00CE304B">
            <w:r>
              <w:tab/>
            </w:r>
            <w:r>
              <w:tab/>
            </w:r>
          </w:p>
          <w:p w:rsidR="00CE304B" w:rsidRDefault="00CE304B" w:rsidP="00CE304B"/>
          <w:p w:rsidR="00CE304B" w:rsidRDefault="00CE304B" w:rsidP="00CE304B">
            <w:r>
              <w:tab/>
              <w:t>}</w:t>
            </w:r>
          </w:p>
          <w:p w:rsidR="00CE304B" w:rsidRDefault="00CE304B" w:rsidP="00CE304B">
            <w:r>
              <w:t xml:space="preserve">});     </w:t>
            </w:r>
          </w:p>
          <w:p w:rsidR="00CE304B" w:rsidRDefault="00CE304B" w:rsidP="00CE304B">
            <w:r>
              <w:t xml:space="preserve">    &lt;/body&gt;</w:t>
            </w:r>
          </w:p>
          <w:p w:rsidR="00CE304B" w:rsidRDefault="00CE304B" w:rsidP="00CE304B"/>
          <w:p w:rsidR="00CE304B" w:rsidRDefault="00CE304B" w:rsidP="00CE304B">
            <w:r>
              <w:t xml:space="preserve">   &lt;!--body ends--&gt;</w:t>
            </w:r>
          </w:p>
          <w:p w:rsidR="00CE304B" w:rsidRDefault="00CE304B" w:rsidP="00CE304B">
            <w:r>
              <w:t xml:space="preserve">   </w:t>
            </w:r>
          </w:p>
          <w:p w:rsidR="00CE304B" w:rsidRDefault="00CE304B" w:rsidP="00CE304B">
            <w:r>
              <w:t xml:space="preserve">   &lt;?php</w:t>
            </w:r>
          </w:p>
          <w:p w:rsidR="00CE304B" w:rsidRDefault="00CE304B" w:rsidP="00CE304B">
            <w:r>
              <w:t>// add the new user to the Registration process before saving the Residence details to users saved list</w:t>
            </w:r>
          </w:p>
          <w:p w:rsidR="00CE304B" w:rsidRDefault="00CE304B" w:rsidP="00CE304B"/>
          <w:p w:rsidR="00CE304B" w:rsidRDefault="00CE304B" w:rsidP="00CE304B">
            <w:r>
              <w:tab/>
              <w:t>$stmt3 = $db-&gt;prepare("SELECT * FROM users as u join user_contact as uc on uc.userId = u.id join user_profile as up on up.userId=u.id WHERE u.email = ? ");</w:t>
            </w:r>
          </w:p>
          <w:p w:rsidR="00CE304B" w:rsidRDefault="00CE304B" w:rsidP="00CE304B">
            <w:r>
              <w:tab/>
            </w:r>
            <w:r>
              <w:tab/>
            </w:r>
            <w:r>
              <w:tab/>
              <w:t>$stmt3-&gt;execute(array( $email )) ;</w:t>
            </w:r>
          </w:p>
          <w:p w:rsidR="00CE304B" w:rsidRDefault="00CE304B" w:rsidP="00CE304B">
            <w:r>
              <w:tab/>
            </w:r>
            <w:r>
              <w:tab/>
            </w:r>
            <w:r>
              <w:tab/>
              <w:t>$result3 = $stmt3-&gt;fetch(PDO::FETCH_ASSOC);</w:t>
            </w:r>
          </w:p>
          <w:p w:rsidR="00CE304B" w:rsidRDefault="00CE304B" w:rsidP="00CE304B">
            <w:r>
              <w:tab/>
            </w:r>
            <w:r>
              <w:tab/>
            </w:r>
            <w:r>
              <w:tab/>
              <w:t>$rowCount = $stmt3-&gt;rowCount();</w:t>
            </w:r>
          </w:p>
          <w:p w:rsidR="00CE304B" w:rsidRDefault="00CE304B" w:rsidP="00CE304B">
            <w:r>
              <w:tab/>
              <w:t xml:space="preserve"> </w:t>
            </w:r>
          </w:p>
          <w:p w:rsidR="00CE304B" w:rsidRDefault="00CE304B" w:rsidP="00CE304B">
            <w:r>
              <w:tab/>
            </w:r>
            <w:r>
              <w:tab/>
            </w:r>
            <w:r>
              <w:tab/>
              <w:t>if ( $rowCount == 0 ) //new user - registration complete but email not verified</w:t>
            </w:r>
          </w:p>
          <w:p w:rsidR="00CE304B" w:rsidRDefault="00CE304B" w:rsidP="00CE304B">
            <w:r>
              <w:tab/>
            </w:r>
            <w:r>
              <w:tab/>
            </w:r>
            <w:r>
              <w:tab/>
              <w:t xml:space="preserve">{ </w:t>
            </w:r>
          </w:p>
          <w:p w:rsidR="00CE304B" w:rsidRDefault="00CE304B" w:rsidP="00CE304B">
            <w:r>
              <w:tab/>
            </w:r>
            <w:r>
              <w:tab/>
            </w:r>
            <w:r>
              <w:tab/>
            </w:r>
            <w:r>
              <w:tab/>
              <w:t>//insert user data</w:t>
            </w:r>
          </w:p>
          <w:p w:rsidR="00CE304B" w:rsidRDefault="00CE304B" w:rsidP="00CE304B">
            <w:r>
              <w:tab/>
            </w:r>
            <w:r>
              <w:tab/>
            </w:r>
            <w:r>
              <w:tab/>
            </w:r>
            <w:r>
              <w:tab/>
              <w:t xml:space="preserve">$nameM </w:t>
            </w:r>
            <w:r>
              <w:tab/>
            </w:r>
            <w:r>
              <w:tab/>
              <w:t>= '' ;</w:t>
            </w:r>
          </w:p>
          <w:p w:rsidR="00CE304B" w:rsidRDefault="00CE304B" w:rsidP="00CE304B">
            <w:r>
              <w:tab/>
            </w:r>
            <w:r>
              <w:tab/>
            </w:r>
            <w:r>
              <w:tab/>
            </w:r>
            <w:r>
              <w:tab/>
              <w:t xml:space="preserve">$nameL </w:t>
            </w:r>
            <w:r>
              <w:tab/>
            </w:r>
            <w:r>
              <w:tab/>
              <w:t>= '' ;</w:t>
            </w:r>
          </w:p>
          <w:p w:rsidR="00CE304B" w:rsidRDefault="00CE304B" w:rsidP="00CE304B">
            <w:r>
              <w:tab/>
            </w:r>
            <w:r>
              <w:tab/>
            </w:r>
            <w:r>
              <w:tab/>
            </w:r>
            <w:r>
              <w:tab/>
              <w:t xml:space="preserve">$gender </w:t>
            </w:r>
            <w:r>
              <w:tab/>
              <w:t xml:space="preserve">= 'U' ; //unknown </w:t>
            </w:r>
          </w:p>
          <w:p w:rsidR="00CE304B" w:rsidRDefault="00CE304B" w:rsidP="00CE304B">
            <w:r>
              <w:tab/>
            </w:r>
            <w:r>
              <w:tab/>
            </w:r>
            <w:r>
              <w:tab/>
            </w:r>
            <w:r>
              <w:tab/>
              <w:t xml:space="preserve">$status </w:t>
            </w:r>
            <w:r>
              <w:tab/>
              <w:t>= 0 ; // email not verified</w:t>
            </w:r>
          </w:p>
          <w:p w:rsidR="00CE304B" w:rsidRDefault="00CE304B" w:rsidP="00CE304B">
            <w:r>
              <w:tab/>
            </w:r>
            <w:r>
              <w:tab/>
            </w:r>
            <w:r>
              <w:tab/>
            </w:r>
            <w:r>
              <w:tab/>
              <w:t xml:space="preserve">$mobile </w:t>
            </w:r>
            <w:r>
              <w:tab/>
              <w:t>= '' ;</w:t>
            </w:r>
          </w:p>
          <w:p w:rsidR="00CE304B" w:rsidRDefault="00CE304B" w:rsidP="00CE304B">
            <w:r>
              <w:tab/>
            </w:r>
            <w:r>
              <w:tab/>
            </w:r>
            <w:r>
              <w:tab/>
            </w:r>
            <w:r>
              <w:tab/>
              <w:t xml:space="preserve">$password1 </w:t>
            </w:r>
            <w:r>
              <w:tab/>
              <w:t>= md5(123456);</w:t>
            </w:r>
          </w:p>
          <w:p w:rsidR="00CE304B" w:rsidRDefault="00CE304B" w:rsidP="00CE304B">
            <w:r>
              <w:tab/>
            </w:r>
            <w:r>
              <w:tab/>
            </w:r>
            <w:r>
              <w:tab/>
            </w:r>
            <w:r>
              <w:tab/>
              <w:t xml:space="preserve">$stmt5 = $db-&gt;prepare("INSERT INTO users ( nameF, nameM, nameL, email, mobile, gender, password, status, time ) </w:t>
            </w:r>
          </w:p>
          <w:p w:rsidR="00CE304B" w:rsidRDefault="00CE304B" w:rsidP="00CE304B">
            <w:r>
              <w:tab/>
            </w:r>
            <w:r>
              <w:tab/>
            </w:r>
            <w:r>
              <w:tab/>
            </w:r>
            <w:r>
              <w:tab/>
              <w:t>VALUES ( :nameF, :nameM, :nameL, :email, :mobile, :gender, :password, :status, :time ) ") ;</w:t>
            </w:r>
          </w:p>
          <w:p w:rsidR="00CE304B" w:rsidRDefault="00CE304B" w:rsidP="00CE304B">
            <w:r>
              <w:tab/>
            </w:r>
            <w:r>
              <w:tab/>
            </w:r>
            <w:r>
              <w:tab/>
            </w:r>
            <w:r>
              <w:tab/>
              <w:t xml:space="preserve">$stmt5-&gt;execute(array( ':nameF' =&gt; $name, ':nameM'=&gt;$nameM, ':nameL'=&gt;$nameL, ':email' =&gt; $email, ':mobile' =&gt; $mobile, ':gender' =&gt; $gender, ':password' =&gt; $password1, </w:t>
            </w:r>
          </w:p>
          <w:p w:rsidR="00CE304B" w:rsidRDefault="00CE304B" w:rsidP="00CE304B">
            <w:r>
              <w:lastRenderedPageBreak/>
              <w:tab/>
            </w:r>
            <w:r>
              <w:tab/>
            </w:r>
            <w:r>
              <w:tab/>
            </w:r>
            <w:r>
              <w:tab/>
              <w:t>':status' =&gt; $status, ':time'=&gt; TIME_NOW )) ;</w:t>
            </w:r>
          </w:p>
          <w:p w:rsidR="00CE304B" w:rsidRDefault="00CE304B" w:rsidP="00CE304B">
            <w:r>
              <w:tab/>
            </w:r>
            <w:r>
              <w:tab/>
            </w:r>
            <w:r>
              <w:tab/>
            </w:r>
            <w:r>
              <w:tab/>
              <w:t>$userId = $db-&gt;lastInsertId() ;</w:t>
            </w:r>
          </w:p>
          <w:p w:rsidR="00CE304B" w:rsidRDefault="00CE304B" w:rsidP="00CE304B"/>
          <w:p w:rsidR="00CE304B" w:rsidRDefault="00CE304B" w:rsidP="00CE304B">
            <w:r>
              <w:tab/>
            </w:r>
            <w:r>
              <w:tab/>
            </w:r>
            <w:r>
              <w:tab/>
            </w:r>
            <w:r>
              <w:tab/>
              <w:t xml:space="preserve">//insert user profile row </w:t>
            </w:r>
          </w:p>
          <w:p w:rsidR="00CE304B" w:rsidRDefault="00CE304B" w:rsidP="00CE304B">
            <w:r>
              <w:tab/>
            </w:r>
            <w:r>
              <w:tab/>
            </w:r>
            <w:r>
              <w:tab/>
            </w:r>
            <w:r>
              <w:tab/>
              <w:t xml:space="preserve">$dob </w:t>
            </w:r>
            <w:r>
              <w:tab/>
            </w:r>
            <w:r>
              <w:tab/>
              <w:t>= '0000-00-00' ;</w:t>
            </w:r>
          </w:p>
          <w:p w:rsidR="00CE304B" w:rsidRDefault="00CE304B" w:rsidP="00CE304B">
            <w:r>
              <w:tab/>
            </w:r>
            <w:r>
              <w:tab/>
            </w:r>
            <w:r>
              <w:tab/>
            </w:r>
            <w:r>
              <w:tab/>
              <w:t xml:space="preserve">$domain </w:t>
            </w:r>
            <w:r>
              <w:tab/>
              <w:t>= 'spf' ;</w:t>
            </w:r>
          </w:p>
          <w:p w:rsidR="00CE304B" w:rsidRDefault="00CE304B" w:rsidP="00CE304B">
            <w:r>
              <w:tab/>
            </w:r>
            <w:r>
              <w:tab/>
            </w:r>
            <w:r>
              <w:tab/>
            </w:r>
            <w:r>
              <w:tab/>
              <w:t xml:space="preserve">$about </w:t>
            </w:r>
            <w:r>
              <w:tab/>
            </w:r>
            <w:r>
              <w:tab/>
              <w:t>= '' ;</w:t>
            </w:r>
          </w:p>
          <w:p w:rsidR="00CE304B" w:rsidRDefault="00CE304B" w:rsidP="00CE304B">
            <w:r>
              <w:tab/>
            </w:r>
            <w:r>
              <w:tab/>
            </w:r>
            <w:r>
              <w:tab/>
            </w:r>
            <w:r>
              <w:tab/>
              <w:t>$iam</w:t>
            </w:r>
            <w:r>
              <w:tab/>
              <w:t xml:space="preserve"> </w:t>
            </w:r>
            <w:r>
              <w:tab/>
              <w:t>= 0 ;</w:t>
            </w:r>
          </w:p>
          <w:p w:rsidR="00CE304B" w:rsidRDefault="00CE304B" w:rsidP="00CE304B"/>
          <w:p w:rsidR="00CE304B" w:rsidRDefault="00CE304B" w:rsidP="00CE304B">
            <w:r>
              <w:tab/>
            </w:r>
            <w:r>
              <w:tab/>
            </w:r>
            <w:r>
              <w:tab/>
            </w:r>
            <w:r>
              <w:tab/>
              <w:t>//insert profile</w:t>
            </w:r>
          </w:p>
          <w:p w:rsidR="00CE304B" w:rsidRDefault="00CE304B" w:rsidP="00CE304B">
            <w:r>
              <w:tab/>
            </w:r>
            <w:r>
              <w:tab/>
            </w:r>
            <w:r>
              <w:tab/>
            </w:r>
            <w:r>
              <w:tab/>
              <w:t xml:space="preserve">$stmt7 = $db-&gt;prepare("INSERT INTO user_profile ( userId, domain, dob, iam, about ) </w:t>
            </w:r>
          </w:p>
          <w:p w:rsidR="00CE304B" w:rsidRDefault="00CE304B" w:rsidP="00CE304B">
            <w:r>
              <w:tab/>
            </w:r>
            <w:r>
              <w:tab/>
            </w:r>
            <w:r>
              <w:tab/>
            </w:r>
            <w:r>
              <w:tab/>
              <w:t>VALUES ( :userId, :domain, :dob, :iam, :about ) ") ;</w:t>
            </w:r>
          </w:p>
          <w:p w:rsidR="00CE304B" w:rsidRDefault="00CE304B" w:rsidP="00CE304B">
            <w:r>
              <w:tab/>
            </w:r>
            <w:r>
              <w:tab/>
            </w:r>
            <w:r>
              <w:tab/>
            </w:r>
            <w:r>
              <w:tab/>
              <w:t>$stmt7-&gt;execute(array( ':userId' =&gt; $userId, ':domain' =&gt; $domain, ':dob' =&gt; $dob, ':iam' =&gt; $iam, ':about' =&gt; $about )) ;</w:t>
            </w:r>
          </w:p>
          <w:p w:rsidR="00CE304B" w:rsidRDefault="00CE304B" w:rsidP="00CE304B"/>
          <w:p w:rsidR="00CE304B" w:rsidRDefault="00CE304B" w:rsidP="00CE304B">
            <w:r>
              <w:tab/>
            </w:r>
            <w:r>
              <w:tab/>
            </w:r>
            <w:r>
              <w:tab/>
            </w:r>
            <w:r>
              <w:tab/>
              <w:t>//insert profile contact</w:t>
            </w:r>
          </w:p>
          <w:p w:rsidR="00CE304B" w:rsidRDefault="00CE304B" w:rsidP="00CE304B">
            <w:r>
              <w:tab/>
            </w:r>
            <w:r>
              <w:tab/>
            </w:r>
            <w:r>
              <w:tab/>
            </w:r>
            <w:r>
              <w:tab/>
              <w:t>$stmt8 = $db-&gt;prepare("INSERT INTO user_contact ( userId ) VALUES ( :userId ) ") ;</w:t>
            </w:r>
          </w:p>
          <w:p w:rsidR="00CE304B" w:rsidRDefault="00CE304B" w:rsidP="00CE304B">
            <w:r>
              <w:tab/>
            </w:r>
            <w:r>
              <w:tab/>
            </w:r>
            <w:r>
              <w:tab/>
            </w:r>
            <w:r>
              <w:tab/>
              <w:t>$stmt8-&gt;execute(array( ':userId' =&gt; $userId )) ;</w:t>
            </w:r>
          </w:p>
          <w:p w:rsidR="00CE304B" w:rsidRDefault="00CE304B" w:rsidP="00CE304B"/>
          <w:p w:rsidR="00CE304B" w:rsidRDefault="00CE304B" w:rsidP="00CE304B">
            <w:r>
              <w:tab/>
            </w:r>
            <w:r>
              <w:tab/>
            </w:r>
            <w:r>
              <w:tab/>
            </w:r>
            <w:r>
              <w:tab/>
              <w:t xml:space="preserve">//insert user activity </w:t>
            </w:r>
          </w:p>
          <w:p w:rsidR="00CE304B" w:rsidRDefault="00CE304B" w:rsidP="00CE304B">
            <w:r>
              <w:tab/>
            </w:r>
            <w:r>
              <w:tab/>
            </w:r>
            <w:r>
              <w:tab/>
            </w:r>
            <w:r>
              <w:tab/>
              <w:t>$activity = 'New signup' ;</w:t>
            </w:r>
          </w:p>
          <w:p w:rsidR="00CE304B" w:rsidRDefault="00CE304B" w:rsidP="00CE304B">
            <w:r>
              <w:tab/>
            </w:r>
            <w:r>
              <w:tab/>
            </w:r>
            <w:r>
              <w:tab/>
            </w:r>
            <w:r>
              <w:tab/>
              <w:t>$item = 'Self' ;</w:t>
            </w:r>
          </w:p>
          <w:p w:rsidR="00CE304B" w:rsidRDefault="00CE304B" w:rsidP="00CE304B">
            <w:r>
              <w:tab/>
            </w:r>
            <w:r>
              <w:tab/>
            </w:r>
            <w:r>
              <w:tab/>
            </w:r>
            <w:r>
              <w:tab/>
              <w:t>$itemid = 0 ;</w:t>
            </w:r>
          </w:p>
          <w:p w:rsidR="00CE304B" w:rsidRDefault="00CE304B" w:rsidP="00CE304B">
            <w:r>
              <w:tab/>
            </w:r>
            <w:r>
              <w:tab/>
            </w:r>
            <w:r>
              <w:tab/>
            </w:r>
            <w:r>
              <w:tab/>
              <w:t>$stmt6 = $db-&gt;prepare("INSERT INTO user_activities ( userId, activity, ip, item, itemId, time ) VALUES ( :userId, :activity, :ip, :item, :itemId, :time ) ") ;</w:t>
            </w:r>
          </w:p>
          <w:p w:rsidR="00CE304B" w:rsidRDefault="00CE304B" w:rsidP="00CE304B">
            <w:r>
              <w:tab/>
            </w:r>
            <w:r>
              <w:tab/>
            </w:r>
            <w:r>
              <w:tab/>
            </w:r>
            <w:r>
              <w:tab/>
              <w:t>$stmt6-&gt;execute(array( ':userId' =&gt; $userId, ':activity' =&gt; $activity, ':ip'=&gt;get_client_ip(), ':item'=&gt;$item, ':itemId' =&gt; $itemid, ':time'=&gt; TIME_NOW )) ;</w:t>
            </w:r>
          </w:p>
          <w:p w:rsidR="00CE304B" w:rsidRDefault="00CE304B" w:rsidP="00CE304B">
            <w:r>
              <w:tab/>
            </w:r>
            <w:r>
              <w:tab/>
            </w:r>
            <w:r>
              <w:tab/>
            </w:r>
            <w:r>
              <w:tab/>
            </w:r>
          </w:p>
          <w:p w:rsidR="00CE304B" w:rsidRDefault="00CE304B" w:rsidP="00CE304B">
            <w:r>
              <w:tab/>
            </w:r>
            <w:r>
              <w:tab/>
            </w:r>
            <w:r>
              <w:tab/>
            </w:r>
            <w:r>
              <w:tab/>
              <w:t xml:space="preserve">//insert user activity </w:t>
            </w:r>
          </w:p>
          <w:p w:rsidR="00CE304B" w:rsidRDefault="00CE304B" w:rsidP="00CE304B">
            <w:r>
              <w:t xml:space="preserve">        </w:t>
            </w:r>
            <w:r>
              <w:tab/>
            </w:r>
            <w:r>
              <w:tab/>
              <w:t>$activity = 'Add to Saved List' ;</w:t>
            </w:r>
          </w:p>
          <w:p w:rsidR="00CE304B" w:rsidRDefault="00CE304B" w:rsidP="00CE304B">
            <w:r>
              <w:t xml:space="preserve">        </w:t>
            </w:r>
            <w:r>
              <w:tab/>
            </w:r>
            <w:r>
              <w:tab/>
              <w:t>$item = 'Self' ;</w:t>
            </w:r>
          </w:p>
          <w:p w:rsidR="00CE304B" w:rsidRDefault="00CE304B" w:rsidP="00CE304B">
            <w:r>
              <w:t xml:space="preserve">        </w:t>
            </w:r>
            <w:r>
              <w:tab/>
            </w:r>
            <w:r>
              <w:tab/>
              <w:t>$itemid = 0 ;</w:t>
            </w:r>
          </w:p>
          <w:p w:rsidR="00CE304B" w:rsidRDefault="00CE304B" w:rsidP="00CE304B">
            <w:r>
              <w:t xml:space="preserve">        </w:t>
            </w:r>
            <w:r>
              <w:tab/>
            </w:r>
            <w:r>
              <w:tab/>
              <w:t>$stmt6 = $db-&gt;prepare("INSERT INTO user_activities ( userId, activity, ip, item, itemId, time ) VALUES ( :userId, :activity, :ip, :item, :itemId, :time ) ") ;</w:t>
            </w:r>
          </w:p>
          <w:p w:rsidR="00CE304B" w:rsidRDefault="00CE304B" w:rsidP="00CE304B">
            <w:r>
              <w:t xml:space="preserve">        </w:t>
            </w:r>
            <w:r>
              <w:tab/>
            </w:r>
            <w:r>
              <w:tab/>
              <w:t>$stmt6-&gt;execute(array( ':userId' =&gt; $userId, ':activity' =&gt; $activity, ':ip'=&gt;get_client_ip(), ':item'=&gt;$item, ':itemId' =&gt; $itemid, ':time'=&gt; TIME_NOW )) ;</w:t>
            </w:r>
          </w:p>
          <w:p w:rsidR="00CE304B" w:rsidRDefault="00CE304B" w:rsidP="00CE304B">
            <w:r>
              <w:t xml:space="preserve">    </w:t>
            </w:r>
          </w:p>
          <w:p w:rsidR="00CE304B" w:rsidRDefault="00CE304B" w:rsidP="00CE304B">
            <w:r>
              <w:t xml:space="preserve">    // Mail to MEMBER and to USER - information about adding the RESIDENCE to //USER saved list</w:t>
            </w:r>
          </w:p>
          <w:p w:rsidR="00CE304B" w:rsidRDefault="00CE304B" w:rsidP="00CE304B">
            <w:r>
              <w:t xml:space="preserve">    </w:t>
            </w:r>
          </w:p>
          <w:p w:rsidR="00CE304B" w:rsidRDefault="00CE304B" w:rsidP="00CE304B">
            <w:r>
              <w:t xml:space="preserve">    //////////////////////MAIL TO Member//////////// </w:t>
            </w:r>
          </w:p>
          <w:p w:rsidR="00CE304B" w:rsidRDefault="00CE304B" w:rsidP="00CE304B">
            <w:r>
              <w:tab/>
            </w:r>
            <w:r>
              <w:tab/>
            </w:r>
            <w:r>
              <w:tab/>
              <w:t xml:space="preserve">$fromName </w:t>
            </w:r>
            <w:r>
              <w:tab/>
            </w:r>
            <w:r>
              <w:tab/>
              <w:t xml:space="preserve">= 'Your Senior Team' ; </w:t>
            </w:r>
          </w:p>
          <w:p w:rsidR="00CE304B" w:rsidRDefault="00CE304B" w:rsidP="00CE304B">
            <w:r>
              <w:tab/>
            </w:r>
            <w:r>
              <w:tab/>
            </w:r>
            <w:r>
              <w:tab/>
              <w:t xml:space="preserve">$fromEmail </w:t>
            </w:r>
            <w:r>
              <w:tab/>
            </w:r>
            <w:r>
              <w:tab/>
              <w:t>= 'no-reply@'. DOMAIN_NAME ;</w:t>
            </w:r>
          </w:p>
          <w:p w:rsidR="00CE304B" w:rsidRDefault="00CE304B" w:rsidP="00CE304B"/>
          <w:p w:rsidR="00CE304B" w:rsidRDefault="00CE304B" w:rsidP="00CE304B">
            <w:r>
              <w:tab/>
            </w:r>
            <w:r>
              <w:tab/>
            </w:r>
            <w:r>
              <w:tab/>
              <w:t xml:space="preserve">$to </w:t>
            </w:r>
            <w:r>
              <w:tab/>
            </w:r>
            <w:r>
              <w:tab/>
            </w:r>
            <w:r>
              <w:tab/>
              <w:t>= $memberEmail ; //"@gmail.com" ;  // admin email</w:t>
            </w:r>
          </w:p>
          <w:p w:rsidR="00CE304B" w:rsidRDefault="00CE304B" w:rsidP="00CE304B">
            <w:r>
              <w:tab/>
            </w:r>
            <w:r>
              <w:tab/>
            </w:r>
            <w:r>
              <w:tab/>
              <w:t xml:space="preserve">// $to </w:t>
            </w:r>
            <w:r>
              <w:tab/>
            </w:r>
            <w:r>
              <w:tab/>
            </w:r>
            <w:r>
              <w:tab/>
              <w:t>= 'sbhaktavatsala@gmail.com' ; //"@gmail.com" ;  // admin email</w:t>
            </w:r>
          </w:p>
          <w:p w:rsidR="00CE304B" w:rsidRDefault="00CE304B" w:rsidP="00CE304B">
            <w:r>
              <w:lastRenderedPageBreak/>
              <w:tab/>
            </w:r>
            <w:r>
              <w:tab/>
            </w:r>
            <w:r>
              <w:tab/>
              <w:t>$subject = 'A new user '  . $userName.' added ' . $title . ' - email verification required'    ;</w:t>
            </w:r>
          </w:p>
          <w:p w:rsidR="00CE304B" w:rsidRDefault="00CE304B" w:rsidP="00CE304B"/>
          <w:p w:rsidR="00CE304B" w:rsidRDefault="00CE304B" w:rsidP="00CE304B">
            <w:r>
              <w:tab/>
            </w:r>
            <w:r>
              <w:tab/>
            </w:r>
            <w:r>
              <w:tab/>
              <w:t>$message = '' ;</w:t>
            </w:r>
          </w:p>
          <w:p w:rsidR="00CE304B" w:rsidRDefault="00CE304B" w:rsidP="00CE304B">
            <w:r>
              <w:tab/>
            </w:r>
            <w:r>
              <w:tab/>
            </w:r>
            <w:r>
              <w:tab/>
              <w:t>$message .= '</w:t>
            </w:r>
          </w:p>
          <w:p w:rsidR="00CE304B" w:rsidRDefault="00CE304B" w:rsidP="00CE304B">
            <w:r>
              <w:tab/>
            </w:r>
            <w:r>
              <w:tab/>
            </w:r>
            <w:r>
              <w:tab/>
              <w:t>&lt;div style="background: lightgray; padding: 25px; font-family: sans-serif;"&gt;</w:t>
            </w:r>
          </w:p>
          <w:p w:rsidR="00CE304B" w:rsidRDefault="00CE304B" w:rsidP="00CE304B">
            <w:r>
              <w:tab/>
            </w:r>
            <w:r>
              <w:tab/>
            </w:r>
            <w:r>
              <w:tab/>
            </w:r>
            <w:r>
              <w:tab/>
              <w:t>&lt;br&gt;</w:t>
            </w:r>
          </w:p>
          <w:p w:rsidR="00CE304B" w:rsidRDefault="00CE304B" w:rsidP="00CE304B">
            <w:r>
              <w:tab/>
            </w:r>
            <w:r>
              <w:tab/>
            </w:r>
            <w:r>
              <w:tab/>
            </w:r>
            <w:r>
              <w:tab/>
              <w:t>&lt;img src="/img/icon/logo.png" width="250" style="display: block; margin: auto;" alt="" /&gt;</w:t>
            </w:r>
          </w:p>
          <w:p w:rsidR="00CE304B" w:rsidRDefault="00CE304B" w:rsidP="00CE304B">
            <w:r>
              <w:tab/>
            </w:r>
            <w:r>
              <w:tab/>
            </w:r>
            <w:r>
              <w:tab/>
            </w:r>
            <w:r>
              <w:tab/>
            </w:r>
          </w:p>
          <w:p w:rsidR="00CE304B" w:rsidRDefault="00CE304B" w:rsidP="00CE304B">
            <w:r>
              <w:tab/>
            </w:r>
            <w:r>
              <w:tab/>
            </w:r>
            <w:r>
              <w:tab/>
            </w:r>
            <w:r>
              <w:tab/>
              <w:t>&lt;div style="background: white; padding: 20px; max-width: 800px; margin: auto; border-radius: 8px; border: 1px solid silver;"&gt;</w:t>
            </w:r>
          </w:p>
          <w:p w:rsidR="00CE304B" w:rsidRDefault="00CE304B" w:rsidP="00CE304B">
            <w:r>
              <w:tab/>
            </w:r>
            <w:r>
              <w:tab/>
            </w:r>
            <w:r>
              <w:tab/>
            </w:r>
            <w:r>
              <w:tab/>
            </w:r>
            <w:r>
              <w:tab/>
              <w:t>&lt;br&gt;</w:t>
            </w:r>
          </w:p>
          <w:p w:rsidR="00CE304B" w:rsidRDefault="00CE304B" w:rsidP="00CE304B">
            <w:r>
              <w:tab/>
            </w:r>
            <w:r>
              <w:tab/>
            </w:r>
            <w:r>
              <w:tab/>
            </w:r>
            <w:r>
              <w:tab/>
            </w:r>
            <w:r>
              <w:tab/>
              <w:t>&lt;p&gt;Hello &lt;strong&gt; Admin, &lt;/strong&gt;,</w:t>
            </w:r>
          </w:p>
          <w:p w:rsidR="00CE304B" w:rsidRDefault="00CE304B" w:rsidP="00CE304B">
            <w:r>
              <w:tab/>
            </w:r>
            <w:r>
              <w:tab/>
            </w:r>
            <w:r>
              <w:tab/>
            </w:r>
            <w:r>
              <w:tab/>
            </w:r>
            <w:r>
              <w:tab/>
              <w:t>&lt;br&gt;</w:t>
            </w:r>
          </w:p>
          <w:p w:rsidR="00CE304B" w:rsidRDefault="00CE304B" w:rsidP="00CE304B">
            <w:r>
              <w:tab/>
            </w:r>
            <w:r>
              <w:tab/>
            </w:r>
            <w:r>
              <w:tab/>
            </w:r>
            <w:r>
              <w:tab/>
            </w:r>
            <w:r>
              <w:tab/>
              <w:t>A prospective Senior Place Finder ' . $userName . ' has added ' . $title . ' to his list. The finder is asked to verify his email before adding the ' . $title . ' to his saved list.</w:t>
            </w:r>
          </w:p>
          <w:p w:rsidR="00CE304B" w:rsidRDefault="00CE304B" w:rsidP="00CE304B">
            <w:r>
              <w:tab/>
            </w:r>
            <w:r>
              <w:tab/>
            </w:r>
            <w:r>
              <w:tab/>
            </w:r>
            <w:r>
              <w:tab/>
            </w:r>
            <w:r>
              <w:tab/>
              <w:t xml:space="preserve">&lt;/p&gt; </w:t>
            </w:r>
          </w:p>
          <w:p w:rsidR="00CE304B" w:rsidRDefault="00CE304B" w:rsidP="00CE304B">
            <w:r>
              <w:tab/>
            </w:r>
            <w:r>
              <w:tab/>
            </w:r>
            <w:r>
              <w:tab/>
            </w:r>
            <w:r>
              <w:tab/>
            </w:r>
            <w:r>
              <w:tab/>
            </w:r>
          </w:p>
          <w:p w:rsidR="00CE304B" w:rsidRDefault="00CE304B" w:rsidP="00CE304B">
            <w:r>
              <w:tab/>
            </w:r>
            <w:r>
              <w:tab/>
            </w:r>
            <w:r>
              <w:tab/>
            </w:r>
            <w:r>
              <w:tab/>
            </w:r>
            <w:r>
              <w:tab/>
              <w:t>&lt;br&gt;</w:t>
            </w:r>
          </w:p>
          <w:p w:rsidR="00CE304B" w:rsidRDefault="00CE304B" w:rsidP="00CE304B">
            <w:r>
              <w:tab/>
            </w:r>
            <w:r>
              <w:tab/>
            </w:r>
            <w:r>
              <w:tab/>
            </w:r>
            <w:r>
              <w:tab/>
            </w:r>
            <w:r>
              <w:tab/>
              <w:t>&lt;p&gt;Yours truly,&lt;/p&gt;</w:t>
            </w:r>
          </w:p>
          <w:p w:rsidR="00CE304B" w:rsidRDefault="00CE304B" w:rsidP="00CE304B">
            <w:r>
              <w:tab/>
            </w:r>
            <w:r>
              <w:tab/>
            </w:r>
            <w:r>
              <w:tab/>
            </w:r>
            <w:r>
              <w:tab/>
            </w:r>
            <w:r>
              <w:tab/>
              <w:t>&lt;br&gt;</w:t>
            </w:r>
          </w:p>
          <w:p w:rsidR="00CE304B" w:rsidRDefault="00CE304B" w:rsidP="00CE304B">
            <w:r>
              <w:tab/>
            </w:r>
            <w:r>
              <w:tab/>
            </w:r>
            <w:r>
              <w:tab/>
            </w:r>
            <w:r>
              <w:tab/>
            </w:r>
            <w:r>
              <w:tab/>
              <w:t>&lt;strong&gt;Steve T. Fecske&lt;/strong&gt;&lt;br /&gt;</w:t>
            </w:r>
          </w:p>
          <w:p w:rsidR="00CE304B" w:rsidRDefault="00CE304B" w:rsidP="00CE304B">
            <w:r>
              <w:tab/>
            </w:r>
            <w:r>
              <w:tab/>
            </w:r>
            <w:r>
              <w:tab/>
            </w:r>
            <w:r>
              <w:tab/>
            </w:r>
            <w:r>
              <w:tab/>
              <w:t>&lt;small&gt;Founder,&lt;/small&gt;</w:t>
            </w:r>
          </w:p>
          <w:p w:rsidR="00CE304B" w:rsidRDefault="00CE304B" w:rsidP="00CE304B">
            <w:r>
              <w:tab/>
            </w:r>
            <w:r>
              <w:tab/>
            </w:r>
            <w:r>
              <w:tab/>
            </w:r>
            <w:r>
              <w:tab/>
            </w:r>
            <w:r>
              <w:tab/>
              <w:t>&lt;h5&gt;Your Senior Team, Inc&lt;/h5&gt;</w:t>
            </w:r>
          </w:p>
          <w:p w:rsidR="00CE304B" w:rsidRDefault="00CE304B" w:rsidP="00CE304B">
            <w:r>
              <w:tab/>
            </w:r>
            <w:r>
              <w:tab/>
            </w:r>
            <w:r>
              <w:tab/>
            </w:r>
            <w:r>
              <w:tab/>
              <w:t>&lt;/div&gt;</w:t>
            </w:r>
          </w:p>
          <w:p w:rsidR="00CE304B" w:rsidRDefault="00CE304B" w:rsidP="00CE304B">
            <w:r>
              <w:tab/>
            </w:r>
            <w:r>
              <w:tab/>
            </w:r>
            <w:r>
              <w:tab/>
            </w:r>
            <w:r>
              <w:tab/>
            </w:r>
          </w:p>
          <w:p w:rsidR="00CE304B" w:rsidRDefault="00CE304B" w:rsidP="00CE304B">
            <w:r>
              <w:tab/>
            </w:r>
            <w:r>
              <w:tab/>
            </w:r>
            <w:r>
              <w:tab/>
              <w:t>&lt;/div&gt;</w:t>
            </w:r>
          </w:p>
          <w:p w:rsidR="00CE304B" w:rsidRDefault="00CE304B" w:rsidP="00CE304B">
            <w:r>
              <w:tab/>
            </w:r>
            <w:r>
              <w:tab/>
            </w:r>
            <w:r>
              <w:tab/>
              <w:t>' ;</w:t>
            </w:r>
          </w:p>
          <w:p w:rsidR="00CE304B" w:rsidRDefault="00CE304B" w:rsidP="00CE304B"/>
          <w:p w:rsidR="00CE304B" w:rsidRDefault="00CE304B" w:rsidP="00CE304B">
            <w:r>
              <w:tab/>
            </w:r>
            <w:r>
              <w:tab/>
            </w:r>
            <w:r>
              <w:tab/>
              <w:t>$message .= '';</w:t>
            </w:r>
          </w:p>
          <w:p w:rsidR="00CE304B" w:rsidRDefault="00CE304B" w:rsidP="00CE304B"/>
          <w:p w:rsidR="00CE304B" w:rsidRDefault="00CE304B" w:rsidP="00CE304B">
            <w:r>
              <w:tab/>
            </w:r>
            <w:r>
              <w:tab/>
            </w:r>
            <w:r>
              <w:tab/>
              <w:t>$hers = 'MIME-Version: 1.0' . "\r\n";</w:t>
            </w:r>
          </w:p>
          <w:p w:rsidR="00CE304B" w:rsidRDefault="00CE304B" w:rsidP="00CE304B">
            <w:r>
              <w:tab/>
            </w:r>
            <w:r>
              <w:tab/>
            </w:r>
            <w:r>
              <w:tab/>
              <w:t>$hers .= 'Content-type: text/html; charset=utf-8' . "\r\n";</w:t>
            </w:r>
          </w:p>
          <w:p w:rsidR="00CE304B" w:rsidRDefault="00CE304B" w:rsidP="00CE304B">
            <w:r>
              <w:tab/>
            </w:r>
            <w:r>
              <w:tab/>
            </w:r>
            <w:r>
              <w:tab/>
              <w:t>$hers .= 'From:  ' . $fromName . ' &lt;' . $fromEmail .'&gt;' . " \r\n" .</w:t>
            </w:r>
          </w:p>
          <w:p w:rsidR="00CE304B" w:rsidRDefault="00CE304B" w:rsidP="00CE304B">
            <w:r>
              <w:tab/>
            </w:r>
            <w:r>
              <w:tab/>
            </w:r>
            <w:r>
              <w:tab/>
            </w:r>
            <w:r>
              <w:tab/>
            </w:r>
            <w:r>
              <w:tab/>
            </w:r>
            <w:r>
              <w:tab/>
              <w:t>'X-Mailer: PHP/' . phpversion();</w:t>
            </w:r>
          </w:p>
          <w:p w:rsidR="00CE304B" w:rsidRDefault="00CE304B" w:rsidP="00CE304B">
            <w:r>
              <w:tab/>
            </w:r>
            <w:r>
              <w:tab/>
            </w:r>
            <w:r>
              <w:tab/>
              <w:t>$hers .= "Bcc: \n";</w:t>
            </w:r>
          </w:p>
          <w:p w:rsidR="00CE304B" w:rsidRDefault="00CE304B" w:rsidP="00CE304B">
            <w:r>
              <w:tab/>
            </w:r>
            <w:r>
              <w:tab/>
            </w:r>
            <w:r>
              <w:tab/>
              <w:t>$hers .= "Cc: \n";</w:t>
            </w:r>
          </w:p>
          <w:p w:rsidR="00CE304B" w:rsidRDefault="00CE304B" w:rsidP="00CE304B"/>
          <w:p w:rsidR="00CE304B" w:rsidRDefault="00CE304B" w:rsidP="00CE304B">
            <w:r>
              <w:tab/>
            </w:r>
            <w:r>
              <w:tab/>
            </w:r>
            <w:r>
              <w:tab/>
              <w:t xml:space="preserve">if ( mail($to, $subject, $message, $hers) ) { </w:t>
            </w:r>
          </w:p>
          <w:p w:rsidR="00CE304B" w:rsidRDefault="00CE304B" w:rsidP="00CE304B">
            <w:r>
              <w:tab/>
            </w:r>
            <w:r>
              <w:tab/>
            </w:r>
            <w:r>
              <w:tab/>
            </w:r>
            <w:r>
              <w:tab/>
              <w:t>//////////////////////MAIL TO USER////////////</w:t>
            </w:r>
          </w:p>
          <w:p w:rsidR="00CE304B" w:rsidRDefault="00CE304B" w:rsidP="00CE304B">
            <w:r>
              <w:tab/>
            </w:r>
            <w:r>
              <w:tab/>
            </w:r>
            <w:r>
              <w:tab/>
            </w:r>
            <w:r>
              <w:tab/>
              <w:t xml:space="preserve">$fromName </w:t>
            </w:r>
            <w:r>
              <w:tab/>
              <w:t>= 'Your Senior Team';</w:t>
            </w:r>
          </w:p>
          <w:p w:rsidR="00CE304B" w:rsidRDefault="00CE304B" w:rsidP="00CE304B">
            <w:r>
              <w:tab/>
            </w:r>
            <w:r>
              <w:tab/>
            </w:r>
            <w:r>
              <w:tab/>
            </w:r>
            <w:r>
              <w:tab/>
              <w:t>$fromEmail = 'no-reply@'. DOMAIN_NAME ;</w:t>
            </w:r>
          </w:p>
          <w:p w:rsidR="00CE304B" w:rsidRDefault="00CE304B" w:rsidP="00CE304B"/>
          <w:p w:rsidR="00CE304B" w:rsidRDefault="00CE304B" w:rsidP="00CE304B">
            <w:r>
              <w:tab/>
            </w:r>
            <w:r>
              <w:tab/>
            </w:r>
            <w:r>
              <w:tab/>
            </w:r>
            <w:r>
              <w:tab/>
              <w:t xml:space="preserve">$to </w:t>
            </w:r>
            <w:r>
              <w:tab/>
            </w:r>
            <w:r>
              <w:tab/>
              <w:t>= $email ; //"@gmail.com" ;  //</w:t>
            </w:r>
          </w:p>
          <w:p w:rsidR="00CE304B" w:rsidRDefault="00CE304B" w:rsidP="00CE304B">
            <w:r>
              <w:tab/>
            </w:r>
            <w:r>
              <w:tab/>
            </w:r>
            <w:r>
              <w:tab/>
            </w:r>
            <w:r>
              <w:tab/>
              <w:t xml:space="preserve">$subject </w:t>
            </w:r>
            <w:r>
              <w:tab/>
              <w:t>= 'Added to Saved List - ' . $title ;</w:t>
            </w:r>
          </w:p>
          <w:p w:rsidR="00CE304B" w:rsidRDefault="00CE304B" w:rsidP="00CE304B">
            <w:r>
              <w:t xml:space="preserve"> </w:t>
            </w:r>
          </w:p>
          <w:p w:rsidR="00CE304B" w:rsidRDefault="00CE304B" w:rsidP="00CE304B">
            <w:r>
              <w:tab/>
            </w:r>
            <w:r>
              <w:tab/>
            </w:r>
            <w:r>
              <w:tab/>
            </w:r>
            <w:r>
              <w:tab/>
              <w:t xml:space="preserve">$message </w:t>
            </w:r>
            <w:r>
              <w:tab/>
              <w:t>= '' ;</w:t>
            </w:r>
          </w:p>
          <w:p w:rsidR="00CE304B" w:rsidRDefault="00CE304B" w:rsidP="00CE304B">
            <w:r>
              <w:lastRenderedPageBreak/>
              <w:tab/>
            </w:r>
            <w:r>
              <w:tab/>
            </w:r>
            <w:r>
              <w:tab/>
            </w:r>
            <w:r>
              <w:tab/>
              <w:t xml:space="preserve">$message </w:t>
            </w:r>
            <w:r>
              <w:tab/>
              <w:t>.= '</w:t>
            </w:r>
          </w:p>
          <w:p w:rsidR="00CE304B" w:rsidRDefault="00CE304B" w:rsidP="00CE304B">
            <w:r>
              <w:tab/>
            </w:r>
            <w:r>
              <w:tab/>
            </w:r>
            <w:r>
              <w:tab/>
            </w:r>
            <w:r>
              <w:tab/>
              <w:t>&lt;div style="background: lightgray; padding: 25px; font-family: sans-serif;"&gt;</w:t>
            </w:r>
          </w:p>
          <w:p w:rsidR="00CE304B" w:rsidRDefault="00CE304B" w:rsidP="00CE304B">
            <w:r>
              <w:tab/>
            </w:r>
            <w:r>
              <w:tab/>
            </w:r>
            <w:r>
              <w:tab/>
            </w:r>
            <w:r>
              <w:tab/>
            </w:r>
            <w:r>
              <w:tab/>
              <w:t>&lt;div style="background: white; padding: 20px; max-width: 800px; margin: auto; border-radius: 8px; border: 1px solid silver;" &gt;</w:t>
            </w:r>
          </w:p>
          <w:p w:rsidR="00CE304B" w:rsidRDefault="00CE304B" w:rsidP="00CE304B">
            <w:r>
              <w:tab/>
            </w:r>
            <w:r>
              <w:tab/>
            </w:r>
            <w:r>
              <w:tab/>
            </w:r>
            <w:r>
              <w:tab/>
            </w:r>
            <w:r>
              <w:tab/>
            </w:r>
            <w:r>
              <w:tab/>
              <w:t>&lt;br&gt;</w:t>
            </w:r>
          </w:p>
          <w:p w:rsidR="00CE304B" w:rsidRDefault="00CE304B" w:rsidP="00CE304B">
            <w:r>
              <w:tab/>
            </w:r>
            <w:r>
              <w:tab/>
            </w:r>
            <w:r>
              <w:tab/>
            </w:r>
            <w:r>
              <w:tab/>
            </w:r>
            <w:r>
              <w:tab/>
            </w:r>
            <w:r>
              <w:tab/>
              <w:t>&lt;img src="/img/icon/logo.png" width="250"style="display: block; margin: auto;" alt="" /&gt;</w:t>
            </w:r>
          </w:p>
          <w:p w:rsidR="00CE304B" w:rsidRDefault="00CE304B" w:rsidP="00CE304B">
            <w:r>
              <w:tab/>
            </w:r>
            <w:r>
              <w:tab/>
            </w:r>
            <w:r>
              <w:tab/>
            </w:r>
            <w:r>
              <w:tab/>
            </w:r>
            <w:r>
              <w:tab/>
            </w:r>
            <w:r>
              <w:tab/>
            </w:r>
          </w:p>
          <w:p w:rsidR="00CE304B" w:rsidRDefault="00CE304B" w:rsidP="00CE304B">
            <w:r>
              <w:tab/>
            </w:r>
            <w:r>
              <w:tab/>
            </w:r>
            <w:r>
              <w:tab/>
            </w:r>
            <w:r>
              <w:tab/>
            </w:r>
            <w:r>
              <w:tab/>
            </w:r>
            <w:r>
              <w:tab/>
              <w:t>&lt;div style="background: white; padding: 20px; max-width: 800px; margin: auto; border-radius: 8px; border: 1px solid silver;"&gt;</w:t>
            </w:r>
          </w:p>
          <w:p w:rsidR="00CE304B" w:rsidRDefault="00CE304B" w:rsidP="00CE304B">
            <w:r>
              <w:tab/>
            </w:r>
            <w:r>
              <w:tab/>
            </w:r>
            <w:r>
              <w:tab/>
            </w:r>
            <w:r>
              <w:tab/>
            </w:r>
            <w:r>
              <w:tab/>
            </w:r>
            <w:r>
              <w:tab/>
            </w:r>
            <w:r>
              <w:tab/>
              <w:t>&lt;br&gt;</w:t>
            </w:r>
          </w:p>
          <w:p w:rsidR="00CE304B" w:rsidRDefault="00CE304B" w:rsidP="00CE304B">
            <w:r>
              <w:tab/>
            </w:r>
            <w:r>
              <w:tab/>
            </w:r>
            <w:r>
              <w:tab/>
            </w:r>
            <w:r>
              <w:tab/>
            </w:r>
            <w:r>
              <w:tab/>
            </w:r>
            <w:r>
              <w:tab/>
            </w:r>
            <w:r>
              <w:tab/>
              <w:t>&lt;p&gt;Hello &lt;strong&gt;' . $userName . '&lt;/strong&gt;,</w:t>
            </w:r>
          </w:p>
          <w:p w:rsidR="00CE304B" w:rsidRDefault="00CE304B" w:rsidP="00CE304B">
            <w:r>
              <w:tab/>
            </w:r>
            <w:r>
              <w:tab/>
            </w:r>
            <w:r>
              <w:tab/>
            </w:r>
            <w:r>
              <w:tab/>
            </w:r>
            <w:r>
              <w:tab/>
            </w:r>
            <w:r>
              <w:tab/>
            </w:r>
            <w:r>
              <w:tab/>
              <w:t>&lt;br&gt;</w:t>
            </w:r>
          </w:p>
          <w:p w:rsidR="00CE304B" w:rsidRDefault="00CE304B" w:rsidP="00CE304B">
            <w:r>
              <w:tab/>
            </w:r>
            <w:r>
              <w:tab/>
            </w:r>
            <w:r>
              <w:tab/>
            </w:r>
            <w:r>
              <w:tab/>
            </w:r>
            <w:r>
              <w:tab/>
            </w:r>
            <w:r>
              <w:tab/>
            </w:r>
            <w:r>
              <w:tab/>
              <w:t>Thanks for adding the Residence ' . $title.', to your saved list on Senior Place Finder and email verification is required.</w:t>
            </w:r>
          </w:p>
          <w:p w:rsidR="00CE304B" w:rsidRDefault="00CE304B" w:rsidP="00CE304B">
            <w:r>
              <w:tab/>
            </w:r>
            <w:r>
              <w:tab/>
            </w:r>
            <w:r>
              <w:tab/>
            </w:r>
            <w:r>
              <w:tab/>
            </w:r>
            <w:r>
              <w:tab/>
            </w:r>
            <w:r>
              <w:tab/>
            </w:r>
            <w:r>
              <w:tab/>
              <w:t>&lt;/p&gt;</w:t>
            </w:r>
          </w:p>
          <w:p w:rsidR="00CE304B" w:rsidRDefault="00CE304B" w:rsidP="00CE304B">
            <w:r>
              <w:tab/>
            </w:r>
            <w:r>
              <w:tab/>
            </w:r>
            <w:r>
              <w:tab/>
            </w:r>
            <w:r>
              <w:tab/>
            </w:r>
            <w:r>
              <w:tab/>
            </w:r>
            <w:r>
              <w:tab/>
            </w:r>
            <w:r>
              <w:tab/>
              <w:t xml:space="preserve"> &lt;br&gt;</w:t>
            </w:r>
          </w:p>
          <w:p w:rsidR="00CE304B" w:rsidRDefault="00CE304B" w:rsidP="00CE304B">
            <w:r>
              <w:t xml:space="preserve">                   </w:t>
            </w:r>
          </w:p>
          <w:p w:rsidR="00CE304B" w:rsidRDefault="00CE304B" w:rsidP="00CE304B">
            <w:r>
              <w:t xml:space="preserve">                            &lt;a href="' . SITE_URL_SPF . '/email_verification.php?email=' . $email . '&amp;hash=' . $password1 . '" target="_blank" style="padding: 15px;</w:t>
            </w:r>
          </w:p>
          <w:p w:rsidR="00CE304B" w:rsidRDefault="00CE304B" w:rsidP="00CE304B">
            <w:r>
              <w:t xml:space="preserve">                            background: #257006;</w:t>
            </w:r>
          </w:p>
          <w:p w:rsidR="00CE304B" w:rsidRDefault="00CE304B" w:rsidP="00CE304B">
            <w:r>
              <w:t xml:space="preserve">                            color: #ffffff;</w:t>
            </w:r>
          </w:p>
          <w:p w:rsidR="00CE304B" w:rsidRDefault="00CE304B" w:rsidP="00CE304B">
            <w:r>
              <w:t xml:space="preserve">                            font-family: arial;</w:t>
            </w:r>
          </w:p>
          <w:p w:rsidR="00CE304B" w:rsidRDefault="00CE304B" w:rsidP="00CE304B">
            <w:r>
              <w:t xml:space="preserve">                            text-decoration: none;</w:t>
            </w:r>
          </w:p>
          <w:p w:rsidR="00CE304B" w:rsidRDefault="00CE304B" w:rsidP="00CE304B">
            <w:r>
              <w:t xml:space="preserve">                            border-radius: 5px;</w:t>
            </w:r>
          </w:p>
          <w:p w:rsidR="00CE304B" w:rsidRDefault="00CE304B" w:rsidP="00CE304B">
            <w:r>
              <w:t xml:space="preserve">                            font-size: 20px;" &gt;</w:t>
            </w:r>
          </w:p>
          <w:p w:rsidR="00CE304B" w:rsidRDefault="00CE304B" w:rsidP="00CE304B">
            <w:r>
              <w:t xml:space="preserve">                             Click to verify your email and return to click Get Contact Info and it will be provided. &lt;/a&gt;</w:t>
            </w:r>
          </w:p>
          <w:p w:rsidR="00CE304B" w:rsidRDefault="00CE304B" w:rsidP="00CE304B">
            <w:r>
              <w:t xml:space="preserve">                     </w:t>
            </w:r>
          </w:p>
          <w:p w:rsidR="00CE304B" w:rsidRDefault="00CE304B" w:rsidP="00CE304B">
            <w:r>
              <w:tab/>
            </w:r>
            <w:r>
              <w:tab/>
            </w:r>
            <w:r>
              <w:tab/>
            </w:r>
            <w:r>
              <w:tab/>
            </w:r>
            <w:r>
              <w:tab/>
            </w:r>
            <w:r>
              <w:tab/>
            </w:r>
            <w:r>
              <w:tab/>
              <w:t xml:space="preserve">&lt;p&gt;You may later, log into </w:t>
            </w:r>
          </w:p>
          <w:p w:rsidR="00CE304B" w:rsidRDefault="00CE304B" w:rsidP="00CE304B">
            <w:r>
              <w:tab/>
            </w:r>
            <w:r>
              <w:tab/>
            </w:r>
            <w:r>
              <w:tab/>
              <w:t xml:space="preserve">        </w:t>
            </w:r>
            <w:r>
              <w:tab/>
            </w:r>
            <w:r>
              <w:tab/>
              <w:t>&lt;a href="https://accounts.reachseniors.com/login/?domain=spf"&gt; Your DASHBOARD &lt;/a&gt; at Senior Place Finder to build your list of contacts, store them, give them your status updates, receive updates.</w:t>
            </w:r>
          </w:p>
          <w:p w:rsidR="00CE304B" w:rsidRDefault="00CE304B" w:rsidP="00CE304B">
            <w:r>
              <w:tab/>
            </w:r>
            <w:r>
              <w:tab/>
            </w:r>
            <w:r>
              <w:tab/>
            </w:r>
            <w:r>
              <w:tab/>
              <w:t xml:space="preserve">            &lt;/p&gt;</w:t>
            </w:r>
          </w:p>
          <w:p w:rsidR="00CE304B" w:rsidRDefault="00CE304B" w:rsidP="00CE304B">
            <w:r>
              <w:tab/>
            </w:r>
            <w:r>
              <w:tab/>
            </w:r>
            <w:r>
              <w:tab/>
            </w:r>
            <w:r>
              <w:tab/>
            </w:r>
            <w:r>
              <w:tab/>
            </w:r>
            <w:r>
              <w:tab/>
            </w:r>
            <w:r>
              <w:tab/>
            </w:r>
          </w:p>
          <w:p w:rsidR="00CE304B" w:rsidRDefault="00CE304B" w:rsidP="00CE304B">
            <w:r>
              <w:tab/>
            </w:r>
            <w:r>
              <w:tab/>
            </w:r>
            <w:r>
              <w:tab/>
            </w:r>
            <w:r>
              <w:tab/>
            </w:r>
            <w:r>
              <w:tab/>
            </w:r>
            <w:r>
              <w:tab/>
            </w:r>
            <w:r>
              <w:tab/>
              <w:t>&lt;p&gt;Yours truly,&lt;/p&gt;</w:t>
            </w:r>
          </w:p>
          <w:p w:rsidR="00CE304B" w:rsidRDefault="00CE304B" w:rsidP="00CE304B">
            <w:r>
              <w:tab/>
            </w:r>
            <w:r>
              <w:tab/>
            </w:r>
            <w:r>
              <w:tab/>
            </w:r>
            <w:r>
              <w:tab/>
            </w:r>
            <w:r>
              <w:tab/>
            </w:r>
            <w:r>
              <w:tab/>
            </w:r>
            <w:r>
              <w:tab/>
              <w:t>&lt;br&gt;</w:t>
            </w:r>
          </w:p>
          <w:p w:rsidR="00CE304B" w:rsidRDefault="00CE304B" w:rsidP="00CE304B">
            <w:r>
              <w:tab/>
            </w:r>
            <w:r>
              <w:tab/>
            </w:r>
            <w:r>
              <w:tab/>
            </w:r>
            <w:r>
              <w:tab/>
            </w:r>
            <w:r>
              <w:tab/>
            </w:r>
            <w:r>
              <w:tab/>
            </w:r>
            <w:r>
              <w:tab/>
              <w:t>&lt;strong&gt;Steve T. Fecske&lt;/strong&gt;&lt;br /&gt;</w:t>
            </w:r>
          </w:p>
          <w:p w:rsidR="00CE304B" w:rsidRDefault="00CE304B" w:rsidP="00CE304B">
            <w:r>
              <w:tab/>
            </w:r>
            <w:r>
              <w:tab/>
            </w:r>
            <w:r>
              <w:tab/>
            </w:r>
            <w:r>
              <w:tab/>
            </w:r>
            <w:r>
              <w:tab/>
            </w:r>
            <w:r>
              <w:tab/>
            </w:r>
            <w:r>
              <w:tab/>
              <w:t>&lt;small&gt;Founder,&lt;/small&gt;</w:t>
            </w:r>
          </w:p>
          <w:p w:rsidR="00CE304B" w:rsidRDefault="00CE304B" w:rsidP="00CE304B">
            <w:r>
              <w:tab/>
            </w:r>
            <w:r>
              <w:tab/>
            </w:r>
            <w:r>
              <w:tab/>
            </w:r>
            <w:r>
              <w:tab/>
            </w:r>
            <w:r>
              <w:tab/>
            </w:r>
            <w:r>
              <w:tab/>
            </w:r>
            <w:r>
              <w:tab/>
              <w:t>&lt;h5&gt;Your Senior Team, Inc&lt;/h5&gt;</w:t>
            </w:r>
          </w:p>
          <w:p w:rsidR="00CE304B" w:rsidRDefault="00CE304B" w:rsidP="00CE304B">
            <w:r>
              <w:tab/>
            </w:r>
            <w:r>
              <w:tab/>
            </w:r>
            <w:r>
              <w:tab/>
            </w:r>
            <w:r>
              <w:tab/>
            </w:r>
            <w:r>
              <w:tab/>
            </w:r>
            <w:r>
              <w:tab/>
              <w:t>&lt;/div&gt;</w:t>
            </w:r>
          </w:p>
          <w:p w:rsidR="00CE304B" w:rsidRDefault="00CE304B" w:rsidP="00CE304B">
            <w:r>
              <w:tab/>
            </w:r>
            <w:r>
              <w:tab/>
            </w:r>
            <w:r>
              <w:tab/>
            </w:r>
            <w:r>
              <w:tab/>
            </w:r>
          </w:p>
          <w:p w:rsidR="00CE304B" w:rsidRDefault="00CE304B" w:rsidP="00CE304B">
            <w:r>
              <w:tab/>
            </w:r>
            <w:r>
              <w:tab/>
            </w:r>
            <w:r>
              <w:tab/>
            </w:r>
            <w:r>
              <w:tab/>
            </w:r>
            <w:r>
              <w:tab/>
              <w:t>&lt;/div&gt;</w:t>
            </w:r>
          </w:p>
          <w:p w:rsidR="00CE304B" w:rsidRDefault="00CE304B" w:rsidP="00CE304B">
            <w:r>
              <w:tab/>
            </w:r>
            <w:r>
              <w:tab/>
            </w:r>
            <w:r>
              <w:tab/>
            </w:r>
            <w:r>
              <w:tab/>
              <w:t>&lt;/div&gt;</w:t>
            </w:r>
          </w:p>
          <w:p w:rsidR="00CE304B" w:rsidRDefault="00CE304B" w:rsidP="00CE304B">
            <w:r>
              <w:tab/>
            </w:r>
            <w:r>
              <w:tab/>
            </w:r>
            <w:r>
              <w:tab/>
            </w:r>
            <w:r>
              <w:tab/>
              <w:t>' ;</w:t>
            </w:r>
          </w:p>
          <w:p w:rsidR="00CE304B" w:rsidRDefault="00CE304B" w:rsidP="00CE304B"/>
          <w:p w:rsidR="00CE304B" w:rsidRDefault="00CE304B" w:rsidP="00CE304B">
            <w:r>
              <w:tab/>
            </w:r>
            <w:r>
              <w:tab/>
            </w:r>
            <w:r>
              <w:tab/>
            </w:r>
            <w:r>
              <w:tab/>
              <w:t>$message .= '';</w:t>
            </w:r>
          </w:p>
          <w:p w:rsidR="00CE304B" w:rsidRDefault="00CE304B" w:rsidP="00CE304B"/>
          <w:p w:rsidR="00CE304B" w:rsidRDefault="00CE304B" w:rsidP="00CE304B">
            <w:r>
              <w:tab/>
            </w:r>
            <w:r>
              <w:tab/>
            </w:r>
            <w:r>
              <w:tab/>
            </w:r>
            <w:r>
              <w:tab/>
              <w:t>$hers = 'MIME-Version: 1.0' . "\r\n";</w:t>
            </w:r>
          </w:p>
          <w:p w:rsidR="00CE304B" w:rsidRDefault="00CE304B" w:rsidP="00CE304B">
            <w:r>
              <w:tab/>
            </w:r>
            <w:r>
              <w:tab/>
            </w:r>
            <w:r>
              <w:tab/>
            </w:r>
            <w:r>
              <w:tab/>
              <w:t>$hers .= 'Content-type: text/html; charset=utf-8' . "\r\n";</w:t>
            </w:r>
          </w:p>
          <w:p w:rsidR="00CE304B" w:rsidRDefault="00CE304B" w:rsidP="00CE304B">
            <w:r>
              <w:tab/>
            </w:r>
            <w:r>
              <w:tab/>
            </w:r>
            <w:r>
              <w:tab/>
            </w:r>
            <w:r>
              <w:tab/>
              <w:t>$hers .= 'From:  ' . $fromName . ' &lt;' . $fromEmail .'&gt;' . " \r\n" .</w:t>
            </w:r>
          </w:p>
          <w:p w:rsidR="00CE304B" w:rsidRDefault="00CE304B" w:rsidP="00CE304B">
            <w:r>
              <w:tab/>
            </w:r>
            <w:r>
              <w:tab/>
            </w:r>
            <w:r>
              <w:tab/>
            </w:r>
            <w:r>
              <w:tab/>
            </w:r>
            <w:r>
              <w:tab/>
            </w:r>
            <w:r>
              <w:tab/>
            </w:r>
            <w:r>
              <w:tab/>
              <w:t>'X-Mailer: PHP/' . phpversion();</w:t>
            </w:r>
          </w:p>
          <w:p w:rsidR="00CE304B" w:rsidRDefault="00CE304B" w:rsidP="00CE304B"/>
          <w:p w:rsidR="00CE304B" w:rsidRDefault="00CE304B" w:rsidP="00CE304B">
            <w:r>
              <w:tab/>
            </w:r>
            <w:r>
              <w:tab/>
            </w:r>
            <w:r>
              <w:tab/>
            </w:r>
            <w:r>
              <w:tab/>
              <w:t>$hers .= "Bcc: \n";</w:t>
            </w:r>
          </w:p>
          <w:p w:rsidR="00CE304B" w:rsidRDefault="00CE304B" w:rsidP="00CE304B">
            <w:r>
              <w:tab/>
            </w:r>
            <w:r>
              <w:tab/>
            </w:r>
            <w:r>
              <w:tab/>
            </w:r>
            <w:r>
              <w:tab/>
              <w:t>$hers .= "Cc: \n";</w:t>
            </w:r>
          </w:p>
          <w:p w:rsidR="00CE304B" w:rsidRDefault="00CE304B" w:rsidP="00CE304B"/>
          <w:p w:rsidR="00CE304B" w:rsidRDefault="00CE304B" w:rsidP="00CE304B">
            <w:r>
              <w:tab/>
            </w:r>
            <w:r>
              <w:tab/>
            </w:r>
            <w:r>
              <w:tab/>
            </w:r>
            <w:r>
              <w:tab/>
              <w:t xml:space="preserve">  </w:t>
            </w:r>
          </w:p>
          <w:p w:rsidR="00CE304B" w:rsidRDefault="00CE304B" w:rsidP="00CE304B">
            <w:r>
              <w:tab/>
            </w:r>
            <w:r>
              <w:tab/>
            </w:r>
            <w:r>
              <w:tab/>
              <w:t xml:space="preserve">} </w:t>
            </w:r>
          </w:p>
          <w:p w:rsidR="00CE304B" w:rsidRDefault="00CE304B" w:rsidP="00CE304B">
            <w:r>
              <w:tab/>
            </w:r>
            <w:r>
              <w:tab/>
            </w:r>
            <w:r>
              <w:tab/>
              <w:t xml:space="preserve">    </w:t>
            </w:r>
          </w:p>
          <w:p w:rsidR="00CE304B" w:rsidRDefault="00CE304B" w:rsidP="00CE304B">
            <w:r>
              <w:t>}</w:t>
            </w:r>
          </w:p>
          <w:p w:rsidR="00CE304B" w:rsidRDefault="00CE304B" w:rsidP="00CE304B"/>
          <w:p w:rsidR="00CE304B" w:rsidRDefault="00CE304B" w:rsidP="00CE304B"/>
          <w:p w:rsidR="00CE304B" w:rsidRDefault="00CE304B" w:rsidP="00CE304B"/>
          <w:p w:rsidR="00CE304B" w:rsidRDefault="00CE304B" w:rsidP="00CE304B">
            <w:r>
              <w:t>?&gt;</w:t>
            </w:r>
          </w:p>
        </w:tc>
      </w:tr>
    </w:tbl>
    <w:p w:rsidR="00CE304B" w:rsidRDefault="00CE304B" w:rsidP="00CE304B"/>
    <w:p w:rsidR="00CE304B" w:rsidRDefault="00CE304B" w:rsidP="00CE304B"/>
    <w:tbl>
      <w:tblPr>
        <w:tblStyle w:val="TableGrid"/>
        <w:tblW w:w="0" w:type="auto"/>
        <w:tblLook w:val="04A0" w:firstRow="1" w:lastRow="0" w:firstColumn="1" w:lastColumn="0" w:noHBand="0" w:noVBand="1"/>
      </w:tblPr>
      <w:tblGrid>
        <w:gridCol w:w="9576"/>
      </w:tblGrid>
      <w:tr w:rsidR="00CE304B" w:rsidTr="00EE426D">
        <w:tc>
          <w:tcPr>
            <w:tcW w:w="9576" w:type="dxa"/>
          </w:tcPr>
          <w:p w:rsidR="00CE304B" w:rsidRDefault="00CE304B" w:rsidP="00EE426D">
            <w:r w:rsidRPr="00CE304B">
              <w:rPr>
                <w:highlight w:val="yellow"/>
              </w:rPr>
              <w:t>get-contact.php</w:t>
            </w:r>
          </w:p>
        </w:tc>
      </w:tr>
      <w:tr w:rsidR="00CE304B" w:rsidTr="00EE426D">
        <w:tc>
          <w:tcPr>
            <w:tcW w:w="9576" w:type="dxa"/>
          </w:tcPr>
          <w:p w:rsidR="00CE304B" w:rsidRDefault="00CE304B" w:rsidP="00EE426D">
            <w:r>
              <w:object w:dxaOrig="3326" w:dyaOrig="4320">
                <v:shape id="_x0000_i1054" type="#_x0000_t75" style="width:467.2pt;height:3in" o:ole="">
                  <v:imagedata r:id="rId64" o:title=""/>
                </v:shape>
                <o:OLEObject Type="Embed" ProgID="PBrush" ShapeID="_x0000_i1054" DrawAspect="Content" ObjectID="_1729694212" r:id="rId65"/>
              </w:object>
            </w:r>
          </w:p>
        </w:tc>
      </w:tr>
      <w:tr w:rsidR="00CE304B" w:rsidTr="00EE426D">
        <w:tc>
          <w:tcPr>
            <w:tcW w:w="9576" w:type="dxa"/>
          </w:tcPr>
          <w:p w:rsidR="00CE304B" w:rsidRDefault="00CE304B" w:rsidP="00CE304B">
            <w:r>
              <w:t>&lt;?php require_once('config.php') ; ?&gt;</w:t>
            </w:r>
          </w:p>
          <w:p w:rsidR="00CE304B" w:rsidRDefault="00CE304B" w:rsidP="00CE304B"/>
          <w:p w:rsidR="00CE304B" w:rsidRDefault="00CE304B" w:rsidP="00CE304B"/>
          <w:p w:rsidR="00CE304B" w:rsidRDefault="00CE304B" w:rsidP="00CE304B">
            <w:r>
              <w:t xml:space="preserve"> </w:t>
            </w:r>
          </w:p>
          <w:p w:rsidR="00CE304B" w:rsidRDefault="00CE304B" w:rsidP="00CE304B">
            <w:r>
              <w:t>&lt;!--head start--&gt;</w:t>
            </w:r>
          </w:p>
          <w:p w:rsidR="00CE304B" w:rsidRDefault="00CE304B" w:rsidP="00CE304B">
            <w:r>
              <w:t>&lt;head&gt;</w:t>
            </w:r>
          </w:p>
          <w:p w:rsidR="00CE304B" w:rsidRDefault="00CE304B" w:rsidP="00CE304B">
            <w:r>
              <w:t>&lt;!--meta details--&gt;</w:t>
            </w:r>
          </w:p>
          <w:p w:rsidR="00CE304B" w:rsidRDefault="00CE304B" w:rsidP="00CE304B">
            <w:r>
              <w:t xml:space="preserve">    &lt;meta charset="utf-8"/&gt;</w:t>
            </w:r>
          </w:p>
          <w:p w:rsidR="00CE304B" w:rsidRDefault="00CE304B" w:rsidP="00CE304B">
            <w:r>
              <w:t xml:space="preserve">    &lt;meta http-equiv="Content-Type" content="text/html; charset=UTF-8"/&gt;</w:t>
            </w:r>
          </w:p>
          <w:p w:rsidR="00CE304B" w:rsidRDefault="00CE304B" w:rsidP="00CE304B">
            <w:r>
              <w:t xml:space="preserve">    &lt;meta http-equiv="X-UA-Compatible" content="IE=edge"/&gt;</w:t>
            </w:r>
          </w:p>
          <w:p w:rsidR="00CE304B" w:rsidRDefault="00CE304B" w:rsidP="00CE304B">
            <w:r>
              <w:lastRenderedPageBreak/>
              <w:t xml:space="preserve">    &lt;meta name="viewport" content="width=device-width, initial-scale=1.0, user-scalable=0, minimal-ui"/&gt;</w:t>
            </w:r>
          </w:p>
          <w:p w:rsidR="00CE304B" w:rsidRDefault="00CE304B" w:rsidP="00CE304B">
            <w:r>
              <w:t xml:space="preserve">     &lt;!--  Logo on Browser window--&gt;</w:t>
            </w:r>
          </w:p>
          <w:p w:rsidR="00CE304B" w:rsidRDefault="00CE304B" w:rsidP="00CE304B">
            <w:r>
              <w:t xml:space="preserve">    &lt;link href="spf/img/tablogo.png" rel="shortcut icon" type="image/x-icon"&gt;</w:t>
            </w:r>
          </w:p>
          <w:p w:rsidR="00CE304B" w:rsidRDefault="00CE304B" w:rsidP="00CE304B">
            <w:r>
              <w:t xml:space="preserve">    &lt;!--google prefetch--&gt;</w:t>
            </w:r>
          </w:p>
          <w:p w:rsidR="00CE304B" w:rsidRDefault="00CE304B" w:rsidP="00CE304B">
            <w:r>
              <w:t xml:space="preserve">    &lt;link rel="dns-prefetch" href="http://fonts.gstatic.com/"/&gt;</w:t>
            </w:r>
          </w:p>
          <w:p w:rsidR="00CE304B" w:rsidRDefault="00CE304B" w:rsidP="00CE304B">
            <w:r>
              <w:t xml:space="preserve">    &lt;link rel="dns-prefetch" href="http://www.googletagmanager.com/"/&gt;</w:t>
            </w:r>
          </w:p>
          <w:p w:rsidR="00CE304B" w:rsidRDefault="00CE304B" w:rsidP="00CE304B">
            <w:r>
              <w:t xml:space="preserve">    &lt;link rel="dns-prefetch" href="http://www.google-analytics.com/"/&gt;</w:t>
            </w:r>
          </w:p>
          <w:p w:rsidR="00CE304B" w:rsidRDefault="00CE304B" w:rsidP="00CE304B">
            <w:r>
              <w:t xml:space="preserve">    &lt;link rel="dns-prefetch" href="http://pagead2.googlesyndication.com/"/&gt;</w:t>
            </w:r>
          </w:p>
          <w:p w:rsidR="00CE304B" w:rsidRDefault="00CE304B" w:rsidP="00CE304B">
            <w:r>
              <w:t xml:space="preserve">    &lt;link rel="preconnect" href="http://fonts.gstatic.com/"/&gt;</w:t>
            </w:r>
          </w:p>
          <w:p w:rsidR="00CE304B" w:rsidRDefault="00CE304B" w:rsidP="00CE304B">
            <w:r>
              <w:t xml:space="preserve">    &lt;link rel="preconnect" href="http://www.googletagmanager.com/"/&gt;</w:t>
            </w:r>
          </w:p>
          <w:p w:rsidR="00CE304B" w:rsidRDefault="00CE304B" w:rsidP="00CE304B">
            <w:r>
              <w:t xml:space="preserve">    &lt;link rel="preconnect" href="http://www.google-analytics.com/"/&gt;</w:t>
            </w:r>
          </w:p>
          <w:p w:rsidR="00CE304B" w:rsidRDefault="00CE304B" w:rsidP="00CE304B">
            <w:r>
              <w:t xml:space="preserve">    &lt;link rel="preconnect" href="http://pagead2.googlesyndication.com/"/&gt;</w:t>
            </w:r>
          </w:p>
          <w:p w:rsidR="00CE304B" w:rsidRDefault="00CE304B" w:rsidP="00CE304B">
            <w:r>
              <w:t xml:space="preserve">    &lt;meta name="apple-mobile-web-app-title" content="Senior Services | Senior Place Finder | VABF | ISF | ELF | EIFLF | ESPMF"/&gt;</w:t>
            </w:r>
          </w:p>
          <w:p w:rsidR="00CE304B" w:rsidRDefault="00CE304B" w:rsidP="00CE304B">
            <w:r>
              <w:t xml:space="preserve">    &lt;meta name="apple-mobile-web-app-capable" content="yes"/&gt;</w:t>
            </w:r>
          </w:p>
          <w:p w:rsidR="00CE304B" w:rsidRDefault="00CE304B" w:rsidP="00CE304B">
            <w:r>
              <w:t xml:space="preserve">    &lt;meta name="apple-touch-fullscreen" content="yes"/&gt;</w:t>
            </w:r>
          </w:p>
          <w:p w:rsidR="00CE304B" w:rsidRDefault="00CE304B" w:rsidP="00CE304B">
            <w:r>
              <w:t xml:space="preserve">    &lt;meta name="apple-mobile-web-app-status-bar-style" content="default"/&gt;</w:t>
            </w:r>
          </w:p>
          <w:p w:rsidR="00CE304B" w:rsidRDefault="00CE304B" w:rsidP="00CE304B">
            <w:r>
              <w:t xml:space="preserve">    &lt;meta name="google" content="notranslate"/&gt;</w:t>
            </w:r>
          </w:p>
          <w:p w:rsidR="00CE304B" w:rsidRDefault="00CE304B" w:rsidP="00CE304B">
            <w:r>
              <w:t xml:space="preserve">    &lt;meta property="fb:app_id" content="442299370000163"/&gt;</w:t>
            </w:r>
          </w:p>
          <w:p w:rsidR="00CE304B" w:rsidRDefault="00CE304B" w:rsidP="00CE304B">
            <w:r>
              <w:t xml:space="preserve">    &lt;!--screen  resolution--&gt;</w:t>
            </w:r>
          </w:p>
          <w:p w:rsidR="00CE304B" w:rsidRDefault="00CE304B" w:rsidP="00CE304B">
            <w:r>
              <w:t xml:space="preserve">    &lt;link rel="shortcut icon" href="spf/img/favicon.ico" type="image/x-icon"&gt;</w:t>
            </w:r>
          </w:p>
          <w:p w:rsidR="00CE304B" w:rsidRDefault="00CE304B" w:rsidP="00CE304B">
            <w:r>
              <w:t xml:space="preserve">    &lt;link rel="apple-touch-icon" href="spf/img/apple-touch-icon-60x60.html"&gt;</w:t>
            </w:r>
          </w:p>
          <w:p w:rsidR="00CE304B" w:rsidRDefault="00CE304B" w:rsidP="00CE304B">
            <w:r>
              <w:t xml:space="preserve">    &lt;link rel="apple-touch-icon" sizes="76x76" href="spf/img/apple-touch-icon-76x76.html"&gt;</w:t>
            </w:r>
          </w:p>
          <w:p w:rsidR="00CE304B" w:rsidRDefault="00CE304B" w:rsidP="00CE304B">
            <w:r>
              <w:t xml:space="preserve">    &lt;link rel="apple-touch-icon" sizes="120x120" href="spf/img/apple-touch-icon-120x120.html"&gt;</w:t>
            </w:r>
          </w:p>
          <w:p w:rsidR="00CE304B" w:rsidRDefault="00CE304B" w:rsidP="00CE304B">
            <w:r>
              <w:t xml:space="preserve">    &lt;link rel="apple-touch-icon" sizes="152x152" href="spf/img/apple-touch-icon-152x152.html"&gt;</w:t>
            </w:r>
          </w:p>
          <w:p w:rsidR="00CE304B" w:rsidRDefault="00CE304B" w:rsidP="00CE304B">
            <w:r>
              <w:t xml:space="preserve">    &lt;!--site details--&gt;</w:t>
            </w:r>
          </w:p>
          <w:p w:rsidR="00CE304B" w:rsidRDefault="00CE304B" w:rsidP="00CE304B">
            <w:r>
              <w:t xml:space="preserve">    &lt;title&gt;Senior Services | Senior Place Finder | VABF | ISF | ELF | EIFLF | ESPMF&lt;/title&gt;</w:t>
            </w:r>
          </w:p>
          <w:p w:rsidR="00CE304B" w:rsidRDefault="00CE304B" w:rsidP="00CE304B">
            <w:r>
              <w:t xml:space="preserve">    &lt;meta name="keywords" content="Senior Place Finder, VABF, ISF, ELF, EIFLF, ESPMF"/&gt;</w:t>
            </w:r>
          </w:p>
          <w:p w:rsidR="00CE304B" w:rsidRDefault="00CE304B" w:rsidP="00CE304B">
            <w:r>
              <w:t xml:space="preserve">    &lt;meta name="description" content="Find specialist for any service related to the seniors."&gt;</w:t>
            </w:r>
          </w:p>
          <w:p w:rsidR="00CE304B" w:rsidRDefault="00CE304B" w:rsidP="00CE304B">
            <w:r>
              <w:t xml:space="preserve">    &lt;meta property="og:type" content="website"/&gt;</w:t>
            </w:r>
          </w:p>
          <w:p w:rsidR="00CE304B" w:rsidRDefault="00CE304B" w:rsidP="00CE304B">
            <w:r>
              <w:t xml:space="preserve">    &lt;meta property="og:title" content="Senior Services | Senior Place Finder | VABF | ISF | ELF | EIFLF | ESPMF"/&gt;</w:t>
            </w:r>
          </w:p>
          <w:p w:rsidR="00CE304B" w:rsidRDefault="00CE304B" w:rsidP="00CE304B">
            <w:r>
              <w:t xml:space="preserve">    &lt;meta property="og:description" content="Find specialist for any service related to the seniors."/&gt;</w:t>
            </w:r>
          </w:p>
          <w:p w:rsidR="00CE304B" w:rsidRDefault="00CE304B" w:rsidP="00CE304B">
            <w:r>
              <w:t xml:space="preserve">    &lt;meta property="og:url" content="https://theseniorteam.net/"/&gt;</w:t>
            </w:r>
          </w:p>
          <w:p w:rsidR="00CE304B" w:rsidRDefault="00CE304B" w:rsidP="00CE304B">
            <w:r>
              <w:t xml:space="preserve">    &lt;meta property="og:site_name" content="Senior Team"/&gt;</w:t>
            </w:r>
          </w:p>
          <w:p w:rsidR="00CE304B" w:rsidRDefault="00CE304B" w:rsidP="00CE304B">
            <w:r>
              <w:t xml:space="preserve">    &lt;meta property="og:image" content="c"/&gt;</w:t>
            </w:r>
          </w:p>
          <w:p w:rsidR="00CE304B" w:rsidRDefault="00CE304B" w:rsidP="00CE304B">
            <w:r>
              <w:t xml:space="preserve">    &lt;meta name="twitter:card" content="summary_large_image"/&gt;</w:t>
            </w:r>
          </w:p>
          <w:p w:rsidR="00CE304B" w:rsidRDefault="00CE304B" w:rsidP="00CE304B">
            <w:r>
              <w:t xml:space="preserve">    &lt;meta name="twitter:title" content="Senior Services | Senior Place Finder | VABF | ISF | ELF | EIFLF | ESPMF"/&gt;</w:t>
            </w:r>
          </w:p>
          <w:p w:rsidR="00CE304B" w:rsidRDefault="00CE304B" w:rsidP="00CE304B">
            <w:r>
              <w:t xml:space="preserve">    &lt;meta name="twitter:description" content="Find specialist for any service related to the seniors."/&gt;</w:t>
            </w:r>
          </w:p>
          <w:p w:rsidR="00CE304B" w:rsidRDefault="00CE304B" w:rsidP="00CE304B">
            <w:r>
              <w:t xml:space="preserve">    &lt;meta name="twitter:site" content="@seniorteam"/&gt;</w:t>
            </w:r>
          </w:p>
          <w:p w:rsidR="00CE304B" w:rsidRDefault="00CE304B" w:rsidP="00CE304B">
            <w:r>
              <w:t xml:space="preserve">    &lt;meta name="twitter:image" content="img/icon/ssp.png"/&gt;</w:t>
            </w:r>
          </w:p>
          <w:p w:rsidR="00CE304B" w:rsidRDefault="00CE304B" w:rsidP="00CE304B">
            <w:r>
              <w:t xml:space="preserve">   </w:t>
            </w:r>
          </w:p>
          <w:p w:rsidR="00CE304B" w:rsidRDefault="00CE304B" w:rsidP="00CE304B">
            <w:r>
              <w:t xml:space="preserve">    &lt;meta name="csrf-token" content="dgqJnlX1u9TY9MEkfnEcAOPCkhA13RV7pHlBGUUg"/&gt;</w:t>
            </w:r>
          </w:p>
          <w:p w:rsidR="00CE304B" w:rsidRDefault="00CE304B" w:rsidP="00CE304B">
            <w:r>
              <w:t xml:space="preserve">    &lt;!--app.css --&gt;</w:t>
            </w:r>
          </w:p>
          <w:p w:rsidR="00CE304B" w:rsidRDefault="00CE304B" w:rsidP="00CE304B">
            <w:r>
              <w:t xml:space="preserve">    &lt;link media="all" type="text/css" rel="stylesheet" href="spf/css/app.css"&gt;</w:t>
            </w:r>
          </w:p>
          <w:p w:rsidR="00CE304B" w:rsidRDefault="00CE304B" w:rsidP="00CE304B">
            <w:r>
              <w:t xml:space="preserve">    &lt;!--icons.css --&gt;</w:t>
            </w:r>
          </w:p>
          <w:p w:rsidR="00CE304B" w:rsidRDefault="00CE304B" w:rsidP="00CE304B">
            <w:r>
              <w:lastRenderedPageBreak/>
              <w:t xml:space="preserve">    &lt;link media="all" type="text/css" rel="stylesheet" href="css/icons.css"&gt;</w:t>
            </w:r>
          </w:p>
          <w:p w:rsidR="00CE304B" w:rsidRDefault="00CE304B" w:rsidP="00CE304B">
            <w:r>
              <w:t xml:space="preserve">    &lt;!--notify.css --&gt;</w:t>
            </w:r>
          </w:p>
          <w:p w:rsidR="00CE304B" w:rsidRDefault="00CE304B" w:rsidP="00CE304B">
            <w:r>
              <w:t xml:space="preserve">    &lt;link media="all" type="text/css" rel="stylesheet" href="css/notify.css"&gt;</w:t>
            </w:r>
          </w:p>
          <w:p w:rsidR="00CE304B" w:rsidRDefault="00CE304B" w:rsidP="00CE304B">
            <w:r>
              <w:t xml:space="preserve">    &lt;!--floater.css --&gt;</w:t>
            </w:r>
          </w:p>
          <w:p w:rsidR="00CE304B" w:rsidRDefault="00CE304B" w:rsidP="00CE304B">
            <w:r>
              <w:t xml:space="preserve">    &lt;link media="all" type="text/css" rel="stylesheet" href="css/floater.css"&gt;</w:t>
            </w:r>
          </w:p>
          <w:p w:rsidR="00CE304B" w:rsidRDefault="00CE304B" w:rsidP="00CE304B">
            <w:r>
              <w:t xml:space="preserve">    &lt;!--selectize.css --&gt;</w:t>
            </w:r>
          </w:p>
          <w:p w:rsidR="00CE304B" w:rsidRDefault="00CE304B" w:rsidP="00CE304B">
            <w:r>
              <w:t xml:space="preserve">    &lt;link media="all" type="text/css" rel="stylesheet" href="css/selectize.css"&gt;</w:t>
            </w:r>
          </w:p>
          <w:p w:rsidR="00CE304B" w:rsidRDefault="00CE304B" w:rsidP="00CE304B">
            <w:r>
              <w:t xml:space="preserve">    &lt;!--theme.css --&gt;</w:t>
            </w:r>
          </w:p>
          <w:p w:rsidR="00CE304B" w:rsidRDefault="00CE304B" w:rsidP="00CE304B">
            <w:r>
              <w:t xml:space="preserve">    &lt;link media="all" type="text/css" rel="stylesheet" href="spf/css/theme.css"&gt;</w:t>
            </w:r>
          </w:p>
          <w:p w:rsidR="00CE304B" w:rsidRDefault="00CE304B" w:rsidP="00CE304B">
            <w:r>
              <w:t xml:space="preserve">    &lt;!--app.js --&gt;</w:t>
            </w:r>
          </w:p>
          <w:p w:rsidR="00CE304B" w:rsidRDefault="00CE304B" w:rsidP="00CE304B">
            <w:r>
              <w:t xml:space="preserve">    &lt;script src="js/app.js"&gt;&lt;/script&gt;</w:t>
            </w:r>
          </w:p>
          <w:p w:rsidR="00CE304B" w:rsidRDefault="00CE304B" w:rsidP="00CE304B">
            <w:r>
              <w:t xml:space="preserve">    &lt;!--jquery.js --&gt;</w:t>
            </w:r>
          </w:p>
          <w:p w:rsidR="00CE304B" w:rsidRDefault="00CE304B" w:rsidP="00CE304B">
            <w:r>
              <w:t xml:space="preserve">    &lt;script src="js/jquery.js"&gt;&lt;/script&gt;</w:t>
            </w:r>
          </w:p>
          <w:p w:rsidR="00CE304B" w:rsidRDefault="00CE304B" w:rsidP="00CE304B">
            <w:r>
              <w:t xml:space="preserve">    &lt;!--popper.js --&gt;</w:t>
            </w:r>
          </w:p>
          <w:p w:rsidR="00CE304B" w:rsidRDefault="00CE304B" w:rsidP="00CE304B">
            <w:r>
              <w:t xml:space="preserve">    &lt;script src="js/popper.js"&gt;&lt;/script&gt;</w:t>
            </w:r>
          </w:p>
          <w:p w:rsidR="00CE304B" w:rsidRDefault="00CE304B" w:rsidP="00CE304B">
            <w:r>
              <w:t xml:space="preserve">    &lt;!--bootstrap.js --&gt;</w:t>
            </w:r>
          </w:p>
          <w:p w:rsidR="00CE304B" w:rsidRDefault="00CE304B" w:rsidP="00CE304B">
            <w:r>
              <w:t xml:space="preserve">    &lt;script src="js/bootstrap.js"&gt;&lt;/script&gt;</w:t>
            </w:r>
          </w:p>
          <w:p w:rsidR="00CE304B" w:rsidRDefault="00CE304B" w:rsidP="00CE304B"/>
          <w:p w:rsidR="00CE304B" w:rsidRDefault="00CE304B" w:rsidP="00CE304B">
            <w:r>
              <w:t xml:space="preserve">    &lt;!-- Global site tag (gtag.js) - Google Analytics --&gt;</w:t>
            </w:r>
          </w:p>
          <w:p w:rsidR="00CE304B" w:rsidRDefault="00CE304B" w:rsidP="00CE304B">
            <w:r>
              <w:t xml:space="preserve">    &lt;script async src="https://www.googletagmanager.com/gtag/js?id="&gt;&lt;/script&gt;</w:t>
            </w:r>
          </w:p>
          <w:p w:rsidR="00CE304B" w:rsidRDefault="00CE304B" w:rsidP="00CE304B">
            <w:r>
              <w:t xml:space="preserve">    &lt;script&gt;</w:t>
            </w:r>
          </w:p>
          <w:p w:rsidR="00CE304B" w:rsidRDefault="00CE304B" w:rsidP="00CE304B">
            <w:r>
              <w:t xml:space="preserve">        window.dataLayer = window.dataLayer || [];</w:t>
            </w:r>
          </w:p>
          <w:p w:rsidR="00CE304B" w:rsidRDefault="00CE304B" w:rsidP="00CE304B">
            <w:r>
              <w:t xml:space="preserve">        function gtag() {</w:t>
            </w:r>
          </w:p>
          <w:p w:rsidR="00CE304B" w:rsidRDefault="00CE304B" w:rsidP="00CE304B">
            <w:r>
              <w:t xml:space="preserve">            dataLayer.push(arguments);</w:t>
            </w:r>
          </w:p>
          <w:p w:rsidR="00CE304B" w:rsidRDefault="00CE304B" w:rsidP="00CE304B">
            <w:r>
              <w:t xml:space="preserve">        }</w:t>
            </w:r>
          </w:p>
          <w:p w:rsidR="00CE304B" w:rsidRDefault="00CE304B" w:rsidP="00CE304B">
            <w:r>
              <w:t xml:space="preserve">        gtag('js', new Date());</w:t>
            </w:r>
          </w:p>
          <w:p w:rsidR="00CE304B" w:rsidRDefault="00CE304B" w:rsidP="00CE304B">
            <w:r>
              <w:t xml:space="preserve">        gtag('config', '');</w:t>
            </w:r>
          </w:p>
          <w:p w:rsidR="00CE304B" w:rsidRDefault="00CE304B" w:rsidP="00CE304B">
            <w:r>
              <w:t xml:space="preserve">    &lt;/script&gt;</w:t>
            </w:r>
          </w:p>
          <w:p w:rsidR="00CE304B" w:rsidRDefault="00CE304B" w:rsidP="00CE304B">
            <w:r>
              <w:t xml:space="preserve">    &lt;!--fingerprint2.js --&gt;</w:t>
            </w:r>
          </w:p>
          <w:p w:rsidR="00CE304B" w:rsidRDefault="00CE304B" w:rsidP="00CE304B">
            <w:r>
              <w:t>&lt;script src="js/fingerprint2.js"&gt;&lt;/script&gt;</w:t>
            </w:r>
          </w:p>
          <w:p w:rsidR="00CE304B" w:rsidRDefault="00CE304B" w:rsidP="00CE304B">
            <w:r>
              <w:t>&lt;!--ua-parser.js --&gt;</w:t>
            </w:r>
          </w:p>
          <w:p w:rsidR="00CE304B" w:rsidRDefault="00CE304B" w:rsidP="00CE304B">
            <w:r>
              <w:t>&lt;script src="js/ua-parser.js"&gt;&lt;/script&gt;</w:t>
            </w:r>
          </w:p>
          <w:p w:rsidR="00CE304B" w:rsidRDefault="00CE304B" w:rsidP="00CE304B">
            <w:r>
              <w:t>&lt;script&gt;</w:t>
            </w:r>
          </w:p>
          <w:p w:rsidR="00CE304B" w:rsidRDefault="00CE304B" w:rsidP="00CE304B">
            <w:r>
              <w:t xml:space="preserve">    let fpCookie = getCookie("FP_UUID");</w:t>
            </w:r>
          </w:p>
          <w:p w:rsidR="00CE304B" w:rsidRDefault="00CE304B" w:rsidP="00CE304B">
            <w:r>
              <w:t xml:space="preserve">    let getFingerPrint = function () {</w:t>
            </w:r>
          </w:p>
          <w:p w:rsidR="00CE304B" w:rsidRDefault="00CE304B" w:rsidP="00CE304B">
            <w:r>
              <w:t xml:space="preserve">        let d1 = new Date();</w:t>
            </w:r>
          </w:p>
          <w:p w:rsidR="00CE304B" w:rsidRDefault="00CE304B" w:rsidP="00CE304B">
            <w:r>
              <w:t xml:space="preserve">        let options = {/*</w:t>
            </w:r>
          </w:p>
          <w:p w:rsidR="00CE304B" w:rsidRDefault="00CE304B" w:rsidP="00CE304B">
            <w:r>
              <w:t xml:space="preserve">            excludes: {</w:t>
            </w:r>
          </w:p>
          <w:p w:rsidR="00CE304B" w:rsidRDefault="00CE304B" w:rsidP="00CE304B">
            <w:r>
              <w:t xml:space="preserve">                enumerateDevices: true,</w:t>
            </w:r>
          </w:p>
          <w:p w:rsidR="00CE304B" w:rsidRDefault="00CE304B" w:rsidP="00CE304B">
            <w:r>
              <w:t xml:space="preserve">                pixelRatio: true,</w:t>
            </w:r>
          </w:p>
          <w:p w:rsidR="00CE304B" w:rsidRDefault="00CE304B" w:rsidP="00CE304B">
            <w:r>
              <w:t xml:space="preserve">                doNotTrack: true,</w:t>
            </w:r>
          </w:p>
          <w:p w:rsidR="00CE304B" w:rsidRDefault="00CE304B" w:rsidP="00CE304B">
            <w:r>
              <w:t xml:space="preserve">                fontsFlash: true/!*,</w:t>
            </w:r>
          </w:p>
          <w:p w:rsidR="00CE304B" w:rsidRDefault="00CE304B" w:rsidP="00CE304B">
            <w:r>
              <w:t xml:space="preserve">                plugins: true*!/</w:t>
            </w:r>
          </w:p>
          <w:p w:rsidR="00CE304B" w:rsidRDefault="00CE304B" w:rsidP="00CE304B">
            <w:r>
              <w:t xml:space="preserve">            },</w:t>
            </w:r>
          </w:p>
          <w:p w:rsidR="00CE304B" w:rsidRDefault="00CE304B" w:rsidP="00CE304B">
            <w:r>
              <w:t xml:space="preserve">            extraComponents: [</w:t>
            </w:r>
          </w:p>
          <w:p w:rsidR="00CE304B" w:rsidRDefault="00CE304B" w:rsidP="00CE304B">
            <w:r>
              <w:t xml:space="preserve">                {</w:t>
            </w:r>
          </w:p>
          <w:p w:rsidR="00CE304B" w:rsidRDefault="00CE304B" w:rsidP="00CE304B">
            <w:r>
              <w:t xml:space="preserve">                    key: 'domain',</w:t>
            </w:r>
          </w:p>
          <w:p w:rsidR="00CE304B" w:rsidRDefault="00CE304B" w:rsidP="00CE304B">
            <w:r>
              <w:t xml:space="preserve">                    getData: function (done, options) {</w:t>
            </w:r>
          </w:p>
          <w:p w:rsidR="00CE304B" w:rsidRDefault="00CE304B" w:rsidP="00CE304B">
            <w:r>
              <w:lastRenderedPageBreak/>
              <w:t xml:space="preserve">                        done(window.location.hostname);</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r>
              <w:t xml:space="preserve">                    key: 'domain',</w:t>
            </w:r>
          </w:p>
          <w:p w:rsidR="00CE304B" w:rsidRDefault="00CE304B" w:rsidP="00CE304B">
            <w:r>
              <w:t xml:space="preserve">                    getData: function (done, options) {</w:t>
            </w:r>
          </w:p>
          <w:p w:rsidR="00CE304B" w:rsidRDefault="00CE304B" w:rsidP="00CE304B">
            <w:r>
              <w:t xml:space="preserve">                        done(window.location.hostname);</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r>
              <w:t xml:space="preserve">            preprocessor: function (key, value) {</w:t>
            </w:r>
          </w:p>
          <w:p w:rsidR="00CE304B" w:rsidRDefault="00CE304B" w:rsidP="00CE304B">
            <w:r>
              <w:t xml:space="preserve">                if (key === "userAgent") {</w:t>
            </w:r>
          </w:p>
          <w:p w:rsidR="00CE304B" w:rsidRDefault="00CE304B" w:rsidP="00CE304B">
            <w:r>
              <w:t xml:space="preserve">                    let parser = new UAParser(value);</w:t>
            </w:r>
          </w:p>
          <w:p w:rsidR="00CE304B" w:rsidRDefault="00CE304B" w:rsidP="00CE304B">
            <w:r>
              <w:t xml:space="preserve">                    let userAgentMinusVersion = parser.getOS().name + ' ' + parser.getBrowser().name;</w:t>
            </w:r>
          </w:p>
          <w:p w:rsidR="00CE304B" w:rsidRDefault="00CE304B" w:rsidP="00CE304B">
            <w:r>
              <w:t xml:space="preserve">                    return userAgentMinusVersion;</w:t>
            </w:r>
          </w:p>
          <w:p w:rsidR="00CE304B" w:rsidRDefault="00CE304B" w:rsidP="00CE304B">
            <w:r>
              <w:t xml:space="preserve">                }</w:t>
            </w:r>
          </w:p>
          <w:p w:rsidR="00CE304B" w:rsidRDefault="00CE304B" w:rsidP="00CE304B">
            <w:r>
              <w:t xml:space="preserve">                return value;</w:t>
            </w:r>
          </w:p>
          <w:p w:rsidR="00CE304B" w:rsidRDefault="00CE304B" w:rsidP="00CE304B">
            <w:r>
              <w:t xml:space="preserve">            }</w:t>
            </w:r>
          </w:p>
          <w:p w:rsidR="00CE304B" w:rsidRDefault="00CE304B" w:rsidP="00CE304B">
            <w:r>
              <w:t xml:space="preserve">        };</w:t>
            </w:r>
          </w:p>
          <w:p w:rsidR="00CE304B" w:rsidRDefault="00CE304B" w:rsidP="00CE304B">
            <w:r>
              <w:t xml:space="preserve">        Fingerprint2.get(options, function (components) {</w:t>
            </w:r>
          </w:p>
          <w:p w:rsidR="00CE304B" w:rsidRDefault="00CE304B" w:rsidP="00CE304B">
            <w:r>
              <w:t xml:space="preserve">            let fp = Fingerprint2.x64hash128(components.map(function (pair) {</w:t>
            </w:r>
          </w:p>
          <w:p w:rsidR="00CE304B" w:rsidRDefault="00CE304B" w:rsidP="00CE304B">
            <w:r>
              <w:t xml:space="preserve">                return pair.value</w:t>
            </w:r>
          </w:p>
          <w:p w:rsidR="00CE304B" w:rsidRDefault="00CE304B" w:rsidP="00CE304B">
            <w:r>
              <w:t xml:space="preserve">            }).join(), 31);</w:t>
            </w:r>
          </w:p>
          <w:p w:rsidR="00CE304B" w:rsidRDefault="00CE304B" w:rsidP="00CE304B">
            <w:r>
              <w:t xml:space="preserve">            setCookie("FP_UUID", fp, 30);</w:t>
            </w:r>
          </w:p>
          <w:p w:rsidR="00CE304B" w:rsidRDefault="00CE304B" w:rsidP="00CE304B">
            <w:r>
              <w:t xml:space="preserve">            fpCookie = getCookie("FP_UUID");</w:t>
            </w:r>
          </w:p>
          <w:p w:rsidR="00CE304B" w:rsidRDefault="00CE304B" w:rsidP="00CE304B">
            <w:r>
              <w:t xml:space="preserve">            console.log("FP_UUID: ", fpCookie);</w:t>
            </w:r>
          </w:p>
          <w:p w:rsidR="00CE304B" w:rsidRDefault="00CE304B" w:rsidP="00CE304B">
            <w:r>
              <w:t xml:space="preserve">            let d2 = new Date();</w:t>
            </w:r>
          </w:p>
          <w:p w:rsidR="00CE304B" w:rsidRDefault="00CE304B" w:rsidP="00CE304B">
            <w:r>
              <w:t xml:space="preserve">            let tt = d2 - d1;</w:t>
            </w:r>
          </w:p>
          <w:p w:rsidR="00CE304B" w:rsidRDefault="00CE304B" w:rsidP="00CE304B">
            <w:r>
              <w:t xml:space="preserve">            let details = "";</w:t>
            </w:r>
          </w:p>
          <w:p w:rsidR="00CE304B" w:rsidRDefault="00CE304B" w:rsidP="00CE304B">
            <w:r>
              <w:t xml:space="preserve">            console.log("Time Taken : ", tt);</w:t>
            </w:r>
          </w:p>
          <w:p w:rsidR="00CE304B" w:rsidRDefault="00CE304B" w:rsidP="00CE304B">
            <w:r>
              <w:t xml:space="preserve">            console.log("Finger Print : ", fp);</w:t>
            </w:r>
          </w:p>
          <w:p w:rsidR="00CE304B" w:rsidRDefault="00CE304B" w:rsidP="00CE304B">
            <w:r>
              <w:t xml:space="preserve">            for (let index in components) {</w:t>
            </w:r>
          </w:p>
          <w:p w:rsidR="00CE304B" w:rsidRDefault="00CE304B" w:rsidP="00CE304B">
            <w:r>
              <w:t xml:space="preserve">                let obj = components[index];</w:t>
            </w:r>
          </w:p>
          <w:p w:rsidR="00CE304B" w:rsidRDefault="00CE304B" w:rsidP="00CE304B">
            <w:r>
              <w:t xml:space="preserve">                let line = obj.key + " = " + String(obj.value).substr(0, 100);</w:t>
            </w:r>
          </w:p>
          <w:p w:rsidR="00CE304B" w:rsidRDefault="00CE304B" w:rsidP="00CE304B">
            <w:r>
              <w:t xml:space="preserve">                details += line + "\n";</w:t>
            </w:r>
          </w:p>
          <w:p w:rsidR="00CE304B" w:rsidRDefault="00CE304B" w:rsidP="00CE304B">
            <w:r>
              <w:t xml:space="preserve">            }</w:t>
            </w:r>
          </w:p>
          <w:p w:rsidR="00CE304B" w:rsidRDefault="00CE304B" w:rsidP="00CE304B">
            <w:r>
              <w:t xml:space="preserve">            console.log(details);</w:t>
            </w:r>
          </w:p>
          <w:p w:rsidR="00CE304B" w:rsidRDefault="00CE304B" w:rsidP="00CE304B">
            <w:r>
              <w:t xml:space="preserve">        });</w:t>
            </w:r>
          </w:p>
          <w:p w:rsidR="00CE304B" w:rsidRDefault="00CE304B" w:rsidP="00CE304B">
            <w:r>
              <w:t xml:space="preserve">    };</w:t>
            </w:r>
          </w:p>
          <w:p w:rsidR="00CE304B" w:rsidRDefault="00CE304B" w:rsidP="00CE304B"/>
          <w:p w:rsidR="00CE304B" w:rsidRDefault="00CE304B" w:rsidP="00CE304B">
            <w:r>
              <w:t xml:space="preserve">    if (fpCookie === null) {</w:t>
            </w:r>
          </w:p>
          <w:p w:rsidR="00CE304B" w:rsidRDefault="00CE304B" w:rsidP="00CE304B">
            <w:r>
              <w:t xml:space="preserve">        let cancelId;</w:t>
            </w:r>
          </w:p>
          <w:p w:rsidR="00CE304B" w:rsidRDefault="00CE304B" w:rsidP="00CE304B">
            <w:r>
              <w:t xml:space="preserve">        let cancelFunction;</w:t>
            </w:r>
          </w:p>
          <w:p w:rsidR="00CE304B" w:rsidRDefault="00CE304B" w:rsidP="00CE304B">
            <w:r>
              <w:t xml:space="preserve">        if (window.requestIdleCallback) {</w:t>
            </w:r>
          </w:p>
          <w:p w:rsidR="00CE304B" w:rsidRDefault="00CE304B" w:rsidP="00CE304B">
            <w:r>
              <w:t xml:space="preserve">            cancelId = requestIdleCallback(getFingerPrint);</w:t>
            </w:r>
          </w:p>
          <w:p w:rsidR="00CE304B" w:rsidRDefault="00CE304B" w:rsidP="00CE304B">
            <w:r>
              <w:t xml:space="preserve">            cancelFunction = cancelIdleCallback;</w:t>
            </w:r>
          </w:p>
          <w:p w:rsidR="00CE304B" w:rsidRDefault="00CE304B" w:rsidP="00CE304B">
            <w:r>
              <w:t xml:space="preserve">        } else {</w:t>
            </w:r>
          </w:p>
          <w:p w:rsidR="00CE304B" w:rsidRDefault="00CE304B" w:rsidP="00CE304B">
            <w:r>
              <w:t xml:space="preserve">            cancelId = setTimeout(getFingerPrint, 500);</w:t>
            </w:r>
          </w:p>
          <w:p w:rsidR="00CE304B" w:rsidRDefault="00CE304B" w:rsidP="00CE304B">
            <w:r>
              <w:lastRenderedPageBreak/>
              <w:t xml:space="preserve">            cancelFunction = clearTimeout;</w:t>
            </w:r>
          </w:p>
          <w:p w:rsidR="00CE304B" w:rsidRDefault="00CE304B" w:rsidP="00CE304B">
            <w:r>
              <w:t xml:space="preserve">        }</w:t>
            </w:r>
          </w:p>
          <w:p w:rsidR="00CE304B" w:rsidRDefault="00CE304B" w:rsidP="00CE304B">
            <w:r>
              <w:t xml:space="preserve">    }</w:t>
            </w:r>
          </w:p>
          <w:p w:rsidR="00CE304B" w:rsidRDefault="00CE304B" w:rsidP="00CE304B">
            <w:r>
              <w:t>&lt;/script&gt;</w:t>
            </w:r>
          </w:p>
          <w:p w:rsidR="00CE304B" w:rsidRDefault="00CE304B" w:rsidP="00CE304B">
            <w:r>
              <w:t xml:space="preserve">            &lt;script type="application/ld+json"&gt;</w:t>
            </w:r>
          </w:p>
          <w:p w:rsidR="00CE304B" w:rsidRDefault="00CE304B" w:rsidP="00CE304B">
            <w:r>
              <w:t xml:space="preserve">    {"@context":"http:\/\/schema.org","@type":"WebPage","name":"Senior Services","url":"https:\/\/theseniorteam.net","logo":"https:\/\/assets.elite.dev\/img\/portal\/rect\/ssp.svg","sameAs":["https:\/\/theseniorteam.net"]}</w:t>
            </w:r>
          </w:p>
          <w:p w:rsidR="00CE304B" w:rsidRDefault="00CE304B" w:rsidP="00CE304B">
            <w:r>
              <w:t xml:space="preserve">&lt;/script&gt;   </w:t>
            </w:r>
          </w:p>
          <w:p w:rsidR="00CE304B" w:rsidRDefault="00CE304B" w:rsidP="00CE304B"/>
          <w:p w:rsidR="00CE304B" w:rsidRDefault="00CE304B" w:rsidP="00CE304B">
            <w:r>
              <w:t>&lt;!-- Meta Pixel Code --&gt;</w:t>
            </w:r>
          </w:p>
          <w:p w:rsidR="00CE304B" w:rsidRDefault="00CE304B" w:rsidP="00CE304B">
            <w:r>
              <w:t>&lt;script&gt;</w:t>
            </w:r>
          </w:p>
          <w:p w:rsidR="00CE304B" w:rsidRDefault="00CE304B" w:rsidP="00CE304B">
            <w:r>
              <w:t>!function(f,b,e,v,n,t,s)</w:t>
            </w:r>
          </w:p>
          <w:p w:rsidR="00CE304B" w:rsidRDefault="00CE304B" w:rsidP="00CE304B">
            <w:r>
              <w:t>{if(f.fbq)return;n=f.fbq=function(){n.callMethod?</w:t>
            </w:r>
          </w:p>
          <w:p w:rsidR="00CE304B" w:rsidRDefault="00CE304B" w:rsidP="00CE304B">
            <w:r>
              <w:t>n.callMethod.apply(n,arguments):n.queue.push(arguments)};</w:t>
            </w:r>
          </w:p>
          <w:p w:rsidR="00CE304B" w:rsidRDefault="00CE304B" w:rsidP="00CE304B">
            <w:r>
              <w:t>if(!f._fbq)f._fbq=n;n.push=n;n.loaded=!0;n.version='2.0';</w:t>
            </w:r>
          </w:p>
          <w:p w:rsidR="00CE304B" w:rsidRDefault="00CE304B" w:rsidP="00CE304B">
            <w:r>
              <w:t>n.queue=[];t=b.createElement(e);t.async=!0;</w:t>
            </w:r>
          </w:p>
          <w:p w:rsidR="00CE304B" w:rsidRDefault="00CE304B" w:rsidP="00CE304B">
            <w:r>
              <w:t>t.src=v;s=b.getElementsByTagName(e)[0];</w:t>
            </w:r>
          </w:p>
          <w:p w:rsidR="00CE304B" w:rsidRDefault="00CE304B" w:rsidP="00CE304B">
            <w:r>
              <w:t>s.parentNode.insertBefore(t,s)}(window, document,'script',</w:t>
            </w:r>
          </w:p>
          <w:p w:rsidR="00CE304B" w:rsidRDefault="00CE304B" w:rsidP="00CE304B">
            <w:r>
              <w:t>'https://connect.facebook.net/en_US/fbevents.js');</w:t>
            </w:r>
          </w:p>
          <w:p w:rsidR="00CE304B" w:rsidRDefault="00CE304B" w:rsidP="00CE304B">
            <w:r>
              <w:t>fbq('init', '1224771881707477');</w:t>
            </w:r>
          </w:p>
          <w:p w:rsidR="00CE304B" w:rsidRDefault="00CE304B" w:rsidP="00CE304B">
            <w:r>
              <w:t>fbq('track', 'PageView');</w:t>
            </w:r>
          </w:p>
          <w:p w:rsidR="00CE304B" w:rsidRDefault="00CE304B" w:rsidP="00CE304B">
            <w:r>
              <w:t>&lt;/script&gt;</w:t>
            </w:r>
          </w:p>
          <w:p w:rsidR="00CE304B" w:rsidRDefault="00CE304B" w:rsidP="00CE304B">
            <w:r>
              <w:t>&lt;noscript&gt;&lt;img height="1" width="1" style="display:none"</w:t>
            </w:r>
          </w:p>
          <w:p w:rsidR="00CE304B" w:rsidRDefault="00CE304B" w:rsidP="00CE304B">
            <w:r>
              <w:t>src="https://www.facebook.com/tr?id=1224771881707477&amp;ev=PageView&amp;noscript=1"</w:t>
            </w:r>
          </w:p>
          <w:p w:rsidR="00CE304B" w:rsidRDefault="00CE304B" w:rsidP="00CE304B">
            <w:r>
              <w:t>/&gt;&lt;/noscript&gt;</w:t>
            </w:r>
          </w:p>
          <w:p w:rsidR="00CE304B" w:rsidRDefault="00CE304B" w:rsidP="00CE304B">
            <w:r>
              <w:t>&lt;!-- End Meta Pixel Code --&gt;</w:t>
            </w:r>
          </w:p>
          <w:p w:rsidR="00CE304B" w:rsidRDefault="00CE304B" w:rsidP="00CE304B"/>
          <w:p w:rsidR="00CE304B" w:rsidRDefault="00CE304B" w:rsidP="00CE304B">
            <w:r>
              <w:t>&lt;/head&gt;</w:t>
            </w:r>
          </w:p>
          <w:p w:rsidR="00CE304B" w:rsidRDefault="00CE304B" w:rsidP="00CE304B">
            <w:r>
              <w:t>&lt;!--head ends--&gt;</w:t>
            </w:r>
          </w:p>
          <w:p w:rsidR="00CE304B" w:rsidRDefault="00CE304B" w:rsidP="00CE304B"/>
          <w:p w:rsidR="00CE304B" w:rsidRDefault="00CE304B" w:rsidP="00CE304B">
            <w:r>
              <w:t>&lt;div class="loading"&gt;</w:t>
            </w:r>
          </w:p>
          <w:p w:rsidR="00CE304B" w:rsidRDefault="00CE304B" w:rsidP="00CE304B">
            <w:r>
              <w:t xml:space="preserve">    &lt;div class="loader"&gt;&lt;/div&gt;</w:t>
            </w:r>
          </w:p>
          <w:p w:rsidR="00CE304B" w:rsidRDefault="00CE304B" w:rsidP="00CE304B">
            <w:r>
              <w:t>&lt;/div&gt;</w:t>
            </w:r>
          </w:p>
          <w:p w:rsidR="00CE304B" w:rsidRDefault="00CE304B" w:rsidP="00CE304B">
            <w:r>
              <w:t>&lt;div id="divVueContainer"&gt;</w:t>
            </w:r>
          </w:p>
          <w:p w:rsidR="00CE304B" w:rsidRDefault="00CE304B" w:rsidP="00CE304B">
            <w:r>
              <w:t xml:space="preserve">    &lt;div id="page"&gt;</w:t>
            </w:r>
          </w:p>
          <w:p w:rsidR="00CE304B" w:rsidRDefault="00CE304B" w:rsidP="00CE304B"/>
          <w:p w:rsidR="00CE304B" w:rsidRDefault="00CE304B" w:rsidP="00CE304B">
            <w:r>
              <w:t xml:space="preserve">        &lt;!--------------------header starts------------------&gt;</w:t>
            </w:r>
          </w:p>
          <w:p w:rsidR="00CE304B" w:rsidRDefault="00CE304B" w:rsidP="00CE304B">
            <w:r>
              <w:t xml:space="preserve">        &lt;!--top bar start--&gt;</w:t>
            </w:r>
          </w:p>
          <w:p w:rsidR="00CE304B" w:rsidRDefault="00CE304B" w:rsidP="00CE304B">
            <w:r>
              <w:t xml:space="preserve">        &lt;header class=" header  menu_fixed"&gt;</w:t>
            </w:r>
          </w:p>
          <w:p w:rsidR="00CE304B" w:rsidRDefault="00CE304B" w:rsidP="00CE304B">
            <w:r>
              <w:t xml:space="preserve">            &lt;div id="logo"&gt;</w:t>
            </w:r>
          </w:p>
          <w:p w:rsidR="00CE304B" w:rsidRDefault="00CE304B" w:rsidP="00CE304B">
            <w:r>
              <w:t xml:space="preserve">                &lt;a href="home.php"</w:t>
            </w:r>
          </w:p>
          <w:p w:rsidR="00CE304B" w:rsidRDefault="00CE304B" w:rsidP="00CE304B">
            <w:r>
              <w:t xml:space="preserve">                   title="Senior Place Finder - A bridge between seniors and senior living gateway."&gt;</w:t>
            </w:r>
          </w:p>
          <w:p w:rsidR="00CE304B" w:rsidRDefault="00CE304B" w:rsidP="00CE304B">
            <w:r>
              <w:t xml:space="preserve">                        &lt;img alt="" class="logo_normal" src="spf/img/logo.png" width="" height="75"/&gt;</w:t>
            </w:r>
          </w:p>
          <w:p w:rsidR="00CE304B" w:rsidRDefault="00CE304B" w:rsidP="00CE304B">
            <w:r>
              <w:t xml:space="preserve">                        &lt;img alt="" class="logo_sticky" src="spf/img/logo_sticky.png" width="" height="75"/&gt;</w:t>
            </w:r>
          </w:p>
          <w:p w:rsidR="00CE304B" w:rsidRDefault="00CE304B" w:rsidP="00CE304B">
            <w:r>
              <w:t xml:space="preserve">                &lt;/a&gt;</w:t>
            </w:r>
          </w:p>
          <w:p w:rsidR="00CE304B" w:rsidRDefault="00CE304B" w:rsidP="00CE304B">
            <w:r>
              <w:t xml:space="preserve">            &lt;/div&gt;</w:t>
            </w:r>
          </w:p>
          <w:p w:rsidR="00CE304B" w:rsidRDefault="00CE304B" w:rsidP="00CE304B">
            <w:r>
              <w:t xml:space="preserve">           &lt;ul id="top_menu"&gt;</w:t>
            </w:r>
          </w:p>
          <w:p w:rsidR="00CE304B" w:rsidRDefault="00CE304B" w:rsidP="00CE304B">
            <w:r>
              <w:lastRenderedPageBreak/>
              <w:t xml:space="preserve">                    &lt;?php if ( LOGGED_STATUS == 0 ) { ?&gt; </w:t>
            </w:r>
          </w:p>
          <w:p w:rsidR="00CE304B" w:rsidRDefault="00CE304B" w:rsidP="00CE304B">
            <w:r>
              <w:t xml:space="preserve">            </w:t>
            </w:r>
          </w:p>
          <w:p w:rsidR="00CE304B" w:rsidRDefault="00CE304B" w:rsidP="00CE304B">
            <w:r>
              <w:t xml:space="preserve">                &lt;li&gt;&lt;br/&gt;</w:t>
            </w:r>
          </w:p>
          <w:p w:rsidR="00CE304B" w:rsidRDefault="00CE304B" w:rsidP="00CE304B">
            <w:r>
              <w:t xml:space="preserve">                    &lt;a class="btn_add" href="&lt;?php echo SITE_URL_SPF ; ?&gt;/login.php" title="Sign In"&gt; Sign In &lt;/a&gt; </w:t>
            </w:r>
          </w:p>
          <w:p w:rsidR="00CE304B" w:rsidRDefault="00CE304B" w:rsidP="00CE304B">
            <w:r>
              <w:t xml:space="preserve">                &lt;/li&gt;</w:t>
            </w:r>
          </w:p>
          <w:p w:rsidR="00CE304B" w:rsidRDefault="00CE304B" w:rsidP="00CE304B"/>
          <w:p w:rsidR="00CE304B" w:rsidRDefault="00CE304B" w:rsidP="00CE304B">
            <w:r>
              <w:t xml:space="preserve">                &lt;li&gt;&lt;br/&gt;</w:t>
            </w:r>
          </w:p>
          <w:p w:rsidR="00CE304B" w:rsidRDefault="00CE304B" w:rsidP="00CE304B">
            <w:r>
              <w:t xml:space="preserve">                    &lt;a class="btn_add" href="&lt;?php echo SITE_URL_SPF; ?&gt;/register.php" title="Register"&gt; Register&lt;/a&gt;</w:t>
            </w:r>
          </w:p>
          <w:p w:rsidR="00CE304B" w:rsidRDefault="00CE304B" w:rsidP="00CE304B">
            <w:r>
              <w:t xml:space="preserve">                &lt;/li&gt;</w:t>
            </w:r>
          </w:p>
          <w:p w:rsidR="00CE304B" w:rsidRDefault="00CE304B" w:rsidP="00CE304B">
            <w:r>
              <w:t xml:space="preserve">                &lt;?php } else { ?&gt;</w:t>
            </w:r>
          </w:p>
          <w:p w:rsidR="00CE304B" w:rsidRDefault="00CE304B" w:rsidP="00CE304B">
            <w:r>
              <w:t xml:space="preserve">                &lt;li&gt;&lt;br/&gt;</w:t>
            </w:r>
          </w:p>
          <w:p w:rsidR="00CE304B" w:rsidRDefault="00CE304B" w:rsidP="00CE304B">
            <w:r>
              <w:t xml:space="preserve">                    &lt;a class="btn_add" href="&lt;?php echo SITE_URL_SPF ; ?&gt;/dashboard/?domain=spf" title="dashboard"&gt; &lt;?php echo $userName ; ?&gt;&lt;/a&gt;</w:t>
            </w:r>
          </w:p>
          <w:p w:rsidR="00CE304B" w:rsidRDefault="00CE304B" w:rsidP="00CE304B">
            <w:r>
              <w:t xml:space="preserve">                &lt;/li&gt;</w:t>
            </w:r>
          </w:p>
          <w:p w:rsidR="00CE304B" w:rsidRDefault="00CE304B" w:rsidP="00CE304B">
            <w:r>
              <w:t xml:space="preserve">                &lt;li&gt;&lt;br/&gt;</w:t>
            </w:r>
          </w:p>
          <w:p w:rsidR="00CE304B" w:rsidRDefault="00CE304B" w:rsidP="00CE304B">
            <w:r>
              <w:t xml:space="preserve">                    &lt;a class="btn_add" href="&lt;?php echo SITE_URL_PROFILE ; ?&gt;/profile/?sort=login" title="dashboard"&gt;Dashboard &lt;/a&gt;</w:t>
            </w:r>
          </w:p>
          <w:p w:rsidR="00CE304B" w:rsidRDefault="00CE304B" w:rsidP="00CE304B">
            <w:r>
              <w:t xml:space="preserve">                &lt;/li&gt;</w:t>
            </w:r>
          </w:p>
          <w:p w:rsidR="00CE304B" w:rsidRDefault="00CE304B" w:rsidP="00CE304B">
            <w:r>
              <w:tab/>
            </w:r>
            <w:r>
              <w:tab/>
            </w:r>
            <w:r>
              <w:tab/>
            </w:r>
            <w:r>
              <w:tab/>
              <w:t>&lt;li&gt;&lt;br/&gt;</w:t>
            </w:r>
          </w:p>
          <w:p w:rsidR="00CE304B" w:rsidRDefault="00CE304B" w:rsidP="00CE304B">
            <w:r>
              <w:t xml:space="preserve">                    &lt;a class="btn_add" href="&lt;?php echo SITE_URL_SPF ; ?&gt;/logout.php" title="Logout"&gt; Logout&lt;/a&gt;</w:t>
            </w:r>
          </w:p>
          <w:p w:rsidR="00CE304B" w:rsidRDefault="00CE304B" w:rsidP="00CE304B">
            <w:r>
              <w:t xml:space="preserve">                &lt;/li&gt;</w:t>
            </w:r>
          </w:p>
          <w:p w:rsidR="00CE304B" w:rsidRDefault="00CE304B" w:rsidP="00CE304B">
            <w:r>
              <w:t xml:space="preserve">                &lt;?php } ?&gt;</w:t>
            </w:r>
          </w:p>
          <w:p w:rsidR="00CE304B" w:rsidRDefault="00CE304B" w:rsidP="00CE304B">
            <w:r>
              <w:t xml:space="preserve">            &lt;/ul&gt;</w:t>
            </w:r>
          </w:p>
          <w:p w:rsidR="00CE304B" w:rsidRDefault="00CE304B" w:rsidP="00CE304B">
            <w:r>
              <w:t xml:space="preserve">            &lt;!--top bar ends--&gt;</w:t>
            </w:r>
          </w:p>
          <w:p w:rsidR="00CE304B" w:rsidRDefault="00CE304B" w:rsidP="00CE304B">
            <w:r>
              <w:t xml:space="preserve">            &lt;a class="btn_mobile" href="#menu"&gt;</w:t>
            </w:r>
          </w:p>
          <w:p w:rsidR="00CE304B" w:rsidRDefault="00CE304B" w:rsidP="00CE304B">
            <w:r>
              <w:t xml:space="preserve">                &lt;div class="hamburger hamburger--spin" id="hamburger"&gt;</w:t>
            </w:r>
          </w:p>
          <w:p w:rsidR="00CE304B" w:rsidRDefault="00CE304B" w:rsidP="00CE304B">
            <w:r>
              <w:t xml:space="preserve">                    &lt;div class="hamburger-box"&gt;</w:t>
            </w:r>
          </w:p>
          <w:p w:rsidR="00CE304B" w:rsidRDefault="00CE304B" w:rsidP="00CE304B">
            <w:r>
              <w:t xml:space="preserve">                        &lt;div class="hamburger-inner"&gt;&lt;/div&gt;</w:t>
            </w:r>
          </w:p>
          <w:p w:rsidR="00CE304B" w:rsidRDefault="00CE304B" w:rsidP="00CE304B">
            <w:r>
              <w:t xml:space="preserve">                    &lt;/div&gt;</w:t>
            </w:r>
          </w:p>
          <w:p w:rsidR="00CE304B" w:rsidRDefault="00CE304B" w:rsidP="00CE304B">
            <w:r>
              <w:t xml:space="preserve">                &lt;/div&gt;</w:t>
            </w:r>
          </w:p>
          <w:p w:rsidR="00CE304B" w:rsidRDefault="00CE304B" w:rsidP="00CE304B">
            <w:r>
              <w:t xml:space="preserve">            &lt;/a&gt;</w:t>
            </w:r>
          </w:p>
          <w:p w:rsidR="00CE304B" w:rsidRDefault="00CE304B" w:rsidP="00CE304B">
            <w:r>
              <w:t xml:space="preserve">            &lt;!--top nav bar start--&gt;</w:t>
            </w:r>
          </w:p>
          <w:p w:rsidR="00CE304B" w:rsidRDefault="00CE304B" w:rsidP="00CE304B">
            <w:r>
              <w:t xml:space="preserve">            &lt;nav class="main-menu" id="menu"&gt;</w:t>
            </w:r>
          </w:p>
          <w:p w:rsidR="00CE304B" w:rsidRDefault="00CE304B" w:rsidP="00CE304B">
            <w:r>
              <w:t xml:space="preserve">                &lt;ul&gt;</w:t>
            </w:r>
          </w:p>
          <w:p w:rsidR="00CE304B" w:rsidRDefault="00CE304B" w:rsidP="00CE304B">
            <w:r>
              <w:t xml:space="preserve">                    &lt;li&gt;</w:t>
            </w:r>
          </w:p>
          <w:p w:rsidR="00CE304B" w:rsidRDefault="00CE304B" w:rsidP="00CE304B">
            <w:r>
              <w:t xml:space="preserve">                        &lt;span&gt;</w:t>
            </w:r>
          </w:p>
          <w:p w:rsidR="00CE304B" w:rsidRDefault="00CE304B" w:rsidP="00CE304B">
            <w:r>
              <w:t xml:space="preserve">                            &lt;a href="home.php"</w:t>
            </w:r>
          </w:p>
          <w:p w:rsidR="00CE304B" w:rsidRDefault="00CE304B" w:rsidP="00CE304B">
            <w:r>
              <w:t xml:space="preserve">                               class="" style="font-size: 1.1rem; color: #007BCE;"&gt;</w:t>
            </w:r>
          </w:p>
          <w:p w:rsidR="00CE304B" w:rsidRDefault="00CE304B" w:rsidP="00CE304B">
            <w:r>
              <w:t xml:space="preserve">                                Home</w:t>
            </w:r>
          </w:p>
          <w:p w:rsidR="00CE304B" w:rsidRDefault="00CE304B" w:rsidP="00CE304B">
            <w:r>
              <w:t xml:space="preserve">                            &lt;/a&gt;</w:t>
            </w:r>
          </w:p>
          <w:p w:rsidR="00CE304B" w:rsidRDefault="00CE304B" w:rsidP="00CE304B">
            <w:r>
              <w:t xml:space="preserve">                        &lt;/span&gt;</w:t>
            </w:r>
          </w:p>
          <w:p w:rsidR="00CE304B" w:rsidRDefault="00CE304B" w:rsidP="00CE304B">
            <w:r>
              <w:t xml:space="preserve">                    &lt;/li&gt;</w:t>
            </w:r>
          </w:p>
          <w:p w:rsidR="00CE304B" w:rsidRDefault="00CE304B" w:rsidP="00CE304B">
            <w:r>
              <w:t xml:space="preserve">                    &lt;li&gt;</w:t>
            </w:r>
          </w:p>
          <w:p w:rsidR="00CE304B" w:rsidRDefault="00CE304B" w:rsidP="00CE304B">
            <w:r>
              <w:t xml:space="preserve">                        &lt;span&gt;</w:t>
            </w:r>
          </w:p>
          <w:p w:rsidR="00CE304B" w:rsidRDefault="00CE304B" w:rsidP="00CE304B">
            <w:r>
              <w:t xml:space="preserve">                            &lt;a href="aboutus.php"</w:t>
            </w:r>
          </w:p>
          <w:p w:rsidR="00CE304B" w:rsidRDefault="00CE304B" w:rsidP="00CE304B">
            <w:r>
              <w:lastRenderedPageBreak/>
              <w:t xml:space="preserve">                               class="active" style="font-size: 1.1rem; color: #007BCE;"&gt;</w:t>
            </w:r>
          </w:p>
          <w:p w:rsidR="00CE304B" w:rsidRDefault="00CE304B" w:rsidP="00CE304B">
            <w:r>
              <w:t xml:space="preserve">                                About us</w:t>
            </w:r>
          </w:p>
          <w:p w:rsidR="00CE304B" w:rsidRDefault="00CE304B" w:rsidP="00CE304B">
            <w:r>
              <w:t xml:space="preserve">                            &lt;/a&gt;</w:t>
            </w:r>
          </w:p>
          <w:p w:rsidR="00CE304B" w:rsidRDefault="00CE304B" w:rsidP="00CE304B">
            <w:r>
              <w:t xml:space="preserve">                        &lt;/span&gt;</w:t>
            </w:r>
          </w:p>
          <w:p w:rsidR="00CE304B" w:rsidRDefault="00CE304B" w:rsidP="00CE304B">
            <w:r>
              <w:t xml:space="preserve">                    &lt;/li&gt;</w:t>
            </w:r>
          </w:p>
          <w:p w:rsidR="00CE304B" w:rsidRDefault="00CE304B" w:rsidP="00CE304B">
            <w:r>
              <w:t xml:space="preserve">                    </w:t>
            </w:r>
          </w:p>
          <w:p w:rsidR="00CE304B" w:rsidRDefault="00CE304B" w:rsidP="00CE304B">
            <w:r>
              <w:t xml:space="preserve">                    &lt;li&gt;</w:t>
            </w:r>
          </w:p>
          <w:p w:rsidR="00CE304B" w:rsidRDefault="00CE304B" w:rsidP="00CE304B">
            <w:r>
              <w:t xml:space="preserve">                        &lt;span&gt;</w:t>
            </w:r>
          </w:p>
          <w:p w:rsidR="00CE304B" w:rsidRDefault="00CE304B" w:rsidP="00CE304B">
            <w:r>
              <w:t xml:space="preserve">                            &lt;a href="howitworks.php"</w:t>
            </w:r>
          </w:p>
          <w:p w:rsidR="00CE304B" w:rsidRDefault="00CE304B" w:rsidP="00CE304B">
            <w:r>
              <w:t xml:space="preserve">                               class="" style="font-size: 1.1rem; color: #007BCE;"&gt;</w:t>
            </w:r>
          </w:p>
          <w:p w:rsidR="00CE304B" w:rsidRDefault="00CE304B" w:rsidP="00CE304B">
            <w:r>
              <w:t xml:space="preserve">                                How it works</w:t>
            </w:r>
          </w:p>
          <w:p w:rsidR="00CE304B" w:rsidRDefault="00CE304B" w:rsidP="00CE304B">
            <w:r>
              <w:t xml:space="preserve">                            &lt;/a&gt;</w:t>
            </w:r>
          </w:p>
          <w:p w:rsidR="00CE304B" w:rsidRDefault="00CE304B" w:rsidP="00CE304B">
            <w:r>
              <w:t xml:space="preserve">                        &lt;/span&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class="" style="font-size: 1.1rem; color: #007BCE;"&gt;Find More&lt;/a&gt;</w:t>
            </w:r>
          </w:p>
          <w:p w:rsidR="00CE304B" w:rsidRDefault="00CE304B" w:rsidP="00CE304B">
            <w:r>
              <w:t xml:space="preserve">                    &lt;ul&gt;</w:t>
            </w:r>
          </w:p>
          <w:p w:rsidR="00CE304B" w:rsidRDefault="00CE304B" w:rsidP="00CE304B">
            <w:r>
              <w:t xml:space="preserve">                        &lt;li&gt;</w:t>
            </w:r>
          </w:p>
          <w:p w:rsidR="00CE304B" w:rsidRDefault="00CE304B" w:rsidP="00CE304B">
            <w:r>
              <w:t xml:space="preserve">                        &lt;a href=""&gt;Your Senior Team&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gt;SRES Finder&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gt;VA Benefits Finder&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gt;Senior Investment &amp; Finance&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gt;Insure Seniors Finder&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gt;ESPM Finder&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gt;Senior Elder Finder&lt;/a&gt;</w:t>
            </w:r>
          </w:p>
          <w:p w:rsidR="00CE304B" w:rsidRDefault="00CE304B" w:rsidP="00CE304B">
            <w:r>
              <w:t xml:space="preserve">                        &lt;/li&gt;                </w:t>
            </w:r>
          </w:p>
          <w:p w:rsidR="00CE304B" w:rsidRDefault="00CE304B" w:rsidP="00CE304B">
            <w:r>
              <w:t xml:space="preserve">                    &lt;/ul&gt;</w:t>
            </w:r>
          </w:p>
          <w:p w:rsidR="00CE304B" w:rsidRDefault="00CE304B" w:rsidP="00CE304B">
            <w:r>
              <w:t xml:space="preserve">                </w:t>
            </w:r>
          </w:p>
          <w:p w:rsidR="00CE304B" w:rsidRDefault="00CE304B" w:rsidP="00CE304B">
            <w:r>
              <w:t xml:space="preserve">                    &lt;li&gt;</w:t>
            </w:r>
          </w:p>
          <w:p w:rsidR="00CE304B" w:rsidRDefault="00CE304B" w:rsidP="00CE304B">
            <w:r>
              <w:t xml:space="preserve">                        &lt;span&gt;</w:t>
            </w:r>
          </w:p>
          <w:p w:rsidR="00CE304B" w:rsidRDefault="00CE304B" w:rsidP="00CE304B">
            <w:r>
              <w:t xml:space="preserve">                            &lt;a href="contactus.php"</w:t>
            </w:r>
          </w:p>
          <w:p w:rsidR="00CE304B" w:rsidRDefault="00CE304B" w:rsidP="00CE304B">
            <w:r>
              <w:t xml:space="preserve">                               class="" style="font-size: 1.1rem; color: #007BCE;"&gt;</w:t>
            </w:r>
          </w:p>
          <w:p w:rsidR="00CE304B" w:rsidRDefault="00CE304B" w:rsidP="00CE304B">
            <w:r>
              <w:t xml:space="preserve">                                Contact us</w:t>
            </w:r>
          </w:p>
          <w:p w:rsidR="00CE304B" w:rsidRDefault="00CE304B" w:rsidP="00CE304B">
            <w:r>
              <w:t xml:space="preserve">                            &lt;/a&gt;</w:t>
            </w:r>
          </w:p>
          <w:p w:rsidR="00CE304B" w:rsidRDefault="00CE304B" w:rsidP="00CE304B">
            <w:r>
              <w:t xml:space="preserve">                        &lt;/span&gt;</w:t>
            </w:r>
          </w:p>
          <w:p w:rsidR="00CE304B" w:rsidRDefault="00CE304B" w:rsidP="00CE304B">
            <w:r>
              <w:t xml:space="preserve">                    &lt;/li&gt;</w:t>
            </w:r>
          </w:p>
          <w:p w:rsidR="00CE304B" w:rsidRDefault="00CE304B" w:rsidP="00CE304B">
            <w:r>
              <w:lastRenderedPageBreak/>
              <w:t xml:space="preserve">                &lt;/ul&gt;</w:t>
            </w:r>
          </w:p>
          <w:p w:rsidR="00CE304B" w:rsidRDefault="00CE304B" w:rsidP="00CE304B">
            <w:r>
              <w:t xml:space="preserve">            &lt;/nav&gt;</w:t>
            </w:r>
          </w:p>
          <w:p w:rsidR="00CE304B" w:rsidRDefault="00CE304B" w:rsidP="00CE304B">
            <w:r>
              <w:t xml:space="preserve">            &lt;!--top nav bar ends--&gt;</w:t>
            </w:r>
          </w:p>
          <w:p w:rsidR="00CE304B" w:rsidRDefault="00CE304B" w:rsidP="00CE304B">
            <w:r>
              <w:t xml:space="preserve">            &lt;/header&gt;</w:t>
            </w:r>
          </w:p>
          <w:p w:rsidR="00CE304B" w:rsidRDefault="00CE304B" w:rsidP="00CE304B">
            <w:r>
              <w:t xml:space="preserve">            &lt;!--------------------header ends------------------&gt;</w:t>
            </w:r>
          </w:p>
          <w:p w:rsidR="00CE304B" w:rsidRDefault="00CE304B" w:rsidP="00CE304B">
            <w:r>
              <w:t>&lt;!--------------------body starts------------------&gt;</w:t>
            </w:r>
          </w:p>
          <w:p w:rsidR="00CE304B" w:rsidRDefault="00CE304B" w:rsidP="00CE304B">
            <w:r>
              <w:t xml:space="preserve">    &lt;div class="sub_header_in sticky_header"&gt;</w:t>
            </w:r>
          </w:p>
          <w:p w:rsidR="00CE304B" w:rsidRDefault="00CE304B" w:rsidP="00CE304B">
            <w:r>
              <w:t xml:space="preserve">        &lt;br/&gt;</w:t>
            </w:r>
          </w:p>
          <w:p w:rsidR="00CE304B" w:rsidRDefault="00CE304B" w:rsidP="00CE304B">
            <w:r>
              <w:t xml:space="preserve">        &lt;div class="container"&gt;</w:t>
            </w:r>
          </w:p>
          <w:p w:rsidR="00CE304B" w:rsidRDefault="00CE304B" w:rsidP="00CE304B">
            <w:r>
              <w:t xml:space="preserve">            &lt;h1&gt;&lt;'Name of Residence'&gt; Information &lt;/h1&gt;</w:t>
            </w:r>
          </w:p>
          <w:p w:rsidR="00CE304B" w:rsidRDefault="00CE304B" w:rsidP="00CE304B">
            <w:r>
              <w:t xml:space="preserve">        &lt;/div&gt;</w:t>
            </w:r>
          </w:p>
          <w:p w:rsidR="00CE304B" w:rsidRDefault="00CE304B" w:rsidP="00CE304B">
            <w:r>
              <w:t xml:space="preserve">    &lt;/div&gt; </w:t>
            </w:r>
          </w:p>
          <w:p w:rsidR="00CE304B" w:rsidRDefault="00CE304B" w:rsidP="00CE304B">
            <w:r>
              <w:tab/>
            </w:r>
          </w:p>
          <w:p w:rsidR="00CE304B" w:rsidRDefault="00CE304B" w:rsidP="00CE304B">
            <w:r>
              <w:tab/>
              <w:t>&lt;?php require_once('config.php') ; ?&gt;</w:t>
            </w:r>
          </w:p>
          <w:p w:rsidR="00CE304B" w:rsidRDefault="00CE304B" w:rsidP="00CE304B">
            <w:r>
              <w:tab/>
              <w:t>&lt;!--Recent Selections start--&gt;</w:t>
            </w:r>
          </w:p>
          <w:p w:rsidR="00CE304B" w:rsidRDefault="00CE304B" w:rsidP="00CE304B">
            <w:r>
              <w:t xml:space="preserve">    &lt;div class="container margin_60_35"&gt;</w:t>
            </w:r>
          </w:p>
          <w:p w:rsidR="00CE304B" w:rsidRDefault="00CE304B" w:rsidP="00CE304B">
            <w:r>
              <w:t xml:space="preserve">        &lt;div class="main_title_3"&gt;</w:t>
            </w:r>
          </w:p>
          <w:p w:rsidR="00CE304B" w:rsidRDefault="00CE304B" w:rsidP="00CE304B">
            <w:r>
              <w:t xml:space="preserve">            </w:t>
            </w:r>
          </w:p>
          <w:p w:rsidR="00CE304B" w:rsidRDefault="00CE304B" w:rsidP="00CE304B">
            <w:r>
              <w:t xml:space="preserve">            &lt;span&gt;&lt;/span&gt;</w:t>
            </w:r>
          </w:p>
          <w:p w:rsidR="00CE304B" w:rsidRDefault="00CE304B" w:rsidP="00CE304B">
            <w:r>
              <w:t xml:space="preserve">            &lt;h2&gt;Get Contact Info for &lt;'Name of Residence'&gt;&lt;/h2&gt;</w:t>
            </w:r>
          </w:p>
          <w:p w:rsidR="00CE304B" w:rsidRDefault="00CE304B" w:rsidP="00CE304B">
            <w:r>
              <w:t xml:space="preserve">            &lt;/div&gt;</w:t>
            </w:r>
          </w:p>
          <w:p w:rsidR="00CE304B" w:rsidRDefault="00CE304B" w:rsidP="00CE304B">
            <w:r>
              <w:t xml:space="preserve">        </w:t>
            </w:r>
          </w:p>
          <w:p w:rsidR="00CE304B" w:rsidRDefault="00CE304B" w:rsidP="00CE304B">
            <w:r>
              <w:t xml:space="preserve">        &lt;div class="col-12"  &gt;</w:t>
            </w:r>
          </w:p>
          <w:p w:rsidR="00CE304B" w:rsidRDefault="00CE304B" w:rsidP="00CE304B">
            <w:r>
              <w:t xml:space="preserve">            &lt;div class="row add_bottom_30"&gt;</w:t>
            </w:r>
          </w:p>
          <w:p w:rsidR="00CE304B" w:rsidRDefault="00CE304B" w:rsidP="00CE304B">
            <w:r>
              <w:tab/>
            </w:r>
            <w:r>
              <w:tab/>
            </w:r>
            <w:r>
              <w:tab/>
            </w:r>
            <w:r>
              <w:tab/>
              <w:t>&lt;!-- Modal content--&gt;</w:t>
            </w:r>
          </w:p>
          <w:p w:rsidR="00CE304B" w:rsidRDefault="00CE304B" w:rsidP="00CE304B">
            <w:r>
              <w:tab/>
            </w:r>
            <w:r>
              <w:tab/>
            </w:r>
            <w:r>
              <w:tab/>
            </w:r>
            <w:r>
              <w:tab/>
            </w:r>
            <w:r>
              <w:tab/>
              <w:t xml:space="preserve">  &lt;div class="content"&gt;</w:t>
            </w:r>
          </w:p>
          <w:p w:rsidR="00CE304B" w:rsidRDefault="00CE304B" w:rsidP="00CE304B">
            <w:r>
              <w:tab/>
            </w:r>
            <w:r>
              <w:tab/>
            </w:r>
            <w:r>
              <w:tab/>
            </w:r>
            <w:r>
              <w:tab/>
            </w:r>
            <w:r>
              <w:tab/>
            </w:r>
            <w:r>
              <w:tab/>
              <w:t xml:space="preserve">&lt;div class="header"&gt; </w:t>
            </w:r>
          </w:p>
          <w:p w:rsidR="00CE304B" w:rsidRDefault="00CE304B" w:rsidP="00CE304B">
            <w:r>
              <w:tab/>
            </w:r>
            <w:r>
              <w:tab/>
            </w:r>
            <w:r>
              <w:tab/>
            </w:r>
            <w:r>
              <w:tab/>
            </w:r>
            <w:r>
              <w:tab/>
            </w:r>
            <w:r>
              <w:tab/>
              <w:t xml:space="preserve">  &lt;h4 class="title"&gt;  &lt;?php echo $title ; ?&gt; &lt;/h4&gt;</w:t>
            </w:r>
          </w:p>
          <w:p w:rsidR="00CE304B" w:rsidRDefault="00CE304B" w:rsidP="00CE304B">
            <w:r>
              <w:tab/>
            </w:r>
            <w:r>
              <w:tab/>
            </w:r>
            <w:r>
              <w:tab/>
            </w:r>
            <w:r>
              <w:tab/>
            </w:r>
            <w:r>
              <w:tab/>
            </w:r>
            <w:r>
              <w:tab/>
              <w:t xml:space="preserve">    </w:t>
            </w:r>
          </w:p>
          <w:p w:rsidR="00CE304B" w:rsidRDefault="00CE304B" w:rsidP="00CE304B">
            <w:r>
              <w:tab/>
            </w:r>
            <w:r>
              <w:tab/>
            </w:r>
            <w:r>
              <w:tab/>
            </w:r>
            <w:r>
              <w:tab/>
            </w:r>
            <w:r>
              <w:tab/>
            </w:r>
            <w:r>
              <w:tab/>
              <w:t>&lt;/div&gt;</w:t>
            </w:r>
          </w:p>
          <w:p w:rsidR="00CE304B" w:rsidRDefault="00CE304B" w:rsidP="00CE304B">
            <w:r>
              <w:tab/>
            </w:r>
            <w:r>
              <w:tab/>
            </w:r>
            <w:r>
              <w:tab/>
            </w:r>
            <w:r>
              <w:tab/>
            </w:r>
            <w:r>
              <w:tab/>
            </w:r>
            <w:r>
              <w:tab/>
              <w:t>&lt;div class="body"&gt;</w:t>
            </w:r>
          </w:p>
          <w:p w:rsidR="00CE304B" w:rsidRDefault="00CE304B" w:rsidP="00CE304B">
            <w:r>
              <w:tab/>
            </w:r>
            <w:r>
              <w:tab/>
            </w:r>
            <w:r>
              <w:tab/>
            </w:r>
            <w:r>
              <w:tab/>
            </w:r>
            <w:r>
              <w:tab/>
            </w:r>
            <w:r>
              <w:tab/>
              <w:t xml:space="preserve">    </w:t>
            </w:r>
          </w:p>
          <w:p w:rsidR="00CE304B" w:rsidRDefault="00CE304B" w:rsidP="00CE304B">
            <w:r>
              <w:tab/>
            </w:r>
            <w:r>
              <w:tab/>
            </w:r>
            <w:r>
              <w:tab/>
            </w:r>
            <w:r>
              <w:tab/>
            </w:r>
            <w:r>
              <w:tab/>
            </w:r>
            <w:r>
              <w:tab/>
            </w:r>
            <w:r>
              <w:tab/>
              <w:t>&lt;form method="POST"  id="ci_form_contact" name="ci_form_contact"&gt;</w:t>
            </w:r>
          </w:p>
          <w:p w:rsidR="00CE304B" w:rsidRDefault="00CE304B" w:rsidP="00CE304B">
            <w:r>
              <w:tab/>
            </w:r>
            <w:r>
              <w:tab/>
            </w:r>
            <w:r>
              <w:tab/>
            </w:r>
            <w:r>
              <w:tab/>
            </w:r>
            <w:r>
              <w:tab/>
            </w:r>
            <w:r>
              <w:tab/>
            </w:r>
            <w:r>
              <w:tab/>
              <w:t xml:space="preserve">   &lt;?php if ( LOGGED_STATUS == 0 ) </w:t>
            </w:r>
          </w:p>
          <w:p w:rsidR="00CE304B" w:rsidRDefault="00CE304B" w:rsidP="00CE304B">
            <w:r>
              <w:tab/>
            </w:r>
            <w:r>
              <w:tab/>
            </w:r>
            <w:r>
              <w:tab/>
            </w:r>
            <w:r>
              <w:tab/>
            </w:r>
            <w:r>
              <w:tab/>
            </w:r>
            <w:r>
              <w:tab/>
            </w:r>
            <w:r>
              <w:tab/>
              <w:t xml:space="preserve">   { ?&gt; </w:t>
            </w:r>
          </w:p>
          <w:p w:rsidR="00CE304B" w:rsidRDefault="00CE304B" w:rsidP="00CE304B">
            <w:r>
              <w:tab/>
            </w:r>
            <w:r>
              <w:tab/>
            </w:r>
            <w:r>
              <w:tab/>
            </w:r>
            <w:r>
              <w:tab/>
            </w:r>
            <w:r>
              <w:tab/>
            </w:r>
            <w:r>
              <w:tab/>
            </w:r>
            <w:r>
              <w:tab/>
              <w:t xml:space="preserve">   &lt;p&gt;In order to provide you with their direct contact information please enter you name and email address</w:t>
            </w:r>
          </w:p>
          <w:p w:rsidR="00CE304B" w:rsidRDefault="00CE304B" w:rsidP="00CE304B">
            <w:r>
              <w:t xml:space="preserve">                                &lt;/p&gt; </w:t>
            </w:r>
          </w:p>
          <w:p w:rsidR="00CE304B" w:rsidRDefault="00CE304B" w:rsidP="00CE304B">
            <w:r>
              <w:tab/>
            </w:r>
            <w:r>
              <w:tab/>
            </w:r>
            <w:r>
              <w:tab/>
            </w:r>
            <w:r>
              <w:tab/>
            </w:r>
            <w:r>
              <w:tab/>
            </w:r>
            <w:r>
              <w:tab/>
            </w:r>
            <w:r>
              <w:tab/>
              <w:t xml:space="preserve">    &lt;div class="row"&gt;</w:t>
            </w:r>
          </w:p>
          <w:p w:rsidR="00CE304B" w:rsidRDefault="00CE304B" w:rsidP="00CE304B">
            <w:r>
              <w:tab/>
            </w:r>
            <w:r>
              <w:tab/>
            </w:r>
            <w:r>
              <w:tab/>
            </w:r>
            <w:r>
              <w:tab/>
            </w:r>
            <w:r>
              <w:tab/>
            </w:r>
            <w:r>
              <w:tab/>
            </w:r>
            <w:r>
              <w:tab/>
              <w:t xml:space="preserve">    &lt;div class ="col-6"&gt;</w:t>
            </w:r>
          </w:p>
          <w:p w:rsidR="00CE304B" w:rsidRDefault="00CE304B" w:rsidP="00CE304B">
            <w:r>
              <w:tab/>
            </w:r>
            <w:r>
              <w:tab/>
            </w:r>
            <w:r>
              <w:tab/>
            </w:r>
            <w:r>
              <w:tab/>
            </w:r>
            <w:r>
              <w:tab/>
            </w:r>
            <w:r>
              <w:tab/>
            </w:r>
            <w:r>
              <w:tab/>
              <w:t xml:space="preserve">        &lt;div class="mb-3 row"&gt;</w:t>
            </w:r>
          </w:p>
          <w:p w:rsidR="00CE304B" w:rsidRDefault="00CE304B" w:rsidP="00CE304B">
            <w:r>
              <w:tab/>
            </w:r>
            <w:r>
              <w:tab/>
            </w:r>
            <w:r>
              <w:tab/>
            </w:r>
            <w:r>
              <w:tab/>
            </w:r>
            <w:r>
              <w:tab/>
            </w:r>
            <w:r>
              <w:tab/>
            </w:r>
            <w:r>
              <w:tab/>
            </w:r>
            <w:r>
              <w:tab/>
            </w:r>
            <w:r>
              <w:tab/>
              <w:t>&lt;label class="col-3 col-form-label text-end"&gt;Your Name*:&lt;/label&gt;</w:t>
            </w:r>
          </w:p>
          <w:p w:rsidR="00CE304B" w:rsidRDefault="00CE304B" w:rsidP="00CE304B">
            <w:r>
              <w:tab/>
            </w:r>
            <w:r>
              <w:tab/>
            </w:r>
            <w:r>
              <w:tab/>
            </w:r>
            <w:r>
              <w:tab/>
            </w:r>
            <w:r>
              <w:tab/>
            </w:r>
            <w:r>
              <w:tab/>
            </w:r>
            <w:r>
              <w:tab/>
            </w:r>
            <w:r>
              <w:tab/>
            </w:r>
            <w:r>
              <w:tab/>
              <w:t>&lt;div class="col-9"&gt;</w:t>
            </w:r>
          </w:p>
          <w:p w:rsidR="00CE304B" w:rsidRDefault="00CE304B" w:rsidP="00CE304B">
            <w:r>
              <w:tab/>
            </w:r>
            <w:r>
              <w:tab/>
            </w:r>
            <w:r>
              <w:tab/>
            </w:r>
            <w:r>
              <w:tab/>
            </w:r>
            <w:r>
              <w:tab/>
            </w:r>
            <w:r>
              <w:tab/>
            </w:r>
            <w:r>
              <w:tab/>
            </w:r>
            <w:r>
              <w:tab/>
            </w:r>
            <w:r>
              <w:tab/>
            </w:r>
            <w:r>
              <w:tab/>
              <w:t>&lt;input type="hidden" name="p_id" id="p_id" class="form-control" value="&lt;?php echo $id;?&gt;" /&gt;</w:t>
            </w:r>
          </w:p>
          <w:p w:rsidR="00CE304B" w:rsidRDefault="00CE304B" w:rsidP="00CE304B">
            <w:r>
              <w:tab/>
            </w:r>
            <w:r>
              <w:tab/>
            </w:r>
            <w:r>
              <w:tab/>
            </w:r>
            <w:r>
              <w:tab/>
            </w:r>
            <w:r>
              <w:tab/>
            </w:r>
            <w:r>
              <w:tab/>
            </w:r>
            <w:r>
              <w:tab/>
            </w:r>
            <w:r>
              <w:tab/>
            </w:r>
            <w:r>
              <w:tab/>
            </w:r>
            <w:r>
              <w:tab/>
              <w:t xml:space="preserve">&lt;input type="text" </w:t>
            </w:r>
            <w:r>
              <w:lastRenderedPageBreak/>
              <w:t>name="name" id="name" class="form-control" placeholder="Please enter your name." value="Your First and Last Name" /&gt;</w:t>
            </w:r>
          </w:p>
          <w:p w:rsidR="00CE304B" w:rsidRDefault="00CE304B" w:rsidP="00CE304B">
            <w:r>
              <w:tab/>
            </w:r>
            <w:r>
              <w:tab/>
            </w:r>
            <w:r>
              <w:tab/>
            </w:r>
            <w:r>
              <w:tab/>
            </w:r>
            <w:r>
              <w:tab/>
            </w:r>
            <w:r>
              <w:tab/>
            </w:r>
            <w:r>
              <w:tab/>
            </w:r>
            <w:r>
              <w:tab/>
            </w:r>
            <w:r>
              <w:tab/>
              <w:t>&lt;/div&gt;</w:t>
            </w:r>
          </w:p>
          <w:p w:rsidR="00CE304B" w:rsidRDefault="00CE304B" w:rsidP="00CE304B">
            <w:r>
              <w:tab/>
            </w:r>
            <w:r>
              <w:tab/>
            </w:r>
            <w:r>
              <w:tab/>
            </w:r>
            <w:r>
              <w:tab/>
            </w:r>
            <w:r>
              <w:tab/>
            </w:r>
            <w:r>
              <w:tab/>
            </w:r>
            <w:r>
              <w:tab/>
            </w:r>
            <w:r>
              <w:tab/>
              <w:t xml:space="preserve">&lt;/div&gt;   </w:t>
            </w:r>
          </w:p>
          <w:p w:rsidR="00CE304B" w:rsidRDefault="00CE304B" w:rsidP="00CE304B">
            <w:r>
              <w:tab/>
            </w:r>
            <w:r>
              <w:tab/>
            </w:r>
            <w:r>
              <w:tab/>
            </w:r>
            <w:r>
              <w:tab/>
            </w:r>
            <w:r>
              <w:tab/>
            </w:r>
            <w:r>
              <w:tab/>
            </w:r>
            <w:r>
              <w:tab/>
            </w:r>
            <w:r>
              <w:tab/>
              <w:t>&lt;/div&gt;</w:t>
            </w:r>
          </w:p>
          <w:p w:rsidR="00CE304B" w:rsidRDefault="00CE304B" w:rsidP="00CE304B">
            <w:r>
              <w:tab/>
            </w:r>
            <w:r>
              <w:tab/>
            </w:r>
            <w:r>
              <w:tab/>
            </w:r>
            <w:r>
              <w:tab/>
            </w:r>
            <w:r>
              <w:tab/>
            </w:r>
            <w:r>
              <w:tab/>
            </w:r>
            <w:r>
              <w:tab/>
            </w:r>
            <w:r>
              <w:tab/>
              <w:t>&lt;div class ="col-6"&gt;</w:t>
            </w:r>
          </w:p>
          <w:p w:rsidR="00CE304B" w:rsidRDefault="00CE304B" w:rsidP="00CE304B">
            <w:r>
              <w:tab/>
            </w:r>
            <w:r>
              <w:tab/>
            </w:r>
            <w:r>
              <w:tab/>
            </w:r>
            <w:r>
              <w:tab/>
            </w:r>
            <w:r>
              <w:tab/>
            </w:r>
            <w:r>
              <w:tab/>
            </w:r>
            <w:r>
              <w:tab/>
            </w:r>
            <w:r>
              <w:tab/>
              <w:t>&lt;div class="mb-3 row"&gt;</w:t>
            </w:r>
          </w:p>
          <w:p w:rsidR="00CE304B" w:rsidRDefault="00CE304B" w:rsidP="00CE304B">
            <w:r>
              <w:tab/>
            </w:r>
            <w:r>
              <w:tab/>
            </w:r>
            <w:r>
              <w:tab/>
            </w:r>
            <w:r>
              <w:tab/>
            </w:r>
            <w:r>
              <w:tab/>
            </w:r>
            <w:r>
              <w:tab/>
            </w:r>
            <w:r>
              <w:tab/>
            </w:r>
            <w:r>
              <w:tab/>
            </w:r>
            <w:r>
              <w:tab/>
              <w:t>&lt;label class="col-3 col-form-label text-end"&gt;Your Email*:&lt;/label&gt;</w:t>
            </w:r>
          </w:p>
          <w:p w:rsidR="00CE304B" w:rsidRDefault="00CE304B" w:rsidP="00CE304B">
            <w:r>
              <w:tab/>
            </w:r>
            <w:r>
              <w:tab/>
            </w:r>
            <w:r>
              <w:tab/>
            </w:r>
            <w:r>
              <w:tab/>
            </w:r>
            <w:r>
              <w:tab/>
            </w:r>
            <w:r>
              <w:tab/>
            </w:r>
            <w:r>
              <w:tab/>
            </w:r>
            <w:r>
              <w:tab/>
            </w:r>
            <w:r>
              <w:tab/>
              <w:t>&lt;div class="col-9"&gt;</w:t>
            </w:r>
          </w:p>
          <w:p w:rsidR="00CE304B" w:rsidRDefault="00CE304B" w:rsidP="00CE304B">
            <w:r>
              <w:tab/>
            </w:r>
            <w:r>
              <w:tab/>
            </w:r>
            <w:r>
              <w:tab/>
            </w:r>
            <w:r>
              <w:tab/>
            </w:r>
            <w:r>
              <w:tab/>
            </w:r>
            <w:r>
              <w:tab/>
            </w:r>
            <w:r>
              <w:tab/>
            </w:r>
            <w:r>
              <w:tab/>
            </w:r>
            <w:r>
              <w:tab/>
            </w:r>
            <w:r>
              <w:tab/>
              <w:t>&lt;input type="hidden" name="p_id" id="p_id" class="form-control" value="&lt;?php echo $id;?&gt;" /&gt;</w:t>
            </w:r>
          </w:p>
          <w:p w:rsidR="00CE304B" w:rsidRDefault="00CE304B" w:rsidP="00CE304B">
            <w:r>
              <w:tab/>
            </w:r>
            <w:r>
              <w:tab/>
            </w:r>
            <w:r>
              <w:tab/>
            </w:r>
            <w:r>
              <w:tab/>
            </w:r>
            <w:r>
              <w:tab/>
            </w:r>
            <w:r>
              <w:tab/>
            </w:r>
            <w:r>
              <w:tab/>
            </w:r>
            <w:r>
              <w:tab/>
            </w:r>
            <w:r>
              <w:tab/>
            </w:r>
            <w:r>
              <w:tab/>
              <w:t>&lt;input type="text" name="email" id="email" class="form-control" placeholder="Please enter your email." value="Your email " /&gt;</w:t>
            </w:r>
          </w:p>
          <w:p w:rsidR="00CE304B" w:rsidRDefault="00CE304B" w:rsidP="00CE304B">
            <w:r>
              <w:tab/>
            </w:r>
            <w:r>
              <w:tab/>
            </w:r>
            <w:r>
              <w:tab/>
            </w:r>
            <w:r>
              <w:tab/>
            </w:r>
            <w:r>
              <w:tab/>
            </w:r>
            <w:r>
              <w:tab/>
            </w:r>
            <w:r>
              <w:tab/>
            </w:r>
            <w:r>
              <w:tab/>
            </w:r>
            <w:r>
              <w:tab/>
              <w:t>&lt;/div&gt;</w:t>
            </w:r>
          </w:p>
          <w:p w:rsidR="00CE304B" w:rsidRDefault="00CE304B" w:rsidP="00CE304B">
            <w:r>
              <w:tab/>
            </w:r>
            <w:r>
              <w:tab/>
            </w:r>
            <w:r>
              <w:tab/>
            </w:r>
            <w:r>
              <w:tab/>
            </w:r>
            <w:r>
              <w:tab/>
            </w:r>
            <w:r>
              <w:tab/>
            </w:r>
            <w:r>
              <w:tab/>
            </w:r>
            <w:r>
              <w:tab/>
              <w:t xml:space="preserve">&lt;/div&gt;  </w:t>
            </w:r>
          </w:p>
          <w:p w:rsidR="00CE304B" w:rsidRDefault="00CE304B" w:rsidP="00CE304B">
            <w:r>
              <w:tab/>
            </w:r>
            <w:r>
              <w:tab/>
            </w:r>
            <w:r>
              <w:tab/>
            </w:r>
            <w:r>
              <w:tab/>
            </w:r>
            <w:r>
              <w:tab/>
            </w:r>
            <w:r>
              <w:tab/>
            </w:r>
            <w:r>
              <w:tab/>
            </w:r>
            <w:r>
              <w:tab/>
              <w:t>&lt;/div&gt;</w:t>
            </w:r>
          </w:p>
          <w:p w:rsidR="00CE304B" w:rsidRDefault="00CE304B" w:rsidP="00CE304B">
            <w:r>
              <w:tab/>
            </w:r>
            <w:r>
              <w:tab/>
            </w:r>
            <w:r>
              <w:tab/>
            </w:r>
            <w:r>
              <w:tab/>
            </w:r>
            <w:r>
              <w:tab/>
            </w:r>
            <w:r>
              <w:tab/>
            </w:r>
            <w:r>
              <w:tab/>
            </w:r>
            <w:r>
              <w:tab/>
              <w:t>&lt;div class="col-6"&gt;</w:t>
            </w:r>
          </w:p>
          <w:p w:rsidR="00CE304B" w:rsidRDefault="00CE304B" w:rsidP="00CE304B">
            <w:r>
              <w:tab/>
            </w:r>
            <w:r>
              <w:tab/>
            </w:r>
            <w:r>
              <w:tab/>
            </w:r>
            <w:r>
              <w:tab/>
            </w:r>
            <w:r>
              <w:tab/>
            </w:r>
            <w:r>
              <w:tab/>
            </w:r>
            <w:r>
              <w:tab/>
            </w:r>
            <w:r>
              <w:tab/>
              <w:t xml:space="preserve">    </w:t>
            </w:r>
          </w:p>
          <w:p w:rsidR="00CE304B" w:rsidRDefault="00CE304B" w:rsidP="00CE304B">
            <w:r>
              <w:tab/>
            </w:r>
            <w:r>
              <w:tab/>
            </w:r>
            <w:r>
              <w:tab/>
            </w:r>
            <w:r>
              <w:tab/>
            </w:r>
            <w:r>
              <w:tab/>
            </w:r>
            <w:r>
              <w:tab/>
            </w:r>
            <w:r>
              <w:tab/>
            </w:r>
            <w:r>
              <w:tab/>
              <w:t>&lt;/div&gt;</w:t>
            </w:r>
          </w:p>
          <w:p w:rsidR="00CE304B" w:rsidRDefault="00CE304B" w:rsidP="00CE304B">
            <w:r>
              <w:tab/>
            </w:r>
            <w:r>
              <w:tab/>
            </w:r>
            <w:r>
              <w:tab/>
            </w:r>
            <w:r>
              <w:tab/>
            </w:r>
            <w:r>
              <w:tab/>
            </w:r>
            <w:r>
              <w:tab/>
            </w:r>
            <w:r>
              <w:tab/>
            </w:r>
            <w:r>
              <w:tab/>
            </w:r>
          </w:p>
          <w:p w:rsidR="00CE304B" w:rsidRDefault="00CE304B" w:rsidP="00CE304B">
            <w:r>
              <w:tab/>
            </w:r>
            <w:r>
              <w:tab/>
            </w:r>
            <w:r>
              <w:tab/>
            </w:r>
            <w:r>
              <w:tab/>
            </w:r>
            <w:r>
              <w:tab/>
            </w:r>
            <w:r>
              <w:tab/>
            </w:r>
            <w:r>
              <w:tab/>
            </w:r>
            <w:r>
              <w:tab/>
              <w:t xml:space="preserve">&lt;div class="offset-10 col-6"&gt;  </w:t>
            </w:r>
          </w:p>
          <w:p w:rsidR="00CE304B" w:rsidRDefault="00CE304B" w:rsidP="00CE304B">
            <w:r>
              <w:tab/>
            </w:r>
            <w:r>
              <w:tab/>
            </w:r>
            <w:r>
              <w:tab/>
            </w:r>
            <w:r>
              <w:tab/>
            </w:r>
            <w:r>
              <w:tab/>
            </w:r>
            <w:r>
              <w:tab/>
            </w:r>
            <w:r>
              <w:tab/>
            </w:r>
            <w:r>
              <w:tab/>
            </w:r>
            <w:r>
              <w:tab/>
              <w:t>&lt;div class="form-group"&gt;</w:t>
            </w:r>
          </w:p>
          <w:p w:rsidR="00CE304B" w:rsidRDefault="00CE304B" w:rsidP="00CE304B">
            <w:r>
              <w:tab/>
            </w:r>
            <w:r>
              <w:tab/>
            </w:r>
            <w:r>
              <w:tab/>
            </w:r>
            <w:r>
              <w:tab/>
            </w:r>
            <w:r>
              <w:tab/>
            </w:r>
            <w:r>
              <w:tab/>
            </w:r>
            <w:r>
              <w:tab/>
            </w:r>
            <w:r>
              <w:tab/>
            </w:r>
            <w:r>
              <w:tab/>
            </w:r>
            <w:r>
              <w:tab/>
              <w:t xml:space="preserve">&lt;button type="submit"  id="btnSubmit" class="btn btn-success"&gt;Verify your email&lt;/button&gt; </w:t>
            </w:r>
          </w:p>
          <w:p w:rsidR="00CE304B" w:rsidRDefault="00CE304B" w:rsidP="00CE304B">
            <w:r>
              <w:tab/>
            </w:r>
            <w:r>
              <w:tab/>
            </w:r>
            <w:r>
              <w:tab/>
            </w:r>
            <w:r>
              <w:tab/>
            </w:r>
            <w:r>
              <w:tab/>
            </w:r>
            <w:r>
              <w:tab/>
            </w:r>
            <w:r>
              <w:tab/>
            </w:r>
            <w:r>
              <w:tab/>
            </w:r>
            <w:r>
              <w:tab/>
              <w:t>&lt;/div&gt;</w:t>
            </w:r>
          </w:p>
          <w:p w:rsidR="00CE304B" w:rsidRDefault="00CE304B" w:rsidP="00CE304B">
            <w:r>
              <w:tab/>
            </w:r>
            <w:r>
              <w:tab/>
            </w:r>
            <w:r>
              <w:tab/>
            </w:r>
            <w:r>
              <w:tab/>
            </w:r>
            <w:r>
              <w:tab/>
            </w:r>
            <w:r>
              <w:tab/>
            </w:r>
            <w:r>
              <w:tab/>
            </w:r>
            <w:r>
              <w:tab/>
            </w:r>
            <w:r>
              <w:tab/>
              <w:t>&lt;!-- &lt;'Name of Residence'&gt; &lt;?php echo $title ; ?&gt; --&gt;</w:t>
            </w:r>
          </w:p>
          <w:p w:rsidR="00CE304B" w:rsidRDefault="00CE304B" w:rsidP="00CE304B">
            <w:r>
              <w:tab/>
            </w:r>
            <w:r>
              <w:tab/>
            </w:r>
            <w:r>
              <w:tab/>
            </w:r>
            <w:r>
              <w:tab/>
            </w:r>
            <w:r>
              <w:tab/>
            </w:r>
            <w:r>
              <w:tab/>
            </w:r>
            <w:r>
              <w:tab/>
            </w:r>
            <w:r>
              <w:tab/>
              <w:t>&lt;/div&gt;</w:t>
            </w:r>
          </w:p>
          <w:p w:rsidR="00CE304B" w:rsidRDefault="00CE304B" w:rsidP="00CE304B">
            <w:r>
              <w:tab/>
            </w:r>
            <w:r>
              <w:tab/>
            </w:r>
            <w:r>
              <w:tab/>
            </w:r>
            <w:r>
              <w:tab/>
            </w:r>
            <w:r>
              <w:tab/>
            </w:r>
            <w:r>
              <w:tab/>
            </w:r>
            <w:r>
              <w:tab/>
            </w:r>
            <w:r>
              <w:tab/>
              <w:t>&lt;/div&gt;</w:t>
            </w:r>
          </w:p>
          <w:p w:rsidR="00CE304B" w:rsidRDefault="00CE304B" w:rsidP="00CE304B">
            <w:r>
              <w:t xml:space="preserve">                               &lt;?php } </w:t>
            </w:r>
          </w:p>
          <w:p w:rsidR="00CE304B" w:rsidRDefault="00CE304B" w:rsidP="00CE304B">
            <w:r>
              <w:t xml:space="preserve">                               else </w:t>
            </w:r>
          </w:p>
          <w:p w:rsidR="00CE304B" w:rsidRDefault="00CE304B" w:rsidP="00CE304B">
            <w:r>
              <w:t xml:space="preserve">                               /* Need to include check does the Registered user has verified his email account if the status =1 on users table then share the information and send mail to user*/</w:t>
            </w:r>
          </w:p>
          <w:p w:rsidR="00CE304B" w:rsidRDefault="00CE304B" w:rsidP="00CE304B">
            <w:r>
              <w:t xml:space="preserve">                               { ?&gt; </w:t>
            </w:r>
          </w:p>
          <w:p w:rsidR="00CE304B" w:rsidRDefault="00CE304B" w:rsidP="00CE304B">
            <w:r>
              <w:t xml:space="preserve">                               &lt;!--The below section when the user has signed in with his registered email and also completed the email verification--&gt;</w:t>
            </w:r>
          </w:p>
          <w:p w:rsidR="00CE304B" w:rsidRDefault="00CE304B" w:rsidP="00CE304B">
            <w:r>
              <w:t xml:space="preserve">                                &lt;div class="form-group"&gt;</w:t>
            </w:r>
          </w:p>
          <w:p w:rsidR="00CE304B" w:rsidRDefault="00CE304B" w:rsidP="00CE304B">
            <w:r>
              <w:t xml:space="preserve">                                    &lt;div class="" style="margin-top: 100px;"&gt; </w:t>
            </w:r>
          </w:p>
          <w:p w:rsidR="00CE304B" w:rsidRDefault="00CE304B" w:rsidP="00CE304B">
            <w:r>
              <w:t xml:space="preserve">                                    &lt;span&gt; &lt;h6&gt;Contact Information for &lt;'residence'&gt;&lt;?php echo $title ; ?&gt; is sent to your registered email id &lt;/h6&gt;&lt;/span&gt;</w:t>
            </w:r>
          </w:p>
          <w:p w:rsidR="00CE304B" w:rsidRDefault="00CE304B" w:rsidP="00CE304B">
            <w:r>
              <w:t xml:space="preserve">                                    &lt;!--&lt;?php require_once('contact_email_process.php') ; ?&gt; --&gt;</w:t>
            </w:r>
          </w:p>
          <w:p w:rsidR="00CE304B" w:rsidRDefault="00CE304B" w:rsidP="00CE304B">
            <w:r>
              <w:t xml:space="preserve">                                    &lt;/div&gt;</w:t>
            </w:r>
          </w:p>
          <w:p w:rsidR="00CE304B" w:rsidRDefault="00CE304B" w:rsidP="00CE304B">
            <w:r>
              <w:t xml:space="preserve">                                    &lt;p&gt;Here are the details of Residence &lt;?php echo $title ; ?&gt;</w:t>
            </w:r>
          </w:p>
          <w:p w:rsidR="00CE304B" w:rsidRDefault="00CE304B" w:rsidP="00CE304B">
            <w:r>
              <w:tab/>
            </w:r>
            <w:r>
              <w:tab/>
            </w:r>
            <w:r>
              <w:tab/>
            </w:r>
            <w:r>
              <w:tab/>
              <w:t xml:space="preserve">  </w:t>
            </w:r>
            <w:r>
              <w:tab/>
            </w:r>
            <w:r>
              <w:tab/>
            </w:r>
            <w:r>
              <w:tab/>
            </w:r>
            <w:r>
              <w:tab/>
            </w:r>
            <w:r>
              <w:tab/>
            </w:r>
            <w:r>
              <w:tab/>
              <w:t>&lt;br&gt;</w:t>
            </w:r>
          </w:p>
          <w:p w:rsidR="00CE304B" w:rsidRDefault="00CE304B" w:rsidP="00CE304B">
            <w:r>
              <w:t xml:space="preserve">            </w:t>
            </w:r>
            <w:r>
              <w:tab/>
            </w:r>
            <w:r>
              <w:tab/>
            </w:r>
            <w:r>
              <w:tab/>
            </w:r>
            <w:r>
              <w:tab/>
            </w:r>
            <w:r>
              <w:tab/>
            </w:r>
            <w:r>
              <w:tab/>
              <w:t>Sales/Marketing Executive Name = &lt;?php echo $memberNameF ; ?&gt;</w:t>
            </w:r>
          </w:p>
          <w:p w:rsidR="00CE304B" w:rsidRDefault="00CE304B" w:rsidP="00CE304B">
            <w:r>
              <w:lastRenderedPageBreak/>
              <w:t xml:space="preserve">            </w:t>
            </w:r>
            <w:r>
              <w:tab/>
            </w:r>
            <w:r>
              <w:tab/>
            </w:r>
            <w:r>
              <w:tab/>
            </w:r>
            <w:r>
              <w:tab/>
            </w:r>
            <w:r>
              <w:tab/>
            </w:r>
            <w:r>
              <w:tab/>
              <w:t>&lt;br&gt;</w:t>
            </w:r>
          </w:p>
          <w:p w:rsidR="00CE304B" w:rsidRDefault="00CE304B" w:rsidP="00CE304B">
            <w:r>
              <w:t xml:space="preserve">            </w:t>
            </w:r>
            <w:r>
              <w:tab/>
            </w:r>
            <w:r>
              <w:tab/>
            </w:r>
            <w:r>
              <w:tab/>
            </w:r>
            <w:r>
              <w:tab/>
            </w:r>
            <w:r>
              <w:tab/>
            </w:r>
            <w:r>
              <w:tab/>
              <w:t>Executive Contact Number = &lt;?php echo $memberPhone; ?&gt;</w:t>
            </w:r>
          </w:p>
          <w:p w:rsidR="00CE304B" w:rsidRDefault="00CE304B" w:rsidP="00CE304B">
            <w:r>
              <w:t xml:space="preserve">            </w:t>
            </w:r>
            <w:r>
              <w:tab/>
            </w:r>
            <w:r>
              <w:tab/>
            </w:r>
            <w:r>
              <w:tab/>
            </w:r>
            <w:r>
              <w:tab/>
            </w:r>
            <w:r>
              <w:tab/>
            </w:r>
            <w:r>
              <w:tab/>
              <w:t>&lt;br&gt;</w:t>
            </w:r>
          </w:p>
          <w:p w:rsidR="00CE304B" w:rsidRDefault="00CE304B" w:rsidP="00CE304B">
            <w:r>
              <w:t xml:space="preserve">            </w:t>
            </w:r>
            <w:r>
              <w:tab/>
            </w:r>
            <w:r>
              <w:tab/>
            </w:r>
            <w:r>
              <w:tab/>
            </w:r>
            <w:r>
              <w:tab/>
            </w:r>
            <w:r>
              <w:tab/>
            </w:r>
            <w:r>
              <w:tab/>
              <w:t>Executive Email Id = '&lt;?php echo $memberEmail; ?&gt;</w:t>
            </w:r>
          </w:p>
          <w:p w:rsidR="00CE304B" w:rsidRDefault="00CE304B" w:rsidP="00CE304B">
            <w:r>
              <w:t xml:space="preserve">            </w:t>
            </w:r>
            <w:r>
              <w:tab/>
            </w:r>
            <w:r>
              <w:tab/>
            </w:r>
            <w:r>
              <w:tab/>
            </w:r>
            <w:r>
              <w:tab/>
            </w:r>
            <w:r>
              <w:tab/>
            </w:r>
            <w:r>
              <w:tab/>
              <w:t>&lt;br&gt;</w:t>
            </w:r>
          </w:p>
          <w:p w:rsidR="00CE304B" w:rsidRDefault="00CE304B" w:rsidP="00CE304B">
            <w:r>
              <w:t xml:space="preserve">            </w:t>
            </w:r>
            <w:r>
              <w:tab/>
            </w:r>
            <w:r>
              <w:tab/>
            </w:r>
            <w:r>
              <w:tab/>
            </w:r>
            <w:r>
              <w:tab/>
            </w:r>
            <w:r>
              <w:tab/>
            </w:r>
            <w:r>
              <w:tab/>
              <w:t>Residence Location = &lt;?php echo $resaddress; ?&gt;</w:t>
            </w:r>
          </w:p>
          <w:p w:rsidR="00CE304B" w:rsidRDefault="00CE304B" w:rsidP="00CE304B">
            <w:r>
              <w:t xml:space="preserve">            </w:t>
            </w:r>
            <w:r>
              <w:tab/>
            </w:r>
            <w:r>
              <w:tab/>
            </w:r>
            <w:r>
              <w:tab/>
            </w:r>
            <w:r>
              <w:tab/>
            </w:r>
            <w:r>
              <w:tab/>
            </w:r>
            <w:r>
              <w:tab/>
              <w:t>&lt;/p&gt;</w:t>
            </w:r>
          </w:p>
          <w:p w:rsidR="00CE304B" w:rsidRDefault="00CE304B" w:rsidP="00CE304B">
            <w:r>
              <w:t xml:space="preserve">            </w:t>
            </w:r>
            <w:r>
              <w:tab/>
            </w:r>
            <w:r>
              <w:tab/>
            </w:r>
            <w:r>
              <w:tab/>
            </w:r>
            <w:r>
              <w:tab/>
            </w:r>
            <w:r>
              <w:tab/>
            </w:r>
            <w:r>
              <w:tab/>
            </w:r>
          </w:p>
          <w:p w:rsidR="00CE304B" w:rsidRDefault="00CE304B" w:rsidP="00CE304B">
            <w:r>
              <w:t xml:space="preserve">            </w:t>
            </w:r>
            <w:r>
              <w:tab/>
            </w:r>
            <w:r>
              <w:tab/>
            </w:r>
            <w:r>
              <w:tab/>
            </w:r>
            <w:r>
              <w:tab/>
            </w:r>
            <w:r>
              <w:tab/>
            </w:r>
            <w:r>
              <w:tab/>
              <w:t>&lt;p&gt;</w:t>
            </w:r>
          </w:p>
          <w:p w:rsidR="00CE304B" w:rsidRDefault="00CE304B" w:rsidP="00CE304B">
            <w:r>
              <w:t xml:space="preserve">            </w:t>
            </w:r>
            <w:r>
              <w:tab/>
            </w:r>
            <w:r>
              <w:tab/>
            </w:r>
            <w:r>
              <w:tab/>
            </w:r>
            <w:r>
              <w:tab/>
            </w:r>
            <w:r>
              <w:tab/>
            </w:r>
            <w:r>
              <w:tab/>
              <w:t xml:space="preserve">    Your information is shared to the Residence and you will be notified soon by email.</w:t>
            </w:r>
          </w:p>
          <w:p w:rsidR="00CE304B" w:rsidRDefault="00CE304B" w:rsidP="00CE304B">
            <w:r>
              <w:t xml:space="preserve">            </w:t>
            </w:r>
            <w:r>
              <w:tab/>
            </w:r>
            <w:r>
              <w:tab/>
            </w:r>
            <w:r>
              <w:tab/>
            </w:r>
            <w:r>
              <w:tab/>
            </w:r>
            <w:r>
              <w:tab/>
            </w:r>
            <w:r>
              <w:tab/>
              <w:t>&lt;/p&gt;</w:t>
            </w:r>
          </w:p>
          <w:p w:rsidR="00CE304B" w:rsidRDefault="00CE304B" w:rsidP="00CE304B">
            <w:r>
              <w:t xml:space="preserve">                                &lt;/div&gt;</w:t>
            </w:r>
          </w:p>
          <w:p w:rsidR="00CE304B" w:rsidRDefault="00CE304B" w:rsidP="00CE304B">
            <w:r>
              <w:t xml:space="preserve">                                &lt;?php } ?&gt;</w:t>
            </w:r>
          </w:p>
          <w:p w:rsidR="00CE304B" w:rsidRDefault="00CE304B" w:rsidP="00CE304B">
            <w:r>
              <w:tab/>
            </w:r>
            <w:r>
              <w:tab/>
            </w:r>
            <w:r>
              <w:tab/>
            </w:r>
            <w:r>
              <w:tab/>
            </w:r>
            <w:r>
              <w:tab/>
            </w:r>
            <w:r>
              <w:tab/>
            </w:r>
            <w:r>
              <w:tab/>
              <w:t xml:space="preserve">&lt;/form&gt; </w:t>
            </w:r>
          </w:p>
          <w:p w:rsidR="00CE304B" w:rsidRDefault="00CE304B" w:rsidP="00CE304B">
            <w:r>
              <w:tab/>
            </w:r>
            <w:r>
              <w:tab/>
            </w:r>
            <w:r>
              <w:tab/>
            </w:r>
            <w:r>
              <w:tab/>
            </w:r>
            <w:r>
              <w:tab/>
            </w:r>
            <w:r>
              <w:tab/>
              <w:t xml:space="preserve">  </w:t>
            </w:r>
          </w:p>
          <w:p w:rsidR="00CE304B" w:rsidRDefault="00CE304B" w:rsidP="00CE304B">
            <w:r>
              <w:tab/>
            </w:r>
            <w:r>
              <w:tab/>
            </w:r>
            <w:r>
              <w:tab/>
            </w:r>
            <w:r>
              <w:tab/>
            </w:r>
            <w:r>
              <w:tab/>
            </w:r>
            <w:r>
              <w:tab/>
              <w:t>&lt;/div&gt;</w:t>
            </w:r>
          </w:p>
          <w:p w:rsidR="00CE304B" w:rsidRDefault="00CE304B" w:rsidP="00CE304B">
            <w:r>
              <w:tab/>
            </w:r>
            <w:r>
              <w:tab/>
            </w:r>
            <w:r>
              <w:tab/>
            </w:r>
            <w:r>
              <w:tab/>
            </w:r>
            <w:r>
              <w:tab/>
            </w:r>
            <w:r>
              <w:tab/>
            </w:r>
          </w:p>
          <w:p w:rsidR="00CE304B" w:rsidRDefault="00CE304B" w:rsidP="00CE304B">
            <w:r>
              <w:t xml:space="preserve">                        &lt;div class="footer"&gt;</w:t>
            </w:r>
          </w:p>
          <w:p w:rsidR="00CE304B" w:rsidRDefault="00CE304B" w:rsidP="00CE304B">
            <w:r>
              <w:tab/>
            </w:r>
            <w:r>
              <w:tab/>
            </w:r>
            <w:r>
              <w:tab/>
            </w:r>
            <w:r>
              <w:tab/>
            </w:r>
            <w:r>
              <w:tab/>
            </w:r>
            <w:r>
              <w:tab/>
              <w:t xml:space="preserve">    </w:t>
            </w:r>
          </w:p>
          <w:p w:rsidR="00CE304B" w:rsidRDefault="00CE304B" w:rsidP="00CE304B">
            <w:r>
              <w:tab/>
            </w:r>
            <w:r>
              <w:tab/>
            </w:r>
            <w:r>
              <w:tab/>
            </w:r>
            <w:r>
              <w:tab/>
            </w:r>
            <w:r>
              <w:tab/>
            </w:r>
            <w:r>
              <w:tab/>
              <w:t xml:space="preserve"> </w:t>
            </w:r>
          </w:p>
          <w:p w:rsidR="00CE304B" w:rsidRDefault="00CE304B" w:rsidP="00CE304B">
            <w:r>
              <w:tab/>
            </w:r>
            <w:r>
              <w:tab/>
            </w:r>
            <w:r>
              <w:tab/>
            </w:r>
            <w:r>
              <w:tab/>
            </w:r>
            <w:r>
              <w:tab/>
            </w:r>
            <w:r>
              <w:tab/>
              <w:t>&lt;/div&gt;</w:t>
            </w:r>
          </w:p>
          <w:p w:rsidR="00CE304B" w:rsidRDefault="00CE304B" w:rsidP="00CE304B">
            <w:r>
              <w:tab/>
            </w:r>
            <w:r>
              <w:tab/>
            </w:r>
            <w:r>
              <w:tab/>
            </w:r>
            <w:r>
              <w:tab/>
            </w:r>
            <w:r>
              <w:tab/>
              <w:t xml:space="preserve">  &lt;/div&gt;</w:t>
            </w:r>
            <w:r>
              <w:tab/>
            </w:r>
          </w:p>
          <w:p w:rsidR="00CE304B" w:rsidRDefault="00CE304B" w:rsidP="00CE304B">
            <w:r>
              <w:tab/>
            </w:r>
            <w:r>
              <w:tab/>
              <w:t xml:space="preserve">    &lt;/div&gt;</w:t>
            </w:r>
          </w:p>
          <w:p w:rsidR="00CE304B" w:rsidRDefault="00CE304B" w:rsidP="00CE304B">
            <w:r>
              <w:tab/>
            </w:r>
            <w:r>
              <w:tab/>
              <w:t>&lt;/div&gt;</w:t>
            </w:r>
          </w:p>
          <w:p w:rsidR="00CE304B" w:rsidRDefault="00CE304B" w:rsidP="00CE304B">
            <w:r>
              <w:tab/>
              <w:t>&lt;/div&gt;</w:t>
            </w:r>
          </w:p>
          <w:p w:rsidR="00CE304B" w:rsidRDefault="00CE304B" w:rsidP="00CE304B">
            <w:r>
              <w:tab/>
            </w:r>
          </w:p>
          <w:p w:rsidR="00CE304B" w:rsidRDefault="00CE304B" w:rsidP="00CE304B">
            <w:r>
              <w:tab/>
            </w:r>
          </w:p>
          <w:p w:rsidR="00CE304B" w:rsidRDefault="00CE304B" w:rsidP="00CE304B"/>
          <w:p w:rsidR="00CE304B" w:rsidRDefault="00CE304B" w:rsidP="00CE304B"/>
          <w:p w:rsidR="00CE304B" w:rsidRDefault="00CE304B" w:rsidP="00CE304B">
            <w:r>
              <w:t xml:space="preserve">          &lt;!--start of modal pop-up for SeniorPlaceFinder site governance section --&gt;</w:t>
            </w:r>
          </w:p>
          <w:p w:rsidR="00CE304B" w:rsidRDefault="00CE304B" w:rsidP="00CE304B">
            <w:r>
              <w:t xml:space="preserve">            &lt;div id = "myModalContainer"&gt;</w:t>
            </w:r>
          </w:p>
          <w:p w:rsidR="00CE304B" w:rsidRDefault="00CE304B" w:rsidP="00CE304B">
            <w:r>
              <w:t xml:space="preserve">                &lt;div class="modal fade" id="myModal" style="max-height: 500px !important; margin-top: 70px;"&gt;</w:t>
            </w:r>
          </w:p>
          <w:p w:rsidR="00CE304B" w:rsidRDefault="00CE304B" w:rsidP="00CE304B">
            <w:r>
              <w:t xml:space="preserve">                    &lt;div class="modal-dialog modal-dialog-scrollable modal-lg"&gt;</w:t>
            </w:r>
          </w:p>
          <w:p w:rsidR="00CE304B" w:rsidRDefault="00CE304B" w:rsidP="00CE304B">
            <w:r>
              <w:t xml:space="preserve">                      &lt;div class="modal-content"&gt;</w:t>
            </w:r>
          </w:p>
          <w:p w:rsidR="00CE304B" w:rsidRDefault="00CE304B" w:rsidP="00CE304B"/>
          <w:p w:rsidR="00CE304B" w:rsidRDefault="00CE304B" w:rsidP="00CE304B">
            <w:r>
              <w:t xml:space="preserve">                        &lt;!-- Modal Header --&gt;</w:t>
            </w:r>
          </w:p>
          <w:p w:rsidR="00CE304B" w:rsidRDefault="00CE304B" w:rsidP="00CE304B">
            <w:r>
              <w:t xml:space="preserve">                        &lt;div class="modal-header"&gt;</w:t>
            </w:r>
          </w:p>
          <w:p w:rsidR="00CE304B" w:rsidRDefault="00CE304B" w:rsidP="00CE304B">
            <w:r>
              <w:t xml:space="preserve">                            &lt;h4 class="modal-title"&gt;Terms and Conditions&lt;/h4&gt;</w:t>
            </w:r>
          </w:p>
          <w:p w:rsidR="00CE304B" w:rsidRDefault="00CE304B" w:rsidP="00CE304B">
            <w:r>
              <w:t xml:space="preserve">                          &lt;button type="button" class="close" data-dismiss="modal"&gt;&amp;#x274C;&lt;/button&gt;</w:t>
            </w:r>
          </w:p>
          <w:p w:rsidR="00CE304B" w:rsidRDefault="00CE304B" w:rsidP="00CE304B">
            <w:r>
              <w:t xml:space="preserve">                        &lt;/div&gt;</w:t>
            </w:r>
          </w:p>
          <w:p w:rsidR="00CE304B" w:rsidRDefault="00CE304B" w:rsidP="00CE304B"/>
          <w:p w:rsidR="00CE304B" w:rsidRDefault="00CE304B" w:rsidP="00CE304B">
            <w:r>
              <w:t xml:space="preserve">                        &lt;!-- Modal body --&gt;</w:t>
            </w:r>
          </w:p>
          <w:p w:rsidR="00CE304B" w:rsidRDefault="00CE304B" w:rsidP="00CE304B">
            <w:r>
              <w:t xml:space="preserve">                        &lt;div class="modal-body"&gt;</w:t>
            </w:r>
          </w:p>
          <w:p w:rsidR="00CE304B" w:rsidRDefault="00CE304B" w:rsidP="00CE304B">
            <w:r>
              <w:t xml:space="preserve">                            &lt;h5&gt;Access &amp; Services&lt;/h5&gt;</w:t>
            </w:r>
          </w:p>
          <w:p w:rsidR="00CE304B" w:rsidRDefault="00CE304B" w:rsidP="00CE304B">
            <w:r>
              <w:t xml:space="preserve">                            &lt;p&gt;Your access to data, services, resources, and benefits is free. We offer you </w:t>
            </w:r>
            <w:r>
              <w:lastRenderedPageBreak/>
              <w:t>information filtered by your requests, needs, and circumstances as provided.&lt;/p&gt;</w:t>
            </w:r>
          </w:p>
          <w:p w:rsidR="00CE304B" w:rsidRDefault="00CE304B" w:rsidP="00CE304B">
            <w:r>
              <w:t xml:space="preserve">                            &lt;h5&gt;Consumer Benefit&lt;/h5&gt;</w:t>
            </w:r>
          </w:p>
          <w:p w:rsidR="00CE304B" w:rsidRDefault="00CE304B" w:rsidP="00CE304B">
            <w:r>
              <w:t xml:space="preserve">                            &lt;p&gt;With your free access to search, the senior market by your profile gets you first-hand knowledge, qualified professionals, and executives with authority to advise and act on your behalf.&lt;/p&gt;</w:t>
            </w:r>
          </w:p>
          <w:p w:rsidR="00CE304B" w:rsidRDefault="00CE304B" w:rsidP="00CE304B">
            <w:r>
              <w:t xml:space="preserve">                            &lt;p&gt;Keep Your Senior Team Lists, free initial consultations, Cash Vouchers, Gift Cards, and a private secured Dashboard to manage it all.&lt;/p&gt;</w:t>
            </w:r>
          </w:p>
          <w:p w:rsidR="00CE304B" w:rsidRDefault="00CE304B" w:rsidP="00CE304B">
            <w:r>
              <w:t xml:space="preserve">                            &lt;h5&gt;Terms &amp; Conditions&lt;/h5&gt;</w:t>
            </w:r>
          </w:p>
          <w:p w:rsidR="00CE304B" w:rsidRDefault="00CE304B" w:rsidP="00CE304B">
            <w:r>
              <w:t xml:space="preserve">                            &lt;p&gt;Users are required to respect the data and to act in good faith when searching for services and products. Also to provide status updates, and maintain your progress from emails sent and notifications in Dashboard.&lt;/p&gt;</w:t>
            </w:r>
          </w:p>
          <w:p w:rsidR="00CE304B" w:rsidRDefault="00CE304B" w:rsidP="00CE304B">
            <w:r>
              <w:t xml:space="preserve">                            &lt;h5&gt;Fees &amp; Payment&lt;/h5&gt;</w:t>
            </w:r>
          </w:p>
          <w:p w:rsidR="00CE304B" w:rsidRDefault="00CE304B" w:rsidP="00CE304B">
            <w:r>
              <w:t xml:space="preserve">                            &lt;p&gt;There is no fees for your use and access to tools and data to form Your Senior Team to support your needs as a senior. &lt;/p&gt;</w:t>
            </w:r>
          </w:p>
          <w:p w:rsidR="00CE304B" w:rsidRDefault="00CE304B" w:rsidP="00CE304B">
            <w:r>
              <w:t xml:space="preserve">                            &lt;h5&gt;Club &amp; System Rules&lt;/h5&gt;</w:t>
            </w:r>
          </w:p>
          <w:p w:rsidR="00CE304B" w:rsidRDefault="00CE304B" w:rsidP="00CE304B">
            <w:r>
              <w:t xml:space="preserve">                            &lt;p&gt;Trust and honesty can be expected from the Members of Your Senior Team and all activity is expected to abide by the rules and ethics of business and consumer rights.&lt;/p&gt;</w:t>
            </w:r>
          </w:p>
          <w:p w:rsidR="00CE304B" w:rsidRDefault="00CE304B" w:rsidP="00CE304B">
            <w:r>
              <w:t xml:space="preserve">                            &lt;p&gt;We believe that everyone should treat seniors as if they were your mother or father.&lt;/p&gt;</w:t>
            </w:r>
          </w:p>
          <w:p w:rsidR="00CE304B" w:rsidRDefault="00CE304B" w:rsidP="00CE304B">
            <w:r>
              <w:t xml:space="preserve">                            &lt;h5&gt;Privacy &amp; Security&lt;/h5&gt;</w:t>
            </w:r>
          </w:p>
          <w:p w:rsidR="00CE304B" w:rsidRDefault="00CE304B" w:rsidP="00CE304B">
            <w:r>
              <w:t xml:space="preserve">                            &lt;p&gt;Your information, activity, interactions, and communications are viewed only by you, the relevant party to any transaction you initiate, and to whom it is intended.&lt;/p&gt;</w:t>
            </w:r>
          </w:p>
          <w:p w:rsidR="00CE304B" w:rsidRDefault="00CE304B" w:rsidP="00CE304B">
            <w:r>
              <w:t xml:space="preserve">                        &lt;/div&gt;</w:t>
            </w:r>
          </w:p>
          <w:p w:rsidR="00CE304B" w:rsidRDefault="00CE304B" w:rsidP="00CE304B"/>
          <w:p w:rsidR="00CE304B" w:rsidRDefault="00CE304B" w:rsidP="00CE304B">
            <w:r>
              <w:t xml:space="preserve">                        &lt;!-- Modal footer --&gt;</w:t>
            </w:r>
          </w:p>
          <w:p w:rsidR="00CE304B" w:rsidRDefault="00CE304B" w:rsidP="00CE304B">
            <w:r>
              <w:t xml:space="preserve">                        &lt;div class="modal-footer"&gt;</w:t>
            </w:r>
          </w:p>
          <w:p w:rsidR="00CE304B" w:rsidRDefault="00CE304B" w:rsidP="00CE304B">
            <w:r>
              <w:t xml:space="preserve">                          &lt;button type="button" class="btn btn-danger" data-dismiss="modal"&gt;Close&lt;/button&gt;</w:t>
            </w:r>
          </w:p>
          <w:p w:rsidR="00CE304B" w:rsidRDefault="00CE304B" w:rsidP="00CE304B">
            <w:r>
              <w:t xml:space="preserve">                        &lt;/div&gt;</w:t>
            </w:r>
          </w:p>
          <w:p w:rsidR="00CE304B" w:rsidRDefault="00CE304B" w:rsidP="00CE304B"/>
          <w:p w:rsidR="00CE304B" w:rsidRDefault="00CE304B" w:rsidP="00CE304B">
            <w:r>
              <w:t xml:space="preserve">                      &lt;/div&gt;</w:t>
            </w:r>
          </w:p>
          <w:p w:rsidR="00CE304B" w:rsidRDefault="00CE304B" w:rsidP="00CE304B">
            <w:r>
              <w:t xml:space="preserve">                    &lt;/div&gt;</w:t>
            </w:r>
          </w:p>
          <w:p w:rsidR="00CE304B" w:rsidRDefault="00CE304B" w:rsidP="00CE304B">
            <w:r>
              <w:t xml:space="preserve">                  &lt;/div&gt;</w:t>
            </w:r>
          </w:p>
          <w:p w:rsidR="00CE304B" w:rsidRDefault="00CE304B" w:rsidP="00CE304B">
            <w:r>
              <w:t xml:space="preserve">                  &lt;div class="modal fade" id="myModal1" style="max-height: 500px !important; margin-top: 70px;"&gt;</w:t>
            </w:r>
          </w:p>
          <w:p w:rsidR="00CE304B" w:rsidRDefault="00CE304B" w:rsidP="00CE304B">
            <w:r>
              <w:t xml:space="preserve">                    &lt;div class="modal-dialog modal-dialog-scrollable modal-lg"&gt;</w:t>
            </w:r>
          </w:p>
          <w:p w:rsidR="00CE304B" w:rsidRDefault="00CE304B" w:rsidP="00CE304B">
            <w:r>
              <w:t xml:space="preserve">                      &lt;div class="modal-content"&gt;</w:t>
            </w:r>
          </w:p>
          <w:p w:rsidR="00CE304B" w:rsidRDefault="00CE304B" w:rsidP="00CE304B"/>
          <w:p w:rsidR="00CE304B" w:rsidRDefault="00CE304B" w:rsidP="00CE304B">
            <w:r>
              <w:t xml:space="preserve">                        &lt;!-- Modal Header --&gt;</w:t>
            </w:r>
          </w:p>
          <w:p w:rsidR="00CE304B" w:rsidRDefault="00CE304B" w:rsidP="00CE304B">
            <w:r>
              <w:t xml:space="preserve">                        &lt;div class="modal-header"&gt;</w:t>
            </w:r>
          </w:p>
          <w:p w:rsidR="00CE304B" w:rsidRDefault="00CE304B" w:rsidP="00CE304B">
            <w:r>
              <w:t xml:space="preserve">                        &lt;h4 class="modal-title"&gt;Privacy Policy&lt;/h4&gt;</w:t>
            </w:r>
          </w:p>
          <w:p w:rsidR="00CE304B" w:rsidRDefault="00CE304B" w:rsidP="00CE304B">
            <w:r>
              <w:t xml:space="preserve">                          &lt;button type="button" class="close" data-dismiss="modal"&gt;&amp;#x274C;&lt;/button&gt;</w:t>
            </w:r>
          </w:p>
          <w:p w:rsidR="00CE304B" w:rsidRDefault="00CE304B" w:rsidP="00CE304B">
            <w:r>
              <w:t xml:space="preserve">                        &lt;/div&gt;</w:t>
            </w:r>
          </w:p>
          <w:p w:rsidR="00CE304B" w:rsidRDefault="00CE304B" w:rsidP="00CE304B"/>
          <w:p w:rsidR="00CE304B" w:rsidRDefault="00CE304B" w:rsidP="00CE304B">
            <w:r>
              <w:t xml:space="preserve">                        &lt;!-- Modal body --&gt;</w:t>
            </w:r>
          </w:p>
          <w:p w:rsidR="00CE304B" w:rsidRDefault="00CE304B" w:rsidP="00CE304B">
            <w:r>
              <w:t xml:space="preserve">                        &lt;div class="modal-body"&gt;</w:t>
            </w:r>
          </w:p>
          <w:p w:rsidR="00CE304B" w:rsidRDefault="00CE304B" w:rsidP="00CE304B">
            <w:r>
              <w:t xml:space="preserve">                            &lt;h5&gt;Access &amp; Services&lt;/h5&gt;</w:t>
            </w:r>
          </w:p>
          <w:p w:rsidR="00CE304B" w:rsidRDefault="00CE304B" w:rsidP="00CE304B">
            <w:r>
              <w:t xml:space="preserve">                            &lt;p&gt;Your access to data, services, resources, and benefits is free. We offer you information filtered by your requests, needs, and circumstances as provided.&lt;/p&gt;</w:t>
            </w:r>
          </w:p>
          <w:p w:rsidR="00CE304B" w:rsidRDefault="00CE304B" w:rsidP="00CE304B">
            <w:r>
              <w:t xml:space="preserve">                            &lt;h5&gt;Consumer Benefit&lt;/h5&gt;</w:t>
            </w:r>
          </w:p>
          <w:p w:rsidR="00CE304B" w:rsidRDefault="00CE304B" w:rsidP="00CE304B">
            <w:r>
              <w:lastRenderedPageBreak/>
              <w:t xml:space="preserve">                            &lt;p&gt;With your free access to search, the senior market by your profile gets you first-hand knowledge, qualified professionals, and executives with authority to advise and act on your behalf.&lt;/p&gt;</w:t>
            </w:r>
          </w:p>
          <w:p w:rsidR="00CE304B" w:rsidRDefault="00CE304B" w:rsidP="00CE304B">
            <w:r>
              <w:t xml:space="preserve">                            &lt;p&gt;Keep Your Senior Team Lists, free initial consultations, Cash Vouchers, Gift Cards, and a private secured Dashboard to manage it all.&lt;/p&gt;</w:t>
            </w:r>
          </w:p>
          <w:p w:rsidR="00CE304B" w:rsidRDefault="00CE304B" w:rsidP="00CE304B">
            <w:r>
              <w:t xml:space="preserve">                            &lt;h5&gt;Terms &amp; Conditions&lt;/h5&gt;</w:t>
            </w:r>
          </w:p>
          <w:p w:rsidR="00CE304B" w:rsidRDefault="00CE304B" w:rsidP="00CE304B">
            <w:r>
              <w:t xml:space="preserve">                            &lt;p&gt;Users are required to respect the data and to act in good faith when searching for services and products. Also to provide status updates, and maintain your progress from emails sent and notifications in Dashboard.&lt;/p&gt;</w:t>
            </w:r>
          </w:p>
          <w:p w:rsidR="00CE304B" w:rsidRDefault="00CE304B" w:rsidP="00CE304B">
            <w:r>
              <w:t xml:space="preserve">                            &lt;h5&gt;Fees &amp; Payment&lt;/h5&gt;</w:t>
            </w:r>
          </w:p>
          <w:p w:rsidR="00CE304B" w:rsidRDefault="00CE304B" w:rsidP="00CE304B">
            <w:r>
              <w:t xml:space="preserve">                            &lt;p&gt;There is no fees for your use and access to tools and data to form Your Senior Team to support your needs as a senior. &lt;/p&gt;</w:t>
            </w:r>
          </w:p>
          <w:p w:rsidR="00CE304B" w:rsidRDefault="00CE304B" w:rsidP="00CE304B">
            <w:r>
              <w:t xml:space="preserve">                            &lt;h5&gt;Club &amp; System Rules&lt;/h5&gt;</w:t>
            </w:r>
          </w:p>
          <w:p w:rsidR="00CE304B" w:rsidRDefault="00CE304B" w:rsidP="00CE304B">
            <w:r>
              <w:t xml:space="preserve">                            &lt;p&gt;Trust and honesty can be expected from the Members of Your Senior Team and all activity is expected to abide by the rules and ethics of business and consumer rights.&lt;/p&gt;</w:t>
            </w:r>
          </w:p>
          <w:p w:rsidR="00CE304B" w:rsidRDefault="00CE304B" w:rsidP="00CE304B">
            <w:r>
              <w:t xml:space="preserve">                            &lt;p&gt;We believe that everyone should treat seniors as if they were your mother or father.&lt;/p&gt;</w:t>
            </w:r>
          </w:p>
          <w:p w:rsidR="00CE304B" w:rsidRDefault="00CE304B" w:rsidP="00CE304B">
            <w:r>
              <w:t xml:space="preserve">                            &lt;h5&gt;Privacy &amp; Security&lt;/h5&gt;</w:t>
            </w:r>
          </w:p>
          <w:p w:rsidR="00CE304B" w:rsidRDefault="00CE304B" w:rsidP="00CE304B">
            <w:r>
              <w:t xml:space="preserve">                            &lt;p&gt;Your information, activity, interactions, and communications are viewed only by you, the relevant party to any transaction you initiate, and to whom it is intended.&lt;/p&gt;</w:t>
            </w:r>
          </w:p>
          <w:p w:rsidR="00CE304B" w:rsidRDefault="00CE304B" w:rsidP="00CE304B">
            <w:r>
              <w:t xml:space="preserve">                        &lt;/div&gt;</w:t>
            </w:r>
          </w:p>
          <w:p w:rsidR="00CE304B" w:rsidRDefault="00CE304B" w:rsidP="00CE304B"/>
          <w:p w:rsidR="00CE304B" w:rsidRDefault="00CE304B" w:rsidP="00CE304B">
            <w:r>
              <w:t xml:space="preserve">                        &lt;!-- Modal footer --&gt;</w:t>
            </w:r>
          </w:p>
          <w:p w:rsidR="00CE304B" w:rsidRDefault="00CE304B" w:rsidP="00CE304B">
            <w:r>
              <w:t xml:space="preserve">                        &lt;div class="modal-footer"&gt;</w:t>
            </w:r>
          </w:p>
          <w:p w:rsidR="00CE304B" w:rsidRDefault="00CE304B" w:rsidP="00CE304B">
            <w:r>
              <w:t xml:space="preserve">                          &lt;button type="button" class="btn btn-danger" data-dismiss="modal"&gt;Close&lt;/button&gt;</w:t>
            </w:r>
          </w:p>
          <w:p w:rsidR="00CE304B" w:rsidRDefault="00CE304B" w:rsidP="00CE304B">
            <w:r>
              <w:t xml:space="preserve">                        &lt;/div&gt;</w:t>
            </w:r>
          </w:p>
          <w:p w:rsidR="00CE304B" w:rsidRDefault="00CE304B" w:rsidP="00CE304B"/>
          <w:p w:rsidR="00CE304B" w:rsidRDefault="00CE304B" w:rsidP="00CE304B">
            <w:r>
              <w:t xml:space="preserve">                      &lt;/div&gt;</w:t>
            </w:r>
          </w:p>
          <w:p w:rsidR="00CE304B" w:rsidRDefault="00CE304B" w:rsidP="00CE304B">
            <w:r>
              <w:t xml:space="preserve">                    &lt;/div&gt;</w:t>
            </w:r>
          </w:p>
          <w:p w:rsidR="00CE304B" w:rsidRDefault="00CE304B" w:rsidP="00CE304B">
            <w:r>
              <w:t xml:space="preserve">                  &lt;/div&gt;</w:t>
            </w:r>
          </w:p>
          <w:p w:rsidR="00CE304B" w:rsidRDefault="00CE304B" w:rsidP="00CE304B">
            <w:r>
              <w:t xml:space="preserve">                  &lt;div class="modal fade" id="myModal2" style="max-height: 500px !important; margin-top: 70px;"&gt;</w:t>
            </w:r>
          </w:p>
          <w:p w:rsidR="00CE304B" w:rsidRDefault="00CE304B" w:rsidP="00CE304B">
            <w:r>
              <w:t xml:space="preserve">                    &lt;div class="modal-dialog modal-dialog-scrollable modal-lg"&gt;</w:t>
            </w:r>
          </w:p>
          <w:p w:rsidR="00CE304B" w:rsidRDefault="00CE304B" w:rsidP="00CE304B">
            <w:r>
              <w:t xml:space="preserve">                      &lt;div class="modal-content"&gt;</w:t>
            </w:r>
          </w:p>
          <w:p w:rsidR="00CE304B" w:rsidRDefault="00CE304B" w:rsidP="00CE304B"/>
          <w:p w:rsidR="00CE304B" w:rsidRDefault="00CE304B" w:rsidP="00CE304B">
            <w:r>
              <w:t xml:space="preserve">                        &lt;!-- Modal Header --&gt;</w:t>
            </w:r>
          </w:p>
          <w:p w:rsidR="00CE304B" w:rsidRDefault="00CE304B" w:rsidP="00CE304B">
            <w:r>
              <w:t xml:space="preserve">                        &lt;div class="modal-header"&gt;</w:t>
            </w:r>
          </w:p>
          <w:p w:rsidR="00CE304B" w:rsidRDefault="00CE304B" w:rsidP="00CE304B">
            <w:r>
              <w:t xml:space="preserve">                        &lt;h4 class="modal-title"&gt;Cookie Policy&lt;/h4&gt;</w:t>
            </w:r>
          </w:p>
          <w:p w:rsidR="00CE304B" w:rsidRDefault="00CE304B" w:rsidP="00CE304B">
            <w:r>
              <w:t xml:space="preserve">                          &lt;button type="button" class="close" data-dismiss="modal"&gt;&amp;#x274C;&lt;/button&gt;</w:t>
            </w:r>
          </w:p>
          <w:p w:rsidR="00CE304B" w:rsidRDefault="00CE304B" w:rsidP="00CE304B">
            <w:r>
              <w:t xml:space="preserve">                        &lt;/div&gt;</w:t>
            </w:r>
          </w:p>
          <w:p w:rsidR="00CE304B" w:rsidRDefault="00CE304B" w:rsidP="00CE304B"/>
          <w:p w:rsidR="00CE304B" w:rsidRDefault="00CE304B" w:rsidP="00CE304B">
            <w:r>
              <w:t xml:space="preserve">                        &lt;!-- Modal body --&gt;</w:t>
            </w:r>
          </w:p>
          <w:p w:rsidR="00CE304B" w:rsidRDefault="00CE304B" w:rsidP="00CE304B">
            <w:r>
              <w:t xml:space="preserve">                        &lt;div class="modal-body"&gt;</w:t>
            </w:r>
          </w:p>
          <w:p w:rsidR="00CE304B" w:rsidRDefault="00CE304B" w:rsidP="00CE304B">
            <w:r>
              <w:t xml:space="preserve">                            &lt;h5&gt;Access &amp; Services&lt;/h5&gt;</w:t>
            </w:r>
          </w:p>
          <w:p w:rsidR="00CE304B" w:rsidRDefault="00CE304B" w:rsidP="00CE304B">
            <w:r>
              <w:t xml:space="preserve">                            &lt;p&gt;Your access to data, services, resources, and benefits is free. We offer you information filtered by your requests, needs, and circumstances as provided.&lt;/p&gt;</w:t>
            </w:r>
          </w:p>
          <w:p w:rsidR="00CE304B" w:rsidRDefault="00CE304B" w:rsidP="00CE304B">
            <w:r>
              <w:t xml:space="preserve">                            &lt;h5&gt;Consumer Benefit&lt;/h5&gt;</w:t>
            </w:r>
          </w:p>
          <w:p w:rsidR="00CE304B" w:rsidRDefault="00CE304B" w:rsidP="00CE304B">
            <w:r>
              <w:t xml:space="preserve">                            &lt;p&gt;With your free access to search, the senior market by your profile gets you first-hand knowledge, qualified professionals, and executives with authority to advise and act on your behalf.&lt;/p&gt;</w:t>
            </w:r>
          </w:p>
          <w:p w:rsidR="00CE304B" w:rsidRDefault="00CE304B" w:rsidP="00CE304B">
            <w:r>
              <w:lastRenderedPageBreak/>
              <w:t xml:space="preserve">                            &lt;p&gt;Keep Your Senior Team Lists, free initial consultations, Cash Vouchers, Gift Cards, and a private secured Dashboard to manage it all.&lt;/p&gt;</w:t>
            </w:r>
          </w:p>
          <w:p w:rsidR="00CE304B" w:rsidRDefault="00CE304B" w:rsidP="00CE304B">
            <w:r>
              <w:t xml:space="preserve">                            &lt;h5&gt;Terms &amp; Conditions&lt;/h5&gt;</w:t>
            </w:r>
          </w:p>
          <w:p w:rsidR="00CE304B" w:rsidRDefault="00CE304B" w:rsidP="00CE304B">
            <w:r>
              <w:t xml:space="preserve">                            &lt;p&gt;Users are required to respect the data and to act in good faith when searching for services and products. Also to provide status updates, and maintain your progress from emails sent and notifications in Dashboard.&lt;/p&gt;</w:t>
            </w:r>
          </w:p>
          <w:p w:rsidR="00CE304B" w:rsidRDefault="00CE304B" w:rsidP="00CE304B">
            <w:r>
              <w:t xml:space="preserve">                            &lt;h5&gt;Fees &amp; Payment&lt;/h5&gt;</w:t>
            </w:r>
          </w:p>
          <w:p w:rsidR="00CE304B" w:rsidRDefault="00CE304B" w:rsidP="00CE304B">
            <w:r>
              <w:t xml:space="preserve">                            &lt;p&gt;There is no fees for your use and access to tools and data to form Your Senior Team to support your needs as a senior. &lt;/p&gt;</w:t>
            </w:r>
          </w:p>
          <w:p w:rsidR="00CE304B" w:rsidRDefault="00CE304B" w:rsidP="00CE304B">
            <w:r>
              <w:t xml:space="preserve">                            &lt;h5&gt;Club &amp; System Rules&lt;/h5&gt;</w:t>
            </w:r>
          </w:p>
          <w:p w:rsidR="00CE304B" w:rsidRDefault="00CE304B" w:rsidP="00CE304B">
            <w:r>
              <w:t xml:space="preserve">                            &lt;p&gt;Trust and honesty can be expected from the Members of Your Senior Team and all activity is expected to abide by the rules and ethics of business and consumer rights.&lt;/p&gt;</w:t>
            </w:r>
          </w:p>
          <w:p w:rsidR="00CE304B" w:rsidRDefault="00CE304B" w:rsidP="00CE304B">
            <w:r>
              <w:t xml:space="preserve">                            &lt;p&gt;We believe that everyone should treat seniors as if they were your mother or father.&lt;/p&gt;</w:t>
            </w:r>
          </w:p>
          <w:p w:rsidR="00CE304B" w:rsidRDefault="00CE304B" w:rsidP="00CE304B">
            <w:r>
              <w:t xml:space="preserve">                            &lt;h5&gt;Privacy &amp; Security&lt;/h5&gt;</w:t>
            </w:r>
          </w:p>
          <w:p w:rsidR="00CE304B" w:rsidRDefault="00CE304B" w:rsidP="00CE304B">
            <w:r>
              <w:t xml:space="preserve">                            &lt;p&gt;Your information, activity, interactions, and communications are viewed only by you, the relevant party to any transaction you initiate, and to whom it is intended.&lt;/p&gt;</w:t>
            </w:r>
          </w:p>
          <w:p w:rsidR="00CE304B" w:rsidRDefault="00CE304B" w:rsidP="00CE304B">
            <w:r>
              <w:t xml:space="preserve">                        &lt;/div&gt;</w:t>
            </w:r>
          </w:p>
          <w:p w:rsidR="00CE304B" w:rsidRDefault="00CE304B" w:rsidP="00CE304B"/>
          <w:p w:rsidR="00CE304B" w:rsidRDefault="00CE304B" w:rsidP="00CE304B">
            <w:r>
              <w:t xml:space="preserve">                        &lt;!-- Modal footer --&gt;</w:t>
            </w:r>
          </w:p>
          <w:p w:rsidR="00CE304B" w:rsidRDefault="00CE304B" w:rsidP="00CE304B">
            <w:r>
              <w:t xml:space="preserve">                        &lt;div class="modal-footer"&gt;</w:t>
            </w:r>
          </w:p>
          <w:p w:rsidR="00CE304B" w:rsidRDefault="00CE304B" w:rsidP="00CE304B">
            <w:r>
              <w:t xml:space="preserve">                          &lt;button type="button" class="btn btn-danger" data-dismiss="modal"&gt;Close&lt;/button&gt;</w:t>
            </w:r>
          </w:p>
          <w:p w:rsidR="00CE304B" w:rsidRDefault="00CE304B" w:rsidP="00CE304B">
            <w:r>
              <w:t xml:space="preserve">                        &lt;/div&gt;</w:t>
            </w:r>
          </w:p>
          <w:p w:rsidR="00CE304B" w:rsidRDefault="00CE304B" w:rsidP="00CE304B"/>
          <w:p w:rsidR="00CE304B" w:rsidRDefault="00CE304B" w:rsidP="00CE304B">
            <w:r>
              <w:t xml:space="preserve">                      &lt;/div&gt;</w:t>
            </w:r>
          </w:p>
          <w:p w:rsidR="00CE304B" w:rsidRDefault="00CE304B" w:rsidP="00CE304B">
            <w:r>
              <w:t xml:space="preserve">                    &lt;/div&gt;</w:t>
            </w:r>
          </w:p>
          <w:p w:rsidR="00CE304B" w:rsidRDefault="00CE304B" w:rsidP="00CE304B">
            <w:r>
              <w:t xml:space="preserve">                &lt;/div&gt;</w:t>
            </w:r>
          </w:p>
          <w:p w:rsidR="00CE304B" w:rsidRDefault="00CE304B" w:rsidP="00CE304B">
            <w:r>
              <w:t xml:space="preserve">            &lt;/div&gt;</w:t>
            </w:r>
          </w:p>
          <w:p w:rsidR="00CE304B" w:rsidRDefault="00CE304B" w:rsidP="00CE304B">
            <w:r>
              <w:t xml:space="preserve">                &lt;!--end of modal pop-up for SeniorPlaceFinder site governance section --&gt;</w:t>
            </w:r>
          </w:p>
          <w:p w:rsidR="00CE304B" w:rsidRDefault="00CE304B" w:rsidP="00CE304B"/>
          <w:p w:rsidR="00CE304B" w:rsidRDefault="00CE304B" w:rsidP="00CE304B"/>
          <w:p w:rsidR="00CE304B" w:rsidRDefault="00CE304B" w:rsidP="00CE304B"/>
          <w:p w:rsidR="00CE304B" w:rsidRDefault="00CE304B" w:rsidP="00CE304B"/>
          <w:p w:rsidR="00CE304B" w:rsidRDefault="00CE304B" w:rsidP="00CE304B">
            <w:r>
              <w:t>&lt;!--------------------footer starts------------------&gt;</w:t>
            </w:r>
          </w:p>
          <w:p w:rsidR="00CE304B" w:rsidRDefault="00CE304B" w:rsidP="00CE304B">
            <w:r>
              <w:t>&lt;footer&gt;</w:t>
            </w:r>
          </w:p>
          <w:p w:rsidR="00CE304B" w:rsidRDefault="00CE304B" w:rsidP="00CE304B">
            <w:r>
              <w:t xml:space="preserve">    &lt;div class="container margin_60_35 bg-gray"&gt;</w:t>
            </w:r>
          </w:p>
          <w:p w:rsidR="00CE304B" w:rsidRDefault="00CE304B" w:rsidP="00CE304B">
            <w:r>
              <w:t xml:space="preserve">        &lt;div class="row"&gt;</w:t>
            </w:r>
          </w:p>
          <w:p w:rsidR="00CE304B" w:rsidRDefault="00CE304B" w:rsidP="00CE304B">
            <w:r>
              <w:t xml:space="preserve">            &lt;div class="col-lg-4 col-md-6 col-sm-6"&gt;</w:t>
            </w:r>
          </w:p>
          <w:p w:rsidR="00CE304B" w:rsidRDefault="00CE304B" w:rsidP="00CE304B">
            <w:r>
              <w:t xml:space="preserve">                &lt;div&gt;</w:t>
            </w:r>
          </w:p>
          <w:p w:rsidR="00CE304B" w:rsidRDefault="00CE304B" w:rsidP="00CE304B">
            <w:r>
              <w:t xml:space="preserve">                &lt;!--about us--&gt;</w:t>
            </w:r>
          </w:p>
          <w:p w:rsidR="00CE304B" w:rsidRDefault="00CE304B" w:rsidP="00CE304B">
            <w:r>
              <w:t xml:space="preserve">                 &lt;h5 class="mt-2"&gt;About Us&lt;/h5&gt;</w:t>
            </w:r>
          </w:p>
          <w:p w:rsidR="00CE304B" w:rsidRDefault="00CE304B" w:rsidP="00CE304B">
            <w:r>
              <w:t xml:space="preserve">                    &lt;img src="spf/img/logo.png" width="200"/&gt;</w:t>
            </w:r>
          </w:p>
          <w:p w:rsidR="00CE304B" w:rsidRDefault="00CE304B" w:rsidP="00CE304B">
            <w:r>
              <w:t xml:space="preserve">                    &lt;p class="mt-1 mb-0 text-left"&gt;</w:t>
            </w:r>
          </w:p>
          <w:p w:rsidR="00CE304B" w:rsidRDefault="00CE304B" w:rsidP="00CE304B">
            <w:r>
              <w:t xml:space="preserve">                        Senior Living Gateway  is part of &lt;b&gt;Your Senior Team&lt;/b&gt;,</w:t>
            </w:r>
          </w:p>
          <w:p w:rsidR="00CE304B" w:rsidRDefault="00CE304B" w:rsidP="00CE304B">
            <w:r>
              <w:t xml:space="preserve">and is committed to offering seniors, families </w:t>
            </w:r>
          </w:p>
          <w:p w:rsidR="00CE304B" w:rsidRDefault="00CE304B" w:rsidP="00CE304B">
            <w:r>
              <w:t xml:space="preserve">and businesses, the power to learn, qualify, and </w:t>
            </w:r>
          </w:p>
          <w:p w:rsidR="00CE304B" w:rsidRDefault="00CE304B" w:rsidP="00CE304B">
            <w:r>
              <w:t xml:space="preserve">connect with professionals for the purpose of </w:t>
            </w:r>
          </w:p>
          <w:p w:rsidR="00CE304B" w:rsidRDefault="00CE304B" w:rsidP="00CE304B">
            <w:r>
              <w:t xml:space="preserve">freely securing one's lifestyle, healthcare, and </w:t>
            </w:r>
          </w:p>
          <w:p w:rsidR="00CE304B" w:rsidRDefault="00CE304B" w:rsidP="00CE304B">
            <w:r>
              <w:lastRenderedPageBreak/>
              <w:t>wealth in retirement and while aging. &lt;/br&gt;</w:t>
            </w:r>
          </w:p>
          <w:p w:rsidR="00CE304B" w:rsidRDefault="00CE304B" w:rsidP="00CE304B">
            <w:r>
              <w:t xml:space="preserve">          &lt;i&gt;&lt;b&gt;&amp;emsp;&amp;emsp;Empowering seniors to live life better.&lt;/b&gt;&lt;/i&gt;</w:t>
            </w:r>
          </w:p>
          <w:p w:rsidR="00CE304B" w:rsidRDefault="00CE304B" w:rsidP="00CE304B">
            <w:r>
              <w:t xml:space="preserve">                    &lt;/p&gt;</w:t>
            </w:r>
          </w:p>
          <w:p w:rsidR="00CE304B" w:rsidRDefault="00CE304B" w:rsidP="00CE304B">
            <w:r>
              <w:t xml:space="preserve">                &lt;/div&gt;</w:t>
            </w:r>
          </w:p>
          <w:p w:rsidR="00CE304B" w:rsidRDefault="00CE304B" w:rsidP="00CE304B">
            <w:r>
              <w:t xml:space="preserve">               </w:t>
            </w:r>
          </w:p>
          <w:p w:rsidR="00CE304B" w:rsidRDefault="00CE304B" w:rsidP="00CE304B">
            <w:r>
              <w:t xml:space="preserve">            &lt;/div&gt;</w:t>
            </w:r>
          </w:p>
          <w:p w:rsidR="00CE304B" w:rsidRDefault="00CE304B" w:rsidP="00CE304B">
            <w:r>
              <w:t xml:space="preserve">            &lt;!--contact us--&gt;</w:t>
            </w:r>
          </w:p>
          <w:p w:rsidR="00CE304B" w:rsidRDefault="00CE304B" w:rsidP="00CE304B">
            <w:r>
              <w:t xml:space="preserve">            &lt;div class="col-lg-4 col-md-6 col-sm-6"&gt;</w:t>
            </w:r>
          </w:p>
          <w:p w:rsidR="00CE304B" w:rsidRDefault="00CE304B" w:rsidP="00CE304B">
            <w:r>
              <w:t xml:space="preserve">                &lt;a aria-controls="divQuickContacts" aria-expanded="false" class="collapse_bt_mobile"</w:t>
            </w:r>
          </w:p>
          <w:p w:rsidR="00CE304B" w:rsidRDefault="00CE304B" w:rsidP="00CE304B">
            <w:r>
              <w:t xml:space="preserve">                   data-target="#divQuickContacts" data-toggle="collapse"&gt;</w:t>
            </w:r>
          </w:p>
          <w:p w:rsidR="00CE304B" w:rsidRDefault="00CE304B" w:rsidP="00CE304B">
            <w:r>
              <w:t xml:space="preserve">                    &lt;h3&gt;Contact us&lt;/h3&gt;</w:t>
            </w:r>
          </w:p>
          <w:p w:rsidR="00CE304B" w:rsidRDefault="00CE304B" w:rsidP="00CE304B">
            <w:r>
              <w:t xml:space="preserve">                    &lt;div class="circle-plus closed"&gt;</w:t>
            </w:r>
          </w:p>
          <w:p w:rsidR="00CE304B" w:rsidRDefault="00CE304B" w:rsidP="00CE304B">
            <w:r>
              <w:t xml:space="preserve">                        &lt;div class="horizontal"&gt;&lt;/div&gt;</w:t>
            </w:r>
          </w:p>
          <w:p w:rsidR="00CE304B" w:rsidRDefault="00CE304B" w:rsidP="00CE304B">
            <w:r>
              <w:t xml:space="preserve">                        &lt;div class="vertical"&gt;&lt;/div&gt;</w:t>
            </w:r>
          </w:p>
          <w:p w:rsidR="00CE304B" w:rsidRDefault="00CE304B" w:rsidP="00CE304B">
            <w:r>
              <w:t xml:space="preserve">                    &lt;/div&gt;</w:t>
            </w:r>
          </w:p>
          <w:p w:rsidR="00CE304B" w:rsidRDefault="00CE304B" w:rsidP="00CE304B">
            <w:r>
              <w:t xml:space="preserve">                &lt;/a&gt;</w:t>
            </w:r>
          </w:p>
          <w:p w:rsidR="00CE304B" w:rsidRDefault="00CE304B" w:rsidP="00CE304B">
            <w:r>
              <w:t xml:space="preserve">                &lt;div class="collapse show" id="divQuickContacts"&gt;</w:t>
            </w:r>
          </w:p>
          <w:p w:rsidR="00CE304B" w:rsidRDefault="00CE304B" w:rsidP="00CE304B">
            <w:r>
              <w:t xml:space="preserve">                    &lt;p class="mb-2 text-justify"&gt;</w:t>
            </w:r>
          </w:p>
          <w:p w:rsidR="00CE304B" w:rsidRDefault="00CE304B" w:rsidP="00CE304B">
            <w:r>
              <w:t xml:space="preserve">                        We are always looking to improve and offer a better service. If you have any ideas or questions</w:t>
            </w:r>
          </w:p>
          <w:p w:rsidR="00CE304B" w:rsidRDefault="00CE304B" w:rsidP="00CE304B">
            <w:r>
              <w:t xml:space="preserve">                        call.</w:t>
            </w:r>
          </w:p>
          <w:p w:rsidR="00CE304B" w:rsidRDefault="00CE304B" w:rsidP="00CE304B">
            <w:r>
              <w:t xml:space="preserve">                    &lt;/p&gt;</w:t>
            </w:r>
          </w:p>
          <w:p w:rsidR="00CE304B" w:rsidRDefault="00CE304B" w:rsidP="00CE304B">
            <w:r>
              <w:t xml:space="preserve">                    &lt;ul class="contacts mt-3"&gt;</w:t>
            </w:r>
          </w:p>
          <w:p w:rsidR="00CE304B" w:rsidRDefault="00CE304B" w:rsidP="00CE304B">
            <w:r>
              <w:t xml:space="preserve">                        &lt;li&gt;</w:t>
            </w:r>
          </w:p>
          <w:p w:rsidR="00CE304B" w:rsidRDefault="00CE304B" w:rsidP="00CE304B">
            <w:r>
              <w:t xml:space="preserve">                            &lt;img alt="phone" src="svg/phone.png" width="20" height="20"&gt;</w:t>
            </w:r>
          </w:p>
          <w:p w:rsidR="00CE304B" w:rsidRDefault="00CE304B" w:rsidP="00CE304B">
            <w:r>
              <w:t xml:space="preserve">                            (+1) 833-487-7786</w:t>
            </w:r>
          </w:p>
          <w:p w:rsidR="00CE304B" w:rsidRDefault="00CE304B" w:rsidP="00CE304B">
            <w:r>
              <w:t xml:space="preserve">                        &lt;/li&gt;</w:t>
            </w:r>
          </w:p>
          <w:p w:rsidR="00CE304B" w:rsidRDefault="00CE304B" w:rsidP="00CE304B">
            <w:r>
              <w:t xml:space="preserve">                        &lt;li&gt;</w:t>
            </w:r>
          </w:p>
          <w:p w:rsidR="00CE304B" w:rsidRDefault="00CE304B" w:rsidP="00CE304B">
            <w:r>
              <w:t xml:space="preserve">                                &lt;img alt="mail" src="svg/mail.png" width="20" height="20"&gt;</w:t>
            </w:r>
          </w:p>
          <w:p w:rsidR="00CE304B" w:rsidRDefault="00CE304B" w:rsidP="00CE304B">
            <w:r>
              <w:t xml:space="preserve">                            &lt;a href="mailto:info@yourseniorteam.com"&gt;info@yourseniorteam.com&lt;/a&gt;</w:t>
            </w:r>
          </w:p>
          <w:p w:rsidR="00CE304B" w:rsidRDefault="00CE304B" w:rsidP="00CE304B">
            <w:r>
              <w:t xml:space="preserve">                        &lt;/li&gt;</w:t>
            </w:r>
          </w:p>
          <w:p w:rsidR="00CE304B" w:rsidRDefault="00CE304B" w:rsidP="00CE304B">
            <w:r>
              <w:t xml:space="preserve">                    &lt;/ul&gt;</w:t>
            </w:r>
          </w:p>
          <w:p w:rsidR="00CE304B" w:rsidRDefault="00CE304B" w:rsidP="00CE304B">
            <w:r>
              <w:t xml:space="preserve">                &lt;/div&gt;</w:t>
            </w:r>
          </w:p>
          <w:p w:rsidR="00CE304B" w:rsidRDefault="00CE304B" w:rsidP="00CE304B">
            <w:r>
              <w:t xml:space="preserve">            &lt;/div&gt;</w:t>
            </w:r>
          </w:p>
          <w:p w:rsidR="00CE304B" w:rsidRDefault="00CE304B" w:rsidP="00CE304B">
            <w:r>
              <w:t xml:space="preserve">            &lt;div class="col-lg-4 col-md-6 col-sm-6"&gt;</w:t>
            </w:r>
          </w:p>
          <w:p w:rsidR="00CE304B" w:rsidRDefault="00CE304B" w:rsidP="00CE304B">
            <w:r>
              <w:t xml:space="preserve">                &lt;a aria-controls="divQuickSubscribe" aria-expanded="false" class="collapse_bt_mobile"</w:t>
            </w:r>
          </w:p>
          <w:p w:rsidR="00CE304B" w:rsidRDefault="00CE304B" w:rsidP="00CE304B">
            <w:r>
              <w:t xml:space="preserve">                   data-target="#divQuickSubscribe" data-toggle="collapse"&gt;</w:t>
            </w:r>
          </w:p>
          <w:p w:rsidR="00CE304B" w:rsidRDefault="00CE304B" w:rsidP="00CE304B">
            <w:r>
              <w:t xml:space="preserve">                    &lt;div class="circle-plus closed"&gt;</w:t>
            </w:r>
          </w:p>
          <w:p w:rsidR="00CE304B" w:rsidRDefault="00CE304B" w:rsidP="00CE304B">
            <w:r>
              <w:t xml:space="preserve">                        &lt;div class="horizontal"&gt;&lt;/div&gt;</w:t>
            </w:r>
          </w:p>
          <w:p w:rsidR="00CE304B" w:rsidRDefault="00CE304B" w:rsidP="00CE304B">
            <w:r>
              <w:t xml:space="preserve">                        &lt;div class="vertical"&gt;&lt;/div&gt;</w:t>
            </w:r>
          </w:p>
          <w:p w:rsidR="00CE304B" w:rsidRDefault="00CE304B" w:rsidP="00CE304B">
            <w:r>
              <w:t xml:space="preserve">                    &lt;/div&gt;</w:t>
            </w:r>
          </w:p>
          <w:p w:rsidR="00CE304B" w:rsidRDefault="00CE304B" w:rsidP="00CE304B">
            <w:r>
              <w:t xml:space="preserve">                   </w:t>
            </w:r>
          </w:p>
          <w:p w:rsidR="00CE304B" w:rsidRDefault="00CE304B" w:rsidP="00CE304B">
            <w:r>
              <w:t xml:space="preserve">                &lt;/a&gt;</w:t>
            </w:r>
          </w:p>
          <w:p w:rsidR="00CE304B" w:rsidRDefault="00CE304B" w:rsidP="00CE304B">
            <w:r>
              <w:t xml:space="preserve">                &lt;!--social medias--&gt;</w:t>
            </w:r>
          </w:p>
          <w:p w:rsidR="00CE304B" w:rsidRDefault="00CE304B" w:rsidP="00CE304B">
            <w:r>
              <w:t xml:space="preserve">                &lt;div class="follow_us"&gt;</w:t>
            </w:r>
          </w:p>
          <w:p w:rsidR="00CE304B" w:rsidRDefault="00CE304B" w:rsidP="00CE304B">
            <w:r>
              <w:t xml:space="preserve">                    &lt;h5 class="mt-2"&gt;Follow Us&lt;/h5&gt;</w:t>
            </w:r>
          </w:p>
          <w:p w:rsidR="00CE304B" w:rsidRDefault="00CE304B" w:rsidP="00CE304B">
            <w:r>
              <w:t xml:space="preserve">                    &lt;ul&gt;</w:t>
            </w:r>
          </w:p>
          <w:p w:rsidR="00CE304B" w:rsidRDefault="00CE304B" w:rsidP="00CE304B">
            <w:r>
              <w:t xml:space="preserve">                        &lt;li class="facebook"&gt;</w:t>
            </w:r>
          </w:p>
          <w:p w:rsidR="00CE304B" w:rsidRDefault="00CE304B" w:rsidP="00CE304B">
            <w:r>
              <w:lastRenderedPageBreak/>
              <w:t xml:space="preserve">                            &lt;a href="https://www.facebook.com/Senior-Place-Finder-1602955246662850/" target="_blank"&gt;</w:t>
            </w:r>
          </w:p>
          <w:p w:rsidR="00CE304B" w:rsidRDefault="00CE304B" w:rsidP="00CE304B">
            <w:r>
              <w:t xml:space="preserve">                                &lt;img alt="facebook" src="svg/facebook.png" width="20" height="20"&gt;</w:t>
            </w:r>
          </w:p>
          <w:p w:rsidR="00CE304B" w:rsidRDefault="00CE304B" w:rsidP="00CE304B">
            <w:r>
              <w:t xml:space="preserve">                            &lt;/a&gt;</w:t>
            </w:r>
          </w:p>
          <w:p w:rsidR="00CE304B" w:rsidRDefault="00CE304B" w:rsidP="00CE304B">
            <w:r>
              <w:t xml:space="preserve">                        &lt;/li&gt;</w:t>
            </w:r>
          </w:p>
          <w:p w:rsidR="00CE304B" w:rsidRDefault="00CE304B" w:rsidP="00CE304B">
            <w:r>
              <w:t xml:space="preserve">                        &lt;li class="twitter"&gt;</w:t>
            </w:r>
          </w:p>
          <w:p w:rsidR="00CE304B" w:rsidRDefault="00CE304B" w:rsidP="00CE304B">
            <w:r>
              <w:t xml:space="preserve">                            &lt;a href="https://twitter.com/TheSeniorTeam2" target="_blank"&gt;</w:t>
            </w:r>
          </w:p>
          <w:p w:rsidR="00CE304B" w:rsidRDefault="00CE304B" w:rsidP="00CE304B">
            <w:r>
              <w:t xml:space="preserve">                                &lt;img alt="twitter" src="svg/twitter.png" width="20" height="20"&gt;</w:t>
            </w:r>
          </w:p>
          <w:p w:rsidR="00CE304B" w:rsidRDefault="00CE304B" w:rsidP="00CE304B">
            <w:r>
              <w:t xml:space="preserve">                            &lt;/a&gt;</w:t>
            </w:r>
          </w:p>
          <w:p w:rsidR="00CE304B" w:rsidRDefault="00CE304B" w:rsidP="00CE304B">
            <w:r>
              <w:t xml:space="preserve">                        &lt;/li&gt;</w:t>
            </w:r>
          </w:p>
          <w:p w:rsidR="00CE304B" w:rsidRDefault="00CE304B" w:rsidP="00CE304B">
            <w:r>
              <w:t xml:space="preserve">                        &lt;li class="youtube"&gt;</w:t>
            </w:r>
          </w:p>
          <w:p w:rsidR="00CE304B" w:rsidRDefault="00CE304B" w:rsidP="00CE304B">
            <w:r>
              <w:t xml:space="preserve">                            &lt;a href="https://www.youtube.com/watch?v=nyNd17hZlqA" target="_blank"&gt;</w:t>
            </w:r>
          </w:p>
          <w:p w:rsidR="00CE304B" w:rsidRDefault="00CE304B" w:rsidP="00CE304B">
            <w:r>
              <w:t xml:space="preserve">                                &lt;img alt="youtube" src="svg/youtube.png" width="20" height="20"&gt;</w:t>
            </w:r>
          </w:p>
          <w:p w:rsidR="00CE304B" w:rsidRDefault="00CE304B" w:rsidP="00CE304B">
            <w:r>
              <w:t xml:space="preserve">                            &lt;/a&gt;</w:t>
            </w:r>
          </w:p>
          <w:p w:rsidR="00CE304B" w:rsidRDefault="00CE304B" w:rsidP="00CE304B">
            <w:r>
              <w:t xml:space="preserve">                        &lt;/li&gt;</w:t>
            </w:r>
          </w:p>
          <w:p w:rsidR="00CE304B" w:rsidRDefault="00CE304B" w:rsidP="00CE304B">
            <w:r>
              <w:t xml:space="preserve">                        &lt;li class="pinterest"&gt;</w:t>
            </w:r>
          </w:p>
          <w:p w:rsidR="00CE304B" w:rsidRDefault="00CE304B" w:rsidP="00CE304B">
            <w:r>
              <w:t xml:space="preserve">                            &lt;a href="https://www.pinterest.co.uk/pin/707557791432144028/" target="_blank"&gt;</w:t>
            </w:r>
          </w:p>
          <w:p w:rsidR="00CE304B" w:rsidRDefault="00CE304B" w:rsidP="00CE304B">
            <w:r>
              <w:t xml:space="preserve">                                &lt;img alt="pinterest" src="svg/pinterest.png" width="20" height="20"&gt;</w:t>
            </w:r>
          </w:p>
          <w:p w:rsidR="00CE304B" w:rsidRDefault="00CE304B" w:rsidP="00CE304B">
            <w:r>
              <w:t xml:space="preserve">                            &lt;/a&gt;</w:t>
            </w:r>
          </w:p>
          <w:p w:rsidR="00CE304B" w:rsidRDefault="00CE304B" w:rsidP="00CE304B">
            <w:r>
              <w:t xml:space="preserve">                        &lt;/li&gt;</w:t>
            </w:r>
          </w:p>
          <w:p w:rsidR="00CE304B" w:rsidRDefault="00CE304B" w:rsidP="00CE304B">
            <w:r>
              <w:t xml:space="preserve">                        &lt;li class="instagram"&gt;</w:t>
            </w:r>
          </w:p>
          <w:p w:rsidR="00CE304B" w:rsidRDefault="00CE304B" w:rsidP="00CE304B">
            <w:r>
              <w:t xml:space="preserve">                             &lt;a href="https://www.instagram.com/yourseniorteam1/" target="_blank"&gt;</w:t>
            </w:r>
          </w:p>
          <w:p w:rsidR="00CE304B" w:rsidRDefault="00CE304B" w:rsidP="00CE304B">
            <w:r>
              <w:t xml:space="preserve">                              &lt;img alt="instagram" src="svg/instagram.png" width="20" height="20"&gt;</w:t>
            </w:r>
          </w:p>
          <w:p w:rsidR="00CE304B" w:rsidRDefault="00CE304B" w:rsidP="00CE304B">
            <w:r>
              <w:t xml:space="preserve">                            &lt;/a&gt;</w:t>
            </w:r>
          </w:p>
          <w:p w:rsidR="00CE304B" w:rsidRDefault="00CE304B" w:rsidP="00CE304B">
            <w:r>
              <w:t xml:space="preserve">                        &lt;/li&gt;</w:t>
            </w:r>
          </w:p>
          <w:p w:rsidR="00CE304B" w:rsidRDefault="00CE304B" w:rsidP="00CE304B">
            <w:r>
              <w:t xml:space="preserve">                        &lt;li class="linkedin"&gt;</w:t>
            </w:r>
          </w:p>
          <w:p w:rsidR="00CE304B" w:rsidRDefault="00CE304B" w:rsidP="00CE304B">
            <w:r>
              <w:t xml:space="preserve">                        &lt;a href="https://www.linkedin.com/in/steve-fecske-7721291a" target="_blank"&gt;</w:t>
            </w:r>
          </w:p>
          <w:p w:rsidR="00CE304B" w:rsidRDefault="00CE304B" w:rsidP="00CE304B">
            <w:r>
              <w:t xml:space="preserve">                            &lt;img alt="linkedin" src="svg/linkedin.png" width="20" height="20"&gt;</w:t>
            </w:r>
          </w:p>
          <w:p w:rsidR="00CE304B" w:rsidRDefault="00CE304B" w:rsidP="00CE304B">
            <w:r>
              <w:t xml:space="preserve">                        &lt;/a&gt;</w:t>
            </w:r>
          </w:p>
          <w:p w:rsidR="00CE304B" w:rsidRDefault="00CE304B" w:rsidP="00CE304B">
            <w:r>
              <w:t xml:space="preserve">                        &lt;/li&gt;</w:t>
            </w:r>
          </w:p>
          <w:p w:rsidR="00CE304B" w:rsidRDefault="00CE304B" w:rsidP="00CE304B">
            <w:r>
              <w:t xml:space="preserve">                    &lt;/ul&gt;</w:t>
            </w:r>
          </w:p>
          <w:p w:rsidR="00CE304B" w:rsidRDefault="00CE304B" w:rsidP="00CE304B">
            <w:r>
              <w:t xml:space="preserve">                    &lt;a href="https://yourseniorteam.com/" target="_blank"&gt;</w:t>
            </w:r>
          </w:p>
          <w:p w:rsidR="00CE304B" w:rsidRDefault="00CE304B" w:rsidP="00CE304B">
            <w:r>
              <w:t xml:space="preserve">                    &lt;br&gt;</w:t>
            </w:r>
          </w:p>
          <w:p w:rsidR="00CE304B" w:rsidRDefault="00CE304B" w:rsidP="00CE304B">
            <w:r>
              <w:t xml:space="preserve">                    &lt;img src="img/icon/YSTlogoFix2.png" width="150" /&gt;</w:t>
            </w:r>
          </w:p>
          <w:p w:rsidR="00CE304B" w:rsidRDefault="00CE304B" w:rsidP="00CE304B">
            <w:r>
              <w:t xml:space="preserve">                    &lt;/a&gt;</w:t>
            </w:r>
          </w:p>
          <w:p w:rsidR="00CE304B" w:rsidRDefault="00CE304B" w:rsidP="00CE304B">
            <w:r>
              <w:t xml:space="preserve">                &lt;/div&gt;</w:t>
            </w:r>
          </w:p>
          <w:p w:rsidR="00CE304B" w:rsidRDefault="00CE304B" w:rsidP="00CE304B">
            <w:r>
              <w:t xml:space="preserve">            &lt;/div&gt;</w:t>
            </w:r>
          </w:p>
          <w:p w:rsidR="00CE304B" w:rsidRDefault="00CE304B" w:rsidP="00CE304B">
            <w:r>
              <w:t xml:space="preserve">        &lt;/div&gt;</w:t>
            </w:r>
          </w:p>
          <w:p w:rsidR="00CE304B" w:rsidRDefault="00CE304B" w:rsidP="00CE304B">
            <w:r>
              <w:t xml:space="preserve">        &lt;br&gt;</w:t>
            </w:r>
          </w:p>
          <w:p w:rsidR="00CE304B" w:rsidRDefault="00CE304B" w:rsidP="00CE304B">
            <w:r>
              <w:t xml:space="preserve">        &lt;br&gt;</w:t>
            </w:r>
          </w:p>
          <w:p w:rsidR="00CE304B" w:rsidRDefault="00CE304B" w:rsidP="00CE304B">
            <w:r>
              <w:t xml:space="preserve">        &lt;span&gt;</w:t>
            </w:r>
          </w:p>
          <w:p w:rsidR="00CE304B" w:rsidRDefault="00CE304B" w:rsidP="00CE304B">
            <w:r>
              <w:t xml:space="preserve">                            Copyright &amp;copy; 2022</w:t>
            </w:r>
          </w:p>
          <w:p w:rsidR="00CE304B" w:rsidRDefault="00CE304B" w:rsidP="00CE304B">
            <w:r>
              <w:t xml:space="preserve">                           &lt;a &gt;</w:t>
            </w:r>
          </w:p>
          <w:p w:rsidR="00CE304B" w:rsidRDefault="00CE304B" w:rsidP="00CE304B">
            <w:r>
              <w:t xml:space="preserve">                                The Senior Team Inc.</w:t>
            </w:r>
          </w:p>
          <w:p w:rsidR="00CE304B" w:rsidRDefault="00CE304B" w:rsidP="00CE304B">
            <w:r>
              <w:t xml:space="preserve">                                </w:t>
            </w:r>
          </w:p>
          <w:p w:rsidR="00CE304B" w:rsidRDefault="00CE304B" w:rsidP="00CE304B">
            <w:r>
              <w:t xml:space="preserve">                            &lt;/a&gt;, All rights reserved.</w:t>
            </w:r>
          </w:p>
          <w:p w:rsidR="00CE304B" w:rsidRDefault="00CE304B" w:rsidP="00CE304B">
            <w:r>
              <w:t xml:space="preserve">                        &lt;/span&gt;</w:t>
            </w:r>
          </w:p>
          <w:p w:rsidR="00CE304B" w:rsidRDefault="00CE304B" w:rsidP="00CE304B">
            <w:r>
              <w:t xml:space="preserve">        &lt;hr&gt;</w:t>
            </w:r>
          </w:p>
          <w:p w:rsidR="00CE304B" w:rsidRDefault="00CE304B" w:rsidP="00CE304B">
            <w:r>
              <w:lastRenderedPageBreak/>
              <w:t xml:space="preserve">        &lt;div class="row"&gt;</w:t>
            </w:r>
          </w:p>
          <w:p w:rsidR="00CE304B" w:rsidRDefault="00CE304B" w:rsidP="00CE304B">
            <w:r>
              <w:t xml:space="preserve">         </w:t>
            </w:r>
          </w:p>
          <w:p w:rsidR="00CE304B" w:rsidRDefault="00CE304B" w:rsidP="00CE304B">
            <w:r>
              <w:t xml:space="preserve">            &lt;div class="col-lg-12"&gt;</w:t>
            </w:r>
          </w:p>
          <w:p w:rsidR="00CE304B" w:rsidRDefault="00CE304B" w:rsidP="00CE304B">
            <w:r>
              <w:t xml:space="preserve">                &lt;ul class="text-center copyright"&gt;</w:t>
            </w:r>
          </w:p>
          <w:p w:rsidR="00CE304B" w:rsidRDefault="00CE304B" w:rsidP="00CE304B">
            <w:r>
              <w:t xml:space="preserve">                    &lt;li class="float-left"&gt;</w:t>
            </w:r>
          </w:p>
          <w:p w:rsidR="00CE304B" w:rsidRDefault="00CE304B" w:rsidP="00CE304B">
            <w:r>
              <w:t xml:space="preserve">                        &lt;p&gt;</w:t>
            </w:r>
          </w:p>
          <w:p w:rsidR="00CE304B" w:rsidRDefault="00CE304B" w:rsidP="00CE304B">
            <w:r>
              <w:t xml:space="preserve">                        Developed by The Senior Team Inc.</w:t>
            </w:r>
          </w:p>
          <w:p w:rsidR="00CE304B" w:rsidRDefault="00CE304B" w:rsidP="00CE304B">
            <w:r>
              <w:t xml:space="preserve">                    &lt;/p&gt;</w:t>
            </w:r>
          </w:p>
          <w:p w:rsidR="00CE304B" w:rsidRDefault="00CE304B" w:rsidP="00CE304B">
            <w:r>
              <w:t xml:space="preserve">                    &lt;/li&gt;</w:t>
            </w:r>
          </w:p>
          <w:p w:rsidR="00CE304B" w:rsidRDefault="00CE304B" w:rsidP="00CE304B">
            <w:r>
              <w:t xml:space="preserve">                    &lt;ul class="float-right" id="additional_links"&gt;</w:t>
            </w:r>
          </w:p>
          <w:p w:rsidR="00CE304B" w:rsidRDefault="00CE304B" w:rsidP="00CE304B">
            <w:r>
              <w:t xml:space="preserve">                        &lt;li&gt;</w:t>
            </w:r>
          </w:p>
          <w:p w:rsidR="00CE304B" w:rsidRDefault="00CE304B" w:rsidP="00CE304B">
            <w:r>
              <w:t xml:space="preserve">                            &lt;a id="myBtn"&gt;Terms &amp; Conditions&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id="myBtn1"&gt;Privacy Policy&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id="myBtn2"&gt;Cookie Policy&lt;/a&gt;</w:t>
            </w:r>
          </w:p>
          <w:p w:rsidR="00CE304B" w:rsidRDefault="00CE304B" w:rsidP="00CE304B">
            <w:r>
              <w:t xml:space="preserve">                        &lt;/li&gt;</w:t>
            </w:r>
          </w:p>
          <w:p w:rsidR="00CE304B" w:rsidRDefault="00CE304B" w:rsidP="00CE304B">
            <w:r>
              <w:t xml:space="preserve">                    &lt;/ul&gt;</w:t>
            </w:r>
          </w:p>
          <w:p w:rsidR="00CE304B" w:rsidRDefault="00CE304B" w:rsidP="00CE304B">
            <w:r>
              <w:t xml:space="preserve">                &lt;/ul&gt;</w:t>
            </w:r>
          </w:p>
          <w:p w:rsidR="00CE304B" w:rsidRDefault="00CE304B" w:rsidP="00CE304B">
            <w:r>
              <w:t xml:space="preserve">            &lt;/div&gt;</w:t>
            </w:r>
          </w:p>
          <w:p w:rsidR="00CE304B" w:rsidRDefault="00CE304B" w:rsidP="00CE304B">
            <w:r>
              <w:t xml:space="preserve">        &lt;/div&gt;</w:t>
            </w:r>
          </w:p>
          <w:p w:rsidR="00CE304B" w:rsidRDefault="00CE304B" w:rsidP="00CE304B">
            <w:r>
              <w:t xml:space="preserve">    &lt;/div&gt;</w:t>
            </w:r>
          </w:p>
          <w:p w:rsidR="00CE304B" w:rsidRDefault="00CE304B" w:rsidP="00CE304B">
            <w:r>
              <w:t>&lt;/footer&gt;</w:t>
            </w:r>
          </w:p>
          <w:p w:rsidR="00CE304B" w:rsidRDefault="00CE304B" w:rsidP="00CE304B">
            <w:r>
              <w:t>&lt;!--------------------footer ends------------------&gt;</w:t>
            </w:r>
          </w:p>
          <w:p w:rsidR="00CE304B" w:rsidRDefault="00CE304B" w:rsidP="00CE304B">
            <w:r>
              <w:t xml:space="preserve">    &lt;/div&gt;</w:t>
            </w:r>
          </w:p>
          <w:p w:rsidR="00CE304B" w:rsidRDefault="00CE304B" w:rsidP="00CE304B">
            <w:r>
              <w:t>&lt;/div&gt;</w:t>
            </w:r>
          </w:p>
          <w:p w:rsidR="00CE304B" w:rsidRDefault="00CE304B" w:rsidP="00CE304B"/>
          <w:p w:rsidR="00CE304B" w:rsidRDefault="00CE304B" w:rsidP="00CE304B">
            <w:r>
              <w:t>&lt;!--------------------floating widgets starts------------------&gt;</w:t>
            </w:r>
          </w:p>
          <w:p w:rsidR="00CE304B" w:rsidRDefault="00CE304B" w:rsidP="00CE304B">
            <w:r>
              <w:t>&lt;!--&lt;div class="floating-widget"&gt;</w:t>
            </w:r>
          </w:p>
          <w:p w:rsidR="00CE304B" w:rsidRDefault="00CE304B" w:rsidP="00CE304B">
            <w:r>
              <w:t xml:space="preserve">    &lt;a class="float-item all-service d-xl-none d-lg-none d-md-none d-sm-block"&gt;</w:t>
            </w:r>
          </w:p>
          <w:p w:rsidR="00CE304B" w:rsidRDefault="00CE304B" w:rsidP="00CE304B">
            <w:r>
              <w:t xml:space="preserve">        &lt;img src="img/icon/ssp.png" class="icon"/&gt;</w:t>
            </w:r>
          </w:p>
          <w:p w:rsidR="00CE304B" w:rsidRDefault="00CE304B" w:rsidP="00CE304B">
            <w:r>
              <w:t xml:space="preserve">    &lt;/a&gt;</w:t>
            </w:r>
          </w:p>
          <w:p w:rsidR="00CE304B" w:rsidRDefault="00CE304B" w:rsidP="00CE304B">
            <w:r>
              <w:t xml:space="preserve">    &lt;ul&gt;</w:t>
            </w:r>
          </w:p>
          <w:p w:rsidR="00CE304B" w:rsidRDefault="00CE304B" w:rsidP="00CE304B">
            <w:r>
              <w:t xml:space="preserve">   </w:t>
            </w:r>
          </w:p>
          <w:p w:rsidR="00CE304B" w:rsidRDefault="00CE304B" w:rsidP="00CE304B">
            <w:r>
              <w:t xml:space="preserve">                    &lt;li&gt;</w:t>
            </w:r>
          </w:p>
          <w:p w:rsidR="00CE304B" w:rsidRDefault="00CE304B" w:rsidP="00CE304B">
            <w:r>
              <w:t xml:space="preserve">                &lt;a href="https://srepfinder.com/" target="_blank" class="float-item" title="Find Senior Real Estate Professionals specializing in the real estate of seniors"</w:t>
            </w:r>
          </w:p>
          <w:p w:rsidR="00CE304B" w:rsidRDefault="00CE304B" w:rsidP="00CE304B">
            <w:r>
              <w:t xml:space="preserve">                   data-toggle="tooltip" data-placement="right" data-delay="500"&gt;</w:t>
            </w:r>
          </w:p>
          <w:p w:rsidR="00CE304B" w:rsidRDefault="00CE304B" w:rsidP="00CE304B">
            <w:r>
              <w:t xml:space="preserve">                    &lt;img class="rounded-circle icon" src="img/icon/srep.png"/&gt;</w:t>
            </w:r>
          </w:p>
          <w:p w:rsidR="00CE304B" w:rsidRDefault="00CE304B" w:rsidP="00CE304B">
            <w:r>
              <w:t xml:space="preserve">                    &lt;img class="full-logo" src="img/finder/text/srep.png"/&gt;</w:t>
            </w:r>
          </w:p>
          <w:p w:rsidR="00CE304B" w:rsidRDefault="00CE304B" w:rsidP="00CE304B">
            <w:r>
              <w:t xml:space="preserve">                &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https://espmfinder.com/" target="_blank" class="float-item" title="Find Professionals Serving Seniors with their Estate Sales, Packing and Moving"</w:t>
            </w:r>
          </w:p>
          <w:p w:rsidR="00CE304B" w:rsidRDefault="00CE304B" w:rsidP="00CE304B">
            <w:r>
              <w:t xml:space="preserve">                   data-toggle="tooltip" data-placement="right" data-delay="500"&gt;</w:t>
            </w:r>
          </w:p>
          <w:p w:rsidR="00CE304B" w:rsidRDefault="00CE304B" w:rsidP="00CE304B">
            <w:r>
              <w:lastRenderedPageBreak/>
              <w:t xml:space="preserve">                    &lt;img class="rounded-circle icon" src="img/icon/espm.png"/&gt;</w:t>
            </w:r>
          </w:p>
          <w:p w:rsidR="00CE304B" w:rsidRDefault="00CE304B" w:rsidP="00CE304B">
            <w:r>
              <w:t xml:space="preserve">                    &lt;img class="full-logo" src="img/finder/text/espm.png"/&gt;</w:t>
            </w:r>
          </w:p>
          <w:p w:rsidR="00CE304B" w:rsidRDefault="00CE304B" w:rsidP="00CE304B">
            <w:r>
              <w:t xml:space="preserve">                &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https://elderlawlawyerfinder.com/" target="_blank" class="float-item" title="Find Attorneys specializing in the legal needs of seniors"</w:t>
            </w:r>
          </w:p>
          <w:p w:rsidR="00CE304B" w:rsidRDefault="00CE304B" w:rsidP="00CE304B">
            <w:r>
              <w:t xml:space="preserve">                   data-toggle="tooltip" data-placement="right" data-delay="500"&gt;</w:t>
            </w:r>
          </w:p>
          <w:p w:rsidR="00CE304B" w:rsidRDefault="00CE304B" w:rsidP="00CE304B">
            <w:r>
              <w:t xml:space="preserve">                    &lt;img class="rounded-circle icon" src="img/icon/el.png"/&gt;</w:t>
            </w:r>
          </w:p>
          <w:p w:rsidR="00CE304B" w:rsidRDefault="00CE304B" w:rsidP="00CE304B">
            <w:r>
              <w:t xml:space="preserve">                    &lt;img class="full-logo" src="img/finder/text/el.png"/&gt;</w:t>
            </w:r>
          </w:p>
          <w:p w:rsidR="00CE304B" w:rsidRDefault="00CE304B" w:rsidP="00CE304B">
            <w:r>
              <w:t xml:space="preserve">                &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https://eiflfinder.com/" target="_blank" class="float-item" title="Find Professionals specializing in Investment, Finance and Loans for Seniors"</w:t>
            </w:r>
          </w:p>
          <w:p w:rsidR="00CE304B" w:rsidRDefault="00CE304B" w:rsidP="00CE304B">
            <w:r>
              <w:t xml:space="preserve">                   data-toggle="tooltip" data-placement="right" data-delay="500"&gt;</w:t>
            </w:r>
          </w:p>
          <w:p w:rsidR="00CE304B" w:rsidRDefault="00CE304B" w:rsidP="00CE304B">
            <w:r>
              <w:t xml:space="preserve">                    &lt;img class="rounded-circle icon" src="img/icon/eifl.png"/&gt;</w:t>
            </w:r>
          </w:p>
          <w:p w:rsidR="00CE304B" w:rsidRDefault="00CE304B" w:rsidP="00CE304B">
            <w:r>
              <w:t xml:space="preserve">                    &lt;img class="full-logo" src="img/finder/text/eifl.png"/&gt;</w:t>
            </w:r>
          </w:p>
          <w:p w:rsidR="00CE304B" w:rsidRDefault="00CE304B" w:rsidP="00CE304B">
            <w:r>
              <w:t xml:space="preserve">                &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https://vabenefitsfinder.com/" target="_blank" class="float-item" title="Find Specialists who guarantee Seniors the Veteran’s Benefits they deserve"</w:t>
            </w:r>
          </w:p>
          <w:p w:rsidR="00CE304B" w:rsidRDefault="00CE304B" w:rsidP="00CE304B">
            <w:r>
              <w:t xml:space="preserve">                   data-toggle="tooltip" data-placement="right" data-delay="500"&gt;</w:t>
            </w:r>
          </w:p>
          <w:p w:rsidR="00CE304B" w:rsidRDefault="00CE304B" w:rsidP="00CE304B">
            <w:r>
              <w:t xml:space="preserve">                    &lt;img class="rounded-circle icon" src="img/icon/vab.png"/&gt;</w:t>
            </w:r>
          </w:p>
          <w:p w:rsidR="00CE304B" w:rsidRDefault="00CE304B" w:rsidP="00CE304B">
            <w:r>
              <w:t xml:space="preserve">                    &lt;img class="full-logo" src="img/finder/text/vab.png"/&gt;</w:t>
            </w:r>
          </w:p>
          <w:p w:rsidR="00CE304B" w:rsidRDefault="00CE304B" w:rsidP="00CE304B">
            <w:r>
              <w:t xml:space="preserve">                &lt;/a&gt;</w:t>
            </w:r>
          </w:p>
          <w:p w:rsidR="00CE304B" w:rsidRDefault="00CE304B" w:rsidP="00CE304B">
            <w:r>
              <w:t xml:space="preserve">            &lt;/li&gt;</w:t>
            </w:r>
          </w:p>
          <w:p w:rsidR="00CE304B" w:rsidRDefault="00CE304B" w:rsidP="00CE304B">
            <w:r>
              <w:t xml:space="preserve">                    &lt;li&gt;</w:t>
            </w:r>
          </w:p>
          <w:p w:rsidR="00CE304B" w:rsidRDefault="00CE304B" w:rsidP="00CE304B">
            <w:r>
              <w:t xml:space="preserve">                &lt;a href="https://insureseniorsfinder.com/" target="_blank" class="float-item" title="Find Professionals who Insure Seniors for life, health, property and peace of mind"</w:t>
            </w:r>
          </w:p>
          <w:p w:rsidR="00CE304B" w:rsidRDefault="00CE304B" w:rsidP="00CE304B">
            <w:r>
              <w:t xml:space="preserve">                   data-toggle="tooltip" data-placement="right" data-delay="500"&gt;</w:t>
            </w:r>
          </w:p>
          <w:p w:rsidR="00CE304B" w:rsidRDefault="00CE304B" w:rsidP="00CE304B">
            <w:r>
              <w:t xml:space="preserve">                    &lt;img class="rounded-circle icon" src="img/icon/is.png"/&gt;</w:t>
            </w:r>
          </w:p>
          <w:p w:rsidR="00CE304B" w:rsidRDefault="00CE304B" w:rsidP="00CE304B">
            <w:r>
              <w:t xml:space="preserve">                    &lt;img class="full-logo" src="img/finder/text/is.png"/&gt;</w:t>
            </w:r>
          </w:p>
          <w:p w:rsidR="00CE304B" w:rsidRDefault="00CE304B" w:rsidP="00CE304B">
            <w:r>
              <w:t xml:space="preserve">                &lt;/a&gt;</w:t>
            </w:r>
          </w:p>
          <w:p w:rsidR="00CE304B" w:rsidRDefault="00CE304B" w:rsidP="00CE304B">
            <w:r>
              <w:t xml:space="preserve">            &lt;/li&gt;</w:t>
            </w:r>
          </w:p>
          <w:p w:rsidR="00CE304B" w:rsidRDefault="00CE304B" w:rsidP="00CE304B">
            <w:r>
              <w:t xml:space="preserve">            &lt;/ul&gt;</w:t>
            </w:r>
          </w:p>
          <w:p w:rsidR="00CE304B" w:rsidRDefault="00CE304B" w:rsidP="00CE304B">
            <w:r>
              <w:t>&lt;/div&gt; --&gt;</w:t>
            </w:r>
          </w:p>
          <w:p w:rsidR="00CE304B" w:rsidRDefault="00CE304B" w:rsidP="00CE304B"/>
          <w:p w:rsidR="00CE304B" w:rsidRDefault="00CE304B" w:rsidP="00CE304B">
            <w:r>
              <w:t>&lt;script type="text/javascript"&gt;</w:t>
            </w:r>
          </w:p>
          <w:p w:rsidR="00CE304B" w:rsidRDefault="00CE304B" w:rsidP="00CE304B">
            <w:r>
              <w:t xml:space="preserve">    var isMobile = /iPhone|Android/i.test(navigator.userAgent);</w:t>
            </w:r>
          </w:p>
          <w:p w:rsidR="00CE304B" w:rsidRDefault="00CE304B" w:rsidP="00CE304B">
            <w:r>
              <w:t xml:space="preserve">    $(document).ready(function () {</w:t>
            </w:r>
          </w:p>
          <w:p w:rsidR="00CE304B" w:rsidRDefault="00CE304B" w:rsidP="00CE304B">
            <w:r>
              <w:t xml:space="preserve">        // jQuery reverse</w:t>
            </w:r>
          </w:p>
          <w:p w:rsidR="00CE304B" w:rsidRDefault="00CE304B" w:rsidP="00CE304B">
            <w:r>
              <w:t xml:space="preserve">        $.fn.reverse = [].reverse;</w:t>
            </w:r>
          </w:p>
          <w:p w:rsidR="00CE304B" w:rsidRDefault="00CE304B" w:rsidP="00CE304B">
            <w:r>
              <w:t xml:space="preserve">        $(".floating-widget ul li").hover(function () {</w:t>
            </w:r>
          </w:p>
          <w:p w:rsidR="00CE304B" w:rsidRDefault="00CE304B" w:rsidP="00CE304B">
            <w:r>
              <w:t xml:space="preserve">            $(this).toggleClass("active");</w:t>
            </w:r>
          </w:p>
          <w:p w:rsidR="00CE304B" w:rsidRDefault="00CE304B" w:rsidP="00CE304B">
            <w:r>
              <w:t xml:space="preserve">        });</w:t>
            </w:r>
          </w:p>
          <w:p w:rsidR="00CE304B" w:rsidRDefault="00CE304B" w:rsidP="00CE304B">
            <w:r>
              <w:t xml:space="preserve">        if (isMobile) {</w:t>
            </w:r>
          </w:p>
          <w:p w:rsidR="00CE304B" w:rsidRDefault="00CE304B" w:rsidP="00CE304B">
            <w:r>
              <w:lastRenderedPageBreak/>
              <w:t xml:space="preserve">            // Toggle-on-click behaviour.</w:t>
            </w:r>
          </w:p>
          <w:p w:rsidR="00CE304B" w:rsidRDefault="00CE304B" w:rsidP="00CE304B">
            <w:r>
              <w:t xml:space="preserve">            $(document).on('click.floatingWidget', '.floating-widget &gt; a', function (e) {</w:t>
            </w:r>
          </w:p>
          <w:p w:rsidR="00CE304B" w:rsidRDefault="00CE304B" w:rsidP="00CE304B">
            <w:r>
              <w:t xml:space="preserve">                var $this = $(this);</w:t>
            </w:r>
          </w:p>
          <w:p w:rsidR="00CE304B" w:rsidRDefault="00CE304B" w:rsidP="00CE304B">
            <w:r>
              <w:t xml:space="preserve">                var $menu = $this.parent();</w:t>
            </w:r>
          </w:p>
          <w:p w:rsidR="00CE304B" w:rsidRDefault="00CE304B" w:rsidP="00CE304B">
            <w:r>
              <w:t xml:space="preserve">                if ($menu.hasClass('open')) {</w:t>
            </w:r>
          </w:p>
          <w:p w:rsidR="00CE304B" w:rsidRDefault="00CE304B" w:rsidP="00CE304B">
            <w:r>
              <w:t xml:space="preserve">                    closeFABMenu($menu);</w:t>
            </w:r>
          </w:p>
          <w:p w:rsidR="00CE304B" w:rsidRDefault="00CE304B" w:rsidP="00CE304B">
            <w:r>
              <w:t xml:space="preserve">                } else {</w:t>
            </w:r>
          </w:p>
          <w:p w:rsidR="00CE304B" w:rsidRDefault="00CE304B" w:rsidP="00CE304B">
            <w:r>
              <w:t xml:space="preserve">                    openFABMenu($menu);</w:t>
            </w:r>
          </w:p>
          <w:p w:rsidR="00CE304B" w:rsidRDefault="00CE304B" w:rsidP="00CE304B">
            <w:r>
              <w:t xml:space="preserve">                }</w:t>
            </w:r>
          </w:p>
          <w:p w:rsidR="00CE304B" w:rsidRDefault="00CE304B" w:rsidP="00CE304B">
            <w:r>
              <w:t xml:space="preserve">            });</w:t>
            </w:r>
          </w:p>
          <w:p w:rsidR="00CE304B" w:rsidRDefault="00CE304B" w:rsidP="00CE304B">
            <w:r>
              <w:t xml:space="preserve">        } else {</w:t>
            </w:r>
          </w:p>
          <w:p w:rsidR="00CE304B" w:rsidRDefault="00CE304B" w:rsidP="00CE304B">
            <w:r>
              <w:t xml:space="preserve">            var $menu = $(".floating-widget");</w:t>
            </w:r>
          </w:p>
          <w:p w:rsidR="00CE304B" w:rsidRDefault="00CE304B" w:rsidP="00CE304B">
            <w:r>
              <w:t xml:space="preserve">            openFABMenu($menu);</w:t>
            </w:r>
          </w:p>
          <w:p w:rsidR="00CE304B" w:rsidRDefault="00CE304B" w:rsidP="00CE304B">
            <w:r>
              <w:t xml:space="preserve">        }</w:t>
            </w:r>
          </w:p>
          <w:p w:rsidR="00CE304B" w:rsidRDefault="00CE304B" w:rsidP="00CE304B">
            <w:r>
              <w:t xml:space="preserve">    });</w:t>
            </w:r>
          </w:p>
          <w:p w:rsidR="00CE304B" w:rsidRDefault="00CE304B" w:rsidP="00CE304B"/>
          <w:p w:rsidR="00CE304B" w:rsidRDefault="00CE304B" w:rsidP="00CE304B">
            <w:r>
              <w:t xml:space="preserve">    $.fn.extend({</w:t>
            </w:r>
          </w:p>
          <w:p w:rsidR="00CE304B" w:rsidRDefault="00CE304B" w:rsidP="00CE304B">
            <w:r>
              <w:t xml:space="preserve">        openFAB: function () {</w:t>
            </w:r>
          </w:p>
          <w:p w:rsidR="00CE304B" w:rsidRDefault="00CE304B" w:rsidP="00CE304B">
            <w:r>
              <w:t xml:space="preserve">            openFABMenu($(this));</w:t>
            </w:r>
          </w:p>
          <w:p w:rsidR="00CE304B" w:rsidRDefault="00CE304B" w:rsidP="00CE304B">
            <w:r>
              <w:t xml:space="preserve">        },</w:t>
            </w:r>
          </w:p>
          <w:p w:rsidR="00CE304B" w:rsidRDefault="00CE304B" w:rsidP="00CE304B">
            <w:r>
              <w:t xml:space="preserve">        closeFAB: function () {</w:t>
            </w:r>
          </w:p>
          <w:p w:rsidR="00CE304B" w:rsidRDefault="00CE304B" w:rsidP="00CE304B">
            <w:r>
              <w:t xml:space="preserve">            closeFABMenu($(this));</w:t>
            </w:r>
          </w:p>
          <w:p w:rsidR="00CE304B" w:rsidRDefault="00CE304B" w:rsidP="00CE304B">
            <w:r>
              <w:t xml:space="preserve">        }</w:t>
            </w:r>
          </w:p>
          <w:p w:rsidR="00CE304B" w:rsidRDefault="00CE304B" w:rsidP="00CE304B">
            <w:r>
              <w:t xml:space="preserve">    });</w:t>
            </w:r>
          </w:p>
          <w:p w:rsidR="00CE304B" w:rsidRDefault="00CE304B" w:rsidP="00CE304B"/>
          <w:p w:rsidR="00CE304B" w:rsidRDefault="00CE304B" w:rsidP="00CE304B">
            <w:r>
              <w:t xml:space="preserve">    var openFABMenu = function (btn) {</w:t>
            </w:r>
          </w:p>
          <w:p w:rsidR="00CE304B" w:rsidRDefault="00CE304B" w:rsidP="00CE304B">
            <w:r>
              <w:t xml:space="preserve">        $this = btn;</w:t>
            </w:r>
          </w:p>
          <w:p w:rsidR="00CE304B" w:rsidRDefault="00CE304B" w:rsidP="00CE304B">
            <w:r>
              <w:t xml:space="preserve">        if ($this.hasClass('open') === false) {</w:t>
            </w:r>
          </w:p>
          <w:p w:rsidR="00CE304B" w:rsidRDefault="00CE304B" w:rsidP="00CE304B"/>
          <w:p w:rsidR="00CE304B" w:rsidRDefault="00CE304B" w:rsidP="00CE304B">
            <w:r>
              <w:t xml:space="preserve">            // Get direction option</w:t>
            </w:r>
          </w:p>
          <w:p w:rsidR="00CE304B" w:rsidRDefault="00CE304B" w:rsidP="00CE304B">
            <w:r>
              <w:t xml:space="preserve">            var horizontal = $this.hasClass('horizontal');</w:t>
            </w:r>
          </w:p>
          <w:p w:rsidR="00CE304B" w:rsidRDefault="00CE304B" w:rsidP="00CE304B">
            <w:r>
              <w:t xml:space="preserve">            var offsetY, offsetX;</w:t>
            </w:r>
          </w:p>
          <w:p w:rsidR="00CE304B" w:rsidRDefault="00CE304B" w:rsidP="00CE304B"/>
          <w:p w:rsidR="00CE304B" w:rsidRDefault="00CE304B" w:rsidP="00CE304B">
            <w:r>
              <w:t xml:space="preserve">            if (horizontal === true) {</w:t>
            </w:r>
          </w:p>
          <w:p w:rsidR="00CE304B" w:rsidRDefault="00CE304B" w:rsidP="00CE304B">
            <w:r>
              <w:t xml:space="preserve">                offsetX = 40;</w:t>
            </w:r>
          </w:p>
          <w:p w:rsidR="00CE304B" w:rsidRDefault="00CE304B" w:rsidP="00CE304B">
            <w:r>
              <w:t xml:space="preserve">            } else {</w:t>
            </w:r>
          </w:p>
          <w:p w:rsidR="00CE304B" w:rsidRDefault="00CE304B" w:rsidP="00CE304B">
            <w:r>
              <w:t xml:space="preserve">                offsetY = 40;</w:t>
            </w:r>
          </w:p>
          <w:p w:rsidR="00CE304B" w:rsidRDefault="00CE304B" w:rsidP="00CE304B">
            <w:r>
              <w:t xml:space="preserve">            }</w:t>
            </w:r>
          </w:p>
          <w:p w:rsidR="00CE304B" w:rsidRDefault="00CE304B" w:rsidP="00CE304B"/>
          <w:p w:rsidR="00CE304B" w:rsidRDefault="00CE304B" w:rsidP="00CE304B">
            <w:r>
              <w:t xml:space="preserve">            $this.addClass('open');</w:t>
            </w:r>
          </w:p>
          <w:p w:rsidR="00CE304B" w:rsidRDefault="00CE304B" w:rsidP="00CE304B">
            <w:r>
              <w:t xml:space="preserve">            $this.find('ul .float-item').velocity(</w:t>
            </w:r>
          </w:p>
          <w:p w:rsidR="00CE304B" w:rsidRDefault="00CE304B" w:rsidP="00CE304B">
            <w:r>
              <w:t xml:space="preserve">                {scaleY: ".4", scaleX: ".4", translateY: offsetY + 'px', translateX: offsetX + 'px'},</w:t>
            </w:r>
          </w:p>
          <w:p w:rsidR="00CE304B" w:rsidRDefault="00CE304B" w:rsidP="00CE304B">
            <w:r>
              <w:t xml:space="preserve">                {duration: 0});</w:t>
            </w:r>
          </w:p>
          <w:p w:rsidR="00CE304B" w:rsidRDefault="00CE304B" w:rsidP="00CE304B"/>
          <w:p w:rsidR="00CE304B" w:rsidRDefault="00CE304B" w:rsidP="00CE304B">
            <w:r>
              <w:t xml:space="preserve">            var time = 0;</w:t>
            </w:r>
          </w:p>
          <w:p w:rsidR="00CE304B" w:rsidRDefault="00CE304B" w:rsidP="00CE304B">
            <w:r>
              <w:t xml:space="preserve">            $this.find('ul .float-item').reverse().each(function () {</w:t>
            </w:r>
          </w:p>
          <w:p w:rsidR="00CE304B" w:rsidRDefault="00CE304B" w:rsidP="00CE304B">
            <w:r>
              <w:t xml:space="preserve">                $(this).velocity(</w:t>
            </w:r>
          </w:p>
          <w:p w:rsidR="00CE304B" w:rsidRDefault="00CE304B" w:rsidP="00CE304B">
            <w:r>
              <w:t xml:space="preserve">                    {opacity: "1", scaleX: "1", scaleY: "1", translateY: "0", translateX: '0'},</w:t>
            </w:r>
          </w:p>
          <w:p w:rsidR="00CE304B" w:rsidRDefault="00CE304B" w:rsidP="00CE304B">
            <w:r>
              <w:lastRenderedPageBreak/>
              <w:t xml:space="preserve">                    {duration: 80, delay: time});</w:t>
            </w:r>
          </w:p>
          <w:p w:rsidR="00CE304B" w:rsidRDefault="00CE304B" w:rsidP="00CE304B">
            <w:r>
              <w:t xml:space="preserve">                time += 40;</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p w:rsidR="00CE304B" w:rsidRDefault="00CE304B" w:rsidP="00CE304B">
            <w:r>
              <w:t xml:space="preserve">    var closeFABMenu = function (btn) {</w:t>
            </w:r>
          </w:p>
          <w:p w:rsidR="00CE304B" w:rsidRDefault="00CE304B" w:rsidP="00CE304B">
            <w:r>
              <w:t xml:space="preserve">        $this = btn;</w:t>
            </w:r>
          </w:p>
          <w:p w:rsidR="00CE304B" w:rsidRDefault="00CE304B" w:rsidP="00CE304B">
            <w:r>
              <w:t xml:space="preserve">        // Get direction option</w:t>
            </w:r>
          </w:p>
          <w:p w:rsidR="00CE304B" w:rsidRDefault="00CE304B" w:rsidP="00CE304B">
            <w:r>
              <w:t xml:space="preserve">        var horizontal = $this.hasClass('horizontal');</w:t>
            </w:r>
          </w:p>
          <w:p w:rsidR="00CE304B" w:rsidRDefault="00CE304B" w:rsidP="00CE304B">
            <w:r>
              <w:t xml:space="preserve">        var offsetY, offsetX;</w:t>
            </w:r>
          </w:p>
          <w:p w:rsidR="00CE304B" w:rsidRDefault="00CE304B" w:rsidP="00CE304B"/>
          <w:p w:rsidR="00CE304B" w:rsidRDefault="00CE304B" w:rsidP="00CE304B">
            <w:r>
              <w:t xml:space="preserve">        if (horizontal === true) {</w:t>
            </w:r>
          </w:p>
          <w:p w:rsidR="00CE304B" w:rsidRDefault="00CE304B" w:rsidP="00CE304B">
            <w:r>
              <w:t xml:space="preserve">            offsetX = 40;</w:t>
            </w:r>
          </w:p>
          <w:p w:rsidR="00CE304B" w:rsidRDefault="00CE304B" w:rsidP="00CE304B">
            <w:r>
              <w:t xml:space="preserve">        } else {</w:t>
            </w:r>
          </w:p>
          <w:p w:rsidR="00CE304B" w:rsidRDefault="00CE304B" w:rsidP="00CE304B">
            <w:r>
              <w:t xml:space="preserve">            offsetY = 40;</w:t>
            </w:r>
          </w:p>
          <w:p w:rsidR="00CE304B" w:rsidRDefault="00CE304B" w:rsidP="00CE304B">
            <w:r>
              <w:t xml:space="preserve">        }</w:t>
            </w:r>
          </w:p>
          <w:p w:rsidR="00CE304B" w:rsidRDefault="00CE304B" w:rsidP="00CE304B"/>
          <w:p w:rsidR="00CE304B" w:rsidRDefault="00CE304B" w:rsidP="00CE304B">
            <w:r>
              <w:t xml:space="preserve">        $this.removeClass('open');</w:t>
            </w:r>
          </w:p>
          <w:p w:rsidR="00CE304B" w:rsidRDefault="00CE304B" w:rsidP="00CE304B">
            <w:r>
              <w:t xml:space="preserve">        var time = 0;</w:t>
            </w:r>
          </w:p>
          <w:p w:rsidR="00CE304B" w:rsidRDefault="00CE304B" w:rsidP="00CE304B">
            <w:r>
              <w:t xml:space="preserve">        $this.find('ul .float-item').velocity("stop", true);</w:t>
            </w:r>
          </w:p>
          <w:p w:rsidR="00CE304B" w:rsidRDefault="00CE304B" w:rsidP="00CE304B">
            <w:r>
              <w:t xml:space="preserve">        $this.find('ul .float-item').velocity(</w:t>
            </w:r>
          </w:p>
          <w:p w:rsidR="00CE304B" w:rsidRDefault="00CE304B" w:rsidP="00CE304B">
            <w:r>
              <w:t xml:space="preserve">            {opacity: "0", scaleX: ".4", scaleY: ".4", translateY: offsetY + 'px', translateX: offsetX + 'px'},</w:t>
            </w:r>
          </w:p>
          <w:p w:rsidR="00CE304B" w:rsidRDefault="00CE304B" w:rsidP="00CE304B">
            <w:r>
              <w:t xml:space="preserve">            {duration: 80}</w:t>
            </w:r>
          </w:p>
          <w:p w:rsidR="00CE304B" w:rsidRDefault="00CE304B" w:rsidP="00CE304B">
            <w:r>
              <w:t xml:space="preserve">        );</w:t>
            </w:r>
          </w:p>
          <w:p w:rsidR="00CE304B" w:rsidRDefault="00CE304B" w:rsidP="00CE304B">
            <w:r>
              <w:t xml:space="preserve">    };</w:t>
            </w:r>
          </w:p>
          <w:p w:rsidR="00CE304B" w:rsidRDefault="00CE304B" w:rsidP="00CE304B">
            <w:r>
              <w:t>&lt;/script&gt;</w:t>
            </w:r>
          </w:p>
          <w:p w:rsidR="00CE304B" w:rsidRDefault="00CE304B" w:rsidP="00CE304B">
            <w:r>
              <w:t>&lt;!--------------------floatign widgets ends------------------&gt;</w:t>
            </w:r>
          </w:p>
          <w:p w:rsidR="00CE304B" w:rsidRDefault="00CE304B" w:rsidP="00CE304B">
            <w:r>
              <w:t>&lt;div id="divLoader" class="loading-widget" align="center"&gt;</w:t>
            </w:r>
          </w:p>
          <w:p w:rsidR="00CE304B" w:rsidRDefault="00CE304B" w:rsidP="00CE304B">
            <w:r>
              <w:t xml:space="preserve">    &lt;br/&gt;</w:t>
            </w:r>
          </w:p>
          <w:p w:rsidR="00CE304B" w:rsidRDefault="00CE304B" w:rsidP="00CE304B">
            <w:r>
              <w:t xml:space="preserve">    &lt;p class="text-default"&gt;</w:t>
            </w:r>
          </w:p>
          <w:p w:rsidR="00CE304B" w:rsidRDefault="00CE304B" w:rsidP="00CE304B">
            <w:r>
              <w:t xml:space="preserve">        Loading, Please Wait for a while...</w:t>
            </w:r>
          </w:p>
          <w:p w:rsidR="00CE304B" w:rsidRDefault="00CE304B" w:rsidP="00CE304B">
            <w:r>
              <w:t xml:space="preserve">    &lt;/p&gt;</w:t>
            </w:r>
          </w:p>
          <w:p w:rsidR="00CE304B" w:rsidRDefault="00CE304B" w:rsidP="00CE304B">
            <w:r>
              <w:t xml:space="preserve">    &lt;br/&gt;</w:t>
            </w:r>
          </w:p>
          <w:p w:rsidR="00CE304B" w:rsidRDefault="00CE304B" w:rsidP="00CE304B">
            <w:r>
              <w:t>&lt;/div&gt;</w:t>
            </w:r>
          </w:p>
          <w:p w:rsidR="00CE304B" w:rsidRDefault="00CE304B" w:rsidP="00CE304B">
            <w:r>
              <w:t>&lt;div id="divOverlay" class="loading-overlay"&gt;&lt;/div&gt;</w:t>
            </w:r>
          </w:p>
          <w:p w:rsidR="00CE304B" w:rsidRDefault="00CE304B" w:rsidP="00CE304B">
            <w:r>
              <w:t>&lt;script type="text/javascript"&gt;</w:t>
            </w:r>
          </w:p>
          <w:p w:rsidR="00CE304B" w:rsidRDefault="00CE304B" w:rsidP="00CE304B">
            <w:r>
              <w:t xml:space="preserve">    window.loading = function (show, message) {</w:t>
            </w:r>
          </w:p>
          <w:p w:rsidR="00CE304B" w:rsidRDefault="00CE304B" w:rsidP="00CE304B">
            <w:r>
              <w:t xml:space="preserve">        let overlay = $(".loading-overlay");</w:t>
            </w:r>
          </w:p>
          <w:p w:rsidR="00CE304B" w:rsidRDefault="00CE304B" w:rsidP="00CE304B">
            <w:r>
              <w:t xml:space="preserve">        let loading = $(".loading-widget");</w:t>
            </w:r>
          </w:p>
          <w:p w:rsidR="00CE304B" w:rsidRDefault="00CE304B" w:rsidP="00CE304B">
            <w:r>
              <w:t xml:space="preserve">        $("p", loading).html(message);</w:t>
            </w:r>
          </w:p>
          <w:p w:rsidR="00CE304B" w:rsidRDefault="00CE304B" w:rsidP="00CE304B">
            <w:r>
              <w:t xml:space="preserve">        if (show) {</w:t>
            </w:r>
          </w:p>
          <w:p w:rsidR="00CE304B" w:rsidRDefault="00CE304B" w:rsidP="00CE304B">
            <w:r>
              <w:t xml:space="preserve">            let top = Math.max($(window).height() / 2 - loading[0].offsetHeight / 2 - 50, 0);</w:t>
            </w:r>
          </w:p>
          <w:p w:rsidR="00CE304B" w:rsidRDefault="00CE304B" w:rsidP="00CE304B">
            <w:r>
              <w:t xml:space="preserve">            overlay.fadeIn();</w:t>
            </w:r>
          </w:p>
          <w:p w:rsidR="00CE304B" w:rsidRDefault="00CE304B" w:rsidP="00CE304B">
            <w:r>
              <w:t xml:space="preserve">            loading.fadeIn();</w:t>
            </w:r>
          </w:p>
          <w:p w:rsidR="00CE304B" w:rsidRDefault="00CE304B" w:rsidP="00CE304B">
            <w:r>
              <w:t xml:space="preserve">            loading.css({</w:t>
            </w:r>
          </w:p>
          <w:p w:rsidR="00CE304B" w:rsidRDefault="00CE304B" w:rsidP="00CE304B">
            <w:r>
              <w:t xml:space="preserve">                top: top</w:t>
            </w:r>
          </w:p>
          <w:p w:rsidR="00CE304B" w:rsidRDefault="00CE304B" w:rsidP="00CE304B">
            <w:r>
              <w:t xml:space="preserve">            });</w:t>
            </w:r>
          </w:p>
          <w:p w:rsidR="00CE304B" w:rsidRDefault="00CE304B" w:rsidP="00CE304B">
            <w:r>
              <w:lastRenderedPageBreak/>
              <w:t xml:space="preserve">        } else {</w:t>
            </w:r>
          </w:p>
          <w:p w:rsidR="00CE304B" w:rsidRDefault="00CE304B" w:rsidP="00CE304B">
            <w:r>
              <w:t xml:space="preserve">            overlay.fadeOut();</w:t>
            </w:r>
          </w:p>
          <w:p w:rsidR="00CE304B" w:rsidRDefault="00CE304B" w:rsidP="00CE304B">
            <w:r>
              <w:t xml:space="preserve">            loading.fadeOut();</w:t>
            </w:r>
          </w:p>
          <w:p w:rsidR="00CE304B" w:rsidRDefault="00CE304B" w:rsidP="00CE304B">
            <w:r>
              <w:t xml:space="preserve">        }</w:t>
            </w:r>
          </w:p>
          <w:p w:rsidR="00CE304B" w:rsidRDefault="00CE304B" w:rsidP="00CE304B">
            <w:r>
              <w:t xml:space="preserve">    }</w:t>
            </w:r>
          </w:p>
          <w:p w:rsidR="00CE304B" w:rsidRDefault="00CE304B" w:rsidP="00CE304B">
            <w:r>
              <w:t>&lt;/script&gt;</w:t>
            </w:r>
          </w:p>
          <w:p w:rsidR="00CE304B" w:rsidRDefault="00CE304B" w:rsidP="00CE304B">
            <w:r>
              <w:t>&lt;style type="text/css"&gt;</w:t>
            </w:r>
          </w:p>
          <w:p w:rsidR="00CE304B" w:rsidRDefault="00CE304B" w:rsidP="00CE304B">
            <w:r>
              <w:t xml:space="preserve">    .loading-overlay {</w:t>
            </w:r>
          </w:p>
          <w:p w:rsidR="00CE304B" w:rsidRDefault="00CE304B" w:rsidP="00CE304B">
            <w:r>
              <w:t xml:space="preserve">        display: none;</w:t>
            </w:r>
          </w:p>
          <w:p w:rsidR="00CE304B" w:rsidRDefault="00CE304B" w:rsidP="00CE304B">
            <w:r>
              <w:t xml:space="preserve">        position: fixed;</w:t>
            </w:r>
          </w:p>
          <w:p w:rsidR="00CE304B" w:rsidRDefault="00CE304B" w:rsidP="00CE304B">
            <w:r>
              <w:t xml:space="preserve">        top: 0;</w:t>
            </w:r>
          </w:p>
          <w:p w:rsidR="00CE304B" w:rsidRDefault="00CE304B" w:rsidP="00CE304B">
            <w:r>
              <w:t xml:space="preserve">        left: 0;</w:t>
            </w:r>
          </w:p>
          <w:p w:rsidR="00CE304B" w:rsidRDefault="00CE304B" w:rsidP="00CE304B">
            <w:r>
              <w:t xml:space="preserve">        background-color: #FFFFFF;</w:t>
            </w:r>
          </w:p>
          <w:p w:rsidR="00CE304B" w:rsidRDefault="00CE304B" w:rsidP="00CE304B">
            <w:r>
              <w:t xml:space="preserve">        z-index: 10060;</w:t>
            </w:r>
          </w:p>
          <w:p w:rsidR="00CE304B" w:rsidRDefault="00CE304B" w:rsidP="00CE304B">
            <w:r>
              <w:t xml:space="preserve">        opacity: 0.8;</w:t>
            </w:r>
          </w:p>
          <w:p w:rsidR="00CE304B" w:rsidRDefault="00CE304B" w:rsidP="00CE304B">
            <w:r>
              <w:t xml:space="preserve">        filter: alpha(opacity=80);</w:t>
            </w:r>
          </w:p>
          <w:p w:rsidR="00CE304B" w:rsidRDefault="00CE304B" w:rsidP="00CE304B">
            <w:r>
              <w:t xml:space="preserve">        -moz-opacity: 0.8;</w:t>
            </w:r>
          </w:p>
          <w:p w:rsidR="00CE304B" w:rsidRDefault="00CE304B" w:rsidP="00CE304B">
            <w:r>
              <w:t xml:space="preserve">        min-height: 100%;</w:t>
            </w:r>
          </w:p>
          <w:p w:rsidR="00CE304B" w:rsidRDefault="00CE304B" w:rsidP="00CE304B">
            <w:r>
              <w:t xml:space="preserve">        width: 100%;</w:t>
            </w:r>
          </w:p>
          <w:p w:rsidR="00CE304B" w:rsidRDefault="00CE304B" w:rsidP="00CE304B">
            <w:r>
              <w:t xml:space="preserve">    }</w:t>
            </w:r>
          </w:p>
          <w:p w:rsidR="00CE304B" w:rsidRDefault="00CE304B" w:rsidP="00CE304B">
            <w:r>
              <w:t xml:space="preserve">    .loading-widget {</w:t>
            </w:r>
          </w:p>
          <w:p w:rsidR="00CE304B" w:rsidRDefault="00CE304B" w:rsidP="00CE304B">
            <w:r>
              <w:t xml:space="preserve">        font-family: Arial;</w:t>
            </w:r>
          </w:p>
          <w:p w:rsidR="00CE304B" w:rsidRDefault="00CE304B" w:rsidP="00CE304B">
            <w:r>
              <w:t xml:space="preserve">        font-size: 10pt;</w:t>
            </w:r>
          </w:p>
          <w:p w:rsidR="00CE304B" w:rsidRDefault="00CE304B" w:rsidP="00CE304B">
            <w:r>
              <w:t xml:space="preserve">        width: 350px;</w:t>
            </w:r>
          </w:p>
          <w:p w:rsidR="00CE304B" w:rsidRDefault="00CE304B" w:rsidP="00CE304B">
            <w:r>
              <w:t xml:space="preserve">        height: 130px;</w:t>
            </w:r>
          </w:p>
          <w:p w:rsidR="00CE304B" w:rsidRDefault="00CE304B" w:rsidP="00CE304B">
            <w:r>
              <w:t xml:space="preserve">        display: none;</w:t>
            </w:r>
          </w:p>
          <w:p w:rsidR="00CE304B" w:rsidRDefault="00CE304B" w:rsidP="00CE304B">
            <w:r>
              <w:t xml:space="preserve">        position: fixed;</w:t>
            </w:r>
          </w:p>
          <w:p w:rsidR="00CE304B" w:rsidRDefault="00CE304B" w:rsidP="00CE304B">
            <w:r>
              <w:t xml:space="preserve">        background: transparent url("img/loader.gif") 50% 50% no-repeat;</w:t>
            </w:r>
          </w:p>
          <w:p w:rsidR="00CE304B" w:rsidRDefault="00CE304B" w:rsidP="00CE304B">
            <w:r>
              <w:t xml:space="preserve">        z-index: 10080;</w:t>
            </w:r>
          </w:p>
          <w:p w:rsidR="00CE304B" w:rsidRDefault="00CE304B" w:rsidP="00CE304B">
            <w:r>
              <w:t xml:space="preserve">        left: 50%;</w:t>
            </w:r>
          </w:p>
          <w:p w:rsidR="00CE304B" w:rsidRDefault="00CE304B" w:rsidP="00CE304B">
            <w:r>
              <w:t xml:space="preserve">        margin-left: -175px;</w:t>
            </w:r>
          </w:p>
          <w:p w:rsidR="00CE304B" w:rsidRDefault="00CE304B" w:rsidP="00CE304B">
            <w:r>
              <w:t xml:space="preserve">    }</w:t>
            </w:r>
          </w:p>
          <w:p w:rsidR="00CE304B" w:rsidRDefault="00CE304B" w:rsidP="00CE304B">
            <w:r>
              <w:t xml:space="preserve">    .loading-widget p {</w:t>
            </w:r>
          </w:p>
          <w:p w:rsidR="00CE304B" w:rsidRDefault="00CE304B" w:rsidP="00CE304B">
            <w:r>
              <w:t xml:space="preserve">        margin-top: 130px;</w:t>
            </w:r>
          </w:p>
          <w:p w:rsidR="00CE304B" w:rsidRDefault="00CE304B" w:rsidP="00CE304B">
            <w:r>
              <w:t xml:space="preserve">        font-weight: bolder;</w:t>
            </w:r>
          </w:p>
          <w:p w:rsidR="00CE304B" w:rsidRDefault="00CE304B" w:rsidP="00CE304B">
            <w:r>
              <w:t xml:space="preserve">        color: #035b67;</w:t>
            </w:r>
          </w:p>
          <w:p w:rsidR="00CE304B" w:rsidRDefault="00CE304B" w:rsidP="00CE304B">
            <w:r>
              <w:t xml:space="preserve">        font-size: 18px;</w:t>
            </w:r>
          </w:p>
          <w:p w:rsidR="00CE304B" w:rsidRDefault="00CE304B" w:rsidP="00CE304B">
            <w:r>
              <w:t xml:space="preserve">    }</w:t>
            </w:r>
          </w:p>
          <w:p w:rsidR="00CE304B" w:rsidRDefault="00CE304B" w:rsidP="00CE304B">
            <w:r>
              <w:t>&lt;/style&gt;</w:t>
            </w:r>
          </w:p>
          <w:p w:rsidR="00CE304B" w:rsidRDefault="00CE304B" w:rsidP="00CE304B">
            <w:r>
              <w:t>&lt;!--------------------remove from wishlist------------------&gt;</w:t>
            </w:r>
          </w:p>
          <w:p w:rsidR="00CE304B" w:rsidRDefault="00CE304B" w:rsidP="00CE304B">
            <w:r>
              <w:t>&lt;!--&lt;div id="toTop"&gt;&lt;/div&gt;--&gt;</w:t>
            </w:r>
          </w:p>
          <w:p w:rsidR="00CE304B" w:rsidRDefault="00CE304B" w:rsidP="00CE304B">
            <w:r>
              <w:t>&lt;script type="text/javascript"&gt;</w:t>
            </w:r>
          </w:p>
          <w:p w:rsidR="00CE304B" w:rsidRDefault="00CE304B" w:rsidP="00CE304B">
            <w:r>
              <w:t xml:space="preserve">    $(document).ready(function () {</w:t>
            </w:r>
          </w:p>
          <w:p w:rsidR="00CE304B" w:rsidRDefault="00CE304B" w:rsidP="00CE304B">
            <w:r>
              <w:t xml:space="preserve">        /*if (document.referrer !== "" &amp;&amp;</w:t>
            </w:r>
          </w:p>
          <w:p w:rsidR="00CE304B" w:rsidRDefault="00CE304B" w:rsidP="00CE304B">
            <w:r>
              <w:t xml:space="preserve">            (new URL(document.referrer)).origin !== window.location.origin &amp;&amp;</w:t>
            </w:r>
          </w:p>
          <w:p w:rsidR="00CE304B" w:rsidRDefault="00CE304B" w:rsidP="00CE304B">
            <w:r>
              <w:t xml:space="preserve">            lscache.get("last_visited")) {</w:t>
            </w:r>
          </w:p>
          <w:p w:rsidR="00CE304B" w:rsidRDefault="00CE304B" w:rsidP="00CE304B">
            <w:r>
              <w:t xml:space="preserve">            var lastVisited = lscache.get("last_visited");</w:t>
            </w:r>
          </w:p>
          <w:p w:rsidR="00CE304B" w:rsidRDefault="00CE304B" w:rsidP="00CE304B">
            <w:r>
              <w:t xml:space="preserve">            lscache.remove("last_visited");</w:t>
            </w:r>
          </w:p>
          <w:p w:rsidR="00CE304B" w:rsidRDefault="00CE304B" w:rsidP="00CE304B">
            <w:r>
              <w:lastRenderedPageBreak/>
              <w:t xml:space="preserve">            window.location.href = lastVisited;</w:t>
            </w:r>
          </w:p>
          <w:p w:rsidR="00CE304B" w:rsidRDefault="00CE304B" w:rsidP="00CE304B">
            <w:r>
              <w:t xml:space="preserve">        } else {</w:t>
            </w:r>
          </w:p>
          <w:p w:rsidR="00CE304B" w:rsidRDefault="00CE304B" w:rsidP="00CE304B">
            <w:r>
              <w:t xml:space="preserve">            //lscache.set("last_visited", window.location.href);</w:t>
            </w:r>
          </w:p>
          <w:p w:rsidR="00CE304B" w:rsidRDefault="00CE304B" w:rsidP="00CE304B">
            <w:r>
              <w:t xml:space="preserve">        }*/</w:t>
            </w:r>
          </w:p>
          <w:p w:rsidR="00CE304B" w:rsidRDefault="00CE304B" w:rsidP="00CE304B">
            <w:r>
              <w:t xml:space="preserve">        /*window.onbeforeunload = function() {</w:t>
            </w:r>
          </w:p>
          <w:p w:rsidR="00CE304B" w:rsidRDefault="00CE304B" w:rsidP="00CE304B">
            <w:r>
              <w:t xml:space="preserve">            lscache.set("last_visited", window.location.href);</w:t>
            </w:r>
          </w:p>
          <w:p w:rsidR="00CE304B" w:rsidRDefault="00CE304B" w:rsidP="00CE304B">
            <w:r>
              <w:t xml:space="preserve">            return;</w:t>
            </w:r>
          </w:p>
          <w:p w:rsidR="00CE304B" w:rsidRDefault="00CE304B" w:rsidP="00CE304B">
            <w:r>
              <w:t xml:space="preserve">        }*/</w:t>
            </w:r>
          </w:p>
          <w:p w:rsidR="00CE304B" w:rsidRDefault="00CE304B" w:rsidP="00CE304B">
            <w:r>
              <w:t xml:space="preserve">        fnUpdateWishFlag();</w:t>
            </w:r>
          </w:p>
          <w:p w:rsidR="00CE304B" w:rsidRDefault="00CE304B" w:rsidP="00CE304B">
            <w:r>
              <w:t xml:space="preserve">        $(document.body).on("click", ".btn-wishlist", function (e) {</w:t>
            </w:r>
          </w:p>
          <w:p w:rsidR="00CE304B" w:rsidRDefault="00CE304B" w:rsidP="00CE304B">
            <w:r>
              <w:t xml:space="preserve">            e.preventDefault();</w:t>
            </w:r>
          </w:p>
          <w:p w:rsidR="00CE304B" w:rsidRDefault="00CE304B" w:rsidP="00CE304B">
            <w:r>
              <w:t xml:space="preserve">            var that = this;</w:t>
            </w:r>
          </w:p>
          <w:p w:rsidR="00CE304B" w:rsidRDefault="00CE304B" w:rsidP="00CE304B">
            <w:r>
              <w:t xml:space="preserve">            let href = $(that).data("href");</w:t>
            </w:r>
          </w:p>
          <w:p w:rsidR="00CE304B" w:rsidRDefault="00CE304B" w:rsidP="00CE304B">
            <w:r>
              <w:t xml:space="preserve">            let rid = $(that).data("id");</w:t>
            </w:r>
          </w:p>
          <w:p w:rsidR="00CE304B" w:rsidRDefault="00CE304B" w:rsidP="00CE304B">
            <w:r>
              <w:t xml:space="preserve">            if (href) {</w:t>
            </w:r>
          </w:p>
          <w:p w:rsidR="00CE304B" w:rsidRDefault="00CE304B" w:rsidP="00CE304B">
            <w:r>
              <w:t xml:space="preserve">                $.ajax({</w:t>
            </w:r>
          </w:p>
          <w:p w:rsidR="00CE304B" w:rsidRDefault="00CE304B" w:rsidP="00CE304B">
            <w:r>
              <w:t xml:space="preserve">                    type: "get",</w:t>
            </w:r>
          </w:p>
          <w:p w:rsidR="00CE304B" w:rsidRDefault="00CE304B" w:rsidP="00CE304B">
            <w:r>
              <w:t xml:space="preserve">                    url: href,</w:t>
            </w:r>
          </w:p>
          <w:p w:rsidR="00CE304B" w:rsidRDefault="00CE304B" w:rsidP="00CE304B">
            <w:r>
              <w:t xml:space="preserve">                    beforeSend: function () {</w:t>
            </w:r>
          </w:p>
          <w:p w:rsidR="00CE304B" w:rsidRDefault="00CE304B" w:rsidP="00CE304B">
            <w:r>
              <w:t xml:space="preserve">                        $(that).addClass("block-loader");</w:t>
            </w:r>
          </w:p>
          <w:p w:rsidR="00CE304B" w:rsidRDefault="00CE304B" w:rsidP="00CE304B">
            <w:r>
              <w:t xml:space="preserve">                    },</w:t>
            </w:r>
          </w:p>
          <w:p w:rsidR="00CE304B" w:rsidRDefault="00CE304B" w:rsidP="00CE304B">
            <w:r>
              <w:t xml:space="preserve">                    success: function (response) {</w:t>
            </w:r>
          </w:p>
          <w:p w:rsidR="00CE304B" w:rsidRDefault="00CE304B" w:rsidP="00CE304B">
            <w:r>
              <w:t xml:space="preserve">                        $(that).removeClass("block-loader");</w:t>
            </w:r>
          </w:p>
          <w:p w:rsidR="00CE304B" w:rsidRDefault="00CE304B" w:rsidP="00CE304B">
            <w:r>
              <w:t xml:space="preserve">                        $(that).toggleClass("liked");</w:t>
            </w:r>
          </w:p>
          <w:p w:rsidR="00CE304B" w:rsidRDefault="00CE304B" w:rsidP="00CE304B">
            <w:r>
              <w:t xml:space="preserve">                        $("span", that).text($(that).hasClass("liked") ? "In Your List" : "Add To My List");</w:t>
            </w:r>
          </w:p>
          <w:p w:rsidR="00CE304B" w:rsidRDefault="00CE304B" w:rsidP="00CE304B">
            <w:r>
              <w:t xml:space="preserve">                        $(that).attr("data-original-title", $(that).hasClass("liked") ? "Remove From Your List" : "Add To My List").tooltip('show');</w:t>
            </w:r>
          </w:p>
          <w:p w:rsidR="00CE304B" w:rsidRDefault="00CE304B" w:rsidP="00CE304B">
            <w:r>
              <w:t xml:space="preserve">                    }</w:t>
            </w:r>
          </w:p>
          <w:p w:rsidR="00CE304B" w:rsidRDefault="00CE304B" w:rsidP="00CE304B">
            <w:r>
              <w:t xml:space="preserve">                });</w:t>
            </w:r>
          </w:p>
          <w:p w:rsidR="00CE304B" w:rsidRDefault="00CE304B" w:rsidP="00CE304B">
            <w:r>
              <w:t xml:space="preserve">            } else {</w:t>
            </w:r>
          </w:p>
          <w:p w:rsidR="00CE304B" w:rsidRDefault="00CE304B" w:rsidP="00CE304B">
            <w:r>
              <w:t xml:space="preserve">                let wishList = lscache.get("wishlist") || [];</w:t>
            </w:r>
          </w:p>
          <w:p w:rsidR="00CE304B" w:rsidRDefault="00CE304B" w:rsidP="00CE304B">
            <w:r>
              <w:t xml:space="preserve">                if (wishList.includes(rid)) {</w:t>
            </w:r>
          </w:p>
          <w:p w:rsidR="00CE304B" w:rsidRDefault="00CE304B" w:rsidP="00CE304B">
            <w:r>
              <w:t xml:space="preserve">                    wishList = _.without(wishList, rid);</w:t>
            </w:r>
          </w:p>
          <w:p w:rsidR="00CE304B" w:rsidRDefault="00CE304B" w:rsidP="00CE304B">
            <w:r>
              <w:t xml:space="preserve">                } else {</w:t>
            </w:r>
          </w:p>
          <w:p w:rsidR="00CE304B" w:rsidRDefault="00CE304B" w:rsidP="00CE304B">
            <w:r>
              <w:t xml:space="preserve">                    wishList.push(rid);</w:t>
            </w:r>
          </w:p>
          <w:p w:rsidR="00CE304B" w:rsidRDefault="00CE304B" w:rsidP="00CE304B">
            <w:r>
              <w:t xml:space="preserve">                }</w:t>
            </w:r>
          </w:p>
          <w:p w:rsidR="00CE304B" w:rsidRDefault="00CE304B" w:rsidP="00CE304B">
            <w:r>
              <w:t xml:space="preserve">                lscache.set("wishlist", wishList);</w:t>
            </w:r>
          </w:p>
          <w:p w:rsidR="00CE304B" w:rsidRDefault="00CE304B" w:rsidP="00CE304B">
            <w:r>
              <w:t xml:space="preserve">                $(this).toggleClass("liked");</w:t>
            </w:r>
          </w:p>
          <w:p w:rsidR="00CE304B" w:rsidRDefault="00CE304B" w:rsidP="00CE304B">
            <w:r>
              <w:t xml:space="preserve">                $("span", this).text($(this).hasClass("liked") ? "In Your List" : "Add To My List");</w:t>
            </w:r>
          </w:p>
          <w:p w:rsidR="00CE304B" w:rsidRDefault="00CE304B" w:rsidP="00CE304B">
            <w:r>
              <w:t xml:space="preserve">                $(this).attr("data-original-title", $(this).hasClass("liked") ? "Remove From Your List" : "Add To My List").tooltip('show');</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r>
              <w:t xml:space="preserve">    window.fnUpdateWishFlag = function () {</w:t>
            </w:r>
          </w:p>
          <w:p w:rsidR="00CE304B" w:rsidRDefault="00CE304B" w:rsidP="00CE304B">
            <w:r>
              <w:t xml:space="preserve">        let wishList = lscache.get("wishlist") || [];</w:t>
            </w:r>
          </w:p>
          <w:p w:rsidR="00CE304B" w:rsidRDefault="00CE304B" w:rsidP="00CE304B">
            <w:r>
              <w:t xml:space="preserve">        wishList.forEach(function (item) {</w:t>
            </w:r>
          </w:p>
          <w:p w:rsidR="00CE304B" w:rsidRDefault="00CE304B" w:rsidP="00CE304B">
            <w:r>
              <w:t xml:space="preserve">            $(".btn-wishlist[data-id='" + item + "']").addClass("liked");</w:t>
            </w:r>
          </w:p>
          <w:p w:rsidR="00CE304B" w:rsidRDefault="00CE304B" w:rsidP="00CE304B">
            <w:r>
              <w:lastRenderedPageBreak/>
              <w:t xml:space="preserve">            $(".btn-wishlist[data-id='" + item + "'].liked span").text("In Your List");</w:t>
            </w:r>
          </w:p>
          <w:p w:rsidR="00CE304B" w:rsidRDefault="00CE304B" w:rsidP="00CE304B">
            <w:r>
              <w:t xml:space="preserve">            $(".btn-wishlist[data-id='" + item + "'].liked").attr("title", "Remove From Your List");</w:t>
            </w:r>
          </w:p>
          <w:p w:rsidR="00CE304B" w:rsidRDefault="00CE304B" w:rsidP="00CE304B">
            <w:r>
              <w:t xml:space="preserve">        });</w:t>
            </w:r>
          </w:p>
          <w:p w:rsidR="00CE304B" w:rsidRDefault="00CE304B" w:rsidP="00CE304B">
            <w:r>
              <w:t xml:space="preserve">    };</w:t>
            </w:r>
          </w:p>
          <w:p w:rsidR="00CE304B" w:rsidRDefault="00CE304B" w:rsidP="00CE304B">
            <w:r>
              <w:t xml:space="preserve">    &lt;/script&gt;</w:t>
            </w:r>
          </w:p>
          <w:p w:rsidR="00CE304B" w:rsidRDefault="00CE304B" w:rsidP="00CE304B">
            <w:r>
              <w:t xml:space="preserve">    &lt;!--------------------remove from wishlist ends ------------------&gt;</w:t>
            </w:r>
          </w:p>
          <w:p w:rsidR="00CE304B" w:rsidRDefault="00CE304B" w:rsidP="00CE304B">
            <w:r>
              <w:t>&lt;!--theme.js --&gt;</w:t>
            </w:r>
          </w:p>
          <w:p w:rsidR="00CE304B" w:rsidRDefault="00CE304B" w:rsidP="00CE304B">
            <w:r>
              <w:t>&lt;script src="spf/js/theme.js"&gt;&lt;/script&gt;</w:t>
            </w:r>
          </w:p>
          <w:p w:rsidR="00CE304B" w:rsidRDefault="00CE304B" w:rsidP="00CE304B">
            <w:r>
              <w:t>&lt;!--lscache.js --&gt;</w:t>
            </w:r>
          </w:p>
          <w:p w:rsidR="00CE304B" w:rsidRDefault="00CE304B" w:rsidP="00CE304B">
            <w:r>
              <w:t>&lt;script src="js/lscache.js"&gt;&lt;/script&gt;</w:t>
            </w:r>
          </w:p>
          <w:p w:rsidR="00CE304B" w:rsidRDefault="00CE304B" w:rsidP="00CE304B">
            <w:r>
              <w:t>&lt;!--notify.js --&gt;</w:t>
            </w:r>
          </w:p>
          <w:p w:rsidR="00CE304B" w:rsidRDefault="00CE304B" w:rsidP="00CE304B">
            <w:r>
              <w:t>&lt;script src="js/notify.js"&gt;&lt;/script&gt;</w:t>
            </w:r>
          </w:p>
          <w:p w:rsidR="00CE304B" w:rsidRDefault="00CE304B" w:rsidP="00CE304B">
            <w:r>
              <w:t>&lt;!--js/common.js --&gt;</w:t>
            </w:r>
          </w:p>
          <w:p w:rsidR="00CE304B" w:rsidRDefault="00CE304B" w:rsidP="00CE304B">
            <w:r>
              <w:t>&lt;script src="js/common.js"&gt;&lt;/script&gt;</w:t>
            </w:r>
          </w:p>
          <w:p w:rsidR="00CE304B" w:rsidRDefault="00CE304B" w:rsidP="00CE304B">
            <w:r>
              <w:t>&lt;!--animated_canvas.js --&gt;</w:t>
            </w:r>
          </w:p>
          <w:p w:rsidR="00CE304B" w:rsidRDefault="00CE304B" w:rsidP="00CE304B">
            <w:r>
              <w:t xml:space="preserve">    &lt;script src="spf/js/animated_canvas.js"&gt;&lt;/script&gt;</w:t>
            </w:r>
          </w:p>
          <w:p w:rsidR="00CE304B" w:rsidRDefault="00CE304B" w:rsidP="00CE304B">
            <w:r>
              <w:t xml:space="preserve">    &lt;!--selectize.js --&gt;</w:t>
            </w:r>
          </w:p>
          <w:p w:rsidR="00CE304B" w:rsidRDefault="00CE304B" w:rsidP="00CE304B">
            <w:r>
              <w:t xml:space="preserve">    &lt;script src="js/selectize.js"&gt;&lt;/script&gt;</w:t>
            </w:r>
          </w:p>
          <w:p w:rsidR="00CE304B" w:rsidRDefault="00CE304B" w:rsidP="00CE304B">
            <w:r>
              <w:t xml:space="preserve">    &lt;!--googleapis --&gt;</w:t>
            </w:r>
          </w:p>
          <w:p w:rsidR="00CE304B" w:rsidRDefault="00CE304B" w:rsidP="00CE304B">
            <w:r>
              <w:t xml:space="preserve">    &lt;script</w:t>
            </w:r>
          </w:p>
          <w:p w:rsidR="00CE304B" w:rsidRDefault="00CE304B" w:rsidP="00CE304B">
            <w:r>
              <w:t xml:space="preserve">            src="https://maps.googleapis.com/maps/api/js?key=AIzaSyCjN2knZ92ZcETe2mNF2t5l_j21ZTvTnIY&amp;amp;libraries=places&amp;amp;callback=initAutocomplete"</w:t>
            </w:r>
          </w:p>
          <w:p w:rsidR="00CE304B" w:rsidRDefault="00CE304B" w:rsidP="00CE304B">
            <w:r>
              <w:t xml:space="preserve">            async defer&gt;&lt;/script&gt;</w:t>
            </w:r>
          </w:p>
          <w:p w:rsidR="00CE304B" w:rsidRDefault="00CE304B" w:rsidP="00CE304B">
            <w:r>
              <w:t xml:space="preserve">            &lt;!-- velocity.js--&gt;</w:t>
            </w:r>
          </w:p>
          <w:p w:rsidR="00CE304B" w:rsidRDefault="00CE304B" w:rsidP="00CE304B">
            <w:r>
              <w:t>&lt;script src="js/velocity.js"&gt;&lt;/script&gt;</w:t>
            </w:r>
          </w:p>
          <w:p w:rsidR="00CE304B" w:rsidRDefault="00CE304B" w:rsidP="00CE304B">
            <w:r>
              <w:t>&lt;!-- init.js--&gt;</w:t>
            </w:r>
          </w:p>
          <w:p w:rsidR="00CE304B" w:rsidRDefault="00CE304B" w:rsidP="00CE304B">
            <w:r>
              <w:t>&lt;script src="spf/js/init.js"&gt;&lt;/script&gt;</w:t>
            </w:r>
          </w:p>
          <w:p w:rsidR="00CE304B" w:rsidRDefault="00CE304B" w:rsidP="00CE304B"/>
          <w:p w:rsidR="00CE304B" w:rsidRDefault="00CE304B" w:rsidP="00CE304B">
            <w:r>
              <w:t>&lt;!--------------------filter validation starts------------------&gt;</w:t>
            </w:r>
          </w:p>
          <w:p w:rsidR="00CE304B" w:rsidRDefault="00CE304B" w:rsidP="00CE304B">
            <w:r>
              <w:t xml:space="preserve">   &lt;script type="text/javascript"&gt;</w:t>
            </w:r>
          </w:p>
          <w:p w:rsidR="00CE304B" w:rsidRDefault="00CE304B" w:rsidP="00CE304B"/>
          <w:p w:rsidR="00CE304B" w:rsidRDefault="00CE304B" w:rsidP="00CE304B">
            <w:r>
              <w:t xml:space="preserve">    $("#myBtn").click(function(){</w:t>
            </w:r>
          </w:p>
          <w:p w:rsidR="00CE304B" w:rsidRDefault="00CE304B" w:rsidP="00CE304B">
            <w:r>
              <w:t xml:space="preserve">        $("#myModal").modal();</w:t>
            </w:r>
          </w:p>
          <w:p w:rsidR="00CE304B" w:rsidRDefault="00CE304B" w:rsidP="00CE304B">
            <w:r>
              <w:t xml:space="preserve">        $(".modal-backdrop").addClass("modal fade show");</w:t>
            </w:r>
          </w:p>
          <w:p w:rsidR="00CE304B" w:rsidRDefault="00CE304B" w:rsidP="00CE304B">
            <w:r>
              <w:t xml:space="preserve">    });</w:t>
            </w:r>
          </w:p>
          <w:p w:rsidR="00CE304B" w:rsidRDefault="00CE304B" w:rsidP="00CE304B">
            <w:r>
              <w:t xml:space="preserve">    $("#myBtn1").click(function(){</w:t>
            </w:r>
          </w:p>
          <w:p w:rsidR="00CE304B" w:rsidRDefault="00CE304B" w:rsidP="00CE304B">
            <w:r>
              <w:t xml:space="preserve">        $("#myModal1").modal();</w:t>
            </w:r>
          </w:p>
          <w:p w:rsidR="00CE304B" w:rsidRDefault="00CE304B" w:rsidP="00CE304B">
            <w:r>
              <w:t xml:space="preserve">        $(".modal-backdrop").addClass("modal fade show");</w:t>
            </w:r>
          </w:p>
          <w:p w:rsidR="00CE304B" w:rsidRDefault="00CE304B" w:rsidP="00CE304B">
            <w:r>
              <w:t xml:space="preserve">    });</w:t>
            </w:r>
          </w:p>
          <w:p w:rsidR="00CE304B" w:rsidRDefault="00CE304B" w:rsidP="00CE304B">
            <w:r>
              <w:t xml:space="preserve">    $("#myBtn2").click(function(){</w:t>
            </w:r>
          </w:p>
          <w:p w:rsidR="00CE304B" w:rsidRDefault="00CE304B" w:rsidP="00CE304B">
            <w:r>
              <w:t xml:space="preserve">        $("#myModal2").modal();</w:t>
            </w:r>
          </w:p>
          <w:p w:rsidR="00CE304B" w:rsidRDefault="00CE304B" w:rsidP="00CE304B">
            <w:r>
              <w:t xml:space="preserve">        $(".modal-backdrop").addClass("modal fade show");</w:t>
            </w:r>
          </w:p>
          <w:p w:rsidR="00CE304B" w:rsidRDefault="00CE304B" w:rsidP="00CE304B">
            <w:r>
              <w:t xml:space="preserve">    });</w:t>
            </w:r>
          </w:p>
          <w:p w:rsidR="00CE304B" w:rsidRDefault="00CE304B" w:rsidP="00CE304B">
            <w:r>
              <w:t xml:space="preserve">        var placeSearch, autoComplete;</w:t>
            </w:r>
          </w:p>
          <w:p w:rsidR="00CE304B" w:rsidRDefault="00CE304B" w:rsidP="00CE304B">
            <w:r>
              <w:t xml:space="preserve">        $(document).ready(function () {</w:t>
            </w:r>
          </w:p>
          <w:p w:rsidR="00CE304B" w:rsidRDefault="00CE304B" w:rsidP="00CE304B">
            <w:r>
              <w:t xml:space="preserve">            $('.odometer').each(function () {</w:t>
            </w:r>
          </w:p>
          <w:p w:rsidR="00CE304B" w:rsidRDefault="00CE304B" w:rsidP="00CE304B">
            <w:r>
              <w:t xml:space="preserve">                $(this).html($(this).attr("data-value"));</w:t>
            </w:r>
          </w:p>
          <w:p w:rsidR="00CE304B" w:rsidRDefault="00CE304B" w:rsidP="00CE304B">
            <w:r>
              <w:lastRenderedPageBreak/>
              <w:t xml:space="preserve">            });</w:t>
            </w:r>
          </w:p>
          <w:p w:rsidR="00CE304B" w:rsidRDefault="00CE304B" w:rsidP="00CE304B">
            <w:r>
              <w:t xml:space="preserve">            $("#ddlResidenceType").selectize({</w:t>
            </w:r>
          </w:p>
          <w:p w:rsidR="00CE304B" w:rsidRDefault="00CE304B" w:rsidP="00CE304B">
            <w:r>
              <w:t xml:space="preserve">                plugins: ['remove_button'],</w:t>
            </w:r>
          </w:p>
          <w:p w:rsidR="00CE304B" w:rsidRDefault="00CE304B" w:rsidP="00CE304B">
            <w:r>
              <w:t xml:space="preserve">                delimiter: ',',</w:t>
            </w:r>
          </w:p>
          <w:p w:rsidR="00CE304B" w:rsidRDefault="00CE304B" w:rsidP="00CE304B">
            <w:r>
              <w:t xml:space="preserve">                placeholder: 'Residence Types',</w:t>
            </w:r>
          </w:p>
          <w:p w:rsidR="00CE304B" w:rsidRDefault="00CE304B" w:rsidP="00CE304B">
            <w:r>
              <w:t xml:space="preserve">                render: {</w:t>
            </w:r>
          </w:p>
          <w:p w:rsidR="00CE304B" w:rsidRDefault="00CE304B" w:rsidP="00CE304B">
            <w:r>
              <w:t xml:space="preserve">                    item: function (item, escape) {</w:t>
            </w:r>
          </w:p>
          <w:p w:rsidR="00CE304B" w:rsidRDefault="00CE304B" w:rsidP="00CE304B">
            <w:r>
              <w:t xml:space="preserve">                        return '&lt;div class="item" title="' + item.text.trim() + '"&gt;' +</w:t>
            </w:r>
          </w:p>
          <w:p w:rsidR="00CE304B" w:rsidRDefault="00CE304B" w:rsidP="00CE304B">
            <w:r>
              <w:t xml:space="preserve">                            item.text.trim()/*.ellipsis(5)*/ +</w:t>
            </w:r>
          </w:p>
          <w:p w:rsidR="00CE304B" w:rsidRDefault="00CE304B" w:rsidP="00CE304B">
            <w:r>
              <w:t xml:space="preserve">                            '&lt;/div&gt;';</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r>
              <w:t xml:space="preserve">            $("#ddlPriceRange").selectize({</w:t>
            </w:r>
          </w:p>
          <w:p w:rsidR="00CE304B" w:rsidRDefault="00CE304B" w:rsidP="00CE304B">
            <w:r>
              <w:t xml:space="preserve">                placeholder: 'Price Range'</w:t>
            </w:r>
          </w:p>
          <w:p w:rsidR="00CE304B" w:rsidRDefault="00CE304B" w:rsidP="00CE304B">
            <w:r>
              <w:t xml:space="preserve">            });</w:t>
            </w:r>
          </w:p>
          <w:p w:rsidR="00CE304B" w:rsidRDefault="00CE304B" w:rsidP="00CE304B">
            <w:r>
              <w:t xml:space="preserve">            $(document.body).on("click", ".remove-item", function (e) {</w:t>
            </w:r>
          </w:p>
          <w:p w:rsidR="00CE304B" w:rsidRDefault="00CE304B" w:rsidP="00CE304B">
            <w:r>
              <w:t xml:space="preserve">                e.preventDefault();</w:t>
            </w:r>
          </w:p>
          <w:p w:rsidR="00CE304B" w:rsidRDefault="00CE304B" w:rsidP="00CE304B">
            <w:r>
              <w:t xml:space="preserve">                var item = $(this).parents("button");</w:t>
            </w:r>
          </w:p>
          <w:p w:rsidR="00CE304B" w:rsidRDefault="00CE304B" w:rsidP="00CE304B">
            <w:r>
              <w:t xml:space="preserve">                if (item.attr("title") === "Your Location") {</w:t>
            </w:r>
          </w:p>
          <w:p w:rsidR="00CE304B" w:rsidRDefault="00CE304B" w:rsidP="00CE304B">
            <w:r>
              <w:t xml:space="preserve">                    swal.fire({</w:t>
            </w:r>
          </w:p>
          <w:p w:rsidR="00CE304B" w:rsidRDefault="00CE304B" w:rsidP="00CE304B">
            <w:r>
              <w:t xml:space="preserve">                        title: 'Are you sure?',</w:t>
            </w:r>
          </w:p>
          <w:p w:rsidR="00CE304B" w:rsidRDefault="00CE304B" w:rsidP="00CE304B">
            <w:r>
              <w:t xml:space="preserve">                        text: "You are removing your location that was detected by the system. If you choose to remove, you will not be shown with your location automatically, until you clear this preference manually.",</w:t>
            </w:r>
          </w:p>
          <w:p w:rsidR="00CE304B" w:rsidRDefault="00CE304B" w:rsidP="00CE304B">
            <w:r>
              <w:t xml:space="preserve">                        icon: 'warning',</w:t>
            </w:r>
          </w:p>
          <w:p w:rsidR="00CE304B" w:rsidRDefault="00CE304B" w:rsidP="00CE304B">
            <w:r>
              <w:t xml:space="preserve">                        showCancelButton: true,</w:t>
            </w:r>
          </w:p>
          <w:p w:rsidR="00CE304B" w:rsidRDefault="00CE304B" w:rsidP="00CE304B">
            <w:r>
              <w:t xml:space="preserve">                        confirmButtonColor: '#0CC27E',</w:t>
            </w:r>
          </w:p>
          <w:p w:rsidR="00CE304B" w:rsidRDefault="00CE304B" w:rsidP="00CE304B">
            <w:r>
              <w:t xml:space="preserve">                        cancelButtonColor: '#FF586B',</w:t>
            </w:r>
          </w:p>
          <w:p w:rsidR="00CE304B" w:rsidRDefault="00CE304B" w:rsidP="00CE304B">
            <w:r>
              <w:t xml:space="preserve">                        confirmButtonText: 'Yes, Remove',</w:t>
            </w:r>
          </w:p>
          <w:p w:rsidR="00CE304B" w:rsidRDefault="00CE304B" w:rsidP="00CE304B">
            <w:r>
              <w:t xml:space="preserve">                        cancelButtonText: 'Let it be',</w:t>
            </w:r>
          </w:p>
          <w:p w:rsidR="00CE304B" w:rsidRDefault="00CE304B" w:rsidP="00CE304B">
            <w:r>
              <w:t xml:space="preserve">                        showLoaderOnConfirm: true,</w:t>
            </w:r>
          </w:p>
          <w:p w:rsidR="00CE304B" w:rsidRDefault="00CE304B" w:rsidP="00CE304B">
            <w:r>
              <w:t xml:space="preserve">                        reverseButtons: true</w:t>
            </w:r>
          </w:p>
          <w:p w:rsidR="00CE304B" w:rsidRDefault="00CE304B" w:rsidP="00CE304B">
            <w:r>
              <w:t xml:space="preserve">                    }).then((result) =&gt; {</w:t>
            </w:r>
          </w:p>
          <w:p w:rsidR="00CE304B" w:rsidRDefault="00CE304B" w:rsidP="00CE304B">
            <w:r>
              <w:t xml:space="preserve">                        if (result.value) {</w:t>
            </w:r>
          </w:p>
          <w:p w:rsidR="00CE304B" w:rsidRDefault="00CE304B" w:rsidP="00CE304B">
            <w:r>
              <w:t xml:space="preserve">                            lscache.set("auto_location_off", 1, (7 * 24 * 60));</w:t>
            </w:r>
          </w:p>
          <w:p w:rsidR="00CE304B" w:rsidRDefault="00CE304B" w:rsidP="00CE304B">
            <w:r>
              <w:t xml:space="preserve">                            item.remove();</w:t>
            </w:r>
          </w:p>
          <w:p w:rsidR="00CE304B" w:rsidRDefault="00CE304B" w:rsidP="00CE304B">
            <w:r>
              <w:t xml:space="preserve">                            noty("success", "Your preference has been updated!!",</w:t>
            </w:r>
          </w:p>
          <w:p w:rsidR="00CE304B" w:rsidRDefault="00CE304B" w:rsidP="00CE304B">
            <w:r>
              <w:t xml:space="preserve">                                "You will not be shown with your location for the next 7 days.", 5000, "top-right");</w:t>
            </w:r>
          </w:p>
          <w:p w:rsidR="00CE304B" w:rsidRDefault="00CE304B" w:rsidP="00CE304B">
            <w:r>
              <w:t xml:space="preserve">                            /*Swal.fire({</w:t>
            </w:r>
          </w:p>
          <w:p w:rsidR="00CE304B" w:rsidRDefault="00CE304B" w:rsidP="00CE304B">
            <w:r>
              <w:t xml:space="preserve">                                title: "Your preference has been updated!!",</w:t>
            </w:r>
          </w:p>
          <w:p w:rsidR="00CE304B" w:rsidRDefault="00CE304B" w:rsidP="00CE304B">
            <w:r>
              <w:t xml:space="preserve">                                text: "You will not be shown with your location for the next 7 days.",</w:t>
            </w:r>
          </w:p>
          <w:p w:rsidR="00CE304B" w:rsidRDefault="00CE304B" w:rsidP="00CE304B">
            <w:r>
              <w:t xml:space="preserve">                                icon: "success",</w:t>
            </w:r>
          </w:p>
          <w:p w:rsidR="00CE304B" w:rsidRDefault="00CE304B" w:rsidP="00CE304B">
            <w:r>
              <w:t xml:space="preserve">                                confirmButtonText: "Ok, Got it!!"</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r>
              <w:t xml:space="preserve">                } else {</w:t>
            </w:r>
          </w:p>
          <w:p w:rsidR="00CE304B" w:rsidRDefault="00CE304B" w:rsidP="00CE304B">
            <w:r>
              <w:lastRenderedPageBreak/>
              <w:t xml:space="preserve">                    item.remove();</w:t>
            </w:r>
          </w:p>
          <w:p w:rsidR="00CE304B" w:rsidRDefault="00CE304B" w:rsidP="00CE304B">
            <w:r>
              <w:t xml:space="preserve">                }</w:t>
            </w:r>
          </w:p>
          <w:p w:rsidR="00CE304B" w:rsidRDefault="00CE304B" w:rsidP="00CE304B">
            <w:r>
              <w:t xml:space="preserve">            });</w:t>
            </w:r>
          </w:p>
          <w:p w:rsidR="00CE304B" w:rsidRDefault="00CE304B" w:rsidP="00CE304B">
            <w:r>
              <w:t xml:space="preserve">            $(document.body).on("click", "#btnSearchResidence", function (e) {</w:t>
            </w:r>
          </w:p>
          <w:p w:rsidR="00CE304B" w:rsidRDefault="00CE304B" w:rsidP="00CE304B">
            <w:r>
              <w:t xml:space="preserve">                e.preventDefault();</w:t>
            </w:r>
          </w:p>
          <w:p w:rsidR="00CE304B" w:rsidRDefault="00CE304B" w:rsidP="00CE304B">
            <w:r>
              <w:t xml:space="preserve">                $(this).attr("disabled", "disabled");</w:t>
            </w:r>
          </w:p>
          <w:p w:rsidR="00CE304B" w:rsidRDefault="00CE304B" w:rsidP="00CE304B">
            <w:r>
              <w:t xml:space="preserve">                var filter = [];</w:t>
            </w:r>
          </w:p>
          <w:p w:rsidR="00CE304B" w:rsidRDefault="00CE304B" w:rsidP="00CE304B">
            <w:r>
              <w:t xml:space="preserve">                price_range = $("#ddlPriceRange").val().split("-");</w:t>
            </w:r>
          </w:p>
          <w:p w:rsidR="00CE304B" w:rsidRDefault="00CE304B" w:rsidP="00CE304B">
            <w:r>
              <w:t xml:space="preserve">                filter["min"] = price_range[0] || "0";</w:t>
            </w:r>
          </w:p>
          <w:p w:rsidR="00CE304B" w:rsidRDefault="00CE304B" w:rsidP="00CE304B">
            <w:r>
              <w:t xml:space="preserve">                filter["max"] = price_range[1] || "15000";</w:t>
            </w:r>
          </w:p>
          <w:p w:rsidR="00CE304B" w:rsidRDefault="00CE304B" w:rsidP="00CE304B">
            <w:r>
              <w:t xml:space="preserve">                filter["location"] = [...new Set($("#divLocations button").map(function () {</w:t>
            </w:r>
          </w:p>
          <w:p w:rsidR="00CE304B" w:rsidRDefault="00CE304B" w:rsidP="00CE304B">
            <w:r>
              <w:t xml:space="preserve">                    return $(this).data("location");</w:t>
            </w:r>
          </w:p>
          <w:p w:rsidR="00CE304B" w:rsidRDefault="00CE304B" w:rsidP="00CE304B">
            <w:r>
              <w:t xml:space="preserve">                }).get())];</w:t>
            </w:r>
          </w:p>
          <w:p w:rsidR="00CE304B" w:rsidRDefault="00CE304B" w:rsidP="00CE304B">
            <w:r>
              <w:t xml:space="preserve">                filter["residences"] = $("#ddlResidenceType").val();</w:t>
            </w:r>
          </w:p>
          <w:p w:rsidR="00CE304B" w:rsidRDefault="00CE304B" w:rsidP="00CE304B">
            <w:r>
              <w:t xml:space="preserve">                let params = {</w:t>
            </w:r>
          </w:p>
          <w:p w:rsidR="00CE304B" w:rsidRDefault="00CE304B" w:rsidP="00CE304B">
            <w:r>
              <w:t xml:space="preserve">                    "filter": btoa(fnStringifyObject(filter))</w:t>
            </w:r>
          </w:p>
          <w:p w:rsidR="00CE304B" w:rsidRDefault="00CE304B" w:rsidP="00CE304B">
            <w:r>
              <w:t xml:space="preserve">                };</w:t>
            </w:r>
          </w:p>
          <w:p w:rsidR="00CE304B" w:rsidRDefault="00CE304B" w:rsidP="00CE304B">
            <w:r>
              <w:t xml:space="preserve">                fnRedirect("{{ url('/residences", fnObjectToQuery(params));</w:t>
            </w:r>
          </w:p>
          <w:p w:rsidR="00CE304B" w:rsidRDefault="00CE304B" w:rsidP="00CE304B">
            <w:r>
              <w:t xml:space="preserve">            });</w:t>
            </w:r>
          </w:p>
          <w:p w:rsidR="00CE304B" w:rsidRDefault="00CE304B" w:rsidP="00CE304B">
            <w:r>
              <w:t xml:space="preserve">        });</w:t>
            </w:r>
          </w:p>
          <w:p w:rsidR="00CE304B" w:rsidRDefault="00CE304B" w:rsidP="00CE304B"/>
          <w:p w:rsidR="00CE304B" w:rsidRDefault="00CE304B" w:rsidP="00CE304B">
            <w:r>
              <w:t xml:space="preserve">        function initAutocomplete() {</w:t>
            </w:r>
          </w:p>
          <w:p w:rsidR="00CE304B" w:rsidRDefault="00CE304B" w:rsidP="00CE304B">
            <w:r>
              <w:t xml:space="preserve">            geoLocate();</w:t>
            </w:r>
          </w:p>
          <w:p w:rsidR="00CE304B" w:rsidRDefault="00CE304B" w:rsidP="00CE304B">
            <w:r>
              <w:t xml:space="preserve">            autocomplete = new google.maps.places.Autocomplete(</w:t>
            </w:r>
          </w:p>
          <w:p w:rsidR="00CE304B" w:rsidRDefault="00CE304B" w:rsidP="00CE304B">
            <w:r>
              <w:t xml:space="preserve">                document.getElementById('txtLocation'),</w:t>
            </w:r>
          </w:p>
          <w:p w:rsidR="00CE304B" w:rsidRDefault="00CE304B" w:rsidP="00CE304B">
            <w:r>
              <w:t xml:space="preserve">                {</w:t>
            </w:r>
          </w:p>
          <w:p w:rsidR="00CE304B" w:rsidRDefault="00CE304B" w:rsidP="00CE304B">
            <w:r>
              <w:t xml:space="preserve">                    types: ['geocode'],</w:t>
            </w:r>
          </w:p>
          <w:p w:rsidR="00CE304B" w:rsidRDefault="00CE304B" w:rsidP="00CE304B">
            <w:r>
              <w:t xml:space="preserve">                    componentRestrictions: {</w:t>
            </w:r>
          </w:p>
          <w:p w:rsidR="00CE304B" w:rsidRDefault="00CE304B" w:rsidP="00CE304B">
            <w:r>
              <w:t xml:space="preserve">                        country: "us"</w:t>
            </w:r>
          </w:p>
          <w:p w:rsidR="00CE304B" w:rsidRDefault="00CE304B" w:rsidP="00CE304B">
            <w:r>
              <w:t xml:space="preserve">                    }</w:t>
            </w:r>
          </w:p>
          <w:p w:rsidR="00CE304B" w:rsidRDefault="00CE304B" w:rsidP="00CE304B">
            <w:r>
              <w:t xml:space="preserve">                });</w:t>
            </w:r>
          </w:p>
          <w:p w:rsidR="00CE304B" w:rsidRDefault="00CE304B" w:rsidP="00CE304B">
            <w:r>
              <w:t xml:space="preserve">            autocomplete.setFields(['address_component']);</w:t>
            </w:r>
          </w:p>
          <w:p w:rsidR="00CE304B" w:rsidRDefault="00CE304B" w:rsidP="00CE304B">
            <w:r>
              <w:t xml:space="preserve">            autocomplete.addListener('place_changed', fnPlaceChanged);</w:t>
            </w:r>
          </w:p>
          <w:p w:rsidR="00CE304B" w:rsidRDefault="00CE304B" w:rsidP="00CE304B">
            <w:r>
              <w:t xml:space="preserve">            google.maps.event.addDomListener(document.getElementById('txtLocation'), 'keydown', function (e) {</w:t>
            </w:r>
          </w:p>
          <w:p w:rsidR="00CE304B" w:rsidRDefault="00CE304B" w:rsidP="00CE304B">
            <w:r>
              <w:t xml:space="preserve">                if (e.keyCode === 13) {</w:t>
            </w:r>
          </w:p>
          <w:p w:rsidR="00CE304B" w:rsidRDefault="00CE304B" w:rsidP="00CE304B">
            <w:r>
              <w:t xml:space="preserve">                    e.preventDefault();</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p w:rsidR="00CE304B" w:rsidRDefault="00CE304B" w:rsidP="00CE304B">
            <w:r>
              <w:t xml:space="preserve">        function fnPlaceChanged() {</w:t>
            </w:r>
          </w:p>
          <w:p w:rsidR="00CE304B" w:rsidRDefault="00CE304B" w:rsidP="00CE304B">
            <w:r>
              <w:t xml:space="preserve">            var place = autocomplete.getPlace();</w:t>
            </w:r>
          </w:p>
          <w:p w:rsidR="00CE304B" w:rsidRDefault="00CE304B" w:rsidP="00CE304B">
            <w:r>
              <w:t xml:space="preserve">            var locationData = fnGetLocationData(place);</w:t>
            </w:r>
          </w:p>
          <w:p w:rsidR="00CE304B" w:rsidRDefault="00CE304B" w:rsidP="00CE304B">
            <w:r>
              <w:t xml:space="preserve">            if (locationData !== "") {</w:t>
            </w:r>
          </w:p>
          <w:p w:rsidR="00CE304B" w:rsidRDefault="00CE304B" w:rsidP="00CE304B">
            <w:r>
              <w:t xml:space="preserve">                fnAddLocationItem(locationData);</w:t>
            </w:r>
          </w:p>
          <w:p w:rsidR="00CE304B" w:rsidRDefault="00CE304B" w:rsidP="00CE304B">
            <w:r>
              <w:t xml:space="preserve">            } else {</w:t>
            </w:r>
          </w:p>
          <w:p w:rsidR="00CE304B" w:rsidRDefault="00CE304B" w:rsidP="00CE304B">
            <w:r>
              <w:t xml:space="preserve">                swal.fire({</w:t>
            </w:r>
          </w:p>
          <w:p w:rsidR="00CE304B" w:rsidRDefault="00CE304B" w:rsidP="00CE304B">
            <w:r>
              <w:lastRenderedPageBreak/>
              <w:t xml:space="preserve">                    title: "Invalid input!!",</w:t>
            </w:r>
          </w:p>
          <w:p w:rsidR="00CE304B" w:rsidRDefault="00CE304B" w:rsidP="00CE304B">
            <w:r>
              <w:t xml:space="preserve">                    text: "Please enter a city or zip code.",</w:t>
            </w:r>
          </w:p>
          <w:p w:rsidR="00CE304B" w:rsidRDefault="00CE304B" w:rsidP="00CE304B">
            <w:r>
              <w:t xml:space="preserve">                    icon: "warning",</w:t>
            </w:r>
          </w:p>
          <w:p w:rsidR="00CE304B" w:rsidRDefault="00CE304B" w:rsidP="00CE304B">
            <w:r>
              <w:t xml:space="preserve">                    confirmButtonColor: "#DD6B55",</w:t>
            </w:r>
          </w:p>
          <w:p w:rsidR="00CE304B" w:rsidRDefault="00CE304B" w:rsidP="00CE304B">
            <w:r>
              <w:t xml:space="preserve">                    confirmButtonText: "Ok, Got it!!",</w:t>
            </w:r>
          </w:p>
          <w:p w:rsidR="00CE304B" w:rsidRDefault="00CE304B" w:rsidP="00CE304B">
            <w:r>
              <w:t xml:space="preserve">                    allowOutsideClick: false</w:t>
            </w:r>
          </w:p>
          <w:p w:rsidR="00CE304B" w:rsidRDefault="00CE304B" w:rsidP="00CE304B">
            <w:r>
              <w:t xml:space="preserve">                });</w:t>
            </w:r>
          </w:p>
          <w:p w:rsidR="00CE304B" w:rsidRDefault="00CE304B" w:rsidP="00CE304B">
            <w:r>
              <w:t xml:space="preserve">            }</w:t>
            </w:r>
          </w:p>
          <w:p w:rsidR="00CE304B" w:rsidRDefault="00CE304B" w:rsidP="00CE304B">
            <w:r>
              <w:t xml:space="preserve">            $("#txtLocation").val("");</w:t>
            </w:r>
          </w:p>
          <w:p w:rsidR="00CE304B" w:rsidRDefault="00CE304B" w:rsidP="00CE304B">
            <w:r>
              <w:t xml:space="preserve">        }</w:t>
            </w:r>
          </w:p>
          <w:p w:rsidR="00CE304B" w:rsidRDefault="00CE304B" w:rsidP="00CE304B"/>
          <w:p w:rsidR="00CE304B" w:rsidRDefault="00CE304B" w:rsidP="00CE304B">
            <w:r>
              <w:t xml:space="preserve">        function fnGetLocationData(place) {</w:t>
            </w:r>
          </w:p>
          <w:p w:rsidR="00CE304B" w:rsidRDefault="00CE304B" w:rsidP="00CE304B">
            <w:r>
              <w:t xml:space="preserve">            var location = {}, locationData = "";</w:t>
            </w:r>
          </w:p>
          <w:p w:rsidR="00CE304B" w:rsidRDefault="00CE304B" w:rsidP="00CE304B">
            <w:r>
              <w:t xml:space="preserve">            for (var i = 0; i &lt; place.address_components.length; i++) {</w:t>
            </w:r>
          </w:p>
          <w:p w:rsidR="00CE304B" w:rsidRDefault="00CE304B" w:rsidP="00CE304B">
            <w:r>
              <w:t xml:space="preserve">                var addressType = place.address_components[i].types[0];</w:t>
            </w:r>
          </w:p>
          <w:p w:rsidR="00CE304B" w:rsidRDefault="00CE304B" w:rsidP="00CE304B">
            <w:r>
              <w:t xml:space="preserve">                if (addressType === "postal_code") {</w:t>
            </w:r>
          </w:p>
          <w:p w:rsidR="00CE304B" w:rsidRDefault="00CE304B" w:rsidP="00CE304B">
            <w:r>
              <w:t xml:space="preserve">                    location["zip_code"] = place.address_components[i]["short_name"];</w:t>
            </w:r>
          </w:p>
          <w:p w:rsidR="00CE304B" w:rsidRDefault="00CE304B" w:rsidP="00CE304B">
            <w:r>
              <w:t xml:space="preserve">                }</w:t>
            </w:r>
          </w:p>
          <w:p w:rsidR="00CE304B" w:rsidRDefault="00CE304B" w:rsidP="00CE304B">
            <w:r>
              <w:t xml:space="preserve">                if (addressType === "locality") {</w:t>
            </w:r>
          </w:p>
          <w:p w:rsidR="00CE304B" w:rsidRDefault="00CE304B" w:rsidP="00CE304B">
            <w:r>
              <w:t xml:space="preserve">                    location["city_alt"] = place.address_components[i]["long_name"];</w:t>
            </w:r>
          </w:p>
          <w:p w:rsidR="00CE304B" w:rsidRDefault="00CE304B" w:rsidP="00CE304B">
            <w:r>
              <w:t xml:space="preserve">                }</w:t>
            </w:r>
          </w:p>
          <w:p w:rsidR="00CE304B" w:rsidRDefault="00CE304B" w:rsidP="00CE304B">
            <w:r>
              <w:t xml:space="preserve">                if (addressType === "neighborhood") {</w:t>
            </w:r>
          </w:p>
          <w:p w:rsidR="00CE304B" w:rsidRDefault="00CE304B" w:rsidP="00CE304B">
            <w:r>
              <w:t xml:space="preserve">                    location["city"] = place.address_components[i]["long_name"];</w:t>
            </w:r>
          </w:p>
          <w:p w:rsidR="00CE304B" w:rsidRDefault="00CE304B" w:rsidP="00CE304B">
            <w:r>
              <w:t xml:space="preserve">                }</w:t>
            </w:r>
          </w:p>
          <w:p w:rsidR="00CE304B" w:rsidRDefault="00CE304B" w:rsidP="00CE304B">
            <w:r>
              <w:t xml:space="preserve">                if (addressType === "administrative_area_level_1") {</w:t>
            </w:r>
          </w:p>
          <w:p w:rsidR="00CE304B" w:rsidRDefault="00CE304B" w:rsidP="00CE304B">
            <w:r>
              <w:t xml:space="preserve">                    location["state"] = place.address_components[i]["short_name"];</w:t>
            </w:r>
          </w:p>
          <w:p w:rsidR="00CE304B" w:rsidRDefault="00CE304B" w:rsidP="00CE304B">
            <w:r>
              <w:t xml:space="preserve">                }</w:t>
            </w:r>
          </w:p>
          <w:p w:rsidR="00CE304B" w:rsidRDefault="00CE304B" w:rsidP="00CE304B">
            <w:r>
              <w:t xml:space="preserve">            }</w:t>
            </w:r>
          </w:p>
          <w:p w:rsidR="00CE304B" w:rsidRDefault="00CE304B" w:rsidP="00CE304B">
            <w:r>
              <w:t xml:space="preserve">            if (location.hasOwnProperty("zip_code")) {</w:t>
            </w:r>
          </w:p>
          <w:p w:rsidR="00CE304B" w:rsidRDefault="00CE304B" w:rsidP="00CE304B">
            <w:r>
              <w:t xml:space="preserve">                locationData = "zip_code~" + location["zip_code"];</w:t>
            </w:r>
          </w:p>
          <w:p w:rsidR="00CE304B" w:rsidRDefault="00CE304B" w:rsidP="00CE304B">
            <w:r>
              <w:t xml:space="preserve">            } else if (location.hasOwnProperty("city")) {</w:t>
            </w:r>
          </w:p>
          <w:p w:rsidR="00CE304B" w:rsidRDefault="00CE304B" w:rsidP="00CE304B">
            <w:r>
              <w:t xml:space="preserve">                locationData = "city~" + location["city"];</w:t>
            </w:r>
          </w:p>
          <w:p w:rsidR="00CE304B" w:rsidRDefault="00CE304B" w:rsidP="00CE304B">
            <w:r>
              <w:t xml:space="preserve">            } else if (location.hasOwnProperty("city_alt")) {</w:t>
            </w:r>
          </w:p>
          <w:p w:rsidR="00CE304B" w:rsidRDefault="00CE304B" w:rsidP="00CE304B">
            <w:r>
              <w:t xml:space="preserve">                locationData = "city~" + location["city_alt"];</w:t>
            </w:r>
          </w:p>
          <w:p w:rsidR="00CE304B" w:rsidRDefault="00CE304B" w:rsidP="00CE304B">
            <w:r>
              <w:t xml:space="preserve">            }/* else if (location.hasOwnProperty("state")) {</w:t>
            </w:r>
          </w:p>
          <w:p w:rsidR="00CE304B" w:rsidRDefault="00CE304B" w:rsidP="00CE304B">
            <w:r>
              <w:t xml:space="preserve">                locationData = "state~" + location["state"];</w:t>
            </w:r>
          </w:p>
          <w:p w:rsidR="00CE304B" w:rsidRDefault="00CE304B" w:rsidP="00CE304B">
            <w:r>
              <w:t xml:space="preserve">            }*/</w:t>
            </w:r>
          </w:p>
          <w:p w:rsidR="00CE304B" w:rsidRDefault="00CE304B" w:rsidP="00CE304B">
            <w:r>
              <w:t xml:space="preserve">            return locationData;</w:t>
            </w:r>
          </w:p>
          <w:p w:rsidR="00CE304B" w:rsidRDefault="00CE304B" w:rsidP="00CE304B">
            <w:r>
              <w:t xml:space="preserve">        }</w:t>
            </w:r>
          </w:p>
          <w:p w:rsidR="00CE304B" w:rsidRDefault="00CE304B" w:rsidP="00CE304B"/>
          <w:p w:rsidR="00CE304B" w:rsidRDefault="00CE304B" w:rsidP="00CE304B">
            <w:r>
              <w:t xml:space="preserve">        function fnAddLocationItem(data, theme = 'light', title = "Added Location") {</w:t>
            </w:r>
          </w:p>
          <w:p w:rsidR="00CE304B" w:rsidRDefault="00CE304B" w:rsidP="00CE304B">
            <w:r>
              <w:t xml:space="preserve">            let locData = data.split('~');</w:t>
            </w:r>
          </w:p>
          <w:p w:rsidR="00CE304B" w:rsidRDefault="00CE304B" w:rsidP="00CE304B">
            <w:r>
              <w:t xml:space="preserve">            var existing = $("#divLocations button:contains(" + locData[1] + ")");</w:t>
            </w:r>
          </w:p>
          <w:p w:rsidR="00CE304B" w:rsidRDefault="00CE304B" w:rsidP="00CE304B">
            <w:r>
              <w:t xml:space="preserve">            if (existing.length &gt; 0) {</w:t>
            </w:r>
          </w:p>
          <w:p w:rsidR="00CE304B" w:rsidRDefault="00CE304B" w:rsidP="00CE304B">
            <w:r>
              <w:t xml:space="preserve">                $(existing).attr("title", title);</w:t>
            </w:r>
          </w:p>
          <w:p w:rsidR="00CE304B" w:rsidRDefault="00CE304B" w:rsidP="00CE304B">
            <w:r>
              <w:t xml:space="preserve">                $(existing).removeClass("btn-light");</w:t>
            </w:r>
          </w:p>
          <w:p w:rsidR="00CE304B" w:rsidRDefault="00CE304B" w:rsidP="00CE304B">
            <w:r>
              <w:t xml:space="preserve">                $(existing).addClass("btn-" + theme);</w:t>
            </w:r>
          </w:p>
          <w:p w:rsidR="00CE304B" w:rsidRDefault="00CE304B" w:rsidP="00CE304B">
            <w:r>
              <w:t xml:space="preserve">            } else {</w:t>
            </w:r>
          </w:p>
          <w:p w:rsidR="00CE304B" w:rsidRDefault="00CE304B" w:rsidP="00CE304B">
            <w:r>
              <w:lastRenderedPageBreak/>
              <w:t xml:space="preserve">                var template = $('&lt;button type="button" class="btn btn-' + theme + ' btn-sm mr-1 mb-1 wow fadeInDown"&gt;&lt;span class="badge remove-item ml-1"&gt;&amp;times;&lt;/span&gt;&lt;/button&gt;');</w:t>
            </w:r>
          </w:p>
          <w:p w:rsidR="00CE304B" w:rsidRDefault="00CE304B" w:rsidP="00CE304B">
            <w:r>
              <w:t xml:space="preserve">                template.prepend(_.upperFirst(_.camelCase(locData[0])) + ": " + locData[1]);</w:t>
            </w:r>
          </w:p>
          <w:p w:rsidR="00CE304B" w:rsidRDefault="00CE304B" w:rsidP="00CE304B">
            <w:r>
              <w:t xml:space="preserve">                $(template).data("location", data);</w:t>
            </w:r>
          </w:p>
          <w:p w:rsidR="00CE304B" w:rsidRDefault="00CE304B" w:rsidP="00CE304B">
            <w:r>
              <w:t xml:space="preserve">                $(template).attr("title", title);</w:t>
            </w:r>
          </w:p>
          <w:p w:rsidR="00CE304B" w:rsidRDefault="00CE304B" w:rsidP="00CE304B">
            <w:r>
              <w:t xml:space="preserve">                $("#divLocations").append(template);</w:t>
            </w:r>
          </w:p>
          <w:p w:rsidR="00CE304B" w:rsidRDefault="00CE304B" w:rsidP="00CE304B">
            <w:r>
              <w:t xml:space="preserve">            }</w:t>
            </w:r>
          </w:p>
          <w:p w:rsidR="00CE304B" w:rsidRDefault="00CE304B" w:rsidP="00CE304B">
            <w:r>
              <w:t xml:space="preserve">        }</w:t>
            </w:r>
          </w:p>
          <w:p w:rsidR="00CE304B" w:rsidRDefault="00CE304B" w:rsidP="00CE304B"/>
          <w:p w:rsidR="00CE304B" w:rsidRDefault="00CE304B" w:rsidP="00CE304B">
            <w:r>
              <w:t xml:space="preserve">        function geoLocate() {</w:t>
            </w:r>
          </w:p>
          <w:p w:rsidR="00CE304B" w:rsidRDefault="00CE304B" w:rsidP="00CE304B">
            <w:r>
              <w:t xml:space="preserve">            if (navigator.geolocation) {</w:t>
            </w:r>
          </w:p>
          <w:p w:rsidR="00CE304B" w:rsidRDefault="00CE304B" w:rsidP="00CE304B">
            <w:r>
              <w:t xml:space="preserve">                navigator.geolocation.getCurrentPosition(function (position) {</w:t>
            </w:r>
          </w:p>
          <w:p w:rsidR="00CE304B" w:rsidRDefault="00CE304B" w:rsidP="00CE304B">
            <w:r>
              <w:t xml:space="preserve">                    var geolocation = {</w:t>
            </w:r>
          </w:p>
          <w:p w:rsidR="00CE304B" w:rsidRDefault="00CE304B" w:rsidP="00CE304B">
            <w:r>
              <w:t xml:space="preserve">                        lat: position.coords.latitude,</w:t>
            </w:r>
          </w:p>
          <w:p w:rsidR="00CE304B" w:rsidRDefault="00CE304B" w:rsidP="00CE304B">
            <w:r>
              <w:t xml:space="preserve">                        lng: position.coords.longitude</w:t>
            </w:r>
          </w:p>
          <w:p w:rsidR="00CE304B" w:rsidRDefault="00CE304B" w:rsidP="00CE304B">
            <w:r>
              <w:t xml:space="preserve">                    };</w:t>
            </w:r>
          </w:p>
          <w:p w:rsidR="00CE304B" w:rsidRDefault="00CE304B" w:rsidP="00CE304B">
            <w:r>
              <w:t xml:space="preserve">                    var circle = new google.maps.Circle(</w:t>
            </w:r>
          </w:p>
          <w:p w:rsidR="00CE304B" w:rsidRDefault="00CE304B" w:rsidP="00CE304B">
            <w:r>
              <w:t xml:space="preserve">                        {center: geolocation, radius: position.coords.accuracy});</w:t>
            </w:r>
          </w:p>
          <w:p w:rsidR="00CE304B" w:rsidRDefault="00CE304B" w:rsidP="00CE304B">
            <w:r>
              <w:t xml:space="preserve">                    autocomplete.setBounds(circle.getBounds());</w:t>
            </w:r>
          </w:p>
          <w:p w:rsidR="00CE304B" w:rsidRDefault="00CE304B" w:rsidP="00CE304B">
            <w:r>
              <w:t xml:space="preserve">                    if (!lscache.get("auto_location_off")) {</w:t>
            </w:r>
          </w:p>
          <w:p w:rsidR="00CE304B" w:rsidRDefault="00CE304B" w:rsidP="00CE304B">
            <w:r>
              <w:t xml:space="preserve">                        var point = new google.maps.LatLng(position.coords.latitude, position.coords.longitude);</w:t>
            </w:r>
          </w:p>
          <w:p w:rsidR="00CE304B" w:rsidRDefault="00CE304B" w:rsidP="00CE304B">
            <w:r>
              <w:t xml:space="preserve">                        new google.maps.Geocoder().geocode({'latLng': point}, function (res, status) {</w:t>
            </w:r>
          </w:p>
          <w:p w:rsidR="00CE304B" w:rsidRDefault="00CE304B" w:rsidP="00CE304B">
            <w:r>
              <w:t xml:space="preserve">                            if (status === google.maps.GeocoderStatus.OK &amp;&amp; typeof res[0] !== 'undefined') {</w:t>
            </w:r>
          </w:p>
          <w:p w:rsidR="00CE304B" w:rsidRDefault="00CE304B" w:rsidP="00CE304B">
            <w:r>
              <w:t xml:space="preserve">                                var locationData = fnGetLocationData(res[0]);</w:t>
            </w:r>
          </w:p>
          <w:p w:rsidR="00CE304B" w:rsidRDefault="00CE304B" w:rsidP="00CE304B">
            <w:r>
              <w:t xml:space="preserve">                                if (locationData !== "") {</w:t>
            </w:r>
          </w:p>
          <w:p w:rsidR="00CE304B" w:rsidRDefault="00CE304B" w:rsidP="00CE304B">
            <w:r>
              <w:t xml:space="preserve">                                    fnAddLocationItem(locationData, 'success', 'Your Location');</w:t>
            </w:r>
          </w:p>
          <w:p w:rsidR="00CE304B" w:rsidRDefault="00CE304B" w:rsidP="00CE304B">
            <w:r>
              <w:t xml:space="preserve">                                } else {</w:t>
            </w:r>
          </w:p>
          <w:p w:rsidR="00CE304B" w:rsidRDefault="00CE304B" w:rsidP="00CE304B">
            <w:r>
              <w:t xml:space="preserve">                                    fail('Unable to get zip code');</w:t>
            </w:r>
          </w:p>
          <w:p w:rsidR="00CE304B" w:rsidRDefault="00CE304B" w:rsidP="00CE304B">
            <w:r>
              <w:t xml:space="preserve">                                }</w:t>
            </w:r>
          </w:p>
          <w:p w:rsidR="00CE304B" w:rsidRDefault="00CE304B" w:rsidP="00CE304B">
            <w:r>
              <w:t xml:space="preserve">                            } else {</w:t>
            </w:r>
          </w:p>
          <w:p w:rsidR="00CE304B" w:rsidRDefault="00CE304B" w:rsidP="00CE304B">
            <w:r>
              <w:t xml:space="preserve">                                fail('Unable to look-up geolocation');</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r>
              <w:t xml:space="preserve">            } else {</w:t>
            </w:r>
          </w:p>
          <w:p w:rsidR="00CE304B" w:rsidRDefault="00CE304B" w:rsidP="00CE304B">
            <w:r>
              <w:t xml:space="preserve">                console.log("Geolocation not supported");</w:t>
            </w:r>
          </w:p>
          <w:p w:rsidR="00CE304B" w:rsidRDefault="00CE304B" w:rsidP="00CE304B">
            <w:r>
              <w:t xml:space="preserve">            }</w:t>
            </w:r>
          </w:p>
          <w:p w:rsidR="00CE304B" w:rsidRDefault="00CE304B" w:rsidP="00CE304B">
            <w:r>
              <w:t xml:space="preserve">        }</w:t>
            </w:r>
          </w:p>
          <w:p w:rsidR="00CE304B" w:rsidRDefault="00CE304B" w:rsidP="00CE304B"/>
          <w:p w:rsidR="00CE304B" w:rsidRDefault="00CE304B" w:rsidP="00CE304B">
            <w:r>
              <w:t xml:space="preserve">        function fnObjectToQuery(obj) {</w:t>
            </w:r>
          </w:p>
          <w:p w:rsidR="00CE304B" w:rsidRDefault="00CE304B" w:rsidP="00CE304B">
            <w:r>
              <w:t xml:space="preserve">            obj = fnRefineObject(obj);</w:t>
            </w:r>
          </w:p>
          <w:p w:rsidR="00CE304B" w:rsidRDefault="00CE304B" w:rsidP="00CE304B">
            <w:r>
              <w:t xml:space="preserve">            return Object.keys(obj).map(function (prop) {</w:t>
            </w:r>
          </w:p>
          <w:p w:rsidR="00CE304B" w:rsidRDefault="00CE304B" w:rsidP="00CE304B">
            <w:r>
              <w:t xml:space="preserve">                return prop + "=" + obj[prop];</w:t>
            </w:r>
          </w:p>
          <w:p w:rsidR="00CE304B" w:rsidRDefault="00CE304B" w:rsidP="00CE304B">
            <w:r>
              <w:t xml:space="preserve">            }).join("&amp;");</w:t>
            </w:r>
          </w:p>
          <w:p w:rsidR="00CE304B" w:rsidRDefault="00CE304B" w:rsidP="00CE304B">
            <w:r>
              <w:t xml:space="preserve">        }</w:t>
            </w:r>
          </w:p>
          <w:p w:rsidR="00CE304B" w:rsidRDefault="00CE304B" w:rsidP="00CE304B"/>
          <w:p w:rsidR="00CE304B" w:rsidRDefault="00CE304B" w:rsidP="00CE304B">
            <w:r>
              <w:t xml:space="preserve">        function fnStringifyObject(obj) {</w:t>
            </w:r>
          </w:p>
          <w:p w:rsidR="00CE304B" w:rsidRDefault="00CE304B" w:rsidP="00CE304B">
            <w:r>
              <w:lastRenderedPageBreak/>
              <w:t xml:space="preserve">            obj = fnRefineObject(obj);</w:t>
            </w:r>
          </w:p>
          <w:p w:rsidR="00CE304B" w:rsidRDefault="00CE304B" w:rsidP="00CE304B">
            <w:r>
              <w:t xml:space="preserve">            let newArray = [];</w:t>
            </w:r>
          </w:p>
          <w:p w:rsidR="00CE304B" w:rsidRDefault="00CE304B" w:rsidP="00CE304B">
            <w:r>
              <w:t xml:space="preserve">            Object.keys(obj).forEach((prop) =&gt; {</w:t>
            </w:r>
          </w:p>
          <w:p w:rsidR="00CE304B" w:rsidRDefault="00CE304B" w:rsidP="00CE304B">
            <w:r>
              <w:t xml:space="preserve">                newArray.push(prop + ":" + ((obj[prop].constructor === Array) ? obj[prop].join(",") : obj[prop]));</w:t>
            </w:r>
          </w:p>
          <w:p w:rsidR="00CE304B" w:rsidRDefault="00CE304B" w:rsidP="00CE304B">
            <w:r>
              <w:t xml:space="preserve">            });</w:t>
            </w:r>
          </w:p>
          <w:p w:rsidR="00CE304B" w:rsidRDefault="00CE304B" w:rsidP="00CE304B">
            <w:r>
              <w:t xml:space="preserve">            return newArray.join("|");</w:t>
            </w:r>
          </w:p>
          <w:p w:rsidR="00CE304B" w:rsidRDefault="00CE304B" w:rsidP="00CE304B">
            <w:r>
              <w:t xml:space="preserve">        }</w:t>
            </w:r>
          </w:p>
          <w:p w:rsidR="00CE304B" w:rsidRDefault="00CE304B" w:rsidP="00CE304B"/>
          <w:p w:rsidR="00CE304B" w:rsidRDefault="00CE304B" w:rsidP="00CE304B">
            <w:r>
              <w:t xml:space="preserve">        function fnRefineObject(obj) {</w:t>
            </w:r>
          </w:p>
          <w:p w:rsidR="00CE304B" w:rsidRDefault="00CE304B" w:rsidP="00CE304B">
            <w:r>
              <w:t xml:space="preserve">            let newObj = {};</w:t>
            </w:r>
          </w:p>
          <w:p w:rsidR="00CE304B" w:rsidRDefault="00CE304B" w:rsidP="00CE304B">
            <w:r>
              <w:t xml:space="preserve">            Object.keys(obj).forEach((prop) =&gt; {</w:t>
            </w:r>
          </w:p>
          <w:p w:rsidR="00CE304B" w:rsidRDefault="00CE304B" w:rsidP="00CE304B">
            <w:r>
              <w:t xml:space="preserve">                if (obj[prop] &amp;&amp; !(Object.keys(obj[prop]).length === 0 &amp;&amp; obj[prop].constructor === Object) &amp;&amp;</w:t>
            </w:r>
          </w:p>
          <w:p w:rsidR="00CE304B" w:rsidRDefault="00CE304B" w:rsidP="00CE304B">
            <w:r>
              <w:t xml:space="preserve">                    !(obj[prop].constructor === Array &amp;&amp; obj[prop].length === 0)) {</w:t>
            </w:r>
          </w:p>
          <w:p w:rsidR="00CE304B" w:rsidRDefault="00CE304B" w:rsidP="00CE304B">
            <w:r>
              <w:t xml:space="preserve">                    newObj[prop] = obj[prop];</w:t>
            </w:r>
          </w:p>
          <w:p w:rsidR="00CE304B" w:rsidRDefault="00CE304B" w:rsidP="00CE304B">
            <w:r>
              <w:t xml:space="preserve">                }</w:t>
            </w:r>
          </w:p>
          <w:p w:rsidR="00CE304B" w:rsidRDefault="00CE304B" w:rsidP="00CE304B">
            <w:r>
              <w:t xml:space="preserve">            });</w:t>
            </w:r>
          </w:p>
          <w:p w:rsidR="00CE304B" w:rsidRDefault="00CE304B" w:rsidP="00CE304B">
            <w:r>
              <w:t xml:space="preserve">            return newObj;</w:t>
            </w:r>
          </w:p>
          <w:p w:rsidR="00CE304B" w:rsidRDefault="00CE304B" w:rsidP="00CE304B">
            <w:r>
              <w:t xml:space="preserve">        }</w:t>
            </w:r>
          </w:p>
          <w:p w:rsidR="00CE304B" w:rsidRDefault="00CE304B" w:rsidP="00CE304B"/>
          <w:p w:rsidR="00CE304B" w:rsidRDefault="00CE304B" w:rsidP="00CE304B">
            <w:r>
              <w:t xml:space="preserve">        function fnRedirect(url, query) {</w:t>
            </w:r>
          </w:p>
          <w:p w:rsidR="00CE304B" w:rsidRDefault="00CE304B" w:rsidP="00CE304B">
            <w:r>
              <w:t xml:space="preserve">            window.location.href = url + (query ? "?" + query : "");</w:t>
            </w:r>
          </w:p>
          <w:p w:rsidR="00CE304B" w:rsidRDefault="00CE304B" w:rsidP="00CE304B">
            <w:r>
              <w:t xml:space="preserve">        }</w:t>
            </w:r>
          </w:p>
          <w:p w:rsidR="00CE304B" w:rsidRDefault="00CE304B" w:rsidP="00CE304B">
            <w:r>
              <w:t xml:space="preserve">    &lt;/script&gt;</w:t>
            </w:r>
          </w:p>
          <w:p w:rsidR="00CE304B" w:rsidRDefault="00CE304B" w:rsidP="00CE304B">
            <w:r>
              <w:t>&lt;!--------------------filter validation ends------------------&gt;</w:t>
            </w:r>
          </w:p>
          <w:p w:rsidR="00CE304B" w:rsidRDefault="00CE304B" w:rsidP="00CE304B">
            <w:r>
              <w:t xml:space="preserve">    &lt;script type="text/javascript"&gt;</w:t>
            </w:r>
          </w:p>
          <w:p w:rsidR="00CE304B" w:rsidRDefault="00CE304B" w:rsidP="00CE304B">
            <w:r>
              <w:t xml:space="preserve">        $(document).ready(function () {</w:t>
            </w:r>
          </w:p>
          <w:p w:rsidR="00CE304B" w:rsidRDefault="00CE304B" w:rsidP="00CE304B">
            <w:r>
              <w:t xml:space="preserve">                });</w:t>
            </w:r>
          </w:p>
          <w:p w:rsidR="00CE304B" w:rsidRDefault="00CE304B" w:rsidP="00CE304B">
            <w:r>
              <w:t xml:space="preserve">        function onStorageEvent(e) {</w:t>
            </w:r>
          </w:p>
          <w:p w:rsidR="00CE304B" w:rsidRDefault="00CE304B" w:rsidP="00CE304B">
            <w:r>
              <w:t xml:space="preserve">            if (e.key === "session-expired") {</w:t>
            </w:r>
          </w:p>
          <w:p w:rsidR="00CE304B" w:rsidRDefault="00CE304B" w:rsidP="00CE304B">
            <w:r>
              <w:t xml:space="preserve">                swal.fire({</w:t>
            </w:r>
          </w:p>
          <w:p w:rsidR="00CE304B" w:rsidRDefault="00CE304B" w:rsidP="00CE304B">
            <w:r>
              <w:t xml:space="preserve">                    title: "You Session seems Expired!!",</w:t>
            </w:r>
          </w:p>
          <w:p w:rsidR="00CE304B" w:rsidRDefault="00CE304B" w:rsidP="00CE304B">
            <w:r>
              <w:t xml:space="preserve">                    text: "You have logged out from your other active session.",</w:t>
            </w:r>
          </w:p>
          <w:p w:rsidR="00CE304B" w:rsidRDefault="00CE304B" w:rsidP="00CE304B">
            <w:r>
              <w:t xml:space="preserve">                    icon: "info",</w:t>
            </w:r>
          </w:p>
          <w:p w:rsidR="00CE304B" w:rsidRDefault="00CE304B" w:rsidP="00CE304B">
            <w:r>
              <w:t xml:space="preserve">                    confirmButtonColor: "#DD6B55",</w:t>
            </w:r>
          </w:p>
          <w:p w:rsidR="00CE304B" w:rsidRDefault="00CE304B" w:rsidP="00CE304B">
            <w:r>
              <w:t xml:space="preserve">                    confirmButtonText: "Ok, Got it!!",</w:t>
            </w:r>
          </w:p>
          <w:p w:rsidR="00CE304B" w:rsidRDefault="00CE304B" w:rsidP="00CE304B">
            <w:r>
              <w:t xml:space="preserve">                    showLoaderOnConfirm: true,</w:t>
            </w:r>
          </w:p>
          <w:p w:rsidR="00CE304B" w:rsidRDefault="00CE304B" w:rsidP="00CE304B">
            <w:r>
              <w:t xml:space="preserve">                    allowOutsideClick: false</w:t>
            </w:r>
          </w:p>
          <w:p w:rsidR="00CE304B" w:rsidRDefault="00CE304B" w:rsidP="00CE304B">
            <w:r>
              <w:t xml:space="preserve">                }).then((result) =&gt; {</w:t>
            </w:r>
          </w:p>
          <w:p w:rsidR="00CE304B" w:rsidRDefault="00CE304B" w:rsidP="00CE304B">
            <w:r>
              <w:t xml:space="preserve">                    if (result.value) {</w:t>
            </w:r>
          </w:p>
          <w:p w:rsidR="00CE304B" w:rsidRDefault="00CE304B" w:rsidP="00CE304B">
            <w:r>
              <w:t xml:space="preserve">                        Swal.fire({</w:t>
            </w:r>
          </w:p>
          <w:p w:rsidR="00CE304B" w:rsidRDefault="00CE304B" w:rsidP="00CE304B">
            <w:r>
              <w:t xml:space="preserve">                            title: 'Please wait!!',</w:t>
            </w:r>
          </w:p>
          <w:p w:rsidR="00CE304B" w:rsidRDefault="00CE304B" w:rsidP="00CE304B">
            <w:r>
              <w:t xml:space="preserve">                            showLoaderOnConfirm: true,</w:t>
            </w:r>
          </w:p>
          <w:p w:rsidR="00CE304B" w:rsidRDefault="00CE304B" w:rsidP="00CE304B">
            <w:r>
              <w:t xml:space="preserve">                            showConfirmButton: false,</w:t>
            </w:r>
          </w:p>
          <w:p w:rsidR="00CE304B" w:rsidRDefault="00CE304B" w:rsidP="00CE304B">
            <w:r>
              <w:t xml:space="preserve">                            allowOutsideClick: false,</w:t>
            </w:r>
          </w:p>
          <w:p w:rsidR="00CE304B" w:rsidRDefault="00CE304B" w:rsidP="00CE304B">
            <w:r>
              <w:t xml:space="preserve">                            onBeforeOpen: () =&gt; {</w:t>
            </w:r>
          </w:p>
          <w:p w:rsidR="00CE304B" w:rsidRDefault="00CE304B" w:rsidP="00CE304B">
            <w:r>
              <w:t xml:space="preserve">                                Swal.showLoading();</w:t>
            </w:r>
          </w:p>
          <w:p w:rsidR="00CE304B" w:rsidRDefault="00CE304B" w:rsidP="00CE304B">
            <w:r>
              <w:t xml:space="preserve">                            }</w:t>
            </w:r>
          </w:p>
          <w:p w:rsidR="00CE304B" w:rsidRDefault="00CE304B" w:rsidP="00CE304B">
            <w:r>
              <w:lastRenderedPageBreak/>
              <w:t xml:space="preserve">                        });</w:t>
            </w:r>
          </w:p>
          <w:p w:rsidR="00CE304B" w:rsidRDefault="00CE304B" w:rsidP="00CE304B">
            <w:r>
              <w:t xml:space="preserve">                        window.location.reload();</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r>
              <w:t xml:space="preserve">        }</w:t>
            </w:r>
          </w:p>
          <w:p w:rsidR="00CE304B" w:rsidRDefault="00CE304B" w:rsidP="00CE304B">
            <w:r>
              <w:t xml:space="preserve">        window.addEventListener('storage', onStorageEvent);</w:t>
            </w:r>
          </w:p>
          <w:p w:rsidR="00CE304B" w:rsidRDefault="00CE304B" w:rsidP="00CE304B">
            <w:r>
              <w:t xml:space="preserve">        /*$(document).ready(function () {</w:t>
            </w:r>
          </w:p>
          <w:p w:rsidR="00CE304B" w:rsidRDefault="00CE304B" w:rsidP="00CE304B">
            <w:r>
              <w:t xml:space="preserve">            const timeout = 20000;  // 900000 ms = 15 minutes</w:t>
            </w:r>
          </w:p>
          <w:p w:rsidR="00CE304B" w:rsidRDefault="00CE304B" w:rsidP="00CE304B">
            <w:r>
              <w:t xml:space="preserve">            var idleTimer = null;</w:t>
            </w:r>
          </w:p>
          <w:p w:rsidR="00CE304B" w:rsidRDefault="00CE304B" w:rsidP="00CE304B">
            <w:r>
              <w:t xml:space="preserve">            $('*').bind('mousemove click mouseup mousedown keydown keypress keyup submit change mouseenter scroll resize dblclick', function () {</w:t>
            </w:r>
          </w:p>
          <w:p w:rsidR="00CE304B" w:rsidRDefault="00CE304B" w:rsidP="00CE304B">
            <w:r>
              <w:t xml:space="preserve">                clearTimeout(idleTimer);</w:t>
            </w:r>
          </w:p>
          <w:p w:rsidR="00CE304B" w:rsidRDefault="00CE304B" w:rsidP="00CE304B"/>
          <w:p w:rsidR="00CE304B" w:rsidRDefault="00CE304B" w:rsidP="00CE304B">
            <w:r>
              <w:t xml:space="preserve">                idleTimer = setTimeout(function () {</w:t>
            </w:r>
          </w:p>
          <w:p w:rsidR="00CE304B" w:rsidRDefault="00CE304B" w:rsidP="00CE304B">
            <w:r>
              <w:t xml:space="preserve">                    /!*document.getElementById('logout-form').submit();*!/</w:t>
            </w:r>
          </w:p>
          <w:p w:rsidR="00CE304B" w:rsidRDefault="00CE304B" w:rsidP="00CE304B">
            <w:r>
              <w:t xml:space="preserve">                    alert("You are idle for more than 60 seconds")</w:t>
            </w:r>
          </w:p>
          <w:p w:rsidR="00CE304B" w:rsidRDefault="00CE304B" w:rsidP="00CE304B">
            <w:r>
              <w:t xml:space="preserve">                }, timeout);</w:t>
            </w:r>
          </w:p>
          <w:p w:rsidR="00CE304B" w:rsidRDefault="00CE304B" w:rsidP="00CE304B">
            <w:r>
              <w:t xml:space="preserve">            });</w:t>
            </w:r>
          </w:p>
          <w:p w:rsidR="00CE304B" w:rsidRDefault="00CE304B" w:rsidP="00CE304B">
            <w:r>
              <w:t xml:space="preserve">            $("body").trigger("mousemove");</w:t>
            </w:r>
          </w:p>
          <w:p w:rsidR="00CE304B" w:rsidRDefault="00CE304B" w:rsidP="00CE304B">
            <w:r>
              <w:t xml:space="preserve">        });*/</w:t>
            </w:r>
          </w:p>
          <w:p w:rsidR="00CE304B" w:rsidRDefault="00CE304B" w:rsidP="00CE304B">
            <w:r>
              <w:t xml:space="preserve">    &lt;/script&gt;</w:t>
            </w:r>
          </w:p>
          <w:p w:rsidR="00CE304B" w:rsidRDefault="00CE304B" w:rsidP="00CE304B"/>
          <w:p w:rsidR="00CE304B" w:rsidRDefault="00CE304B" w:rsidP="00CE304B">
            <w:r>
              <w:t>&lt;!--From Validation--&gt;</w:t>
            </w:r>
          </w:p>
          <w:p w:rsidR="00CE304B" w:rsidRDefault="00CE304B" w:rsidP="00CE304B">
            <w:r>
              <w:t>&lt;script src="js/from-validation-js/jquery.min.js"&gt;&lt;/script&gt;</w:t>
            </w:r>
          </w:p>
          <w:p w:rsidR="00CE304B" w:rsidRDefault="00CE304B" w:rsidP="00CE304B">
            <w:r>
              <w:t xml:space="preserve">&lt;script src="js/from-validation-js/jquery.validate.min.js"&gt;&lt;/script&gt; </w:t>
            </w:r>
          </w:p>
          <w:p w:rsidR="00CE304B" w:rsidRDefault="00CE304B" w:rsidP="00CE304B">
            <w:r>
              <w:t xml:space="preserve">&lt;script src="js/from-validation-js/filevalidation.js"&gt;&lt;/script&gt; </w:t>
            </w:r>
          </w:p>
          <w:p w:rsidR="00CE304B" w:rsidRDefault="00CE304B" w:rsidP="00CE304B">
            <w:r>
              <w:t xml:space="preserve">&lt;script src="js/from-validation-js/sweetalert.min.js"&gt;&lt;/script&gt;  </w:t>
            </w:r>
          </w:p>
          <w:p w:rsidR="00CE304B" w:rsidRDefault="00CE304B" w:rsidP="00CE304B"/>
          <w:p w:rsidR="00CE304B" w:rsidRDefault="00CE304B" w:rsidP="00CE304B"/>
          <w:p w:rsidR="00CE304B" w:rsidRDefault="00CE304B" w:rsidP="00CE304B">
            <w:r>
              <w:t>&lt;!--Wish Form - Add to your Wishlist --&gt;</w:t>
            </w:r>
          </w:p>
          <w:p w:rsidR="00CE304B" w:rsidRDefault="00CE304B" w:rsidP="00CE304B">
            <w:r>
              <w:t>&lt;script&gt;</w:t>
            </w:r>
          </w:p>
          <w:p w:rsidR="00CE304B" w:rsidRDefault="00CE304B" w:rsidP="00CE304B">
            <w:r>
              <w:t xml:space="preserve">//Form Validation </w:t>
            </w:r>
          </w:p>
          <w:p w:rsidR="00CE304B" w:rsidRDefault="00CE304B" w:rsidP="00CE304B">
            <w:r>
              <w:t>$("#wish_form").validate({</w:t>
            </w:r>
          </w:p>
          <w:p w:rsidR="00CE304B" w:rsidRDefault="00CE304B" w:rsidP="00CE304B">
            <w:r>
              <w:t xml:space="preserve">rules: {  </w:t>
            </w:r>
          </w:p>
          <w:p w:rsidR="00CE304B" w:rsidRDefault="00CE304B" w:rsidP="00CE304B">
            <w:r>
              <w:tab/>
              <w:t>email1: {</w:t>
            </w:r>
          </w:p>
          <w:p w:rsidR="00CE304B" w:rsidRDefault="00CE304B" w:rsidP="00CE304B">
            <w:r>
              <w:tab/>
            </w:r>
            <w:r>
              <w:tab/>
            </w:r>
            <w:r>
              <w:tab/>
              <w:t xml:space="preserve">required: true, </w:t>
            </w:r>
          </w:p>
          <w:p w:rsidR="00CE304B" w:rsidRDefault="00CE304B" w:rsidP="00CE304B">
            <w:r>
              <w:tab/>
            </w:r>
            <w:r>
              <w:tab/>
            </w:r>
            <w:r>
              <w:tab/>
              <w:t>email:true</w:t>
            </w:r>
          </w:p>
          <w:p w:rsidR="00CE304B" w:rsidRDefault="00CE304B" w:rsidP="00CE304B">
            <w:r>
              <w:tab/>
            </w:r>
            <w:r>
              <w:tab/>
              <w:t xml:space="preserve">},   </w:t>
            </w:r>
          </w:p>
          <w:p w:rsidR="00CE304B" w:rsidRDefault="00CE304B" w:rsidP="00CE304B">
            <w:r>
              <w:t>},</w:t>
            </w:r>
          </w:p>
          <w:p w:rsidR="00CE304B" w:rsidRDefault="00CE304B" w:rsidP="00CE304B">
            <w:r>
              <w:t>//For custom messages</w:t>
            </w:r>
          </w:p>
          <w:p w:rsidR="00CE304B" w:rsidRDefault="00CE304B" w:rsidP="00CE304B">
            <w:r>
              <w:t xml:space="preserve">messages: { </w:t>
            </w:r>
          </w:p>
          <w:p w:rsidR="00CE304B" w:rsidRDefault="00CE304B" w:rsidP="00CE304B">
            <w:r>
              <w:tab/>
              <w:t>email1:{</w:t>
            </w:r>
          </w:p>
          <w:p w:rsidR="00CE304B" w:rsidRDefault="00CE304B" w:rsidP="00CE304B">
            <w:r>
              <w:tab/>
            </w:r>
            <w:r>
              <w:tab/>
            </w:r>
            <w:r>
              <w:tab/>
              <w:t xml:space="preserve">required: "Please enter email id", </w:t>
            </w:r>
          </w:p>
          <w:p w:rsidR="00CE304B" w:rsidRDefault="00CE304B" w:rsidP="00CE304B">
            <w:r>
              <w:tab/>
            </w:r>
            <w:r>
              <w:tab/>
            </w:r>
            <w:r>
              <w:tab/>
              <w:t>email1: "Please enter a valid email address"</w:t>
            </w:r>
          </w:p>
          <w:p w:rsidR="00CE304B" w:rsidRDefault="00CE304B" w:rsidP="00CE304B">
            <w:r>
              <w:tab/>
            </w:r>
            <w:r>
              <w:tab/>
              <w:t xml:space="preserve">},  </w:t>
            </w:r>
          </w:p>
          <w:p w:rsidR="00CE304B" w:rsidRDefault="00CE304B" w:rsidP="00CE304B"/>
          <w:p w:rsidR="00CE304B" w:rsidRDefault="00CE304B" w:rsidP="00CE304B">
            <w:r>
              <w:t>},</w:t>
            </w:r>
          </w:p>
          <w:p w:rsidR="00CE304B" w:rsidRDefault="00CE304B" w:rsidP="00CE304B">
            <w:r>
              <w:lastRenderedPageBreak/>
              <w:t>errorElement : 'div',</w:t>
            </w:r>
          </w:p>
          <w:p w:rsidR="00CE304B" w:rsidRDefault="00CE304B" w:rsidP="00CE304B">
            <w:r>
              <w:t>errorPlacement: function(error, element) {</w:t>
            </w:r>
          </w:p>
          <w:p w:rsidR="00CE304B" w:rsidRDefault="00CE304B" w:rsidP="00CE304B">
            <w:r>
              <w:tab/>
              <w:t>var placement = $(element).data('error');</w:t>
            </w:r>
          </w:p>
          <w:p w:rsidR="00CE304B" w:rsidRDefault="00CE304B" w:rsidP="00CE304B">
            <w:r>
              <w:tab/>
              <w:t>if (placement) {</w:t>
            </w:r>
          </w:p>
          <w:p w:rsidR="00CE304B" w:rsidRDefault="00CE304B" w:rsidP="00CE304B">
            <w:r>
              <w:tab/>
              <w:t>$(placement).append(error)</w:t>
            </w:r>
          </w:p>
          <w:p w:rsidR="00CE304B" w:rsidRDefault="00CE304B" w:rsidP="00CE304B">
            <w:r>
              <w:tab/>
              <w:t>} else {</w:t>
            </w:r>
          </w:p>
          <w:p w:rsidR="00CE304B" w:rsidRDefault="00CE304B" w:rsidP="00CE304B">
            <w:r>
              <w:tab/>
              <w:t>error.insertAfter(element);</w:t>
            </w:r>
          </w:p>
          <w:p w:rsidR="00CE304B" w:rsidRDefault="00CE304B" w:rsidP="00CE304B">
            <w:r>
              <w:tab/>
              <w:t>}</w:t>
            </w:r>
          </w:p>
          <w:p w:rsidR="00CE304B" w:rsidRDefault="00CE304B" w:rsidP="00CE304B">
            <w:r>
              <w:t>},</w:t>
            </w:r>
          </w:p>
          <w:p w:rsidR="00CE304B" w:rsidRDefault="00CE304B" w:rsidP="00CE304B">
            <w:r>
              <w:tab/>
              <w:t>submitHandler: function(form) {</w:t>
            </w:r>
          </w:p>
          <w:p w:rsidR="00CE304B" w:rsidRDefault="00CE304B" w:rsidP="00CE304B"/>
          <w:p w:rsidR="00CE304B" w:rsidRDefault="00CE304B" w:rsidP="00CE304B">
            <w:r>
              <w:tab/>
            </w:r>
            <w:r>
              <w:tab/>
              <w:t xml:space="preserve">var formData = new FormData(document.getElementsByName('wish_form')[0]); </w:t>
            </w:r>
          </w:p>
          <w:p w:rsidR="00CE304B" w:rsidRDefault="00CE304B" w:rsidP="00CE304B">
            <w:r>
              <w:tab/>
            </w:r>
            <w:r>
              <w:tab/>
              <w:t>// console.log(formData);return false;</w:t>
            </w:r>
            <w:r>
              <w:tab/>
              <w:t xml:space="preserve"> </w:t>
            </w:r>
          </w:p>
          <w:p w:rsidR="00CE304B" w:rsidRDefault="00CE304B" w:rsidP="00CE304B">
            <w:r>
              <w:tab/>
            </w:r>
            <w:r>
              <w:tab/>
            </w:r>
          </w:p>
          <w:p w:rsidR="00CE304B" w:rsidRDefault="00CE304B" w:rsidP="00CE304B">
            <w:r>
              <w:tab/>
            </w:r>
            <w:r>
              <w:tab/>
              <w:t>$.ajax({</w:t>
            </w:r>
          </w:p>
          <w:p w:rsidR="00CE304B" w:rsidRDefault="00CE304B" w:rsidP="00CE304B">
            <w:r>
              <w:tab/>
            </w:r>
            <w:r>
              <w:tab/>
            </w:r>
            <w:r>
              <w:tab/>
            </w:r>
            <w:r>
              <w:tab/>
              <w:t>url: "/spf_wishlist_insert_process.php",</w:t>
            </w:r>
          </w:p>
          <w:p w:rsidR="00CE304B" w:rsidRDefault="00CE304B" w:rsidP="00CE304B">
            <w:r>
              <w:tab/>
            </w:r>
            <w:r>
              <w:tab/>
            </w:r>
            <w:r>
              <w:tab/>
            </w:r>
            <w:r>
              <w:tab/>
              <w:t>type: 'POST',</w:t>
            </w:r>
          </w:p>
          <w:p w:rsidR="00CE304B" w:rsidRDefault="00CE304B" w:rsidP="00CE304B">
            <w:r>
              <w:tab/>
            </w:r>
            <w:r>
              <w:tab/>
            </w:r>
            <w:r>
              <w:tab/>
            </w:r>
            <w:r>
              <w:tab/>
              <w:t>data: formData,</w:t>
            </w:r>
          </w:p>
          <w:p w:rsidR="00CE304B" w:rsidRDefault="00CE304B" w:rsidP="00CE304B">
            <w:r>
              <w:tab/>
            </w:r>
            <w:r>
              <w:tab/>
            </w:r>
            <w:r>
              <w:tab/>
            </w:r>
            <w:r>
              <w:tab/>
              <w:t>// async: false,</w:t>
            </w:r>
          </w:p>
          <w:p w:rsidR="00CE304B" w:rsidRDefault="00CE304B" w:rsidP="00CE304B">
            <w:r>
              <w:tab/>
            </w:r>
            <w:r>
              <w:tab/>
            </w:r>
            <w:r>
              <w:tab/>
            </w:r>
            <w:r>
              <w:tab/>
              <w:t>cache: false,</w:t>
            </w:r>
          </w:p>
          <w:p w:rsidR="00CE304B" w:rsidRDefault="00CE304B" w:rsidP="00CE304B">
            <w:r>
              <w:tab/>
            </w:r>
            <w:r>
              <w:tab/>
            </w:r>
            <w:r>
              <w:tab/>
            </w:r>
            <w:r>
              <w:tab/>
              <w:t>contentType: false,</w:t>
            </w:r>
          </w:p>
          <w:p w:rsidR="00CE304B" w:rsidRDefault="00CE304B" w:rsidP="00CE304B">
            <w:r>
              <w:tab/>
            </w:r>
            <w:r>
              <w:tab/>
            </w:r>
            <w:r>
              <w:tab/>
            </w:r>
            <w:r>
              <w:tab/>
              <w:t>processData: false,</w:t>
            </w:r>
          </w:p>
          <w:p w:rsidR="00CE304B" w:rsidRDefault="00CE304B" w:rsidP="00CE304B">
            <w:r>
              <w:tab/>
            </w:r>
            <w:r>
              <w:tab/>
            </w:r>
            <w:r>
              <w:tab/>
            </w:r>
            <w:r>
              <w:tab/>
              <w:t>beforeSend: function(){</w:t>
            </w:r>
          </w:p>
          <w:p w:rsidR="00CE304B" w:rsidRDefault="00CE304B" w:rsidP="00CE304B">
            <w:r>
              <w:tab/>
            </w:r>
            <w:r>
              <w:tab/>
            </w:r>
            <w:r>
              <w:tab/>
            </w:r>
            <w:r>
              <w:tab/>
            </w:r>
            <w:r>
              <w:tab/>
              <w:t>$('#cover-spin').show();</w:t>
            </w:r>
          </w:p>
          <w:p w:rsidR="00CE304B" w:rsidRDefault="00CE304B" w:rsidP="00CE304B">
            <w:r>
              <w:tab/>
            </w:r>
            <w:r>
              <w:tab/>
            </w:r>
            <w:r>
              <w:tab/>
            </w:r>
            <w:r>
              <w:tab/>
            </w:r>
            <w:r>
              <w:tab/>
              <w:t>$("#btnSubmit").attr("disabled", true);</w:t>
            </w:r>
          </w:p>
          <w:p w:rsidR="00CE304B" w:rsidRDefault="00CE304B" w:rsidP="00CE304B">
            <w:r>
              <w:tab/>
            </w:r>
            <w:r>
              <w:tab/>
            </w:r>
            <w:r>
              <w:tab/>
            </w:r>
            <w:r>
              <w:tab/>
              <w:t>},</w:t>
            </w:r>
          </w:p>
          <w:p w:rsidR="00CE304B" w:rsidRDefault="00CE304B" w:rsidP="00CE304B">
            <w:r>
              <w:tab/>
            </w:r>
            <w:r>
              <w:tab/>
            </w:r>
            <w:r>
              <w:tab/>
            </w:r>
            <w:r>
              <w:tab/>
              <w:t xml:space="preserve">success: function (returndata) {   </w:t>
            </w:r>
          </w:p>
          <w:p w:rsidR="00CE304B" w:rsidRDefault="00CE304B" w:rsidP="00CE304B">
            <w:r>
              <w:tab/>
            </w:r>
            <w:r>
              <w:tab/>
            </w:r>
            <w:r>
              <w:tab/>
            </w:r>
            <w:r>
              <w:tab/>
            </w:r>
            <w:r>
              <w:tab/>
              <w:t>console.log(returndata);return false;</w:t>
            </w:r>
            <w:r>
              <w:tab/>
              <w:t xml:space="preserve"> </w:t>
            </w:r>
          </w:p>
          <w:p w:rsidR="00CE304B" w:rsidRDefault="00CE304B" w:rsidP="00CE304B">
            <w:r>
              <w:tab/>
            </w:r>
            <w:r>
              <w:tab/>
            </w:r>
            <w:r>
              <w:tab/>
            </w:r>
            <w:r>
              <w:tab/>
            </w:r>
            <w:r>
              <w:tab/>
              <w:t>if(returndata==1){</w:t>
            </w:r>
          </w:p>
          <w:p w:rsidR="00CE304B" w:rsidRDefault="00CE304B" w:rsidP="00CE304B">
            <w:r>
              <w:tab/>
            </w:r>
            <w:r>
              <w:tab/>
            </w:r>
            <w:r>
              <w:tab/>
            </w:r>
            <w:r>
              <w:tab/>
            </w:r>
            <w:r>
              <w:tab/>
            </w:r>
            <w:r>
              <w:tab/>
              <w:t>swal("Successfully Saved to your Wish List", {</w:t>
            </w:r>
          </w:p>
          <w:p w:rsidR="00CE304B" w:rsidRDefault="00CE304B" w:rsidP="00CE304B">
            <w:r>
              <w:tab/>
            </w:r>
            <w:r>
              <w:tab/>
            </w:r>
            <w:r>
              <w:tab/>
            </w:r>
            <w:r>
              <w:tab/>
            </w:r>
            <w:r>
              <w:tab/>
            </w:r>
            <w:r>
              <w:tab/>
            </w:r>
            <w:r>
              <w:tab/>
            </w:r>
            <w:r>
              <w:tab/>
              <w:t xml:space="preserve">  icon: "success",</w:t>
            </w:r>
          </w:p>
          <w:p w:rsidR="00CE304B" w:rsidRDefault="00CE304B" w:rsidP="00CE304B">
            <w:r>
              <w:tab/>
            </w:r>
            <w:r>
              <w:tab/>
            </w:r>
            <w:r>
              <w:tab/>
            </w:r>
            <w:r>
              <w:tab/>
            </w:r>
            <w:r>
              <w:tab/>
            </w:r>
            <w:r>
              <w:tab/>
            </w:r>
            <w:r>
              <w:tab/>
              <w:t xml:space="preserve">});  </w:t>
            </w:r>
          </w:p>
          <w:p w:rsidR="00CE304B" w:rsidRDefault="00CE304B" w:rsidP="00CE304B">
            <w:r>
              <w:tab/>
            </w:r>
            <w:r>
              <w:tab/>
            </w:r>
            <w:r>
              <w:tab/>
            </w:r>
            <w:r>
              <w:tab/>
            </w:r>
            <w:r>
              <w:tab/>
            </w:r>
            <w:r>
              <w:tab/>
              <w:t xml:space="preserve">setTimeout(function(){  location.reload(); }, 1000);   </w:t>
            </w:r>
          </w:p>
          <w:p w:rsidR="00CE304B" w:rsidRDefault="00CE304B" w:rsidP="00CE304B">
            <w:r>
              <w:tab/>
            </w:r>
            <w:r>
              <w:tab/>
            </w:r>
            <w:r>
              <w:tab/>
            </w:r>
            <w:r>
              <w:tab/>
            </w:r>
            <w:r>
              <w:tab/>
              <w:t>}else{</w:t>
            </w:r>
          </w:p>
          <w:p w:rsidR="00CE304B" w:rsidRDefault="00CE304B" w:rsidP="00CE304B">
            <w:r>
              <w:tab/>
            </w:r>
            <w:r>
              <w:tab/>
            </w:r>
            <w:r>
              <w:tab/>
            </w:r>
            <w:r>
              <w:tab/>
            </w:r>
            <w:r>
              <w:tab/>
            </w:r>
            <w:r>
              <w:tab/>
              <w:t>swal("Alert", returndata, "error");</w:t>
            </w:r>
          </w:p>
          <w:p w:rsidR="00CE304B" w:rsidRDefault="00CE304B" w:rsidP="00CE304B">
            <w:r>
              <w:tab/>
            </w:r>
            <w:r>
              <w:tab/>
            </w:r>
            <w:r>
              <w:tab/>
            </w:r>
            <w:r>
              <w:tab/>
            </w:r>
            <w:r>
              <w:tab/>
            </w:r>
            <w:r>
              <w:tab/>
              <w:t>return false;</w:t>
            </w:r>
          </w:p>
          <w:p w:rsidR="00CE304B" w:rsidRDefault="00CE304B" w:rsidP="00CE304B">
            <w:r>
              <w:tab/>
            </w:r>
            <w:r>
              <w:tab/>
            </w:r>
            <w:r>
              <w:tab/>
            </w:r>
            <w:r>
              <w:tab/>
            </w:r>
            <w:r>
              <w:tab/>
              <w:t xml:space="preserve">} </w:t>
            </w:r>
          </w:p>
          <w:p w:rsidR="00CE304B" w:rsidRDefault="00CE304B" w:rsidP="00CE304B">
            <w:r>
              <w:tab/>
            </w:r>
            <w:r>
              <w:tab/>
            </w:r>
            <w:r>
              <w:tab/>
            </w:r>
            <w:r>
              <w:tab/>
              <w:t>},</w:t>
            </w:r>
          </w:p>
          <w:p w:rsidR="00CE304B" w:rsidRDefault="00CE304B" w:rsidP="00CE304B">
            <w:r>
              <w:tab/>
            </w:r>
            <w:r>
              <w:tab/>
            </w:r>
            <w:r>
              <w:tab/>
            </w:r>
            <w:r>
              <w:tab/>
              <w:t>complete: function(){</w:t>
            </w:r>
          </w:p>
          <w:p w:rsidR="00CE304B" w:rsidRDefault="00CE304B" w:rsidP="00CE304B">
            <w:r>
              <w:tab/>
            </w:r>
            <w:r>
              <w:tab/>
            </w:r>
            <w:r>
              <w:tab/>
            </w:r>
            <w:r>
              <w:tab/>
            </w:r>
            <w:r>
              <w:tab/>
              <w:t>$('#cover-spin').hide();</w:t>
            </w:r>
          </w:p>
          <w:p w:rsidR="00CE304B" w:rsidRDefault="00CE304B" w:rsidP="00CE304B">
            <w:r>
              <w:tab/>
            </w:r>
            <w:r>
              <w:tab/>
            </w:r>
            <w:r>
              <w:tab/>
            </w:r>
            <w:r>
              <w:tab/>
            </w:r>
            <w:r>
              <w:tab/>
              <w:t>$("#btnSubmit").attr("disabled", false);</w:t>
            </w:r>
          </w:p>
          <w:p w:rsidR="00CE304B" w:rsidRDefault="00CE304B" w:rsidP="00CE304B">
            <w:r>
              <w:tab/>
            </w:r>
            <w:r>
              <w:tab/>
            </w:r>
            <w:r>
              <w:tab/>
            </w:r>
            <w:r>
              <w:tab/>
              <w:t>}</w:t>
            </w:r>
          </w:p>
          <w:p w:rsidR="00CE304B" w:rsidRDefault="00CE304B" w:rsidP="00CE304B">
            <w:r>
              <w:tab/>
            </w:r>
            <w:r>
              <w:tab/>
              <w:t>});</w:t>
            </w:r>
          </w:p>
          <w:p w:rsidR="00CE304B" w:rsidRDefault="00CE304B" w:rsidP="00CE304B">
            <w:r>
              <w:tab/>
            </w:r>
            <w:r>
              <w:tab/>
            </w:r>
          </w:p>
          <w:p w:rsidR="00CE304B" w:rsidRDefault="00CE304B" w:rsidP="00CE304B">
            <w:r>
              <w:tab/>
            </w:r>
            <w:r>
              <w:tab/>
            </w:r>
          </w:p>
          <w:p w:rsidR="00CE304B" w:rsidRDefault="00CE304B" w:rsidP="00CE304B"/>
          <w:p w:rsidR="00CE304B" w:rsidRDefault="00CE304B" w:rsidP="00CE304B">
            <w:r>
              <w:tab/>
              <w:t>}</w:t>
            </w:r>
          </w:p>
          <w:p w:rsidR="00CE304B" w:rsidRDefault="00CE304B" w:rsidP="00CE304B">
            <w:r>
              <w:t xml:space="preserve">});     </w:t>
            </w:r>
          </w:p>
          <w:p w:rsidR="00CE304B" w:rsidRDefault="00CE304B" w:rsidP="00CE304B"/>
          <w:p w:rsidR="00CE304B" w:rsidRDefault="00CE304B" w:rsidP="00CE304B">
            <w:r>
              <w:t xml:space="preserve">//Form Validation </w:t>
            </w:r>
          </w:p>
          <w:p w:rsidR="00CE304B" w:rsidRDefault="00CE304B" w:rsidP="00CE304B">
            <w:r>
              <w:t>$("#ci_form_contact").validate({</w:t>
            </w:r>
          </w:p>
          <w:p w:rsidR="00CE304B" w:rsidRDefault="00CE304B" w:rsidP="00CE304B">
            <w:r>
              <w:t xml:space="preserve">rules: {  </w:t>
            </w:r>
          </w:p>
          <w:p w:rsidR="00CE304B" w:rsidRDefault="00CE304B" w:rsidP="00CE304B">
            <w:r>
              <w:tab/>
              <w:t>name: {</w:t>
            </w:r>
          </w:p>
          <w:p w:rsidR="00CE304B" w:rsidRDefault="00CE304B" w:rsidP="00CE304B">
            <w:r>
              <w:tab/>
            </w:r>
            <w:r>
              <w:tab/>
            </w:r>
            <w:r>
              <w:tab/>
              <w:t xml:space="preserve">required: true,   </w:t>
            </w:r>
          </w:p>
          <w:p w:rsidR="00CE304B" w:rsidRDefault="00CE304B" w:rsidP="00CE304B">
            <w:r>
              <w:tab/>
            </w:r>
            <w:r>
              <w:tab/>
              <w:t xml:space="preserve">},   </w:t>
            </w:r>
          </w:p>
          <w:p w:rsidR="00CE304B" w:rsidRDefault="00CE304B" w:rsidP="00CE304B">
            <w:r>
              <w:tab/>
              <w:t>email: {</w:t>
            </w:r>
          </w:p>
          <w:p w:rsidR="00CE304B" w:rsidRDefault="00CE304B" w:rsidP="00CE304B">
            <w:r>
              <w:tab/>
            </w:r>
            <w:r>
              <w:tab/>
            </w:r>
            <w:r>
              <w:tab/>
              <w:t xml:space="preserve">required: true, </w:t>
            </w:r>
          </w:p>
          <w:p w:rsidR="00CE304B" w:rsidRDefault="00CE304B" w:rsidP="00CE304B">
            <w:r>
              <w:tab/>
            </w:r>
            <w:r>
              <w:tab/>
            </w:r>
            <w:r>
              <w:tab/>
              <w:t>email:true</w:t>
            </w:r>
          </w:p>
          <w:p w:rsidR="00CE304B" w:rsidRDefault="00CE304B" w:rsidP="00CE304B">
            <w:r>
              <w:tab/>
            </w:r>
            <w:r>
              <w:tab/>
              <w:t xml:space="preserve">}, </w:t>
            </w:r>
          </w:p>
          <w:p w:rsidR="00CE304B" w:rsidRDefault="00CE304B" w:rsidP="00CE304B">
            <w:r>
              <w:t>},</w:t>
            </w:r>
          </w:p>
          <w:p w:rsidR="00CE304B" w:rsidRDefault="00CE304B" w:rsidP="00CE304B">
            <w:r>
              <w:t>//For custom messages</w:t>
            </w:r>
          </w:p>
          <w:p w:rsidR="00CE304B" w:rsidRDefault="00CE304B" w:rsidP="00CE304B">
            <w:r>
              <w:t xml:space="preserve">messages: { </w:t>
            </w:r>
          </w:p>
          <w:p w:rsidR="00CE304B" w:rsidRDefault="00CE304B" w:rsidP="00CE304B">
            <w:r>
              <w:tab/>
              <w:t>name:{</w:t>
            </w:r>
          </w:p>
          <w:p w:rsidR="00CE304B" w:rsidRDefault="00CE304B" w:rsidP="00CE304B">
            <w:r>
              <w:tab/>
            </w:r>
            <w:r>
              <w:tab/>
            </w:r>
            <w:r>
              <w:tab/>
              <w:t xml:space="preserve">required: "Please enter name",  </w:t>
            </w:r>
          </w:p>
          <w:p w:rsidR="00CE304B" w:rsidRDefault="00CE304B" w:rsidP="00CE304B">
            <w:r>
              <w:tab/>
            </w:r>
            <w:r>
              <w:tab/>
              <w:t xml:space="preserve">},  </w:t>
            </w:r>
          </w:p>
          <w:p w:rsidR="00CE304B" w:rsidRDefault="00CE304B" w:rsidP="00CE304B">
            <w:r>
              <w:tab/>
              <w:t>email:{</w:t>
            </w:r>
          </w:p>
          <w:p w:rsidR="00CE304B" w:rsidRDefault="00CE304B" w:rsidP="00CE304B">
            <w:r>
              <w:tab/>
            </w:r>
            <w:r>
              <w:tab/>
            </w:r>
            <w:r>
              <w:tab/>
              <w:t xml:space="preserve">required: "Please enter email id", </w:t>
            </w:r>
          </w:p>
          <w:p w:rsidR="00CE304B" w:rsidRDefault="00CE304B" w:rsidP="00CE304B">
            <w:r>
              <w:tab/>
            </w:r>
            <w:r>
              <w:tab/>
            </w:r>
            <w:r>
              <w:tab/>
              <w:t>email: "Please enter a valid email address"</w:t>
            </w:r>
          </w:p>
          <w:p w:rsidR="00CE304B" w:rsidRDefault="00CE304B" w:rsidP="00CE304B">
            <w:r>
              <w:tab/>
            </w:r>
            <w:r>
              <w:tab/>
              <w:t xml:space="preserve">},   </w:t>
            </w:r>
          </w:p>
          <w:p w:rsidR="00CE304B" w:rsidRDefault="00CE304B" w:rsidP="00CE304B"/>
          <w:p w:rsidR="00CE304B" w:rsidRDefault="00CE304B" w:rsidP="00CE304B">
            <w:r>
              <w:t>},</w:t>
            </w:r>
          </w:p>
          <w:p w:rsidR="00CE304B" w:rsidRDefault="00CE304B" w:rsidP="00CE304B">
            <w:r>
              <w:t>errorElement : 'div',</w:t>
            </w:r>
          </w:p>
          <w:p w:rsidR="00CE304B" w:rsidRDefault="00CE304B" w:rsidP="00CE304B">
            <w:r>
              <w:t>errorPlacement: function(error, element) {</w:t>
            </w:r>
          </w:p>
          <w:p w:rsidR="00CE304B" w:rsidRDefault="00CE304B" w:rsidP="00CE304B">
            <w:r>
              <w:tab/>
              <w:t>var placement = $(element).data('error');</w:t>
            </w:r>
          </w:p>
          <w:p w:rsidR="00CE304B" w:rsidRDefault="00CE304B" w:rsidP="00CE304B">
            <w:r>
              <w:tab/>
              <w:t>if (placement) {</w:t>
            </w:r>
          </w:p>
          <w:p w:rsidR="00CE304B" w:rsidRDefault="00CE304B" w:rsidP="00CE304B">
            <w:r>
              <w:tab/>
              <w:t>$(placement).append(error)</w:t>
            </w:r>
          </w:p>
          <w:p w:rsidR="00CE304B" w:rsidRDefault="00CE304B" w:rsidP="00CE304B">
            <w:r>
              <w:tab/>
              <w:t>} else {</w:t>
            </w:r>
          </w:p>
          <w:p w:rsidR="00CE304B" w:rsidRDefault="00CE304B" w:rsidP="00CE304B">
            <w:r>
              <w:tab/>
              <w:t>error.insertAfter(element);</w:t>
            </w:r>
          </w:p>
          <w:p w:rsidR="00CE304B" w:rsidRDefault="00CE304B" w:rsidP="00CE304B">
            <w:r>
              <w:tab/>
              <w:t>}</w:t>
            </w:r>
          </w:p>
          <w:p w:rsidR="00CE304B" w:rsidRDefault="00CE304B" w:rsidP="00CE304B">
            <w:r>
              <w:t>},</w:t>
            </w:r>
          </w:p>
          <w:p w:rsidR="00CE304B" w:rsidRDefault="00CE304B" w:rsidP="00CE304B">
            <w:r>
              <w:tab/>
              <w:t>submitHandler: function(form) {</w:t>
            </w:r>
          </w:p>
          <w:p w:rsidR="00CE304B" w:rsidRDefault="00CE304B" w:rsidP="00CE304B"/>
          <w:p w:rsidR="00CE304B" w:rsidRDefault="00CE304B" w:rsidP="00CE304B">
            <w:r>
              <w:tab/>
            </w:r>
            <w:r>
              <w:tab/>
              <w:t xml:space="preserve">var formData = new FormData(document.getElementsByName('ci_form_contact')[0]); </w:t>
            </w:r>
          </w:p>
          <w:p w:rsidR="00CE304B" w:rsidRDefault="00CE304B" w:rsidP="00CE304B">
            <w:r>
              <w:tab/>
            </w:r>
            <w:r>
              <w:tab/>
              <w:t>// console.log(formData);return false;</w:t>
            </w:r>
            <w:r>
              <w:tab/>
              <w:t xml:space="preserve"> </w:t>
            </w:r>
          </w:p>
          <w:p w:rsidR="00CE304B" w:rsidRDefault="00CE304B" w:rsidP="00CE304B">
            <w:r>
              <w:tab/>
            </w:r>
            <w:r>
              <w:tab/>
            </w:r>
          </w:p>
          <w:p w:rsidR="00CE304B" w:rsidRDefault="00CE304B" w:rsidP="00CE304B">
            <w:r>
              <w:tab/>
            </w:r>
            <w:r>
              <w:tab/>
              <w:t>$.ajax({</w:t>
            </w:r>
          </w:p>
          <w:p w:rsidR="00CE304B" w:rsidRDefault="00CE304B" w:rsidP="00CE304B">
            <w:r>
              <w:tab/>
            </w:r>
            <w:r>
              <w:tab/>
            </w:r>
            <w:r>
              <w:tab/>
            </w:r>
            <w:r>
              <w:tab/>
              <w:t>url: "/contact_email_process.php",</w:t>
            </w:r>
          </w:p>
          <w:p w:rsidR="00CE304B" w:rsidRDefault="00CE304B" w:rsidP="00CE304B">
            <w:r>
              <w:tab/>
            </w:r>
            <w:r>
              <w:tab/>
            </w:r>
            <w:r>
              <w:tab/>
            </w:r>
            <w:r>
              <w:tab/>
              <w:t>type: 'POST',</w:t>
            </w:r>
          </w:p>
          <w:p w:rsidR="00CE304B" w:rsidRDefault="00CE304B" w:rsidP="00CE304B">
            <w:r>
              <w:tab/>
            </w:r>
            <w:r>
              <w:tab/>
            </w:r>
            <w:r>
              <w:tab/>
            </w:r>
            <w:r>
              <w:tab/>
              <w:t>data: formData,</w:t>
            </w:r>
          </w:p>
          <w:p w:rsidR="00CE304B" w:rsidRDefault="00CE304B" w:rsidP="00CE304B">
            <w:r>
              <w:tab/>
            </w:r>
            <w:r>
              <w:tab/>
            </w:r>
            <w:r>
              <w:tab/>
            </w:r>
            <w:r>
              <w:tab/>
              <w:t>// async: false,</w:t>
            </w:r>
          </w:p>
          <w:p w:rsidR="00CE304B" w:rsidRDefault="00CE304B" w:rsidP="00CE304B">
            <w:r>
              <w:tab/>
            </w:r>
            <w:r>
              <w:tab/>
            </w:r>
            <w:r>
              <w:tab/>
            </w:r>
            <w:r>
              <w:tab/>
              <w:t>cache: false,</w:t>
            </w:r>
          </w:p>
          <w:p w:rsidR="00CE304B" w:rsidRDefault="00CE304B" w:rsidP="00CE304B">
            <w:r>
              <w:tab/>
            </w:r>
            <w:r>
              <w:tab/>
            </w:r>
            <w:r>
              <w:tab/>
            </w:r>
            <w:r>
              <w:tab/>
              <w:t>contentType: false,</w:t>
            </w:r>
          </w:p>
          <w:p w:rsidR="00CE304B" w:rsidRDefault="00CE304B" w:rsidP="00CE304B">
            <w:r>
              <w:tab/>
            </w:r>
            <w:r>
              <w:tab/>
            </w:r>
            <w:r>
              <w:tab/>
            </w:r>
            <w:r>
              <w:tab/>
              <w:t>processData: false,</w:t>
            </w:r>
          </w:p>
          <w:p w:rsidR="00CE304B" w:rsidRDefault="00CE304B" w:rsidP="00CE304B">
            <w:r>
              <w:tab/>
            </w:r>
            <w:r>
              <w:tab/>
            </w:r>
            <w:r>
              <w:tab/>
            </w:r>
            <w:r>
              <w:tab/>
              <w:t>beforeSend: function(){</w:t>
            </w:r>
          </w:p>
          <w:p w:rsidR="00CE304B" w:rsidRDefault="00CE304B" w:rsidP="00CE304B">
            <w:r>
              <w:tab/>
            </w:r>
            <w:r>
              <w:tab/>
            </w:r>
            <w:r>
              <w:tab/>
            </w:r>
            <w:r>
              <w:tab/>
            </w:r>
            <w:r>
              <w:tab/>
              <w:t>$('#cover-spin').show();</w:t>
            </w:r>
          </w:p>
          <w:p w:rsidR="00CE304B" w:rsidRDefault="00CE304B" w:rsidP="00CE304B">
            <w:r>
              <w:tab/>
            </w:r>
            <w:r>
              <w:tab/>
            </w:r>
            <w:r>
              <w:tab/>
            </w:r>
            <w:r>
              <w:tab/>
            </w:r>
            <w:r>
              <w:tab/>
              <w:t>$("#btnSubmit").attr("disabled", true);</w:t>
            </w:r>
          </w:p>
          <w:p w:rsidR="00CE304B" w:rsidRDefault="00CE304B" w:rsidP="00CE304B">
            <w:r>
              <w:lastRenderedPageBreak/>
              <w:tab/>
            </w:r>
            <w:r>
              <w:tab/>
            </w:r>
            <w:r>
              <w:tab/>
            </w:r>
            <w:r>
              <w:tab/>
              <w:t>},</w:t>
            </w:r>
          </w:p>
          <w:p w:rsidR="00CE304B" w:rsidRDefault="00CE304B" w:rsidP="00CE304B">
            <w:r>
              <w:tab/>
            </w:r>
            <w:r>
              <w:tab/>
            </w:r>
            <w:r>
              <w:tab/>
            </w:r>
            <w:r>
              <w:tab/>
              <w:t xml:space="preserve">success: function (returndata) {   </w:t>
            </w:r>
          </w:p>
          <w:p w:rsidR="00CE304B" w:rsidRDefault="00CE304B" w:rsidP="00CE304B">
            <w:r>
              <w:tab/>
            </w:r>
            <w:r>
              <w:tab/>
            </w:r>
            <w:r>
              <w:tab/>
            </w:r>
            <w:r>
              <w:tab/>
            </w:r>
            <w:r>
              <w:tab/>
              <w:t>console.log(returndata);return false;</w:t>
            </w:r>
            <w:r>
              <w:tab/>
              <w:t xml:space="preserve"> </w:t>
            </w:r>
          </w:p>
          <w:p w:rsidR="00CE304B" w:rsidRDefault="00CE304B" w:rsidP="00CE304B">
            <w:r>
              <w:tab/>
            </w:r>
            <w:r>
              <w:tab/>
            </w:r>
            <w:r>
              <w:tab/>
            </w:r>
            <w:r>
              <w:tab/>
            </w:r>
            <w:r>
              <w:tab/>
              <w:t>if(returndata==1){</w:t>
            </w:r>
          </w:p>
          <w:p w:rsidR="00CE304B" w:rsidRDefault="00CE304B" w:rsidP="00CE304B">
            <w:r>
              <w:tab/>
            </w:r>
            <w:r>
              <w:tab/>
            </w:r>
            <w:r>
              <w:tab/>
            </w:r>
            <w:r>
              <w:tab/>
            </w:r>
            <w:r>
              <w:tab/>
            </w:r>
            <w:r>
              <w:tab/>
              <w:t>swal("Mail has been sent to your mail id", {</w:t>
            </w:r>
          </w:p>
          <w:p w:rsidR="00CE304B" w:rsidRDefault="00CE304B" w:rsidP="00CE304B">
            <w:r>
              <w:tab/>
            </w:r>
            <w:r>
              <w:tab/>
            </w:r>
            <w:r>
              <w:tab/>
            </w:r>
            <w:r>
              <w:tab/>
            </w:r>
            <w:r>
              <w:tab/>
            </w:r>
            <w:r>
              <w:tab/>
            </w:r>
            <w:r>
              <w:tab/>
            </w:r>
            <w:r>
              <w:tab/>
              <w:t xml:space="preserve">  icon: "success",</w:t>
            </w:r>
          </w:p>
          <w:p w:rsidR="00CE304B" w:rsidRDefault="00CE304B" w:rsidP="00CE304B">
            <w:r>
              <w:tab/>
            </w:r>
            <w:r>
              <w:tab/>
            </w:r>
            <w:r>
              <w:tab/>
            </w:r>
            <w:r>
              <w:tab/>
            </w:r>
            <w:r>
              <w:tab/>
            </w:r>
            <w:r>
              <w:tab/>
            </w:r>
            <w:r>
              <w:tab/>
              <w:t xml:space="preserve">});  </w:t>
            </w:r>
          </w:p>
          <w:p w:rsidR="00CE304B" w:rsidRDefault="00CE304B" w:rsidP="00CE304B">
            <w:r>
              <w:tab/>
            </w:r>
            <w:r>
              <w:tab/>
            </w:r>
            <w:r>
              <w:tab/>
            </w:r>
            <w:r>
              <w:tab/>
            </w:r>
            <w:r>
              <w:tab/>
            </w:r>
            <w:r>
              <w:tab/>
              <w:t xml:space="preserve">setTimeout(function(){  location.reload(); }, 1000);   </w:t>
            </w:r>
          </w:p>
          <w:p w:rsidR="00CE304B" w:rsidRDefault="00CE304B" w:rsidP="00CE304B">
            <w:r>
              <w:tab/>
            </w:r>
            <w:r>
              <w:tab/>
            </w:r>
            <w:r>
              <w:tab/>
            </w:r>
            <w:r>
              <w:tab/>
            </w:r>
            <w:r>
              <w:tab/>
              <w:t>}else{</w:t>
            </w:r>
          </w:p>
          <w:p w:rsidR="00CE304B" w:rsidRDefault="00CE304B" w:rsidP="00CE304B">
            <w:r>
              <w:tab/>
            </w:r>
            <w:r>
              <w:tab/>
            </w:r>
            <w:r>
              <w:tab/>
            </w:r>
            <w:r>
              <w:tab/>
            </w:r>
            <w:r>
              <w:tab/>
            </w:r>
            <w:r>
              <w:tab/>
              <w:t>swal("Alert", returndata, "error");</w:t>
            </w:r>
          </w:p>
          <w:p w:rsidR="00CE304B" w:rsidRDefault="00CE304B" w:rsidP="00CE304B">
            <w:r>
              <w:tab/>
            </w:r>
            <w:r>
              <w:tab/>
            </w:r>
            <w:r>
              <w:tab/>
            </w:r>
            <w:r>
              <w:tab/>
            </w:r>
            <w:r>
              <w:tab/>
            </w:r>
            <w:r>
              <w:tab/>
              <w:t>return false;</w:t>
            </w:r>
          </w:p>
          <w:p w:rsidR="00CE304B" w:rsidRDefault="00CE304B" w:rsidP="00CE304B">
            <w:r>
              <w:tab/>
            </w:r>
            <w:r>
              <w:tab/>
            </w:r>
            <w:r>
              <w:tab/>
            </w:r>
            <w:r>
              <w:tab/>
            </w:r>
            <w:r>
              <w:tab/>
              <w:t xml:space="preserve">} </w:t>
            </w:r>
          </w:p>
          <w:p w:rsidR="00CE304B" w:rsidRDefault="00CE304B" w:rsidP="00CE304B">
            <w:r>
              <w:tab/>
            </w:r>
            <w:r>
              <w:tab/>
            </w:r>
            <w:r>
              <w:tab/>
            </w:r>
            <w:r>
              <w:tab/>
              <w:t>},</w:t>
            </w:r>
          </w:p>
          <w:p w:rsidR="00CE304B" w:rsidRDefault="00CE304B" w:rsidP="00CE304B">
            <w:r>
              <w:tab/>
            </w:r>
            <w:r>
              <w:tab/>
            </w:r>
            <w:r>
              <w:tab/>
            </w:r>
            <w:r>
              <w:tab/>
              <w:t>complete: function(){</w:t>
            </w:r>
          </w:p>
          <w:p w:rsidR="00CE304B" w:rsidRDefault="00CE304B" w:rsidP="00CE304B">
            <w:r>
              <w:tab/>
            </w:r>
            <w:r>
              <w:tab/>
            </w:r>
            <w:r>
              <w:tab/>
            </w:r>
            <w:r>
              <w:tab/>
            </w:r>
            <w:r>
              <w:tab/>
              <w:t>$('#cover-spin').hide();</w:t>
            </w:r>
          </w:p>
          <w:p w:rsidR="00CE304B" w:rsidRDefault="00CE304B" w:rsidP="00CE304B">
            <w:r>
              <w:tab/>
            </w:r>
            <w:r>
              <w:tab/>
            </w:r>
            <w:r>
              <w:tab/>
            </w:r>
            <w:r>
              <w:tab/>
            </w:r>
            <w:r>
              <w:tab/>
              <w:t>$("#btnSubmit").attr("disabled", false);</w:t>
            </w:r>
          </w:p>
          <w:p w:rsidR="00CE304B" w:rsidRDefault="00CE304B" w:rsidP="00CE304B">
            <w:r>
              <w:tab/>
            </w:r>
            <w:r>
              <w:tab/>
            </w:r>
            <w:r>
              <w:tab/>
            </w:r>
            <w:r>
              <w:tab/>
              <w:t>}</w:t>
            </w:r>
          </w:p>
          <w:p w:rsidR="00CE304B" w:rsidRDefault="00CE304B" w:rsidP="00CE304B">
            <w:r>
              <w:tab/>
            </w:r>
            <w:r>
              <w:tab/>
              <w:t>});</w:t>
            </w:r>
          </w:p>
          <w:p w:rsidR="00CE304B" w:rsidRDefault="00CE304B" w:rsidP="00CE304B">
            <w:r>
              <w:tab/>
            </w:r>
            <w:r>
              <w:tab/>
            </w:r>
          </w:p>
          <w:p w:rsidR="00CE304B" w:rsidRDefault="00CE304B" w:rsidP="00CE304B">
            <w:r>
              <w:tab/>
            </w:r>
            <w:r>
              <w:tab/>
            </w:r>
          </w:p>
          <w:p w:rsidR="00CE304B" w:rsidRDefault="00CE304B" w:rsidP="00CE304B"/>
          <w:p w:rsidR="00CE304B" w:rsidRDefault="00CE304B" w:rsidP="00CE304B">
            <w:r>
              <w:tab/>
              <w:t>}</w:t>
            </w:r>
          </w:p>
          <w:p w:rsidR="00CE304B" w:rsidRDefault="00CE304B" w:rsidP="00CE304B">
            <w:r>
              <w:t xml:space="preserve">});     </w:t>
            </w:r>
          </w:p>
          <w:p w:rsidR="00CE304B" w:rsidRDefault="00CE304B" w:rsidP="00CE304B"/>
          <w:p w:rsidR="00CE304B" w:rsidRDefault="00CE304B" w:rsidP="00CE304B">
            <w:r>
              <w:t>&lt;/script&gt;</w:t>
            </w:r>
          </w:p>
          <w:p w:rsidR="00CE304B" w:rsidRDefault="00CE304B" w:rsidP="00CE304B">
            <w:r>
              <w:t xml:space="preserve">    &lt;/body&gt;</w:t>
            </w:r>
          </w:p>
          <w:p w:rsidR="00CE304B" w:rsidRDefault="00CE304B" w:rsidP="00CE304B"/>
          <w:p w:rsidR="00CE304B" w:rsidRDefault="00CE304B" w:rsidP="00CE304B">
            <w:r>
              <w:t xml:space="preserve">   &lt;!--body ends--&gt;</w:t>
            </w:r>
            <w:bookmarkStart w:id="0" w:name="_GoBack"/>
            <w:bookmarkEnd w:id="0"/>
          </w:p>
        </w:tc>
      </w:tr>
    </w:tbl>
    <w:p w:rsidR="00CE304B" w:rsidRDefault="00CE304B" w:rsidP="0048012D"/>
    <w:p w:rsidR="00CE304B" w:rsidRDefault="00CE304B"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App.css</w:t>
            </w:r>
          </w:p>
        </w:tc>
      </w:tr>
      <w:tr w:rsidR="0048012D" w:rsidTr="0048012D">
        <w:tc>
          <w:tcPr>
            <w:tcW w:w="9576" w:type="dxa"/>
          </w:tcPr>
          <w:p w:rsidR="0048012D" w:rsidRDefault="00156FB3" w:rsidP="0048012D">
            <w:r w:rsidRPr="00156FB3">
              <w:t>.fa,.fab,.fal,.far,.fas{-moz-osx-font-smoothing:grayscale;-webkit-font-smoothing:antialiased;display:inline-block;font-style:normal;font-variant:normal;text-rendering:auto;line-height:1}.fa-lg{font-size:1.33333em;line-height:.75em;vertical-align:-.0667em}.fa-xs{font-size:.75em}.fa-sm{font-size:.875em}.fa-1x{font-size:1em}.fa-2x{font-size:2em}.fa-3x{font-size:3em}.fa-4x{font-size:4em}.fa-5x{font-size:5em}.fa-6x{font-size:6em}.fa-7x{font-size:7em}.fa-8x{font-size:8em}.fa-9x{font-size:9em}.fa-10x{font-size:10em}.fa-fw{text-align:center;width:1.25em}.fa-ul{list-style-type:none;margin-left:2.5em;padding-left:0}.fa-ul&gt;li{position:relative}.fa-li{left:-2em;position:absolute;text-align:center;width:2em;line-height:inherit}.fa-border{border:.08em solid #eee;border-radius:.1em;padding:.2em .25em .15em}.fa-pull-left{float:left}.fa-pull-right{float:right}.fa.fa-pull-left,.fab.fa-pull-left,.fal.fa-pull-left,.far.fa-pull-left,.fas.fa-pull-left{margin-right:.3em}.fa.fa-pull-right,.fab.fa-pull-right,.fal.fa-pull-right,.far.fa-pull-right,.fas.fa-pull-right{margin-left:.3em}.fa-spin{animation:fa-spin 2s infinite linear}.fa-pulse{animation:fa-spin 1s infinite steps(8)}@keyframes fa-spin{0%{transform:rotate(0deg)}to{transform:rotate(1turn)}}.fa-rotate-90{-ms-</w:t>
            </w:r>
            <w:r w:rsidRPr="00156FB3">
              <w:lastRenderedPageBreak/>
              <w:t>filter:"progid:DXImageTransform.Microsoft.BasicImage(rotation=1)";transform:rotate(90deg)}.fa-rotate-180{-ms-filter:"progid:DXImageTransform.Microsoft.BasicImage(rotation=2)";transform:rotate(180deg)}.fa-rotate-270{-ms-filter:"progid:DXImageTransform.Microsoft.BasicImage(rotation=3)";transform:rotate(270deg)}.fa-flip-horizontal{-ms-filter:"progid:DXImageTransform.Microsoft.BasicImage(rotation=0, mirror=1)";transform:scaleX(-1)}.fa-flip-vertical{transform:scaleY(-1)}.fa-flip-horizontal.fa-flip-vertical,.fa-flip-vertical{-ms-filter:"progid:DXImageTransform.Microsoft.BasicImage(rotation=2, mirror=1)"}.fa-flip-horizontal.fa-flip-vertical{transform:scale(-1)}:root .fa-flip-horizontal,:root .fa-flip-vertical,:root .fa-rotate-90,:root .fa-rotate-180,:root .fa-rotate-270{filter:none}.fa-stack{display:inline-block;height:2em;line-height:2em;position:relative;vertical-align:middle;width:2.5em}.fa-stack-1x,.fa-stack-2x{left:0;position:absolute;text-align:center;width:100%}.fa-stack-1x{line-height:inherit}.fa-stack-2x{font-size:2em}.fa-inverse{color:#fff}.fa-500px:before{content:"\f26e"}.fa-accessible-icon:before{content:"\f368"}.fa-accusoft:before{content:"\f369"}.fa-acquisitions-incorporated:before{content:"\f6af"}.fa-ad:before{content:"\f641"}.fa-address-book:before{content:"\f2b9"}.fa-address-card:before{content:"\f2bb"}.fa-adjust:before{content:"\f042"}.fa-adn:before{content:"\f170"}.fa-adobe:before{content:"\f778"}.fa-adversal:before{content:"\f36a"}.fa-affiliatetheme:before{content:"\f36b"}.fa-air-freshener:before{content:"\f5d0"}.fa-algolia:before{content:"\f36c"}.fa-align-center:before{content:"\f037"}.fa-align-justify:before{content:"\f039"}.fa-align-left:before{content:"\f036"}.fa-align-right:before{content:"\f038"}.fa-alipay:before{content:"\f642"}.fa-allergies:before{content:"\f461"}.fa-amazon:before{content:"\f270"}.fa-amazon-pay:before{content:"\f42c"}.fa-ambulance:before{content:"\f0f9"}.fa-american-sign-language-interpreting:before{content:"\f2a3"}.fa-amilia:before{content:"\f36d"}.fa-anchor:before{content:"\f13d"}.fa-android:before{content:"\f17b"}.fa-angellist:before{content:"\f209"}.fa-angle-double-down:before{content:"\f103"}.fa-angle-double-left:before{content:"\f100"}.fa-angle-double-right:before{content:"\f101"}.fa-angle-double-up:before{content:"\f102"}.fa-angle-down:before{content:"\f107"}.fa-angle-left:before{content:"\f104"}.fa-angle-right:before{content:"\f105"}.fa-angle-up:before{content:"\f106"}.fa-angry:before{content:"\f556"}.fa-angrycreative:before{content:"\f36e"}.fa-angular:before{content:"\f420"}.fa-ankh:before{content:"\f644"}.fa-app-store:before{content:"\f36f"}.fa-app-store-ios:before{content:"\f370"}.fa-apper:before{content:"\f371"}.fa-apple:before{content:"\f179"}.fa-apple-alt:before{content:"\f5d1"}.fa-apple-pay:before{content:"\f415"}.fa-archive:before{content:"\f187"}.fa-archway:before{content:"\f557"}.fa-arrow-alt-circle-down:before{content:"\f358"}.fa-arrow-alt-circle-left:before{content:"\f359"}.fa-arrow-alt-circle-right:before{content:"\f35a"}.fa-arrow-alt-circle-up:before{content:"\f35b"}.fa-arrow-circle-down:before{content:"\f0ab"}.fa-arrow-circle-left:before{content:"\f0a8"}.fa-arrow-circle-right:before{content:"\f0a9"}.fa-arrow-circle-up:before{content:"\f0aa"}.fa-arrow-down:before{content:"\f063"}.fa-arrow-left:before{content:"\f060"}.fa-arrow-right:before{content:"\f061"}.fa-arrow-up:before{content:"\f062"}.fa-arrows-alt:before{content:"\f0b2"}.fa-arrows-alt-h:before{content:"\f337"}.fa-arrows-alt-v:before{content:"\f338"}.fa-artstation:before{content:"\f77a"}.fa-assistive-listening-systems:before{content:"\f2a2"}.fa-asterisk:before{content:"\f069"}.fa-asymmetrik:before{content:"\f372"}.fa-at:before{content:"\f1fa"}.fa-atlas:before{content:"\f558"}.fa-atlassian:before{content:"\f77b"}.fa-atom:before{content:"\f5d2"}.fa-audible:before{content:"\f373"}.fa-audio-description:before{content:"\f29e"}.fa-autoprefixer:before{content:"\f41c"}.fa-avianex:before{content:"\f374"}.fa-aviato:before{content:"\f421"}.fa-award:before{content:"\f559"}.fa-</w:t>
            </w:r>
            <w:r w:rsidRPr="00156FB3">
              <w:lastRenderedPageBreak/>
              <w:t>aws:before{content:"\f375"}.fa-baby:before{content:"\f77c"}.fa-baby-carriage:before{content:"\f77d"}.fa-backspace:before{content:"\f55a"}.fa-backward:before{content:"\f04a"}.fa-balance-scale:before{content:"\f24e"}.fa-ban:before{content:"\f05e"}.fa-band-aid:before{content:"\f462"}.fa-bandcamp:before{content:"\f2d5"}.fa-barcode:before{content:"\f02a"}.fa-bars:before{content:"\f0c9"}.fa-baseball-ball:before{content:"\f433"}.fa-basketball-ball:before{content:"\f434"}.fa-bath:before{content:"\f2cd"}.fa-battery-empty:before{content:"\f244"}.fa-battery-full:before{content:"\f240"}.fa-battery-half:before{content:"\f242"}.fa-battery-quarter:before{content:"\f243"}.fa-battery-three-quarters:before{content:"\f241"}.fa-bed:before{content:"\f236"}.fa-beer:before{content:"\f0fc"}.fa-behance:before{content:"\f1b4"}.fa-behance-square:before{content:"\f1b5"}.fa-bell:before{content:"\f0f3"}.fa-bell-slash:before{content:"\f1f6"}.fa-bezier-curve:before{content:"\f55b"}.fa-bible:before{content:"\f647"}.fa-bicycle:before{content:"\f206"}.fa-bimobject:before{content:"\f378"}.fa-binoculars:before{content:"\f1e5"}.fa-biohazard:before{content:"\f780"}.fa-birthday-cake:before{content:"\f1fd"}.fa-bitbucket:before{content:"\f171"}.fa-bitcoin:before{content:"\f379"}.fa-bity:before{content:"\f37a"}.fa-black-tie:before{content:"\f27e"}.fa-blackberry:before{content:"\f37b"}.fa-blender:before{content:"\f517"}.fa-blender-phone:before{content:"\f6b6"}.fa-blind:before{content:"\f29d"}.fa-blog:before{content:"\f781"}.fa-blogger:before{content:"\f37c"}.fa-blogger-b:before{content:"\f37d"}.fa-bluetooth:before{content:"\f293"}.fa-bluetooth-b:before{content:"\f294"}.fa-bold:before{content:"\f032"}.fa-bolt:before{content:"\f0e7"}.fa-bomb:before{content:"\f1e2"}.fa-bone:before{content:"\f5d7"}.fa-bong:before{content:"\f55c"}.fa-book:before{content:"\f02d"}.fa-book-dead:before{content:"\f6b7"}.fa-book-open:before{content:"\f518"}.fa-book-reader:before{content:"\f5da"}.fa-bookmark:before{content:"\f02e"}.fa-bowling-ball:before{content:"\f436"}.fa-box:before{content:"\f466"}.fa-box-open:before{content:"\f49e"}.fa-boxes:before{content:"\f468"}.fa-braille:before{content:"\f2a1"}.fa-brain:before{content:"\f5dc"}.fa-briefcase:before{content:"\f0b1"}.fa-briefcase-medical:before{content:"\f469"}.fa-broadcast-tower:before{content:"\f519"}.fa-broom:before{content:"\f51a"}.fa-brush:before{content:"\f55d"}.fa-btc:before{content:"\f15a"}.fa-bug:before{content:"\f188"}.fa-building:before{content:"\f1ad"}.fa-bullhorn:before{content:"\f0a1"}.fa-bullseye:before{content:"\f140"}.fa-burn:before{content:"\f46a"}.fa-buromobelexperte:before{content:"\f37f"}.fa-bus:before{content:"\f207"}.fa-bus-alt:before{content:"\f55e"}.fa-business-time:before{content:"\f64a"}.fa-buysellads:before{content:"\f20d"}.fa-calculator:before{content:"\f1ec"}.fa-calendar:before{content:"\f133"}.fa-calendar-alt:before{content:"\f073"}.fa-calendar-check:before{content:"\f274"}.fa-calendar-day:before{content:"\f783"}.fa-calendar-minus:before{content:"\f272"}.fa-calendar-plus:before{content:"\f271"}.fa-calendar-times:before{content:"\f273"}.fa-calendar-week:before{content:"\f784"}.fa-camera:before{content:"\f030"}.fa-camera-retro:before{content:"\f083"}.fa-campground:before{content:"\f6bb"}.fa-canadian-maple-leaf:before{content:"\f785"}.fa-candy-cane:before{content:"\f786"}.fa-cannabis:before{content:"\f55f"}.fa-capsules:before{content:"\f46b"}.fa-car:before{content:"\f1b9"}.fa-car-alt:before{content:"\f5de"}.fa-car-battery:before{content:"\f5df"}.fa-car-crash:before{content:"\f5e1"}.fa-car-side:before{content:"\f5e4"}.fa-caret-down:before{content:"\f0d7"}.fa-caret-left:before{content:"\f0d9"}.fa-caret-right:before{content:"\f0da"}.fa-caret-square-down:before{content:"\f150"}.fa-caret-square-left:before{content:"\f191"}.fa-caret-square-right:before{content:"\f152"}.fa-caret-square-up:before{content:"\f151"}.fa-caret-up:before{content:"\f0d8"}.fa-carrot:before{content:"\f787"}.fa-cart-arrow-</w:t>
            </w:r>
            <w:r w:rsidRPr="00156FB3">
              <w:lastRenderedPageBreak/>
              <w:t>down:before{content:"\f218"}.fa-cart-plus:before{content:"\f217"}.fa-cash-register:before{content:"\f788"}.fa-cat:before{content:"\f6be"}.fa-cc-amazon-pay:before{content:"\f42d"}.fa-cc-amex:before{content:"\f1f3"}.fa-cc-apple-pay:before{content:"\f416"}.fa-cc-diners-club:before{content:"\f24c"}.fa-cc-discover:before{content:"\f1f2"}.fa-cc-jcb:before{content:"\f24b"}.fa-cc-mastercard:before{content:"\f1f1"}.fa-cc-paypal:before{content:"\f1f4"}.fa-cc-stripe:before{content:"\f1f5"}.fa-cc-visa:before{content:"\f1f0"}.fa-centercode:before{content:"\f380"}.fa-centos:before{content:"\f789"}.fa-certificate:before{content:"\f0a3"}.fa-chair:before{content:"\f6c0"}.fa-chalkboard:before{content:"\f51b"}.fa-chalkboard-teacher:before{content:"\f51c"}.fa-charging-station:before{content:"\f5e7"}.fa-chart-area:before{content:"\f1fe"}.fa-chart-bar:before{content:"\f080"}.fa-chart-line:before{content:"\f201"}.fa-chart-pie:before{content:"\f200"}.fa-check:before{content:"\f00c"}.fa-check-circle:before{content:"\f058"}.fa-check-double:before{content:"\f560"}.fa-check-square:before{content:"\f14a"}.fa-chess:before{content:"\f439"}.fa-chess-bishop:before{content:"\f43a"}.fa-chess-board:before{content:"\f43c"}.fa-chess-king:before{content:"\f43f"}.fa-chess-knight:before{content:"\f441"}.fa-chess-pawn:before{content:"\f443"}.fa-chess-queen:before{content:"\f445"}.fa-chess-rook:before{content:"\f447"}.fa-chevron-circle-down:before{content:"\f13a"}.fa-chevron-circle-left:before{content:"\f137"}.fa-chevron-circle-right:before{content:"\f138"}.fa-chevron-circle-up:before{content:"\f139"}.fa-chevron-down:before{content:"\f078"}.fa-chevron-left:before{content:"\f053"}.fa-chevron-right:before{content:"\f054"}.fa-chevron-up:before{content:"\f077"}.fa-child:before{content:"\f1ae"}.fa-chrome:before{content:"\f268"}.fa-church:before{content:"\f51d"}.fa-circle:before{content:"\f111"}.fa-circle-notch:before{content:"\f1ce"}.fa-city:before{content:"\f64f"}.fa-clipboard:before{content:"\f328"}.fa-clipboard-check:before{content:"\f46c"}.fa-clipboard-list:before{content:"\f46d"}.fa-clock:before{content:"\f017"}.fa-clone:before{content:"\f24d"}.fa-closed-captioning:before{content:"\f20a"}.fa-cloud:before{content:"\f0c2"}.fa-cloud-download-alt:before{content:"\f381"}.fa-cloud-meatball:before{content:"\f73b"}.fa-cloud-moon:before{content:"\f6c3"}.fa-cloud-moon-rain:before{content:"\f73c"}.fa-cloud-rain:before{content:"\f73d"}.fa-cloud-showers-heavy:before{content:"\f740"}.fa-cloud-sun:before{content:"\f6c4"}.fa-cloud-sun-rain:before{content:"\f743"}.fa-cloud-upload-alt:before{content:"\f382"}.fa-cloudscale:before{content:"\f383"}.fa-cloudsmith:before{content:"\f384"}.fa-cloudversify:before{content:"\f385"}.fa-cocktail:before{content:"\f561"}.fa-code:before{content:"\f121"}.fa-code-branch:before{content:"\f126"}.fa-codepen:before{content:"\f1cb"}.fa-codiepie:before{content:"\f284"}.fa-coffee:before{content:"\f0f4"}.fa-cog:before{content:"\f013"}.fa-cogs:before{content:"\f085"}.fa-coins:before{content:"\f51e"}.fa-columns:before{content:"\f0db"}.fa-comment:before{content:"\f075"}.fa-comment-alt:before{content:"\f27a"}.fa-comment-dollar:before{content:"\f651"}.fa-comment-dots:before{content:"\f4ad"}.fa-comment-slash:before{content:"\f4b3"}.fa-comments:before{content:"\f086"}.fa-comments-dollar:before{content:"\f653"}.fa-compact-disc:before{content:"\f51f"}.fa-compass:before{content:"\f14e"}.fa-compress:before{content:"\f066"}.fa-compress-arrows-alt:before{content:"\f78c"}.fa-concierge-bell:before{content:"\f562"}.fa-confluence:before{content:"\f78d"}.fa-connectdevelop:before{content:"\f20e"}.fa-contao:before{content:"\f26d"}.fa-cookie:before{content:"\f563"}.fa-cookie-bite:before{content:"\f564"}.fa-copy:before{content:"\f0c5"}.fa-copyright:before{content:"\f1f9"}.fa-couch:before{content:"\f4b8"}.fa-cpanel:before{content:"\f388"}.fa-creative-commons:before{content:"\f25e"}.fa-creative-commons-by:before{content:"\f4e7"}.fa-creative-</w:t>
            </w:r>
            <w:r w:rsidRPr="00156FB3">
              <w:lastRenderedPageBreak/>
              <w:t>commons-nc:before{content:"\f4e8"}.fa-creative-commons-nc-eu:before{content:"\f4e9"}.fa-creative-commons-nc-jp:before{content:"\f4ea"}.fa-creative-commons-nd:before{content:"\f4eb"}.fa-creative-commons-pd:before{content:"\f4ec"}.fa-creative-commons-pd-alt:before{content:"\f4ed"}.fa-creative-commons-remix:before{content:"\f4ee"}.fa-creative-commons-sa:before{content:"\f4ef"}.fa-creative-commons-sampling:before{content:"\f4f0"}.fa-creative-commons-sampling-plus:before{content:"\f4f1"}.fa-creative-commons-share:before{content:"\f4f2"}.fa-creative-commons-zero:before{content:"\f4f3"}.fa-credit-card:before{content:"\f09d"}.fa-critical-role:before{content:"\f6c9"}.fa-crop:before{content:"\f125"}.fa-crop-alt:before{content:"\f565"}.fa-cross:before{content:"\f654"}.fa-crosshairs:before{content:"\f05b"}.fa-crow:before{content:"\f520"}.fa-crown:before{content:"\f521"}.fa-css3:before{content:"\f13c"}.fa-css3-alt:before{content:"\f38b"}.fa-cube:before{content:"\f1b2"}.fa-cubes:before{content:"\f1b3"}.fa-cut:before{content:"\f0c4"}.fa-cuttlefish:before{content:"\f38c"}.fa-d-and-d:before{content:"\f38d"}.fa-d-and-d-beyond:before{content:"\f6ca"}.fa-dashcube:before{content:"\f210"}.fa-database:before{content:"\f1c0"}.fa-deaf:before{content:"\f2a4"}.fa-delicious:before{content:"\f1a5"}.fa-democrat:before{content:"\f747"}.fa-deploydog:before{content:"\f38e"}.fa-deskpro:before{content:"\f38f"}.fa-desktop:before{content:"\f108"}.fa-dev:before{content:"\f6cc"}.fa-deviantart:before{content:"\f1bd"}.fa-dharmachakra:before{content:"\f655"}.fa-dhl:before{content:"\f790"}.fa-diagnoses:before{content:"\f470"}.fa-diaspora:before{content:"\f791"}.fa-dice:before{content:"\f522"}.fa-dice-d20:before{content:"\f6cf"}.fa-dice-d6:before{content:"\f6d1"}.fa-dice-five:before{content:"\f523"}.fa-dice-four:before{content:"\f524"}.fa-dice-one:before{content:"\f525"}.fa-dice-six:before{content:"\f526"}.fa-dice-three:before{content:"\f527"}.fa-dice-two:before{content:"\f528"}.fa-digg:before{content:"\f1a6"}.fa-digital-ocean:before{content:"\f391"}.fa-digital-tachograph:before{content:"\f566"}.fa-directions:before{content:"\f5eb"}.fa-discord:before{content:"\f392"}.fa-discourse:before{content:"\f393"}.fa-divide:before{content:"\f529"}.fa-dizzy:before{content:"\f567"}.fa-dna:before{content:"\f471"}.fa-dochub:before{content:"\f394"}.fa-docker:before{content:"\f395"}.fa-dog:before{content:"\f6d3"}.fa-dollar-sign:before{content:"\f155"}.fa-dolly:before{content:"\f472"}.fa-dolly-flatbed:before{content:"\f474"}.fa-donate:before{content:"\f4b9"}.fa-door-closed:before{content:"\f52a"}.fa-door-open:before{content:"\f52b"}.fa-dot-circle:before{content:"\f192"}.fa-dove:before{content:"\f4ba"}.fa-download:before{content:"\f019"}.fa-draft2digital:before{content:"\f396"}.fa-drafting-compass:before{content:"\f568"}.fa-dragon:before{content:"\f6d5"}.fa-draw-polygon:before{content:"\f5ee"}.fa-dribbble:before{content:"\f17d"}.fa-dribbble-square:before{content:"\f397"}.fa-dropbox:before{content:"\f16b"}.fa-drum:before{content:"\f569"}.fa-drum-steelpan:before{content:"\f56a"}.fa-drumstick-bite:before{content:"\f6d7"}.fa-drupal:before{content:"\f1a9"}.fa-dumbbell:before{content:"\f44b"}.fa-dumpster:before{content:"\f793"}.fa-dumpster-fire:before{content:"\f794"}.fa-dungeon:before{content:"\f6d9"}.fa-dyalog:before{content:"\f399"}.fa-earlybirds:before{content:"\f39a"}.fa-ebay:before{content:"\f4f4"}.fa-edge:before{content:"\f282"}.fa-edit:before{content:"\f044"}.fa-eject:before{content:"\f052"}.fa-elementor:before{content:"\f430"}.fa-ellipsis-h:before{content:"\f141"}.fa-ellipsis-v:before{content:"\f142"}.fa-ello:before{content:"\f5f1"}.fa-ember:before{content:"\f423"}.fa-empire:before{content:"\f1d1"}.fa-envelope:before{content:"\f0e0"}.fa-envelope-open:before{content:"\f2b6"}.fa-envelope-open-text:before{content:"\f658"}.fa-envelope-square:before{content:"\f199"}.fa-envira:before{content:"\f299"}.fa-equals:before{content:"\f52c"}.fa-eraser:before{content:"\f12d"}.fa-erlang:before{content:"\f39d"}.fa-ethereum:before{content:"\f42e"}.fa-</w:t>
            </w:r>
            <w:r w:rsidRPr="00156FB3">
              <w:lastRenderedPageBreak/>
              <w:t>ethernet:before{content:"\f796"}.fa-etsy:before{content:"\f2d7"}.fa-euro-sign:before{content:"\f153"}.fa-exchange-alt:before{content:"\f362"}.fa-exclamation:before{content:"\f12a"}.fa-exclamation-circle:before{content:"\f06a"}.fa-exclamation-triangle:before{content:"\f071"}.fa-expand:before{content:"\f065"}.fa-expand-arrows-alt:before{content:"\f31e"}.fa-expeditedssl:before{content:"\f23e"}.fa-external-link-alt:before{content:"\f35d"}.fa-external-link-square-alt:before{content:"\f360"}.fa-eye:before{content:"\f06e"}.fa-eye-dropper:before{content:"\f1fb"}.fa-eye-slash:before{content:"\f070"}.fa-facebook:before{content:"\f09a"}.fa-facebook-f:before{content:"\f39e"}.fa-facebook-messenger:before{content:"\f39f"}.fa-facebook-square:before{content:"\f082"}.fa-fantasy-flight-games:before{content:"\f6dc"}.fa-fast-backward:before{content:"\f049"}.fa-fast-forward:before{content:"\f050"}.fa-fax:before{content:"\f1ac"}.fa-feather:before{content:"\f52d"}.fa-feather-alt:before{content:"\f56b"}.fa-fedex:before{content:"\f797"}.fa-fedora:before{content:"\f798"}.fa-female:before{content:"\f182"}.fa-fighter-jet:before{content:"\f0fb"}.fa-figma:before{content:"\f799"}.fa-file:before{content:"\f15b"}.fa-file-alt:before{content:"\f15c"}.fa-file-archive:before{content:"\f1c6"}.fa-file-audio:before{content:"\f1c7"}.fa-file-code:before{content:"\f1c9"}.fa-file-contract:before{content:"\f56c"}.fa-file-csv:before{content:"\f6dd"}.fa-file-download:before{content:"\f56d"}.fa-file-excel:before{content:"\f1c3"}.fa-file-export:before{content:"\f56e"}.fa-file-image:before{content:"\f1c5"}.fa-file-import:before{content:"\f56f"}.fa-file-invoice:before{content:"\f570"}.fa-file-invoice-dollar:before{content:"\f571"}.fa-file-medical:before{content:"\f477"}.fa-file-medical-alt:before{content:"\f478"}.fa-file-pdf:before{content:"\f1c1"}.fa-file-powerpoint:before{content:"\f1c4"}.fa-file-prescription:before{content:"\f572"}.fa-file-signature:before{content:"\f573"}.fa-file-upload:before{content:"\f574"}.fa-file-video:before{content:"\f1c8"}.fa-file-word:before{content:"\f1c2"}.fa-fill:before{content:"\f575"}.fa-fill-drip:before{content:"\f576"}.fa-film:before{content:"\f008"}.fa-filter:before{content:"\f0b0"}.fa-fingerprint:before{content:"\f577"}.fa-fire:before{content:"\f06d"}.fa-fire-alt:before{content:"\f7e4"}.fa-fire-extinguisher:before{content:"\f134"}.fa-firefox:before{content:"\f269"}.fa-first-aid:before{content:"\f479"}.fa-first-order:before{content:"\f2b0"}.fa-first-order-alt:before{content:"\f50a"}.fa-firstdraft:before{content:"\f3a1"}.fa-fish:before{content:"\f578"}.fa-fist-raised:before{content:"\f6de"}.fa-flag:before{content:"\f024"}.fa-flag-checkered:before{content:"\f11e"}.fa-flag-usa:before{content:"\f74d"}.fa-flask:before{content:"\f0c3"}.fa-flickr:before{content:"\f16e"}.fa-flipboard:before{content:"\f44d"}.fa-flushed:before{content:"\f579"}.fa-fly:before{content:"\f417"}.fa-folder:before{content:"\f07b"}.fa-folder-minus:before{content:"\f65d"}.fa-folder-open:before{content:"\f07c"}.fa-folder-plus:before{content:"\f65e"}.fa-font:before{content:"\f031"}.fa-font-awesome:before{content:"\f2b4"}.fa-font-awesome-alt:before{content:"\f35c"}.fa-font-awesome-flag:before{content:"\f425"}.fa-font-awesome-logo-full:before{content:"\f4e6"}.fa-fonticons:before{content:"\f280"}.fa-fonticons-fi:before{content:"\f3a2"}.fa-football-ball:before{content:"\f44e"}.fa-fort-awesome:before{content:"\f286"}.fa-fort-awesome-alt:before{content:"\f3a3"}.fa-forumbee:before{content:"\f211"}.fa-forward:before{content:"\f04e"}.fa-foursquare:before{content:"\f180"}.fa-free-code-camp:before{content:"\f2c5"}.fa-freebsd:before{content:"\f3a4"}.fa-frog:before{content:"\f52e"}.fa-frown:before{content:"\f119"}.fa-frown-open:before{content:"\f57a"}.fa-fulcrum:before{content:"\f50b"}.fa-funnel-dollar:before{content:"\f662"}.fa-futbol:before{content:"\f1e3"}.fa-galactic-republic:before{content:"\f50c"}.fa-galactic-senate:before{content:"\f50d"}.fa-gamepad:before{content:"\f11b"}.fa-gas-pump:before{content:"\f52f"}.fa-</w:t>
            </w:r>
            <w:r w:rsidRPr="00156FB3">
              <w:lastRenderedPageBreak/>
              <w:t>gavel:before{content:"\f0e3"}.fa-gem:before{content:"\f3a5"}.fa-genderless:before{content:"\f22d"}.fa-get-pocket:before{content:"\f265"}.fa-gg:before{content:"\f260"}.fa-gg-circle:before{content:"\f261"}.fa-ghost:before{content:"\f6e2"}.fa-gift:before{content:"\f06b"}.fa-gifts:before{content:"\f79c"}.fa-git:before{content:"\f1d3"}.fa-git-square:before{content:"\f1d2"}.fa-github:before{content:"\f09b"}.fa-github-alt:before{content:"\f113"}.fa-github-square:before{content:"\f092"}.fa-gitkraken:before{content:"\f3a6"}.fa-gitlab:before{content:"\f296"}.fa-gitter:before{content:"\f426"}.fa-glass-cheers:before{content:"\f79f"}.fa-glass-martini:before{content:"\f000"}.fa-glass-martini-alt:before{content:"\f57b"}.fa-glass-whiskey:before{content:"\f7a0"}.fa-glasses:before{content:"\f530"}.fa-glide:before{content:"\f2a5"}.fa-glide-g:before{content:"\f2a6"}.fa-globe:before{content:"\f0ac"}.fa-globe-africa:before{content:"\f57c"}.fa-globe-americas:before{content:"\f57d"}.fa-globe-asia:before{content:"\f57e"}.fa-globe-europe:before{content:"\f7a2"}.fa-gofore:before{content:"\f3a7"}.fa-golf-ball:before{content:"\f450"}.fa-goodreads:before{content:"\f3a8"}.fa-goodreads-g:before{content:"\f3a9"}.fa-google:before{content:"\f1a0"}.fa-google-drive:before{content:"\f3aa"}.fa-google-play:before{content:"\f3ab"}.fa-google-plus:before{content:"\f2b3"}.fa-google-plus-g:before{content:"\f0d5"}.fa-google-plus-square:before{content:"\f0d4"}.fa-google-wallet:before{content:"\f1ee"}.fa-gopuram:before{content:"\f664"}.fa-graduation-cap:before{content:"\f19d"}.fa-gratipay:before{content:"\f184"}.fa-grav:before{content:"\f2d6"}.fa-greater-than:before{content:"\f531"}.fa-greater-than-equal:before{content:"\f532"}.fa-grimace:before{content:"\f57f"}.fa-grin:before{content:"\f580"}.fa-grin-alt:before{content:"\f581"}.fa-grin-beam:before{content:"\f582"}.fa-grin-beam-sweat:before{content:"\f583"}.fa-grin-hearts:before{content:"\f584"}.fa-grin-squint:before{content:"\f585"}.fa-grin-squint-tears:before{content:"\f586"}.fa-grin-stars:before{content:"\f587"}.fa-grin-tears:before{content:"\f588"}.fa-grin-tongue:before{content:"\f589"}.fa-grin-tongue-squint:before{content:"\f58a"}.fa-grin-tongue-wink:before{content:"\f58b"}.fa-grin-wink:before{content:"\f58c"}.fa-grip-horizontal:before{content:"\f58d"}.fa-grip-lines:before{content:"\f7a4"}.fa-grip-lines-vertical:before{content:"\f7a5"}.fa-grip-vertical:before{content:"\f58e"}.fa-gripfire:before{content:"\f3ac"}.fa-grunt:before{content:"\f3ad"}.fa-guitar:before{content:"\f7a6"}.fa-gulp:before{content:"\f3ae"}.fa-h-square:before{content:"\f0fd"}.fa-hacker-news:before{content:"\f1d4"}.fa-hacker-news-square:before{content:"\f3af"}.fa-hackerrank:before{content:"\f5f7"}.fa-hammer:before{content:"\f6e3"}.fa-hamsa:before{content:"\f665"}.fa-hand-holding:before{content:"\f4bd"}.fa-hand-holding-heart:before{content:"\f4be"}.fa-hand-holding-usd:before{content:"\f4c0"}.fa-hand-lizard:before{content:"\f258"}.fa-hand-paper:before{content:"\f256"}.fa-hand-peace:before{content:"\f25b"}.fa-hand-point-down:before{content:"\f0a7"}.fa-hand-point-left:before{content:"\f0a5"}.fa-hand-point-right:before{content:"\f0a4"}.fa-hand-point-up:before{content:"\f0a6"}.fa-hand-pointer:before{content:"\f25a"}.fa-hand-rock:before{content:"\f255"}.fa-hand-scissors:before{content:"\f257"}.fa-hand-spock:before{content:"\f259"}.fa-hands:before{content:"\f4c2"}.fa-hands-helping:before{content:"\f4c4"}.fa-handshake:before{content:"\f2b5"}.fa-hanukiah:before{content:"\f6e6"}.fa-hashtag:before{content:"\f292"}.fa-hat-wizard:before{content:"\f6e8"}.fa-haykal:before{content:"\f666"}.fa-hdd:before{content:"\f0a0"}.fa-heading:before{content:"\f1dc"}.fa-headphones:before{content:"\f025"}.fa-headphones-alt:before{content:"\f58f"}.fa-headset:before{content:"\f590"}.fa-heart:before{content:"\f004"}.fa-heart-broken:before{content:"\f7a9"}.fa-heartbeat:before{content:"\f21e"}.fa-helicopter:before{content:"\f533"}.fa-highlighter:before{content:"\f591"}.fa-hiking:before{content:"\f6ec"}.fa-hippo:before{content:"\f6ed"}.fa-hips:before{content:"\f452"}.fa-hire-</w:t>
            </w:r>
            <w:r w:rsidRPr="00156FB3">
              <w:lastRenderedPageBreak/>
              <w:t>a-helper:before{content:"\f3b0"}.fa-history:before{content:"\f1da"}.fa-hockey-puck:before{content:"\f453"}.fa-holly-berry:before{content:"\f7aa"}.fa-home:before{content:"\f015"}.fa-hooli:before{content:"\f427"}.fa-hornbill:before{content:"\f592"}.fa-horse:before{content:"\f6f0"}.fa-horse-head:before{content:"\f7ab"}.fa-hospital:before{content:"\f0f8"}.fa-hospital-alt:before{content:"\f47d"}.fa-hospital-symbol:before{content:"\f47e"}.fa-hot-tub:before{content:"\f593"}.fa-hotel:before{content:"\f594"}.fa-hotjar:before{content:"\f3b1"}.fa-hourglass:before{content:"\f254"}.fa-hourglass-end:before{content:"\f253"}.fa-hourglass-half:before{content:"\f252"}.fa-hourglass-start:before{content:"\f251"}.fa-house-damage:before{content:"\f6f1"}.fa-houzz:before{content:"\f27c"}.fa-hryvnia:before{content:"\f6f2"}.fa-html5:before{content:"\f13b"}.fa-hubspot:before{content:"\f3b2"}.fa-i-cursor:before{content:"\f246"}.fa-icicles:before{content:"\f7ad"}.fa-id-badge:before{content:"\f2c1"}.fa-id-card:before{content:"\f2c2"}.fa-id-card-alt:before{content:"\f47f"}.fa-igloo:before{content:"\f7ae"}.fa-image:before{content:"\f03e"}.fa-images:before{content:"\f302"}.fa-imdb:before{content:"\f2d8"}.fa-inbox:before{content:"\f01c"}.fa-indent:before{content:"\f03c"}.fa-industry:before{content:"\f275"}.fa-infinity:before{content:"\f534"}.fa-info:before{content:"\f129"}.fa-info-circle:before{content:"\f05a"}.fa-instagram:before{content:"\f16d"}.fa-intercom:before{content:"\f7af"}.fa-internet-explorer:before{content:"\f26b"}.fa-invision:before{content:"\f7b0"}.fa-ioxhost:before{content:"\f208"}.fa-italic:before{content:"\f033"}.fa-itunes:before{content:"\f3b4"}.fa-itunes-note:before{content:"\f3b5"}.fa-java:before{content:"\f4e4"}.fa-jedi:before{content:"\f669"}.fa-jedi-order:before{content:"\f50e"}.fa-jenkins:before{content:"\f3b6"}.fa-jira:before{content:"\f7b1"}.fa-joget:before{content:"\f3b7"}.fa-joint:before{content:"\f595"}.fa-joomla:before{content:"\f1aa"}.fa-journal-whills:before{content:"\f66a"}.fa-js:before{content:"\f3b8"}.fa-js-square:before{content:"\f3b9"}.fa-jsfiddle:before{content:"\f1cc"}.fa-kaaba:before{content:"\f66b"}.fa-kaggle:before{content:"\f5fa"}.fa-key:before{content:"\f084"}.fa-keybase:before{content:"\f4f5"}.fa-keyboard:before{content:"\f11c"}.fa-keycdn:before{content:"\f3ba"}.fa-khanda:before{content:"\f66d"}.fa-kickstarter:before{content:"\f3bb"}.fa-kickstarter-k:before{content:"\f3bc"}.fa-kiss:before{content:"\f596"}.fa-kiss-beam:before{content:"\f597"}.fa-kiss-wink-heart:before{content:"\f598"}.fa-kiwi-bird:before{content:"\f535"}.fa-korvue:before{content:"\f42f"}.fa-landmark:before{content:"\f66f"}.fa-language:before{content:"\f1ab"}.fa-laptop:before{content:"\f109"}.fa-laptop-code:before{content:"\f5fc"}.fa-laravel:before{content:"\f3bd"}.fa-lastfm:before{content:"\f202"}.fa-lastfm-square:before{content:"\f203"}.fa-laugh:before{content:"\f599"}.fa-laugh-beam:before{content:"\f59a"}.fa-laugh-squint:before{content:"\f59b"}.fa-laugh-wink:before{content:"\f59c"}.fa-layer-group:before{content:"\f5fd"}.fa-leaf:before{content:"\f06c"}.fa-leanpub:before{content:"\f212"}.fa-lemon:before{content:"\f094"}.fa-less:before{content:"\f41d"}.fa-less-than:before{content:"\f536"}.fa-less-than-equal:before{content:"\f537"}.fa-level-down-alt:before{content:"\f3be"}.fa-level-up-alt:before{content:"\f3bf"}.fa-life-ring:before{content:"\f1cd"}.fa-lightbulb:before{content:"\f0eb"}.fa-line:before{content:"\f3c0"}.fa-link:before{content:"\f0c1"}.fa-linkedin:before{content:"\f08c"}.fa-linkedin-in:before{content:"\f0e1"}.fa-linode:before{content:"\f2b8"}.fa-linux:before{content:"\f17c"}.fa-lira-sign:before{content:"\f195"}.fa-list:before{content:"\f03a"}.fa-list-alt:before{content:"\f022"}.fa-list-ol:before{content:"\f0cb"}.fa-list-ul:before{content:"\f0ca"}.fa-location-arrow:before{content:"\f124"}.fa-lock:before{content:"\f023"}.fa-lock-open:before{content:"\f3c1"}.fa-long-arrow-alt-down:before{content:"\f309"}.fa-long-arrow-alt-left:before{content:"\f30a"}.fa-long-arrow-alt-right:before{content:"\f30b"}.fa-long-arrow-alt-up:before{content:"\f30c"}.fa-low-vision:before{content:"\f2a8"}.fa-luggage-cart:before{content:"\f59d"}.fa-</w:t>
            </w:r>
            <w:r w:rsidRPr="00156FB3">
              <w:lastRenderedPageBreak/>
              <w:t>lyft:before{content:"\f3c3"}.fa-magento:before{content:"\f3c4"}.fa-magic:before{content:"\f0d0"}.fa-magnet:before{content:"\f076"}.fa-mail-bulk:before{content:"\f674"}.fa-mailchimp:before{content:"\f59e"}.fa-male:before{content:"\f183"}.fa-mandalorian:before{content:"\f50f"}.fa-map:before{content:"\f279"}.fa-map-marked:before{content:"\f59f"}.fa-map-marked-alt:before{content:"\f5a0"}.fa-map-marker:before{content:"\f041"}.fa-map-marker-alt:before{content:"\f3c5"}.fa-map-pin:before{content:"\f276"}.fa-map-signs:before{content:"\f277"}.fa-markdown:before{content:"\f60f"}.fa-marker:before{content:"\f5a1"}.fa-mars:before{content:"\f222"}.fa-mars-double:before{content:"\f227"}.fa-mars-stroke:before{content:"\f229"}.fa-mars-stroke-h:before{content:"\f22b"}.fa-mars-stroke-v:before{content:"\f22a"}.fa-mask:before{content:"\f6fa"}.fa-mastodon:before{content:"\f4f6"}.fa-maxcdn:before{content:"\f136"}.fa-medal:before{content:"\f5a2"}.fa-medapps:before{content:"\f3c6"}.fa-medium:before{content:"\f23a"}.fa-medium-m:before{content:"\f3c7"}.fa-medkit:before{content:"\f0fa"}.fa-medrt:before{content:"\f3c8"}.fa-meetup:before{content:"\f2e0"}.fa-megaport:before{content:"\f5a3"}.fa-meh:before{content:"\f11a"}.fa-meh-blank:before{content:"\f5a4"}.fa-meh-rolling-eyes:before{content:"\f5a5"}.fa-memory:before{content:"\f538"}.fa-mendeley:before{content:"\f7b3"}.fa-menorah:before{content:"\f676"}.fa-mercury:before{content:"\f223"}.fa-meteor:before{content:"\f753"}.fa-microchip:before{content:"\f2db"}.fa-microphone:before{content:"\f130"}.fa-microphone-alt:before{content:"\f3c9"}.fa-microphone-alt-slash:before{content:"\f539"}.fa-microphone-slash:before{content:"\f131"}.fa-microscope:before{content:"\f610"}.fa-microsoft:before{content:"\f3ca"}.fa-minus:before{content:"\f068"}.fa-minus-circle:before{content:"\f056"}.fa-minus-square:before{content:"\f146"}.fa-mitten:before{content:"\f7b5"}.fa-mix:before{content:"\f3cb"}.fa-mixcloud:before{content:"\f289"}.fa-mizuni:before{content:"\f3cc"}.fa-mobile:before{content:"\f10b"}.fa-mobile-alt:before{content:"\f3cd"}.fa-modx:before{content:"\f285"}.fa-monero:before{content:"\f3d0"}.fa-money-bill:before{content:"\f0d6"}.fa-money-bill-alt:before{content:"\f3d1"}.fa-money-bill-wave:before{content:"\f53a"}.fa-money-bill-wave-alt:before{content:"\f53b"}.fa-money-check:before{content:"\f53c"}.fa-money-check-alt:before{content:"\f53d"}.fa-monument:before{content:"\f5a6"}.fa-moon:before{content:"\f186"}.fa-mortar-pestle:before{content:"\f5a7"}.fa-mosque:before{content:"\f678"}.fa-motorcycle:before{content:"\f21c"}.fa-mountain:before{content:"\f6fc"}.fa-mouse-pointer:before{content:"\f245"}.fa-mug-hot:before{content:"\f7b6"}.fa-music:before{content:"\f001"}.fa-napster:before{content:"\f3d2"}.fa-neos:before{content:"\f612"}.fa-network-wired:before{content:"\f6ff"}.fa-neuter:before{content:"\f22c"}.fa-newspaper:before{content:"\f1ea"}.fa-nimblr:before{content:"\f5a8"}.fa-nintendo-switch:before{content:"\f418"}.fa-node:before{content:"\f419"}.fa-node-js:before{content:"\f3d3"}.fa-not-equal:before{content:"\f53e"}.fa-notes-medical:before{content:"\f481"}.fa-npm:before{content:"\f3d4"}.fa-ns8:before{content:"\f3d5"}.fa-nutritionix:before{content:"\f3d6"}.fa-object-group:before{content:"\f247"}.fa-object-ungroup:before{content:"\f248"}.fa-odnoklassniki:before{content:"\f263"}.fa-odnoklassniki-square:before{content:"\f264"}.fa-oil-can:before{content:"\f613"}.fa-old-republic:before{content:"\f510"}.fa-om:before{content:"\f679"}.fa-opencart:before{content:"\f23d"}.fa-openid:before{content:"\f19b"}.fa-opera:before{content:"\f26a"}.fa-optin-monster:before{content:"\f23c"}.fa-osi:before{content:"\f41a"}.fa-otter:before{content:"\f700"}.fa-outdent:before{content:"\f03b"}.fa-page4:before{content:"\f3d7"}.fa-pagelines:before{content:"\f18c"}.fa-paint-brush:before{content:"\f1fc"}.fa-paint-roller:before{content:"\f5aa"}.fa-</w:t>
            </w:r>
            <w:r w:rsidRPr="00156FB3">
              <w:lastRenderedPageBreak/>
              <w:t>palette:before{content:"\f53f"}.fa-palfed:before{content:"\f3d8"}.fa-pallet:before{content:"\f482"}.fa-paper-plane:before{content:"\f1d8"}.fa-paperclip:before{content:"\f0c6"}.fa-parachute-box:before{content:"\f4cd"}.fa-paragraph:before{content:"\f1dd"}.fa-parking:before{content:"\f540"}.fa-passport:before{content:"\f5ab"}.fa-pastafarianism:before{content:"\f67b"}.fa-paste:before{content:"\f0ea"}.fa-patreon:before{content:"\f3d9"}.fa-pause:before{content:"\f04c"}.fa-pause-circle:before{content:"\f28b"}.fa-paw:before{content:"\f1b0"}.fa-paypal:before{content:"\f1ed"}.fa-peace:before{content:"\f67c"}.fa-pen:before{content:"\f304"}.fa-pen-alt:before{content:"\f305"}.fa-pen-fancy:before{content:"\f5ac"}.fa-pen-nib:before{content:"\f5ad"}.fa-pen-square:before{content:"\f14b"}.fa-pencil-alt:before{content:"\f303"}.fa-pencil-ruler:before{content:"\f5ae"}.fa-penny-arcade:before{content:"\f704"}.fa-people-carry:before{content:"\f4ce"}.fa-percent:before{content:"\f295"}.fa-percentage:before{content:"\f541"}.fa-periscope:before{content:"\f3da"}.fa-person-booth:before{content:"\f756"}.fa-phabricator:before{content:"\f3db"}.fa-phoenix-framework:before{content:"\f3dc"}.fa-phoenix-squadron:before{content:"\f511"}.fa-phone:before{content:"\f095"}.fa-phone-slash:before{content:"\f3dd"}.fa-phone-square:before{content:"\f098"}.fa-phone-volume:before{content:"\f2a0"}.fa-php:before{content:"\f457"}.fa-pied-piper:before{content:"\f2ae"}.fa-pied-piper-alt:before{content:"\f1a8"}.fa-pied-piper-hat:before{content:"\f4e5"}.fa-pied-piper-pp:before{content:"\f1a7"}.fa-piggy-bank:before{content:"\f4d3"}.fa-pills:before{content:"\f484"}.fa-pinterest:before{content:"\f0d2"}.fa-pinterest-p:before{content:"\f231"}.fa-pinterest-square:before{content:"\f0d3"}.fa-place-of-worship:before{content:"\f67f"}.fa-plane:before{content:"\f072"}.fa-plane-arrival:before{content:"\f5af"}.fa-plane-departure:before{content:"\f5b0"}.fa-play:before{content:"\f04b"}.fa-play-circle:before{content:"\f144"}.fa-playstation:before{content:"\f3df"}.fa-plug:before{content:"\f1e6"}.fa-plus:before{content:"\f067"}.fa-plus-circle:before{content:"\f055"}.fa-plus-square:before{content:"\f0fe"}.fa-podcast:before{content:"\f2ce"}.fa-poll:before{content:"\f681"}.fa-poll-h:before{content:"\f682"}.fa-poo:before{content:"\f2fe"}.fa-poo-storm:before{content:"\f75a"}.fa-poop:before{content:"\f619"}.fa-portrait:before{content:"\f3e0"}.fa-pound-sign:before{content:"\f154"}.fa-power-off:before{content:"\f011"}.fa-pray:before{content:"\f683"}.fa-praying-hands:before{content:"\f684"}.fa-prescription:before{content:"\f5b1"}.fa-prescription-bottle:before{content:"\f485"}.fa-prescription-bottle-alt:before{content:"\f486"}.fa-print:before{content:"\f02f"}.fa-procedures:before{content:"\f487"}.fa-product-hunt:before{content:"\f288"}.fa-project-diagram:before{content:"\f542"}.fa-pushed:before{content:"\f3e1"}.fa-puzzle-piece:before{content:"\f12e"}.fa-python:before{content:"\f3e2"}.fa-qq:before{content:"\f1d6"}.fa-qrcode:before{content:"\f029"}.fa-question:before{content:"\f128"}.fa-question-circle:before{content:"\f059"}.fa-quidditch:before{content:"\f458"}.fa-quinscape:before{content:"\f459"}.fa-quora:before{content:"\f2c4"}.fa-quote-left:before{content:"\f10d"}.fa-quote-right:before{content:"\f10e"}.fa-quran:before{content:"\f687"}.fa-r-project:before{content:"\f4f7"}.fa-radiation:before{content:"\f7b9"}.fa-radiation-alt:before{content:"\f7ba"}.fa-rainbow:before{content:"\f75b"}.fa-random:before{content:"\f074"}.fa-raspberry-pi:before{content:"\f7bb"}.fa-ravelry:before{content:"\f2d9"}.fa-react:before{content:"\f41b"}.fa-reacteurope:before{content:"\f75d"}.fa-readme:before{content:"\f4d5"}.fa-rebel:before{content:"\f1d0"}.fa-receipt:before{content:"\f543"}.fa-recycle:before{content:"\f1b8"}.fa-red-river:before{content:"\f3e3"}.fa-reddit:before{content:"\f1a1"}.fa-reddit-alien:before{content:"\f281"}.fa-reddit-square:before{content:"\f1a2"}.fa-redhat:before{content:"\f7bc"}.fa-redo:before{content:"\f01e"}.fa-redo-alt:before{content:"\f2f9"}.fa-</w:t>
            </w:r>
            <w:r w:rsidRPr="00156FB3">
              <w:lastRenderedPageBreak/>
              <w:t>registered:before{content:"\f25d"}.fa-renren:before{content:"\f18b"}.fa-reply:before{content:"\f3e5"}.fa-reply-all:before{content:"\f122"}.fa-replyd:before{content:"\f3e6"}.fa-republican:before{content:"\f75e"}.fa-researchgate:before{content:"\f4f8"}.fa-resolving:before{content:"\f3e7"}.fa-restroom:before{content:"\f7bd"}.fa-retweet:before{content:"\f079"}.fa-rev:before{content:"\f5b2"}.fa-ribbon:before{content:"\f4d6"}.fa-ring:before{content:"\f70b"}.fa-road:before{content:"\f018"}.fa-robot:before{content:"\f544"}.fa-rocket:before{content:"\f135"}.fa-rocketchat:before{content:"\f3e8"}.fa-rockrms:before{content:"\f3e9"}.fa-route:before{content:"\f4d7"}.fa-rss:before{content:"\f09e"}.fa-rss-square:before{content:"\f143"}.fa-ruble-sign:before{content:"\f158"}.fa-ruler:before{content:"\f545"}.fa-ruler-combined:before{content:"\f546"}.fa-ruler-horizontal:before{content:"\f547"}.fa-ruler-vertical:before{content:"\f548"}.fa-running:before{content:"\f70c"}.fa-rupee-sign:before{content:"\f156"}.fa-sad-cry:before{content:"\f5b3"}.fa-sad-tear:before{content:"\f5b4"}.fa-safari:before{content:"\f267"}.fa-sass:before{content:"\f41e"}.fa-satellite:before{content:"\f7bf"}.fa-satellite-dish:before{content:"\f7c0"}.fa-save:before{content:"\f0c7"}.fa-schlix:before{content:"\f3ea"}.fa-school:before{content:"\f549"}.fa-screwdriver:before{content:"\f54a"}.fa-scribd:before{content:"\f28a"}.fa-scroll:before{content:"\f70e"}.fa-sd-card:before{content:"\f7c2"}.fa-search:before{content:"\f002"}.fa-search-dollar:before{content:"\f688"}.fa-search-location:before{content:"\f689"}.fa-search-minus:before{content:"\f010"}.fa-search-plus:before{content:"\f00e"}.fa-searchengin:before{content:"\f3eb"}.fa-seedling:before{content:"\f4d8"}.fa-sellcast:before{content:"\f2da"}.fa-sellsy:before{content:"\f213"}.fa-server:before{content:"\f233"}.fa-servicestack:before{content:"\f3ec"}.fa-shapes:before{content:"\f61f"}.fa-share:before{content:"\f064"}.fa-share-alt:before{content:"\f1e0"}.fa-share-alt-square:before{content:"\f1e1"}.fa-share-square:before{content:"\f14d"}.fa-shekel-sign:before{content:"\f20b"}.fa-shield-alt:before{content:"\f3ed"}.fa-ship:before{content:"\f21a"}.fa-shipping-fast:before{content:"\f48b"}.fa-shirtsinbulk:before{content:"\f214"}.fa-shoe-prints:before{content:"\f54b"}.fa-shopping-bag:before{content:"\f290"}.fa-shopping-basket:before{content:"\f291"}.fa-shopping-cart:before{content:"\f07a"}.fa-shopware:before{content:"\f5b5"}.fa-shower:before{content:"\f2cc"}.fa-shuttle-van:before{content:"\f5b6"}.fa-sign:before{content:"\f4d9"}.fa-sign-in-alt:before{content:"\f2f6"}.fa-sign-language:before{content:"\f2a7"}.fa-sign-out-alt:before{content:"\f2f5"}.fa-signal:before{content:"\f012"}.fa-signature:before{content:"\f5b7"}.fa-sim-card:before{content:"\f7c4"}.fa-simplybuilt:before{content:"\f215"}.fa-sistrix:before{content:"\f3ee"}.fa-sitemap:before{content:"\f0e8"}.fa-sith:before{content:"\f512"}.fa-skating:before{content:"\f7c5"}.fa-sketch:before{content:"\f7c6"}.fa-skiing:before{content:"\f7c9"}.fa-skiing-nordic:before{content:"\f7ca"}.fa-skull:before{content:"\f54c"}.fa-skull-crossbones:before{content:"\f714"}.fa-skyatlas:before{content:"\f216"}.fa-skype:before{content:"\f17e"}.fa-slack:before{content:"\f198"}.fa-slack-hash:before{content:"\f3ef"}.fa-slash:before{content:"\f715"}.fa-sleigh:before{content:"\f7cc"}.fa-sliders-h:before{content:"\f1de"}.fa-slideshare:before{content:"\f1e7"}.fa-smile:before{content:"\f118"}.fa-smile-beam:before{content:"\f5b8"}.fa-smile-wink:before{content:"\f4da"}.fa-smog:before{content:"\f75f"}.fa-smoking:before{content:"\f48d"}.fa-smoking-ban:before{content:"\f54d"}.fa-sms:before{content:"\f7cd"}.fa-snapchat:before{content:"\f2ab"}.fa-snapchat-ghost:before{content:"\f2ac"}.fa-snapchat-square:before{content:"\f2ad"}.fa-snowboarding:before{content:"\f7ce"}.fa-snowflake:before{content:"\f2dc"}.fa-snowman:before{content:"\f7d0"}.fa-snowplow:before{content:"\f7d2"}.fa-socks:before{content:"\f696"}.fa-solar-panel:before{content:"\f5ba"}.fa-sort:before{content:"\f0dc"}.fa-</w:t>
            </w:r>
            <w:r w:rsidRPr="00156FB3">
              <w:lastRenderedPageBreak/>
              <w:t>sort-alpha-down:before{content:"\f15d"}.fa-sort-alpha-up:before{content:"\f15e"}.fa-sort-amount-down:before{content:"\f160"}.fa-sort-amount-up:before{content:"\f161"}.fa-sort-down:before{content:"\f0dd"}.fa-sort-numeric-down:before{content:"\f162"}.fa-sort-numeric-up:before{content:"\f163"}.fa-sort-up:before{content:"\f0de"}.fa-soundcloud:before{content:"\f1be"}.fa-sourcetree:before{content:"\f7d3"}.fa-spa:before{content:"\f5bb"}.fa-space-shuttle:before{content:"\f197"}.fa-speakap:before{content:"\f3f3"}.fa-spider:before{content:"\f717"}.fa-spinner:before{content:"\f110"}.fa-splotch:before{content:"\f5bc"}.fa-spotify:before{content:"\f1bc"}.fa-spray-can:before{content:"\f5bd"}.fa-square:before{content:"\f0c8"}.fa-square-full:before{content:"\f45c"}.fa-square-root-alt:before{content:"\f698"}.fa-squarespace:before{content:"\f5be"}.fa-stack-exchange:before{content:"\f18d"}.fa-stack-overflow:before{content:"\f16c"}.fa-stamp:before{content:"\f5bf"}.fa-star:before{content:"\f005"}.fa-star-and-crescent:before{content:"\f699"}.fa-star-half:before{content:"\f089"}.fa-star-half-alt:before{content:"\f5c0"}.fa-star-of-david:before{content:"\f69a"}.fa-star-of-life:before{content:"\f621"}.fa-staylinked:before{content:"\f3f5"}.fa-steam:before{content:"\f1b6"}.fa-steam-square:before{content:"\f1b7"}.fa-steam-symbol:before{content:"\f3f6"}.fa-step-backward:before{content:"\f048"}.fa-step-forward:before{content:"\f051"}.fa-stethoscope:before{content:"\f0f1"}.fa-sticker-mule:before{content:"\f3f7"}.fa-sticky-note:before{content:"\f249"}.fa-stop:before{content:"\f04d"}.fa-stop-circle:before{content:"\f28d"}.fa-stopwatch:before{content:"\f2f2"}.fa-store:before{content:"\f54e"}.fa-store-alt:before{content:"\f54f"}.fa-strava:before{content:"\f428"}.fa-stream:before{content:"\f550"}.fa-street-view:before{content:"\f21d"}.fa-strikethrough:before{content:"\f0cc"}.fa-stripe:before{content:"\f429"}.fa-stripe-s:before{content:"\f42a"}.fa-stroopwafel:before{content:"\f551"}.fa-studiovinari:before{content:"\f3f8"}.fa-stumbleupon:before{content:"\f1a4"}.fa-stumbleupon-circle:before{content:"\f1a3"}.fa-subscript:before{content:"\f12c"}.fa-subway:before{content:"\f239"}.fa-suitcase:before{content:"\f0f2"}.fa-suitcase-rolling:before{content:"\f5c1"}.fa-sun:before{content:"\f185"}.fa-superpowers:before{content:"\f2dd"}.fa-superscript:before{content:"\f12b"}.fa-supple:before{content:"\f3f9"}.fa-surprise:before{content:"\f5c2"}.fa-suse:before{content:"\f7d6"}.fa-swatchbook:before{content:"\f5c3"}.fa-swimmer:before{content:"\f5c4"}.fa-swimming-pool:before{content:"\f5c5"}.fa-synagogue:before{content:"\f69b"}.fa-sync:before{content:"\f021"}.fa-sync-alt:before{content:"\f2f1"}.fa-syringe:before{content:"\f48e"}.fa-table:before{content:"\f0ce"}.fa-table-tennis:before{content:"\f45d"}.fa-tablet:before{content:"\f10a"}.fa-tablet-alt:before{content:"\f3fa"}.fa-tablets:before{content:"\f490"}.fa-tachometer-alt:before{content:"\f3fd"}.fa-tag:before{content:"\f02b"}.fa-tags:before{content:"\f02c"}.fa-tape:before{content:"\f4db"}.fa-tasks:before{content:"\f0ae"}.fa-taxi:before{content:"\f1ba"}.fa-teamspeak:before{content:"\f4f9"}.fa-teeth:before{content:"\f62e"}.fa-teeth-open:before{content:"\f62f"}.fa-telegram:before{content:"\f2c6"}.fa-telegram-plane:before{content:"\f3fe"}.fa-temperature-high:before{content:"\f769"}.fa-temperature-low:before{content:"\f76b"}.fa-tencent-weibo:before{content:"\f1d5"}.fa-tenge:before{content:"\f7d7"}.fa-terminal:before{content:"\f120"}.fa-text-height:before{content:"\f034"}.fa-text-width:before{content:"\f035"}.fa-th:before{content:"\f00a"}.fa-th-large:before{content:"\f009"}.fa-th-list:before{content:"\f00b"}.fa-the-red-yeti:before{content:"\f69d"}.fa-theater-masks:before{content:"\f630"}.fa-themeco:before{content:"\f5c6"}.fa-themeisle:before{content:"\f2b2"}.fa-thermometer:before{content:"\f491"}.fa-thermometer-empty:before{content:"\f2cb"}.fa-thermometer-</w:t>
            </w:r>
            <w:r w:rsidRPr="00156FB3">
              <w:lastRenderedPageBreak/>
              <w:t>full:before{content:"\f2c7"}.fa-thermometer-half:before{content:"\f2c9"}.fa-thermometer-quarter:before{content:"\f2ca"}.fa-thermometer-three-quarters:before{content:"\f2c8"}.fa-think-peaks:before{content:"\f731"}.fa-thumbs-down:before{content:"\f165"}.fa-thumbs-up:before{content:"\f164"}.fa-thumbtack:before{content:"\f08d"}.fa-ticket-alt:before{content:"\f3ff"}.fa-times:before{content:"\f00d"}.fa-times-circle:before{content:"\f057"}.fa-tint:before{content:"\f043"}.fa-tint-slash:before{content:"\f5c7"}.fa-tired:before{content:"\f5c8"}.fa-toggle-off:before{content:"\f204"}.fa-toggle-on:before{content:"\f205"}.fa-toilet:before{content:"\f7d8"}.fa-toilet-paper:before{content:"\f71e"}.fa-toolbox:before{content:"\f552"}.fa-tools:before{content:"\f7d9"}.fa-tooth:before{content:"\f5c9"}.fa-torah:before{content:"\f6a0"}.fa-torii-gate:before{content:"\f6a1"}.fa-tractor:before{content:"\f722"}.fa-trade-federation:before{content:"\f513"}.fa-trademark:before{content:"\f25c"}.fa-traffic-light:before{content:"\f637"}.fa-train:before{content:"\f238"}.fa-tram:before{content:"\f7da"}.fa-transgender:before{content:"\f224"}.fa-transgender-alt:before{content:"\f225"}.fa-trash:before{content:"\f1f8"}.fa-trash-alt:before{content:"\f2ed"}.fa-tree:before{content:"\f1bb"}.fa-trello:before{content:"\f181"}.fa-tripadvisor:before{content:"\f262"}.fa-trophy:before{content:"\f091"}.fa-truck:before{content:"\f0d1"}.fa-truck-loading:before{content:"\f4de"}.fa-truck-monster:before{content:"\f63b"}.fa-truck-moving:before{content:"\f4df"}.fa-truck-pickup:before{content:"\f63c"}.fa-tshirt:before{content:"\f553"}.fa-tty:before{content:"\f1e4"}.fa-tumblr:before{content:"\f173"}.fa-tumblr-square:before{content:"\f174"}.fa-tv:before{content:"\f26c"}.fa-twitch:before{content:"\f1e8"}.fa-twitter:before{content:"\f099"}.fa-twitter-square:before{content:"\f081"}.fa-typo3:before{content:"\f42b"}.fa-uber:before{content:"\f402"}.fa-ubuntu:before{content:"\f7df"}.fa-uikit:before{content:"\f403"}.fa-umbrella:before{content:"\f0e9"}.fa-umbrella-beach:before{content:"\f5ca"}.fa-underline:before{content:"\f0cd"}.fa-undo:before{content:"\f0e2"}.fa-undo-alt:before{content:"\f2ea"}.fa-uniregistry:before{content:"\f404"}.fa-universal-access:before{content:"\f29a"}.fa-university:before{content:"\f19c"}.fa-unlink:before{content:"\f127"}.fa-unlock:before{content:"\f09c"}.fa-unlock-alt:before{content:"\f13e"}.fa-untappd:before{content:"\f405"}.fa-upload:before{content:"\f093"}.fa-ups:before{content:"\f7e0"}.fa-usb:before{content:"\f287"}.fa-user:before{content:"\f007"}.fa-user-alt:before{content:"\f406"}.fa-user-alt-slash:before{content:"\f4fa"}.fa-user-astronaut:before{content:"\f4fb"}.fa-user-check:before{content:"\f4fc"}.fa-user-circle:before{content:"\f2bd"}.fa-user-clock:before{content:"\f4fd"}.fa-user-cog:before{content:"\f4fe"}.fa-user-edit:before{content:"\f4ff"}.fa-user-friends:before{content:"\f500"}.fa-user-graduate:before{content:"\f501"}.fa-user-injured:before{content:"\f728"}.fa-user-lock:before{content:"\f502"}.fa-user-md:before{content:"\f0f0"}.fa-user-minus:before{content:"\f503"}.fa-user-ninja:before{content:"\f504"}.fa-user-plus:before{content:"\f234"}.fa-user-secret:before{content:"\f21b"}.fa-user-shield:before{content:"\f505"}.fa-user-slash:before{content:"\f506"}.fa-user-tag:before{content:"\f507"}.fa-user-tie:before{content:"\f508"}.fa-user-times:before{content:"\f235"}.fa-users:before{content:"\f0c0"}.fa-users-cog:before{content:"\f509"}.fa-usps:before{content:"\f7e1"}.fa-ussunnah:before{content:"\f407"}.fa-utensil-spoon:before{content:"\f2e5"}.fa-utensils:before{content:"\f2e7"}.fa-vaadin:before{content:"\f408"}.fa-vector-square:before{content:"\f5cb"}.fa-venus:before{content:"\f221"}.fa-venus-double:before{content:"\f226"}.fa-venus-mars:before{content:"\f228"}.fa-viacoin:before{content:"\f237"}.fa-viadeo:before{content:"\f2a9"}.fa-viadeo-square:before{content:"\f2aa"}.fa-vial:before{content:"\f492"}.fa-vials:before{content:"\f493"}.fa-</w:t>
            </w:r>
            <w:r w:rsidRPr="00156FB3">
              <w:lastRenderedPageBreak/>
              <w:t>viber:before{content:"\f409"}.fa-video:before{content:"\f03d"}.fa-video-slash:before{content:"\f4e2"}.fa-vihara:before{content:"\f6a7"}.fa-vimeo:before{content:"\f40a"}.fa-vimeo-square:before{content:"\f194"}.fa-vimeo-v:before{content:"\f27d"}.fa-vine:before{content:"\f1ca"}.fa-vk:before{content:"\f189"}.fa-vnv:before{content:"\f40b"}.fa-volleyball-ball:before{content:"\f45f"}.fa-volume-down:before{content:"\f027"}.fa-volume-mute:before{content:"\f6a9"}.fa-volume-off:before{content:"\f026"}.fa-volume-up:before{content:"\f028"}.fa-vote-yea:before{content:"\f772"}.fa-vr-cardboard:before{content:"\f729"}.fa-vuejs:before{content:"\f41f"}.fa-walking:before{content:"\f554"}.fa-wallet:before{content:"\f555"}.fa-warehouse:before{content:"\f494"}.fa-water:before{content:"\f773"}.fa-weebly:before{content:"\f5cc"}.fa-weibo:before{content:"\f18a"}.fa-weight:before{content:"\f496"}.fa-weight-hanging:before{content:"\f5cd"}.fa-weixin:before{content:"\f1d7"}.fa-whatsapp:before{content:"\f232"}.fa-whatsapp-square:before{content:"\f40c"}.fa-wheelchair:before{content:"\f193"}.fa-whmcs:before{content:"\f40d"}.fa-wifi:before{content:"\f1eb"}.fa-wikipedia-w:before{content:"\f266"}.fa-wind:before{content:"\f72e"}.fa-window-close:before{content:"\f410"}.fa-window-maximize:before{content:"\f2d0"}.fa-window-minimize:before{content:"\f2d1"}.fa-window-restore:before{content:"\f2d2"}.fa-windows:before{content:"\f17a"}.fa-wine-bottle:before{content:"\f72f"}.fa-wine-glass:before{content:"\f4e3"}.fa-wine-glass-alt:before{content:"\f5ce"}.fa-wix:before{content:"\f5cf"}.fa-wizards-of-the-coast:before{content:"\f730"}.fa-wolf-pack-battalion:before{content:"\f514"}.fa-won-sign:before{content:"\f159"}.fa-wordpress:before{content:"\f19a"}.fa-wordpress-simple:before{content:"\f411"}.fa-wpbeginner:before{content:"\f297"}.fa-wpexplorer:before{content:"\f2de"}.fa-wpforms:before{content:"\f298"}.fa-wpressr:before{content:"\f3e4"}.fa-wrench:before{content:"\f0ad"}.fa-x-ray:before{content:"\f497"}.fa-xbox:before{content:"\f412"}.fa-xing:before{content:"\f168"}.fa-xing-square:before{content:"\f169"}.fa-y-combinator:before{content:"\f23b"}.fa-yahoo:before{content:"\f19e"}.fa-yandex:before{content:"\f413"}.fa-yandex-international:before{content:"\f414"}.fa-yarn:before{content:"\f7e3"}.fa-yelp:before{content:"\f1e9"}.fa-yen-sign:before{content:"\f157"}.fa-yin-yang:before{content:"\f6ad"}.fa-yoast:before{content:"\f2b1"}.fa-youtube:before{content:"\f167"}.fa-youtube-square:before{content:"\f431"}.fa-zhihu:before{content:"\f63f"}.sr-only{border:0;clip:rect(0,0,0,0);height:1px;margin:-1px;overflow:hidden;padding:0;position:absolute;width:1px}.sr-only-focusable:active,.sr-only-focusable:focus{clip:auto;height:auto;margin:0;overflow:visible;position:static;width:auto}@font-face{font-family:"Font Awesome 5 Brands";font-style:normal;font-weight:normal;src:url(../webfonts/fa-brands-400.eot);src:url(../webfonts/fa-brands-400.eot?#iefix) format("embedded-opentype"),url(../webfonts/fa-brands-400.woff2) format("woff2"),url(../webfonts/fa-brands-400.woff) format("woff"),url(../webfonts/fa-brands-400.ttf) format("truetype"),url(../webfonts/fa-brands-400.svg#fontawesome) format("svg")}.fab{font-family:"Font Awesome 5 Brands"}@font-face{font-family:"Font Awesome 5 Free";font-style:normal;font-weight:400;src:url(../webfonts/fa-regular-400.eot);src:url(../webfonts/fa-regular-400.eot?#iefix) format("embedded-opentype"),url(../webfonts/fa-regular-400.woff2) format("woff2"),url(../webfonts/fa-regular-400.woff) format("woff"),url(../webfonts/fa-regular-400.ttf) format("truetype"),url(../webfonts/fa-regular-400.svg#fontawesome) format("svg")}.far{font-weight:400}@font-face{font-family:"Font Awesome 5 Free";font-style:normal;font-weight:900;src:url(../webfonts/fa-solid-900.eot);src:url(../webfonts/fa-solid-900.eot?#iefix) format("embedded-opentype"),url(../webfonts/fa-solid-900.woff2) format("woff2"),url(../webfonts/fa-solid-900.woff) format("woff"),url(../webfonts/fa-solid-900.ttf) format("truetype"),url(../webfonts/fa-solid-900.svg#fontawesome) format("svg")}.fa,.far,.fas{font-</w:t>
            </w:r>
            <w:r w:rsidRPr="00156FB3">
              <w:lastRenderedPageBreak/>
              <w:t>family:"Font Awesome 5 Free"}.fa,.fas{font-weight:900}</w:t>
            </w:r>
          </w:p>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Floater.css</w:t>
            </w:r>
          </w:p>
        </w:tc>
      </w:tr>
      <w:tr w:rsidR="0048012D" w:rsidTr="0048012D">
        <w:tc>
          <w:tcPr>
            <w:tcW w:w="9576" w:type="dxa"/>
          </w:tcPr>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Floating</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display</w:t>
            </w:r>
            <w:r>
              <w:rPr>
                <w:rFonts w:ascii="Cascadia Mono" w:hAnsi="Cascadia Mono" w:cs="Cascadia Mono"/>
                <w:color w:val="000000"/>
                <w:sz w:val="19"/>
                <w:szCs w:val="19"/>
              </w:rPr>
              <w:t xml:space="preserve">: </w:t>
            </w:r>
            <w:r>
              <w:rPr>
                <w:rFonts w:ascii="Cascadia Mono" w:hAnsi="Cascadia Mono" w:cs="Cascadia Mono"/>
                <w:color w:val="0000FF"/>
                <w:sz w:val="19"/>
                <w:szCs w:val="19"/>
              </w:rPr>
              <w:t>inline-block</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ft</w:t>
            </w:r>
            <w:r>
              <w:rPr>
                <w:rFonts w:ascii="Cascadia Mono" w:hAnsi="Cascadia Mono" w:cs="Cascadia Mono"/>
                <w:color w:val="000000"/>
                <w:sz w:val="19"/>
                <w:szCs w:val="19"/>
              </w:rPr>
              <w:t xml:space="preserve">: </w:t>
            </w:r>
            <w:r>
              <w:rPr>
                <w:rFonts w:ascii="Cascadia Mono" w:hAnsi="Cascadia Mono" w:cs="Cascadia Mono"/>
                <w:color w:val="0000FF"/>
                <w:sz w:val="19"/>
                <w:szCs w:val="19"/>
              </w:rPr>
              <w:t>1%</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fixed</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ttom</w:t>
            </w:r>
            <w:r>
              <w:rPr>
                <w:rFonts w:ascii="Cascadia Mono" w:hAnsi="Cascadia Mono" w:cs="Cascadia Mono"/>
                <w:color w:val="000000"/>
                <w:sz w:val="19"/>
                <w:szCs w:val="19"/>
              </w:rPr>
              <w:t xml:space="preserve">: </w:t>
            </w:r>
            <w:r>
              <w:rPr>
                <w:rFonts w:ascii="Cascadia Mono" w:hAnsi="Cascadia Mono" w:cs="Cascadia Mono"/>
                <w:color w:val="0000FF"/>
                <w:sz w:val="19"/>
                <w:szCs w:val="19"/>
              </w:rPr>
              <w:t>11%</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z-index</w:t>
            </w:r>
            <w:r>
              <w:rPr>
                <w:rFonts w:ascii="Cascadia Mono" w:hAnsi="Cascadia Mono" w:cs="Cascadia Mono"/>
                <w:color w:val="000000"/>
                <w:sz w:val="19"/>
                <w:szCs w:val="19"/>
              </w:rPr>
              <w:t xml:space="preserve">: </w:t>
            </w:r>
            <w:r>
              <w:rPr>
                <w:rFonts w:ascii="Cascadia Mono" w:hAnsi="Cascadia Mono" w:cs="Cascadia Mono"/>
                <w:color w:val="0000FF"/>
                <w:sz w:val="19"/>
                <w:szCs w:val="19"/>
              </w:rPr>
              <w:t>999</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006400"/>
                <w:sz w:val="19"/>
                <w:szCs w:val="19"/>
              </w:rPr>
              <w:t>/*li, .floating-widget .all-service*/</w:t>
            </w:r>
            <w:r>
              <w:rPr>
                <w:rFonts w:ascii="Cascadia Mono" w:hAnsi="Cascadia Mono" w:cs="Cascadia Mono"/>
                <w:color w:val="000000"/>
                <w:sz w:val="19"/>
                <w:szCs w:val="19"/>
              </w:rPr>
              <w:t xml:space="preserve"> </w:t>
            </w:r>
            <w:r>
              <w:rPr>
                <w:rFonts w:ascii="Cascadia Mono" w:hAnsi="Cascadia Mono" w:cs="Cascadia Mono"/>
                <w:color w:val="800000"/>
                <w:sz w:val="19"/>
                <w:szCs w:val="19"/>
              </w:rPr>
              <w:t>a</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FFFFFF</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solid</w:t>
            </w:r>
            <w:r>
              <w:rPr>
                <w:rFonts w:ascii="Cascadia Mono" w:hAnsi="Cascadia Mono" w:cs="Cascadia Mono"/>
                <w:color w:val="000000"/>
                <w:sz w:val="19"/>
                <w:szCs w:val="19"/>
              </w:rPr>
              <w:t xml:space="preserve"> </w:t>
            </w:r>
            <w:r>
              <w:rPr>
                <w:rFonts w:ascii="Cascadia Mono" w:hAnsi="Cascadia Mono" w:cs="Cascadia Mono"/>
                <w:color w:val="0000FF"/>
                <w:sz w:val="19"/>
                <w:szCs w:val="19"/>
              </w:rPr>
              <w:t>#FFFFFF</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radius</w:t>
            </w:r>
            <w:r>
              <w:rPr>
                <w:rFonts w:ascii="Cascadia Mono" w:hAnsi="Cascadia Mono" w:cs="Cascadia Mono"/>
                <w:color w:val="000000"/>
                <w:sz w:val="19"/>
                <w:szCs w:val="19"/>
              </w:rPr>
              <w:t xml:space="preserve">: </w:t>
            </w:r>
            <w:r>
              <w:rPr>
                <w:rFonts w:ascii="Cascadia Mono" w:hAnsi="Cascadia Mono" w:cs="Cascadia Mono"/>
                <w:color w:val="0000FF"/>
                <w:sz w:val="19"/>
                <w:szCs w:val="19"/>
              </w:rPr>
              <w:t>30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x-shadow</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 xml:space="preserve"> </w:t>
            </w:r>
            <w:r>
              <w:rPr>
                <w:rFonts w:ascii="Cascadia Mono" w:hAnsi="Cascadia Mono" w:cs="Cascadia Mono"/>
                <w:color w:val="0000FF"/>
                <w:sz w:val="19"/>
                <w:szCs w:val="19"/>
              </w:rPr>
              <w:t>7px</w:t>
            </w:r>
            <w:r>
              <w:rPr>
                <w:rFonts w:ascii="Cascadia Mono" w:hAnsi="Cascadia Mono" w:cs="Cascadia Mono"/>
                <w:color w:val="000000"/>
                <w:sz w:val="19"/>
                <w:szCs w:val="19"/>
              </w:rPr>
              <w:t xml:space="preserve"> </w:t>
            </w:r>
            <w:r>
              <w:rPr>
                <w:rFonts w:ascii="Cascadia Mono" w:hAnsi="Cascadia Mono" w:cs="Cascadia Mono"/>
                <w:color w:val="0000FF"/>
                <w:sz w:val="19"/>
                <w:szCs w:val="19"/>
              </w:rPr>
              <w:t>rgba(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3)</w:t>
            </w:r>
            <w:r>
              <w:rPr>
                <w:rFonts w:ascii="Cascadia Mono" w:hAnsi="Cascadia Mono" w:cs="Cascadia Mono"/>
                <w:color w:val="000000"/>
                <w:sz w:val="19"/>
                <w:szCs w:val="19"/>
              </w:rPr>
              <w:t xml:space="preserve">, </w:t>
            </w:r>
            <w:r>
              <w:rPr>
                <w:rFonts w:ascii="Cascadia Mono" w:hAnsi="Cascadia Mono" w:cs="Cascadia Mono"/>
                <w:color w:val="0000FF"/>
                <w:sz w:val="19"/>
                <w:szCs w:val="19"/>
              </w:rPr>
              <w:t>inset</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 xml:space="preserve"> </w:t>
            </w:r>
            <w:r>
              <w:rPr>
                <w:rFonts w:ascii="Cascadia Mono" w:hAnsi="Cascadia Mono" w:cs="Cascadia Mono"/>
                <w:color w:val="0000FF"/>
                <w:sz w:val="19"/>
                <w:szCs w:val="19"/>
              </w:rPr>
              <w:t>15px</w:t>
            </w:r>
            <w:r>
              <w:rPr>
                <w:rFonts w:ascii="Cascadia Mono" w:hAnsi="Cascadia Mono" w:cs="Cascadia Mono"/>
                <w:color w:val="000000"/>
                <w:sz w:val="19"/>
                <w:szCs w:val="19"/>
              </w:rPr>
              <w:t xml:space="preserve"> </w:t>
            </w:r>
            <w:r>
              <w:rPr>
                <w:rFonts w:ascii="Cascadia Mono" w:hAnsi="Cascadia Mono" w:cs="Cascadia Mono"/>
                <w:color w:val="0000FF"/>
                <w:sz w:val="19"/>
                <w:szCs w:val="19"/>
              </w:rPr>
              <w:t>3px</w:t>
            </w:r>
            <w:r>
              <w:rPr>
                <w:rFonts w:ascii="Cascadia Mono" w:hAnsi="Cascadia Mono" w:cs="Cascadia Mono"/>
                <w:color w:val="000000"/>
                <w:sz w:val="19"/>
                <w:szCs w:val="19"/>
              </w:rPr>
              <w:t xml:space="preserve"> </w:t>
            </w:r>
            <w:r>
              <w:rPr>
                <w:rFonts w:ascii="Cascadia Mono" w:hAnsi="Cascadia Mono" w:cs="Cascadia Mono"/>
                <w:color w:val="0000FF"/>
                <w:sz w:val="19"/>
                <w:szCs w:val="19"/>
              </w:rPr>
              <w:t>rgba(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1)</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display</w:t>
            </w:r>
            <w:r>
              <w:rPr>
                <w:rFonts w:ascii="Cascadia Mono" w:hAnsi="Cascadia Mono" w:cs="Cascadia Mono"/>
                <w:color w:val="000000"/>
                <w:sz w:val="19"/>
                <w:szCs w:val="19"/>
              </w:rPr>
              <w:t xml:space="preserve">: </w:t>
            </w:r>
            <w:r>
              <w:rPr>
                <w:rFonts w:ascii="Cascadia Mono" w:hAnsi="Cascadia Mono" w:cs="Cascadia Mono"/>
                <w:color w:val="0000FF"/>
                <w:sz w:val="19"/>
                <w:szCs w:val="19"/>
              </w:rPr>
              <w:t>block</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argin</w:t>
            </w:r>
            <w:r>
              <w:rPr>
                <w:rFonts w:ascii="Cascadia Mono" w:hAnsi="Cascadia Mono" w:cs="Cascadia Mono"/>
                <w:color w:val="000000"/>
                <w:sz w:val="19"/>
                <w:szCs w:val="19"/>
              </w:rPr>
              <w:t xml:space="preserve">: </w:t>
            </w:r>
            <w:r>
              <w:rPr>
                <w:rFonts w:ascii="Cascadia Mono" w:hAnsi="Cascadia Mono" w:cs="Cascadia Mono"/>
                <w:color w:val="0000FF"/>
                <w:sz w:val="19"/>
                <w:szCs w:val="19"/>
              </w:rPr>
              <w:t>20px</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scale(1.1)</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ll</w:t>
            </w:r>
            <w:r>
              <w:rPr>
                <w:rFonts w:ascii="Cascadia Mono" w:hAnsi="Cascadia Mono" w:cs="Cascadia Mono"/>
                <w:color w:val="000000"/>
                <w:sz w:val="19"/>
                <w:szCs w:val="19"/>
              </w:rPr>
              <w:t xml:space="preserve"> </w:t>
            </w:r>
            <w:r>
              <w:rPr>
                <w:rFonts w:ascii="Cascadia Mono" w:hAnsi="Cascadia Mono" w:cs="Cascadia Mono"/>
                <w:color w:val="0000FF"/>
                <w:sz w:val="19"/>
                <w:szCs w:val="19"/>
              </w:rPr>
              <w:t>.4s</w:t>
            </w:r>
            <w:r>
              <w:rPr>
                <w:rFonts w:ascii="Cascadia Mono" w:hAnsi="Cascadia Mono" w:cs="Cascadia Mono"/>
                <w:color w:val="000000"/>
                <w:sz w:val="19"/>
                <w:szCs w:val="19"/>
              </w:rPr>
              <w:t xml:space="preserve"> </w:t>
            </w:r>
            <w:r>
              <w:rPr>
                <w:rFonts w:ascii="Cascadia Mono" w:hAnsi="Cascadia Mono" w:cs="Cascadia Mono"/>
                <w:color w:val="0000FF"/>
                <w:sz w:val="19"/>
                <w:szCs w:val="19"/>
              </w:rPr>
              <w:t>ease-in-out</w:t>
            </w:r>
            <w:r>
              <w:rPr>
                <w:rFonts w:ascii="Cascadia Mono" w:hAnsi="Cascadia Mono" w:cs="Cascadia Mono"/>
                <w:color w:val="000000"/>
                <w:sz w:val="19"/>
                <w:szCs w:val="19"/>
              </w:rPr>
              <w:t xml:space="preserve"> </w:t>
            </w:r>
            <w:r>
              <w:rPr>
                <w:rFonts w:ascii="Cascadia Mono" w:hAnsi="Cascadia Mono" w:cs="Cascadia Mono"/>
                <w:color w:val="0000FF"/>
                <w:sz w:val="19"/>
                <w:szCs w:val="19"/>
              </w:rPr>
              <w:t>!importan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ll</w:t>
            </w:r>
            <w:r>
              <w:rPr>
                <w:rFonts w:ascii="Cascadia Mono" w:hAnsi="Cascadia Mono" w:cs="Cascadia Mono"/>
                <w:color w:val="000000"/>
                <w:sz w:val="19"/>
                <w:szCs w:val="19"/>
              </w:rPr>
              <w:t xml:space="preserve"> </w:t>
            </w:r>
            <w:r>
              <w:rPr>
                <w:rFonts w:ascii="Cascadia Mono" w:hAnsi="Cascadia Mono" w:cs="Cascadia Mono"/>
                <w:color w:val="0000FF"/>
                <w:sz w:val="19"/>
                <w:szCs w:val="19"/>
              </w:rPr>
              <w:t>.4s</w:t>
            </w:r>
            <w:r>
              <w:rPr>
                <w:rFonts w:ascii="Cascadia Mono" w:hAnsi="Cascadia Mono" w:cs="Cascadia Mono"/>
                <w:color w:val="000000"/>
                <w:sz w:val="19"/>
                <w:szCs w:val="19"/>
              </w:rPr>
              <w:t xml:space="preserve"> </w:t>
            </w:r>
            <w:r>
              <w:rPr>
                <w:rFonts w:ascii="Cascadia Mono" w:hAnsi="Cascadia Mono" w:cs="Cascadia Mono"/>
                <w:color w:val="0000FF"/>
                <w:sz w:val="19"/>
                <w:szCs w:val="19"/>
              </w:rPr>
              <w:t>ease-in-out</w:t>
            </w:r>
            <w:r>
              <w:rPr>
                <w:rFonts w:ascii="Cascadia Mono" w:hAnsi="Cascadia Mono" w:cs="Cascadia Mono"/>
                <w:color w:val="000000"/>
                <w:sz w:val="19"/>
                <w:szCs w:val="19"/>
              </w:rPr>
              <w:t xml:space="preserve"> </w:t>
            </w:r>
            <w:r>
              <w:rPr>
                <w:rFonts w:ascii="Cascadia Mono" w:hAnsi="Cascadia Mono" w:cs="Cascadia Mono"/>
                <w:color w:val="0000FF"/>
                <w:sz w:val="19"/>
                <w:szCs w:val="19"/>
              </w:rPr>
              <w:t>!importan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fit-conten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ul</w:t>
            </w:r>
            <w:r>
              <w:rPr>
                <w:rFonts w:ascii="Cascadia Mono" w:hAnsi="Cascadia Mono" w:cs="Cascadia Mono"/>
                <w:color w:val="000000"/>
                <w:sz w:val="19"/>
                <w:szCs w:val="19"/>
              </w:rPr>
              <w:t xml:space="preserve"> </w:t>
            </w:r>
            <w:r>
              <w:rPr>
                <w:rFonts w:ascii="Cascadia Mono" w:hAnsi="Cascadia Mono" w:cs="Cascadia Mono"/>
                <w:color w:val="800000"/>
                <w:sz w:val="19"/>
                <w:szCs w:val="19"/>
              </w:rPr>
              <w:t>li.active</w:t>
            </w:r>
            <w:r>
              <w:rPr>
                <w:rFonts w:ascii="Cascadia Mono" w:hAnsi="Cascadia Mono" w:cs="Cascadia Mono"/>
                <w:color w:val="000000"/>
                <w:sz w:val="19"/>
                <w:szCs w:val="19"/>
              </w:rPr>
              <w:t xml:space="preserve"> </w:t>
            </w:r>
            <w:r>
              <w:rPr>
                <w:rFonts w:ascii="Cascadia Mono" w:hAnsi="Cascadia Mono" w:cs="Cascadia Mono"/>
                <w:color w:val="800000"/>
                <w:sz w:val="19"/>
                <w:szCs w:val="19"/>
              </w:rPr>
              <w:t>a</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argin-left</w:t>
            </w:r>
            <w:r>
              <w:rPr>
                <w:rFonts w:ascii="Cascadia Mono" w:hAnsi="Cascadia Mono" w:cs="Cascadia Mono"/>
                <w:color w:val="000000"/>
                <w:sz w:val="19"/>
                <w:szCs w:val="19"/>
              </w:rPr>
              <w:t xml:space="preserve">: </w:t>
            </w:r>
            <w:r>
              <w:rPr>
                <w:rFonts w:ascii="Cascadia Mono" w:hAnsi="Cascadia Mono" w:cs="Cascadia Mono"/>
                <w:color w:val="0000FF"/>
                <w:sz w:val="19"/>
                <w:szCs w:val="19"/>
              </w:rPr>
              <w:t>35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 xml:space="preserve"> </w:t>
            </w:r>
            <w:r>
              <w:rPr>
                <w:rFonts w:ascii="Cascadia Mono" w:hAnsi="Cascadia Mono" w:cs="Cascadia Mono"/>
                <w:color w:val="0000FF"/>
                <w:sz w:val="19"/>
                <w:szCs w:val="19"/>
              </w:rPr>
              <w:t>15px</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 xml:space="preserve"> </w:t>
            </w:r>
            <w:r>
              <w:rPr>
                <w:rFonts w:ascii="Cascadia Mono" w:hAnsi="Cascadia Mono" w:cs="Cascadia Mono"/>
                <w:color w:val="0000FF"/>
                <w:sz w:val="19"/>
                <w:szCs w:val="19"/>
              </w:rPr>
              <w:t>!importan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scale(1.4)</w:t>
            </w:r>
            <w:r>
              <w:rPr>
                <w:rFonts w:ascii="Cascadia Mono" w:hAnsi="Cascadia Mono" w:cs="Cascadia Mono"/>
                <w:color w:val="000000"/>
                <w:sz w:val="19"/>
                <w:szCs w:val="19"/>
              </w:rPr>
              <w:t xml:space="preserve"> </w:t>
            </w:r>
            <w:r>
              <w:rPr>
                <w:rFonts w:ascii="Cascadia Mono" w:hAnsi="Cascadia Mono" w:cs="Cascadia Mono"/>
                <w:color w:val="0000FF"/>
                <w:sz w:val="19"/>
                <w:szCs w:val="19"/>
              </w:rPr>
              <w:t>!importan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img.icon</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40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40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li</w:t>
            </w:r>
            <w:r>
              <w:rPr>
                <w:rFonts w:ascii="Cascadia Mono" w:hAnsi="Cascadia Mono" w:cs="Cascadia Mono"/>
                <w:color w:val="000000"/>
                <w:sz w:val="19"/>
                <w:szCs w:val="19"/>
              </w:rPr>
              <w:t xml:space="preserve"> </w:t>
            </w:r>
            <w:r>
              <w:rPr>
                <w:rFonts w:ascii="Cascadia Mono" w:hAnsi="Cascadia Mono" w:cs="Cascadia Mono"/>
                <w:color w:val="800000"/>
                <w:sz w:val="19"/>
                <w:szCs w:val="19"/>
              </w:rPr>
              <w:t>img.full-logo</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display</w:t>
            </w:r>
            <w:r>
              <w:rPr>
                <w:rFonts w:ascii="Cascadia Mono" w:hAnsi="Cascadia Mono" w:cs="Cascadia Mono"/>
                <w:color w:val="000000"/>
                <w:sz w:val="19"/>
                <w:szCs w:val="19"/>
              </w:rPr>
              <w:t xml:space="preserve">: </w:t>
            </w:r>
            <w:r>
              <w:rPr>
                <w:rFonts w:ascii="Cascadia Mono" w:hAnsi="Cascadia Mono" w:cs="Cascadia Mono"/>
                <w:color w:val="0000FF"/>
                <w:sz w:val="19"/>
                <w:szCs w:val="19"/>
              </w:rPr>
              <w:t>non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argin-left</w:t>
            </w:r>
            <w:r>
              <w:rPr>
                <w:rFonts w:ascii="Cascadia Mono" w:hAnsi="Cascadia Mono" w:cs="Cascadia Mono"/>
                <w:color w:val="000000"/>
                <w:sz w:val="19"/>
                <w:szCs w:val="19"/>
              </w:rPr>
              <w:t xml:space="preserve">: </w:t>
            </w:r>
            <w:r>
              <w:rPr>
                <w:rFonts w:ascii="Cascadia Mono" w:hAnsi="Cascadia Mono" w:cs="Cascadia Mono"/>
                <w:color w:val="0000FF"/>
                <w:sz w:val="19"/>
                <w:szCs w:val="19"/>
              </w:rPr>
              <w:t>0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ll</w:t>
            </w:r>
            <w:r>
              <w:rPr>
                <w:rFonts w:ascii="Cascadia Mono" w:hAnsi="Cascadia Mono" w:cs="Cascadia Mono"/>
                <w:color w:val="000000"/>
                <w:sz w:val="19"/>
                <w:szCs w:val="19"/>
              </w:rPr>
              <w:t xml:space="preserve"> </w:t>
            </w:r>
            <w:r>
              <w:rPr>
                <w:rFonts w:ascii="Cascadia Mono" w:hAnsi="Cascadia Mono" w:cs="Cascadia Mono"/>
                <w:color w:val="0000FF"/>
                <w:sz w:val="19"/>
                <w:szCs w:val="19"/>
              </w:rPr>
              <w:t>2s</w:t>
            </w:r>
            <w:r>
              <w:rPr>
                <w:rFonts w:ascii="Cascadia Mono" w:hAnsi="Cascadia Mono" w:cs="Cascadia Mono"/>
                <w:color w:val="000000"/>
                <w:sz w:val="19"/>
                <w:szCs w:val="19"/>
              </w:rPr>
              <w:t xml:space="preserve"> </w:t>
            </w:r>
            <w:r>
              <w:rPr>
                <w:rFonts w:ascii="Cascadia Mono" w:hAnsi="Cascadia Mono" w:cs="Cascadia Mono"/>
                <w:color w:val="0000FF"/>
                <w:sz w:val="19"/>
                <w:szCs w:val="19"/>
              </w:rPr>
              <w:t>ease-in-ou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ll</w:t>
            </w:r>
            <w:r>
              <w:rPr>
                <w:rFonts w:ascii="Cascadia Mono" w:hAnsi="Cascadia Mono" w:cs="Cascadia Mono"/>
                <w:color w:val="000000"/>
                <w:sz w:val="19"/>
                <w:szCs w:val="19"/>
              </w:rPr>
              <w:t xml:space="preserve"> </w:t>
            </w:r>
            <w:r>
              <w:rPr>
                <w:rFonts w:ascii="Cascadia Mono" w:hAnsi="Cascadia Mono" w:cs="Cascadia Mono"/>
                <w:color w:val="0000FF"/>
                <w:sz w:val="19"/>
                <w:szCs w:val="19"/>
              </w:rPr>
              <w:t>2s</w:t>
            </w:r>
            <w:r>
              <w:rPr>
                <w:rFonts w:ascii="Cascadia Mono" w:hAnsi="Cascadia Mono" w:cs="Cascadia Mono"/>
                <w:color w:val="000000"/>
                <w:sz w:val="19"/>
                <w:szCs w:val="19"/>
              </w:rPr>
              <w:t xml:space="preserve"> </w:t>
            </w:r>
            <w:r>
              <w:rPr>
                <w:rFonts w:ascii="Cascadia Mono" w:hAnsi="Cascadia Mono" w:cs="Cascadia Mono"/>
                <w:color w:val="0000FF"/>
                <w:sz w:val="19"/>
                <w:szCs w:val="19"/>
              </w:rPr>
              <w:t>ease-in-ou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Safari prior 6.1</w:t>
            </w: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0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ul</w:t>
            </w:r>
            <w:r>
              <w:rPr>
                <w:rFonts w:ascii="Cascadia Mono" w:hAnsi="Cascadia Mono" w:cs="Cascadia Mono"/>
                <w:color w:val="000000"/>
                <w:sz w:val="19"/>
                <w:szCs w:val="19"/>
              </w:rPr>
              <w:t xml:space="preserve"> </w:t>
            </w:r>
            <w:r>
              <w:rPr>
                <w:rFonts w:ascii="Cascadia Mono" w:hAnsi="Cascadia Mono" w:cs="Cascadia Mono"/>
                <w:color w:val="800000"/>
                <w:sz w:val="19"/>
                <w:szCs w:val="19"/>
              </w:rPr>
              <w:t>a.float-item</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opacity</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oating-widget.open</w:t>
            </w:r>
            <w:r>
              <w:rPr>
                <w:rFonts w:ascii="Cascadia Mono" w:hAnsi="Cascadia Mono" w:cs="Cascadia Mono"/>
                <w:color w:val="000000"/>
                <w:sz w:val="19"/>
                <w:szCs w:val="19"/>
              </w:rPr>
              <w:t xml:space="preserve"> </w:t>
            </w:r>
            <w:r>
              <w:rPr>
                <w:rFonts w:ascii="Cascadia Mono" w:hAnsi="Cascadia Mono" w:cs="Cascadia Mono"/>
                <w:color w:val="800000"/>
                <w:sz w:val="19"/>
                <w:szCs w:val="19"/>
              </w:rPr>
              <w:t>ul</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visibility</w:t>
            </w:r>
            <w:r>
              <w:rPr>
                <w:rFonts w:ascii="Cascadia Mono" w:hAnsi="Cascadia Mono" w:cs="Cascadia Mono"/>
                <w:color w:val="000000"/>
                <w:sz w:val="19"/>
                <w:szCs w:val="19"/>
              </w:rPr>
              <w:t xml:space="preserve">: </w:t>
            </w:r>
            <w:r>
              <w:rPr>
                <w:rFonts w:ascii="Cascadia Mono" w:hAnsi="Cascadia Mono" w:cs="Cascadia Mono"/>
                <w:color w:val="0000FF"/>
                <w:sz w:val="19"/>
                <w:szCs w:val="19"/>
              </w:rPr>
              <w:t>visibl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ul</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ist-style</w:t>
            </w:r>
            <w:r>
              <w:rPr>
                <w:rFonts w:ascii="Cascadia Mono" w:hAnsi="Cascadia Mono" w:cs="Cascadia Mono"/>
                <w:color w:val="000000"/>
                <w:sz w:val="19"/>
                <w:szCs w:val="19"/>
              </w:rPr>
              <w:t xml:space="preserve">: </w:t>
            </w:r>
            <w:r>
              <w:rPr>
                <w:rFonts w:ascii="Cascadia Mono" w:hAnsi="Cascadia Mono" w:cs="Cascadia Mono"/>
                <w:color w:val="0000FF"/>
                <w:sz w:val="19"/>
                <w:szCs w:val="19"/>
              </w:rPr>
              <w:t>non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ft</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right</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ext-align</w:t>
            </w:r>
            <w:r>
              <w:rPr>
                <w:rFonts w:ascii="Cascadia Mono" w:hAnsi="Cascadia Mono" w:cs="Cascadia Mono"/>
                <w:color w:val="000000"/>
                <w:sz w:val="19"/>
                <w:szCs w:val="19"/>
              </w:rPr>
              <w:t xml:space="preserve">: </w:t>
            </w:r>
            <w:r>
              <w:rPr>
                <w:rFonts w:ascii="Cascadia Mono" w:hAnsi="Cascadia Mono" w:cs="Cascadia Mono"/>
                <w:color w:val="0000FF"/>
                <w:sz w:val="19"/>
                <w:szCs w:val="19"/>
              </w:rPr>
              <w:t>center</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bsolut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ttom</w:t>
            </w:r>
            <w:r>
              <w:rPr>
                <w:rFonts w:ascii="Cascadia Mono" w:hAnsi="Cascadia Mono" w:cs="Cascadia Mono"/>
                <w:color w:val="000000"/>
                <w:sz w:val="19"/>
                <w:szCs w:val="19"/>
              </w:rPr>
              <w:t xml:space="preserve">: </w:t>
            </w:r>
            <w:r>
              <w:rPr>
                <w:rFonts w:ascii="Cascadia Mono" w:hAnsi="Cascadia Mono" w:cs="Cascadia Mono"/>
                <w:color w:val="0000FF"/>
                <w:sz w:val="19"/>
                <w:szCs w:val="19"/>
              </w:rPr>
              <w:t>84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argin</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visibility</w:t>
            </w:r>
            <w:r>
              <w:rPr>
                <w:rFonts w:ascii="Cascadia Mono" w:hAnsi="Cascadia Mono" w:cs="Cascadia Mono"/>
                <w:color w:val="000000"/>
                <w:sz w:val="19"/>
                <w:szCs w:val="19"/>
              </w:rPr>
              <w:t xml:space="preserve">: </w:t>
            </w:r>
            <w:r>
              <w:rPr>
                <w:rFonts w:ascii="Cascadia Mono" w:hAnsi="Cascadia Mono" w:cs="Cascadia Mono"/>
                <w:color w:val="0000FF"/>
                <w:sz w:val="19"/>
                <w:szCs w:val="19"/>
              </w:rPr>
              <w:t>hidden</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li.active</w:t>
            </w:r>
            <w:r>
              <w:rPr>
                <w:rFonts w:ascii="Cascadia Mono" w:hAnsi="Cascadia Mono" w:cs="Cascadia Mono"/>
                <w:color w:val="000000"/>
                <w:sz w:val="19"/>
                <w:szCs w:val="19"/>
              </w:rPr>
              <w:t xml:space="preserve"> </w:t>
            </w:r>
            <w:r>
              <w:rPr>
                <w:rFonts w:ascii="Cascadia Mono" w:hAnsi="Cascadia Mono" w:cs="Cascadia Mono"/>
                <w:color w:val="800000"/>
                <w:sz w:val="19"/>
                <w:szCs w:val="19"/>
              </w:rPr>
              <w:t>a.float-item</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display</w:t>
            </w:r>
            <w:r>
              <w:rPr>
                <w:rFonts w:ascii="Cascadia Mono" w:hAnsi="Cascadia Mono" w:cs="Cascadia Mono"/>
                <w:color w:val="000000"/>
                <w:sz w:val="19"/>
                <w:szCs w:val="19"/>
              </w:rPr>
              <w:t xml:space="preserve">: </w:t>
            </w:r>
            <w:r>
              <w:rPr>
                <w:rFonts w:ascii="Cascadia Mono" w:hAnsi="Cascadia Mono" w:cs="Cascadia Mono"/>
                <w:color w:val="0000FF"/>
                <w:sz w:val="19"/>
                <w:szCs w:val="19"/>
              </w:rPr>
              <w:t>fle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li.active</w:t>
            </w:r>
            <w:r>
              <w:rPr>
                <w:rFonts w:ascii="Cascadia Mono" w:hAnsi="Cascadia Mono" w:cs="Cascadia Mono"/>
                <w:color w:val="000000"/>
                <w:sz w:val="19"/>
                <w:szCs w:val="19"/>
              </w:rPr>
              <w:t xml:space="preserve"> </w:t>
            </w:r>
            <w:r>
              <w:rPr>
                <w:rFonts w:ascii="Cascadia Mono" w:hAnsi="Cascadia Mono" w:cs="Cascadia Mono"/>
                <w:color w:val="800000"/>
                <w:sz w:val="19"/>
                <w:szCs w:val="19"/>
              </w:rPr>
              <w:t>a</w:t>
            </w:r>
            <w:r>
              <w:rPr>
                <w:rFonts w:ascii="Cascadia Mono" w:hAnsi="Cascadia Mono" w:cs="Cascadia Mono"/>
                <w:color w:val="000000"/>
                <w:sz w:val="19"/>
                <w:szCs w:val="19"/>
              </w:rPr>
              <w:t xml:space="preserve"> </w:t>
            </w:r>
            <w:r>
              <w:rPr>
                <w:rFonts w:ascii="Cascadia Mono" w:hAnsi="Cascadia Mono" w:cs="Cascadia Mono"/>
                <w:color w:val="800000"/>
                <w:sz w:val="19"/>
                <w:szCs w:val="19"/>
              </w:rPr>
              <w:t>&gt;</w:t>
            </w:r>
            <w:r>
              <w:rPr>
                <w:rFonts w:ascii="Cascadia Mono" w:hAnsi="Cascadia Mono" w:cs="Cascadia Mono"/>
                <w:color w:val="000000"/>
                <w:sz w:val="19"/>
                <w:szCs w:val="19"/>
              </w:rPr>
              <w:t xml:space="preserve"> </w:t>
            </w:r>
            <w:r>
              <w:rPr>
                <w:rFonts w:ascii="Cascadia Mono" w:hAnsi="Cascadia Mono" w:cs="Cascadia Mono"/>
                <w:color w:val="800000"/>
                <w:sz w:val="19"/>
                <w:szCs w:val="19"/>
              </w:rPr>
              <w:t>img.full-logo</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display</w:t>
            </w:r>
            <w:r>
              <w:rPr>
                <w:rFonts w:ascii="Cascadia Mono" w:hAnsi="Cascadia Mono" w:cs="Cascadia Mono"/>
                <w:color w:val="000000"/>
                <w:sz w:val="19"/>
                <w:szCs w:val="19"/>
              </w:rPr>
              <w:t xml:space="preserve">: </w:t>
            </w:r>
            <w:r>
              <w:rPr>
                <w:rFonts w:ascii="Cascadia Mono" w:hAnsi="Cascadia Mono" w:cs="Cascadia Mono"/>
                <w:color w:val="0000FF"/>
                <w:sz w:val="19"/>
                <w:szCs w:val="19"/>
              </w:rPr>
              <w:t>inline-block</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90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Responsiv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Device = Desktops</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80"/>
                <w:sz w:val="19"/>
                <w:szCs w:val="19"/>
              </w:rPr>
              <w:t>@media</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min-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281px)</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Device = Laptops, Desktops</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80"/>
                <w:sz w:val="19"/>
                <w:szCs w:val="19"/>
              </w:rPr>
              <w:t>@media</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min-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025px)</w:t>
            </w:r>
            <w:r>
              <w:rPr>
                <w:rFonts w:ascii="Cascadia Mono" w:hAnsi="Cascadia Mono" w:cs="Cascadia Mono"/>
                <w:color w:val="000000"/>
                <w:sz w:val="19"/>
                <w:szCs w:val="19"/>
              </w:rPr>
              <w:t xml:space="preserve"> </w:t>
            </w:r>
            <w:r>
              <w:rPr>
                <w:rFonts w:ascii="Cascadia Mono" w:hAnsi="Cascadia Mono" w:cs="Cascadia Mono"/>
                <w:color w:val="0000FF"/>
                <w:sz w:val="19"/>
                <w:szCs w:val="19"/>
              </w:rPr>
              <w:t>and</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max-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280px)</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Device = Tablets, Ipads (portrai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80"/>
                <w:sz w:val="19"/>
                <w:szCs w:val="19"/>
              </w:rPr>
              <w:t>@media</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min-width</w:t>
            </w:r>
            <w:r>
              <w:rPr>
                <w:rFonts w:ascii="Cascadia Mono" w:hAnsi="Cascadia Mono" w:cs="Cascadia Mono"/>
                <w:color w:val="000000"/>
                <w:sz w:val="19"/>
                <w:szCs w:val="19"/>
              </w:rPr>
              <w:t xml:space="preserve">: </w:t>
            </w:r>
            <w:r>
              <w:rPr>
                <w:rFonts w:ascii="Cascadia Mono" w:hAnsi="Cascadia Mono" w:cs="Cascadia Mono"/>
                <w:color w:val="0000FF"/>
                <w:sz w:val="19"/>
                <w:szCs w:val="19"/>
              </w:rPr>
              <w:t>768px)</w:t>
            </w:r>
            <w:r>
              <w:rPr>
                <w:rFonts w:ascii="Cascadia Mono" w:hAnsi="Cascadia Mono" w:cs="Cascadia Mono"/>
                <w:color w:val="000000"/>
                <w:sz w:val="19"/>
                <w:szCs w:val="19"/>
              </w:rPr>
              <w:t xml:space="preserve"> </w:t>
            </w:r>
            <w:r>
              <w:rPr>
                <w:rFonts w:ascii="Cascadia Mono" w:hAnsi="Cascadia Mono" w:cs="Cascadia Mono"/>
                <w:color w:val="0000FF"/>
                <w:sz w:val="19"/>
                <w:szCs w:val="19"/>
              </w:rPr>
              <w:t>and</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max-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024px)</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ft</w:t>
            </w:r>
            <w:r>
              <w:rPr>
                <w:rFonts w:ascii="Cascadia Mono" w:hAnsi="Cascadia Mono" w:cs="Cascadia Mono"/>
                <w:color w:val="000000"/>
                <w:sz w:val="19"/>
                <w:szCs w:val="19"/>
              </w:rPr>
              <w:t xml:space="preserve">: </w:t>
            </w:r>
            <w:r>
              <w:rPr>
                <w:rFonts w:ascii="Cascadia Mono" w:hAnsi="Cascadia Mono" w:cs="Cascadia Mono"/>
                <w:color w:val="0000FF"/>
                <w:sz w:val="19"/>
                <w:szCs w:val="19"/>
              </w:rPr>
              <w:t>3%</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ul</w:t>
            </w:r>
            <w:r>
              <w:rPr>
                <w:rFonts w:ascii="Cascadia Mono" w:hAnsi="Cascadia Mono" w:cs="Cascadia Mono"/>
                <w:color w:val="000000"/>
                <w:sz w:val="19"/>
                <w:szCs w:val="19"/>
              </w:rPr>
              <w:t xml:space="preserve"> </w:t>
            </w:r>
            <w:r>
              <w:rPr>
                <w:rFonts w:ascii="Cascadia Mono" w:hAnsi="Cascadia Mono" w:cs="Cascadia Mono"/>
                <w:color w:val="800000"/>
                <w:sz w:val="19"/>
                <w:szCs w:val="19"/>
              </w:rPr>
              <w:t>li</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ul</w:t>
            </w:r>
            <w:r>
              <w:rPr>
                <w:rFonts w:ascii="Cascadia Mono" w:hAnsi="Cascadia Mono" w:cs="Cascadia Mono"/>
                <w:color w:val="000000"/>
                <w:sz w:val="19"/>
                <w:szCs w:val="19"/>
              </w:rPr>
              <w:t xml:space="preserve"> </w:t>
            </w:r>
            <w:r>
              <w:rPr>
                <w:rFonts w:ascii="Cascadia Mono" w:hAnsi="Cascadia Mono" w:cs="Cascadia Mono"/>
                <w:color w:val="800000"/>
                <w:sz w:val="19"/>
                <w:szCs w:val="19"/>
              </w:rPr>
              <w:t>li.activ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x-shadow</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 xml:space="preserve"> </w:t>
            </w:r>
            <w:r>
              <w:rPr>
                <w:rFonts w:ascii="Cascadia Mono" w:hAnsi="Cascadia Mono" w:cs="Cascadia Mono"/>
                <w:color w:val="0000FF"/>
                <w:sz w:val="19"/>
                <w:szCs w:val="19"/>
              </w:rPr>
              <w:t>7px</w:t>
            </w:r>
            <w:r>
              <w:rPr>
                <w:rFonts w:ascii="Cascadia Mono" w:hAnsi="Cascadia Mono" w:cs="Cascadia Mono"/>
                <w:color w:val="000000"/>
                <w:sz w:val="19"/>
                <w:szCs w:val="19"/>
              </w:rPr>
              <w:t xml:space="preserve"> </w:t>
            </w:r>
            <w:r>
              <w:rPr>
                <w:rFonts w:ascii="Cascadia Mono" w:hAnsi="Cascadia Mono" w:cs="Cascadia Mono"/>
                <w:color w:val="0000FF"/>
                <w:sz w:val="19"/>
                <w:szCs w:val="19"/>
              </w:rPr>
              <w:t>rgba(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3)</w:t>
            </w:r>
            <w:r>
              <w:rPr>
                <w:rFonts w:ascii="Cascadia Mono" w:hAnsi="Cascadia Mono" w:cs="Cascadia Mono"/>
                <w:color w:val="000000"/>
                <w:sz w:val="19"/>
                <w:szCs w:val="19"/>
              </w:rPr>
              <w:t xml:space="preserve">, </w:t>
            </w:r>
            <w:r>
              <w:rPr>
                <w:rFonts w:ascii="Cascadia Mono" w:hAnsi="Cascadia Mono" w:cs="Cascadia Mono"/>
                <w:color w:val="0000FF"/>
                <w:sz w:val="19"/>
                <w:szCs w:val="19"/>
              </w:rPr>
              <w:t>inset</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6px</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 xml:space="preserve"> </w:t>
            </w:r>
            <w:r>
              <w:rPr>
                <w:rFonts w:ascii="Cascadia Mono" w:hAnsi="Cascadia Mono" w:cs="Cascadia Mono"/>
                <w:color w:val="0000FF"/>
                <w:sz w:val="19"/>
                <w:szCs w:val="19"/>
              </w:rPr>
              <w:t>rgba(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1)</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15px</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Device = Tablets, Ipads (landscap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80"/>
                <w:sz w:val="19"/>
                <w:szCs w:val="19"/>
              </w:rPr>
              <w:t>@media</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min-width</w:t>
            </w:r>
            <w:r>
              <w:rPr>
                <w:rFonts w:ascii="Cascadia Mono" w:hAnsi="Cascadia Mono" w:cs="Cascadia Mono"/>
                <w:color w:val="000000"/>
                <w:sz w:val="19"/>
                <w:szCs w:val="19"/>
              </w:rPr>
              <w:t xml:space="preserve">: </w:t>
            </w:r>
            <w:r>
              <w:rPr>
                <w:rFonts w:ascii="Cascadia Mono" w:hAnsi="Cascadia Mono" w:cs="Cascadia Mono"/>
                <w:color w:val="0000FF"/>
                <w:sz w:val="19"/>
                <w:szCs w:val="19"/>
              </w:rPr>
              <w:t>768px)</w:t>
            </w:r>
            <w:r>
              <w:rPr>
                <w:rFonts w:ascii="Cascadia Mono" w:hAnsi="Cascadia Mono" w:cs="Cascadia Mono"/>
                <w:color w:val="000000"/>
                <w:sz w:val="19"/>
                <w:szCs w:val="19"/>
              </w:rPr>
              <w:t xml:space="preserve"> </w:t>
            </w:r>
            <w:r>
              <w:rPr>
                <w:rFonts w:ascii="Cascadia Mono" w:hAnsi="Cascadia Mono" w:cs="Cascadia Mono"/>
                <w:color w:val="0000FF"/>
                <w:sz w:val="19"/>
                <w:szCs w:val="19"/>
              </w:rPr>
              <w:t>and</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max-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024px)</w:t>
            </w:r>
            <w:r>
              <w:rPr>
                <w:rFonts w:ascii="Cascadia Mono" w:hAnsi="Cascadia Mono" w:cs="Cascadia Mono"/>
                <w:color w:val="000000"/>
                <w:sz w:val="19"/>
                <w:szCs w:val="19"/>
              </w:rPr>
              <w:t xml:space="preserve"> </w:t>
            </w:r>
            <w:r>
              <w:rPr>
                <w:rFonts w:ascii="Cascadia Mono" w:hAnsi="Cascadia Mono" w:cs="Cascadia Mono"/>
                <w:color w:val="0000FF"/>
                <w:sz w:val="19"/>
                <w:szCs w:val="19"/>
              </w:rPr>
              <w:t>and</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orientation</w:t>
            </w:r>
            <w:r>
              <w:rPr>
                <w:rFonts w:ascii="Cascadia Mono" w:hAnsi="Cascadia Mono" w:cs="Cascadia Mono"/>
                <w:color w:val="000000"/>
                <w:sz w:val="19"/>
                <w:szCs w:val="19"/>
              </w:rPr>
              <w:t xml:space="preserve">: </w:t>
            </w:r>
            <w:r>
              <w:rPr>
                <w:rFonts w:ascii="Cascadia Mono" w:hAnsi="Cascadia Mono" w:cs="Cascadia Mono"/>
                <w:color w:val="0000FF"/>
                <w:sz w:val="19"/>
                <w:szCs w:val="19"/>
              </w:rPr>
              <w:t>landscap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Device = Low Resolution Tablets, Mobiles (Landscap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80"/>
                <w:sz w:val="19"/>
                <w:szCs w:val="19"/>
              </w:rPr>
              <w:t>@media</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min-width</w:t>
            </w:r>
            <w:r>
              <w:rPr>
                <w:rFonts w:ascii="Cascadia Mono" w:hAnsi="Cascadia Mono" w:cs="Cascadia Mono"/>
                <w:color w:val="000000"/>
                <w:sz w:val="19"/>
                <w:szCs w:val="19"/>
              </w:rPr>
              <w:t xml:space="preserve">: </w:t>
            </w:r>
            <w:r>
              <w:rPr>
                <w:rFonts w:ascii="Cascadia Mono" w:hAnsi="Cascadia Mono" w:cs="Cascadia Mono"/>
                <w:color w:val="0000FF"/>
                <w:sz w:val="19"/>
                <w:szCs w:val="19"/>
              </w:rPr>
              <w:t>481px)</w:t>
            </w:r>
            <w:r>
              <w:rPr>
                <w:rFonts w:ascii="Cascadia Mono" w:hAnsi="Cascadia Mono" w:cs="Cascadia Mono"/>
                <w:color w:val="000000"/>
                <w:sz w:val="19"/>
                <w:szCs w:val="19"/>
              </w:rPr>
              <w:t xml:space="preserve"> </w:t>
            </w:r>
            <w:r>
              <w:rPr>
                <w:rFonts w:ascii="Cascadia Mono" w:hAnsi="Cascadia Mono" w:cs="Cascadia Mono"/>
                <w:color w:val="0000FF"/>
                <w:sz w:val="19"/>
                <w:szCs w:val="19"/>
              </w:rPr>
              <w:t>and</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max-width</w:t>
            </w:r>
            <w:r>
              <w:rPr>
                <w:rFonts w:ascii="Cascadia Mono" w:hAnsi="Cascadia Mono" w:cs="Cascadia Mono"/>
                <w:color w:val="000000"/>
                <w:sz w:val="19"/>
                <w:szCs w:val="19"/>
              </w:rPr>
              <w:t xml:space="preserve">: </w:t>
            </w:r>
            <w:r>
              <w:rPr>
                <w:rFonts w:ascii="Cascadia Mono" w:hAnsi="Cascadia Mono" w:cs="Cascadia Mono"/>
                <w:color w:val="0000FF"/>
                <w:sz w:val="19"/>
                <w:szCs w:val="19"/>
              </w:rPr>
              <w:t>767px)</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ft</w:t>
            </w:r>
            <w:r>
              <w:rPr>
                <w:rFonts w:ascii="Cascadia Mono" w:hAnsi="Cascadia Mono" w:cs="Cascadia Mono"/>
                <w:color w:val="000000"/>
                <w:sz w:val="19"/>
                <w:szCs w:val="19"/>
              </w:rPr>
              <w:t xml:space="preserve">: </w:t>
            </w:r>
            <w:r>
              <w:rPr>
                <w:rFonts w:ascii="Cascadia Mono" w:hAnsi="Cascadia Mono" w:cs="Cascadia Mono"/>
                <w:color w:val="0000FF"/>
                <w:sz w:val="19"/>
                <w:szCs w:val="19"/>
              </w:rPr>
              <w:t>3%</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ul</w:t>
            </w:r>
            <w:r>
              <w:rPr>
                <w:rFonts w:ascii="Cascadia Mono" w:hAnsi="Cascadia Mono" w:cs="Cascadia Mono"/>
                <w:color w:val="000000"/>
                <w:sz w:val="19"/>
                <w:szCs w:val="19"/>
              </w:rPr>
              <w:t xml:space="preserve"> </w:t>
            </w:r>
            <w:r>
              <w:rPr>
                <w:rFonts w:ascii="Cascadia Mono" w:hAnsi="Cascadia Mono" w:cs="Cascadia Mono"/>
                <w:color w:val="800000"/>
                <w:sz w:val="19"/>
                <w:szCs w:val="19"/>
              </w:rPr>
              <w:t>li</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ul</w:t>
            </w:r>
            <w:r>
              <w:rPr>
                <w:rFonts w:ascii="Cascadia Mono" w:hAnsi="Cascadia Mono" w:cs="Cascadia Mono"/>
                <w:color w:val="000000"/>
                <w:sz w:val="19"/>
                <w:szCs w:val="19"/>
              </w:rPr>
              <w:t xml:space="preserve"> </w:t>
            </w:r>
            <w:r>
              <w:rPr>
                <w:rFonts w:ascii="Cascadia Mono" w:hAnsi="Cascadia Mono" w:cs="Cascadia Mono"/>
                <w:color w:val="800000"/>
                <w:sz w:val="19"/>
                <w:szCs w:val="19"/>
              </w:rPr>
              <w:t>li.activ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x-shadow</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 xml:space="preserve"> </w:t>
            </w:r>
            <w:r>
              <w:rPr>
                <w:rFonts w:ascii="Cascadia Mono" w:hAnsi="Cascadia Mono" w:cs="Cascadia Mono"/>
                <w:color w:val="0000FF"/>
                <w:sz w:val="19"/>
                <w:szCs w:val="19"/>
              </w:rPr>
              <w:t>7px</w:t>
            </w:r>
            <w:r>
              <w:rPr>
                <w:rFonts w:ascii="Cascadia Mono" w:hAnsi="Cascadia Mono" w:cs="Cascadia Mono"/>
                <w:color w:val="000000"/>
                <w:sz w:val="19"/>
                <w:szCs w:val="19"/>
              </w:rPr>
              <w:t xml:space="preserve"> </w:t>
            </w:r>
            <w:r>
              <w:rPr>
                <w:rFonts w:ascii="Cascadia Mono" w:hAnsi="Cascadia Mono" w:cs="Cascadia Mono"/>
                <w:color w:val="0000FF"/>
                <w:sz w:val="19"/>
                <w:szCs w:val="19"/>
              </w:rPr>
              <w:t>rgba(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3)</w:t>
            </w:r>
            <w:r>
              <w:rPr>
                <w:rFonts w:ascii="Cascadia Mono" w:hAnsi="Cascadia Mono" w:cs="Cascadia Mono"/>
                <w:color w:val="000000"/>
                <w:sz w:val="19"/>
                <w:szCs w:val="19"/>
              </w:rPr>
              <w:t xml:space="preserve">, </w:t>
            </w:r>
            <w:r>
              <w:rPr>
                <w:rFonts w:ascii="Cascadia Mono" w:hAnsi="Cascadia Mono" w:cs="Cascadia Mono"/>
                <w:color w:val="0000FF"/>
                <w:sz w:val="19"/>
                <w:szCs w:val="19"/>
              </w:rPr>
              <w:t>inset</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6px</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 xml:space="preserve"> </w:t>
            </w:r>
            <w:r>
              <w:rPr>
                <w:rFonts w:ascii="Cascadia Mono" w:hAnsi="Cascadia Mono" w:cs="Cascadia Mono"/>
                <w:color w:val="0000FF"/>
                <w:sz w:val="19"/>
                <w:szCs w:val="19"/>
              </w:rPr>
              <w:t>rgba(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1)</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15px</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Device = Most of the Smartphones Mobiles (Portrai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80"/>
                <w:sz w:val="19"/>
                <w:szCs w:val="19"/>
              </w:rPr>
              <w:t>@media</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min-width</w:t>
            </w:r>
            <w:r>
              <w:rPr>
                <w:rFonts w:ascii="Cascadia Mono" w:hAnsi="Cascadia Mono" w:cs="Cascadia Mono"/>
                <w:color w:val="000000"/>
                <w:sz w:val="19"/>
                <w:szCs w:val="19"/>
              </w:rPr>
              <w:t xml:space="preserve">: </w:t>
            </w:r>
            <w:r>
              <w:rPr>
                <w:rFonts w:ascii="Cascadia Mono" w:hAnsi="Cascadia Mono" w:cs="Cascadia Mono"/>
                <w:color w:val="0000FF"/>
                <w:sz w:val="19"/>
                <w:szCs w:val="19"/>
              </w:rPr>
              <w:t>320px)</w:t>
            </w:r>
            <w:r>
              <w:rPr>
                <w:rFonts w:ascii="Cascadia Mono" w:hAnsi="Cascadia Mono" w:cs="Cascadia Mono"/>
                <w:color w:val="000000"/>
                <w:sz w:val="19"/>
                <w:szCs w:val="19"/>
              </w:rPr>
              <w:t xml:space="preserve"> </w:t>
            </w:r>
            <w:r>
              <w:rPr>
                <w:rFonts w:ascii="Cascadia Mono" w:hAnsi="Cascadia Mono" w:cs="Cascadia Mono"/>
                <w:color w:val="0000FF"/>
                <w:sz w:val="19"/>
                <w:szCs w:val="19"/>
              </w:rPr>
              <w:t>and</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FF0000"/>
                <w:sz w:val="19"/>
                <w:szCs w:val="19"/>
              </w:rPr>
              <w:t>max-width</w:t>
            </w:r>
            <w:r>
              <w:rPr>
                <w:rFonts w:ascii="Cascadia Mono" w:hAnsi="Cascadia Mono" w:cs="Cascadia Mono"/>
                <w:color w:val="000000"/>
                <w:sz w:val="19"/>
                <w:szCs w:val="19"/>
              </w:rPr>
              <w:t xml:space="preserve">: </w:t>
            </w:r>
            <w:r>
              <w:rPr>
                <w:rFonts w:ascii="Cascadia Mono" w:hAnsi="Cascadia Mono" w:cs="Cascadia Mono"/>
                <w:color w:val="0000FF"/>
                <w:sz w:val="19"/>
                <w:szCs w:val="19"/>
              </w:rPr>
              <w:t>480px)</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ft</w:t>
            </w:r>
            <w:r>
              <w:rPr>
                <w:rFonts w:ascii="Cascadia Mono" w:hAnsi="Cascadia Mono" w:cs="Cascadia Mono"/>
                <w:color w:val="000000"/>
                <w:sz w:val="19"/>
                <w:szCs w:val="19"/>
              </w:rPr>
              <w:t xml:space="preserve">: </w:t>
            </w:r>
            <w:r>
              <w:rPr>
                <w:rFonts w:ascii="Cascadia Mono" w:hAnsi="Cascadia Mono" w:cs="Cascadia Mono"/>
                <w:color w:val="0000FF"/>
                <w:sz w:val="19"/>
                <w:szCs w:val="19"/>
              </w:rPr>
              <w:t>3%</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ul</w:t>
            </w:r>
            <w:r>
              <w:rPr>
                <w:rFonts w:ascii="Cascadia Mono" w:hAnsi="Cascadia Mono" w:cs="Cascadia Mono"/>
                <w:color w:val="000000"/>
                <w:sz w:val="19"/>
                <w:szCs w:val="19"/>
              </w:rPr>
              <w:t xml:space="preserve"> </w:t>
            </w:r>
            <w:r>
              <w:rPr>
                <w:rFonts w:ascii="Cascadia Mono" w:hAnsi="Cascadia Mono" w:cs="Cascadia Mono"/>
                <w:color w:val="800000"/>
                <w:sz w:val="19"/>
                <w:szCs w:val="19"/>
              </w:rPr>
              <w:t>li</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800000"/>
                <w:sz w:val="19"/>
                <w:szCs w:val="19"/>
              </w:rPr>
              <w:t>.floating-widget</w:t>
            </w:r>
            <w:r>
              <w:rPr>
                <w:rFonts w:ascii="Cascadia Mono" w:hAnsi="Cascadia Mono" w:cs="Cascadia Mono"/>
                <w:color w:val="000000"/>
                <w:sz w:val="19"/>
                <w:szCs w:val="19"/>
              </w:rPr>
              <w:t xml:space="preserve"> </w:t>
            </w:r>
            <w:r>
              <w:rPr>
                <w:rFonts w:ascii="Cascadia Mono" w:hAnsi="Cascadia Mono" w:cs="Cascadia Mono"/>
                <w:color w:val="800000"/>
                <w:sz w:val="19"/>
                <w:szCs w:val="19"/>
              </w:rPr>
              <w:t>ul</w:t>
            </w:r>
            <w:r>
              <w:rPr>
                <w:rFonts w:ascii="Cascadia Mono" w:hAnsi="Cascadia Mono" w:cs="Cascadia Mono"/>
                <w:color w:val="000000"/>
                <w:sz w:val="19"/>
                <w:szCs w:val="19"/>
              </w:rPr>
              <w:t xml:space="preserve"> </w:t>
            </w:r>
            <w:r>
              <w:rPr>
                <w:rFonts w:ascii="Cascadia Mono" w:hAnsi="Cascadia Mono" w:cs="Cascadia Mono"/>
                <w:color w:val="800000"/>
                <w:sz w:val="19"/>
                <w:szCs w:val="19"/>
              </w:rPr>
              <w:t>li.activ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x-shadow</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 xml:space="preserve"> </w:t>
            </w:r>
            <w:r>
              <w:rPr>
                <w:rFonts w:ascii="Cascadia Mono" w:hAnsi="Cascadia Mono" w:cs="Cascadia Mono"/>
                <w:color w:val="0000FF"/>
                <w:sz w:val="19"/>
                <w:szCs w:val="19"/>
              </w:rPr>
              <w:t>7px</w:t>
            </w:r>
            <w:r>
              <w:rPr>
                <w:rFonts w:ascii="Cascadia Mono" w:hAnsi="Cascadia Mono" w:cs="Cascadia Mono"/>
                <w:color w:val="000000"/>
                <w:sz w:val="19"/>
                <w:szCs w:val="19"/>
              </w:rPr>
              <w:t xml:space="preserve"> </w:t>
            </w:r>
            <w:r>
              <w:rPr>
                <w:rFonts w:ascii="Cascadia Mono" w:hAnsi="Cascadia Mono" w:cs="Cascadia Mono"/>
                <w:color w:val="0000FF"/>
                <w:sz w:val="19"/>
                <w:szCs w:val="19"/>
              </w:rPr>
              <w:t>rgba(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3)</w:t>
            </w:r>
            <w:r>
              <w:rPr>
                <w:rFonts w:ascii="Cascadia Mono" w:hAnsi="Cascadia Mono" w:cs="Cascadia Mono"/>
                <w:color w:val="000000"/>
                <w:sz w:val="19"/>
                <w:szCs w:val="19"/>
              </w:rPr>
              <w:t xml:space="preserve">, </w:t>
            </w:r>
            <w:r>
              <w:rPr>
                <w:rFonts w:ascii="Cascadia Mono" w:hAnsi="Cascadia Mono" w:cs="Cascadia Mono"/>
                <w:color w:val="0000FF"/>
                <w:sz w:val="19"/>
                <w:szCs w:val="19"/>
              </w:rPr>
              <w:t>inset</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6px</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 xml:space="preserve"> </w:t>
            </w:r>
            <w:r>
              <w:rPr>
                <w:rFonts w:ascii="Cascadia Mono" w:hAnsi="Cascadia Mono" w:cs="Cascadia Mono"/>
                <w:color w:val="0000FF"/>
                <w:sz w:val="19"/>
                <w:szCs w:val="19"/>
              </w:rPr>
              <w:t>rgba(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lastRenderedPageBreak/>
              <w:t>.1)</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15px</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Icons.css</w:t>
            </w:r>
          </w:p>
        </w:tc>
      </w:tr>
      <w:tr w:rsidR="0048012D" w:rsidTr="0048012D">
        <w:tc>
          <w:tcPr>
            <w:tcW w:w="9576" w:type="dxa"/>
          </w:tcPr>
          <w:p w:rsidR="00156FB3" w:rsidRDefault="00156FB3" w:rsidP="00156FB3">
            <w:r>
              <w:t>/*!</w:t>
            </w:r>
          </w:p>
          <w:p w:rsidR="00156FB3" w:rsidRDefault="00156FB3" w:rsidP="00156FB3">
            <w:r>
              <w:t xml:space="preserve"> * Font Awesome Free 5.13.0 by @fontawesome - https://fontawesome.com</w:t>
            </w:r>
          </w:p>
          <w:p w:rsidR="00156FB3" w:rsidRDefault="00156FB3" w:rsidP="00156FB3">
            <w:r>
              <w:t xml:space="preserve"> * License - https://fontawesome.com/license/free (Icons: CC BY 4.0, Fonts: SIL OFL 1.1, Code: MIT License)</w:t>
            </w:r>
          </w:p>
          <w:p w:rsidR="00156FB3" w:rsidRDefault="00156FB3" w:rsidP="00156FB3">
            <w:r>
              <w:t xml:space="preserve"> */</w:t>
            </w:r>
          </w:p>
          <w:p w:rsidR="00156FB3" w:rsidRDefault="00156FB3" w:rsidP="00156FB3">
            <w:r>
              <w:t>.fa,</w:t>
            </w:r>
          </w:p>
          <w:p w:rsidR="00156FB3" w:rsidRDefault="00156FB3" w:rsidP="00156FB3">
            <w:r>
              <w:t>.fas,</w:t>
            </w:r>
          </w:p>
          <w:p w:rsidR="00156FB3" w:rsidRDefault="00156FB3" w:rsidP="00156FB3">
            <w:r>
              <w:t>.far,</w:t>
            </w:r>
          </w:p>
          <w:p w:rsidR="00156FB3" w:rsidRDefault="00156FB3" w:rsidP="00156FB3">
            <w:r>
              <w:t>.fal,</w:t>
            </w:r>
          </w:p>
          <w:p w:rsidR="00156FB3" w:rsidRDefault="00156FB3" w:rsidP="00156FB3">
            <w:r>
              <w:t>.fad,</w:t>
            </w:r>
          </w:p>
          <w:p w:rsidR="00156FB3" w:rsidRDefault="00156FB3" w:rsidP="00156FB3">
            <w:r>
              <w:t>.fab {</w:t>
            </w:r>
          </w:p>
          <w:p w:rsidR="00156FB3" w:rsidRDefault="00156FB3" w:rsidP="00156FB3">
            <w:r>
              <w:t xml:space="preserve">    -moz-osx-font-smoothing: grayscale;</w:t>
            </w:r>
          </w:p>
          <w:p w:rsidR="00156FB3" w:rsidRDefault="00156FB3" w:rsidP="00156FB3">
            <w:r>
              <w:t xml:space="preserve">    -webkit-font-smoothing: antialiased;</w:t>
            </w:r>
          </w:p>
          <w:p w:rsidR="00156FB3" w:rsidRDefault="00156FB3" w:rsidP="00156FB3">
            <w:r>
              <w:t xml:space="preserve">    display: inline-block;</w:t>
            </w:r>
          </w:p>
          <w:p w:rsidR="00156FB3" w:rsidRDefault="00156FB3" w:rsidP="00156FB3">
            <w:r>
              <w:t xml:space="preserve">    font-style: normal;</w:t>
            </w:r>
          </w:p>
          <w:p w:rsidR="00156FB3" w:rsidRDefault="00156FB3" w:rsidP="00156FB3">
            <w:r>
              <w:t xml:space="preserve">    font-variant: normal;</w:t>
            </w:r>
          </w:p>
          <w:p w:rsidR="00156FB3" w:rsidRDefault="00156FB3" w:rsidP="00156FB3">
            <w:r>
              <w:t xml:space="preserve">    text-rendering: auto;</w:t>
            </w:r>
          </w:p>
          <w:p w:rsidR="00156FB3" w:rsidRDefault="00156FB3" w:rsidP="00156FB3">
            <w:r>
              <w:t xml:space="preserve">    line-height: 1;</w:t>
            </w:r>
          </w:p>
          <w:p w:rsidR="00156FB3" w:rsidRDefault="00156FB3" w:rsidP="00156FB3">
            <w:r>
              <w:t>}</w:t>
            </w:r>
          </w:p>
          <w:p w:rsidR="00156FB3" w:rsidRDefault="00156FB3" w:rsidP="00156FB3"/>
          <w:p w:rsidR="00156FB3" w:rsidRDefault="00156FB3" w:rsidP="00156FB3">
            <w:r>
              <w:t>.fa-lg {</w:t>
            </w:r>
          </w:p>
          <w:p w:rsidR="00156FB3" w:rsidRDefault="00156FB3" w:rsidP="00156FB3">
            <w:r>
              <w:t xml:space="preserve">    font-size: 1.33333em;</w:t>
            </w:r>
          </w:p>
          <w:p w:rsidR="00156FB3" w:rsidRDefault="00156FB3" w:rsidP="00156FB3">
            <w:r>
              <w:t xml:space="preserve">    line-height: 0.75em;</w:t>
            </w:r>
          </w:p>
          <w:p w:rsidR="00156FB3" w:rsidRDefault="00156FB3" w:rsidP="00156FB3">
            <w:r>
              <w:t xml:space="preserve">    vertical-align: -.0667em;</w:t>
            </w:r>
          </w:p>
          <w:p w:rsidR="00156FB3" w:rsidRDefault="00156FB3" w:rsidP="00156FB3">
            <w:r>
              <w:t>}</w:t>
            </w:r>
          </w:p>
          <w:p w:rsidR="00156FB3" w:rsidRDefault="00156FB3" w:rsidP="00156FB3"/>
          <w:p w:rsidR="00156FB3" w:rsidRDefault="00156FB3" w:rsidP="00156FB3">
            <w:r>
              <w:t>.fa-xs {</w:t>
            </w:r>
          </w:p>
          <w:p w:rsidR="00156FB3" w:rsidRDefault="00156FB3" w:rsidP="00156FB3">
            <w:r>
              <w:t xml:space="preserve">    font-size: .75em;</w:t>
            </w:r>
          </w:p>
          <w:p w:rsidR="00156FB3" w:rsidRDefault="00156FB3" w:rsidP="00156FB3">
            <w:r>
              <w:t>}</w:t>
            </w:r>
          </w:p>
          <w:p w:rsidR="00156FB3" w:rsidRDefault="00156FB3" w:rsidP="00156FB3"/>
          <w:p w:rsidR="00156FB3" w:rsidRDefault="00156FB3" w:rsidP="00156FB3">
            <w:r>
              <w:t>.fa-sm {</w:t>
            </w:r>
          </w:p>
          <w:p w:rsidR="00156FB3" w:rsidRDefault="00156FB3" w:rsidP="00156FB3">
            <w:r>
              <w:t xml:space="preserve">    font-size: .875em;</w:t>
            </w:r>
          </w:p>
          <w:p w:rsidR="00156FB3" w:rsidRDefault="00156FB3" w:rsidP="00156FB3">
            <w:r>
              <w:t>}</w:t>
            </w:r>
          </w:p>
          <w:p w:rsidR="00156FB3" w:rsidRDefault="00156FB3" w:rsidP="00156FB3"/>
          <w:p w:rsidR="00156FB3" w:rsidRDefault="00156FB3" w:rsidP="00156FB3">
            <w:r>
              <w:t>.fa-1x {</w:t>
            </w:r>
          </w:p>
          <w:p w:rsidR="00156FB3" w:rsidRDefault="00156FB3" w:rsidP="00156FB3">
            <w:r>
              <w:t xml:space="preserve">    font-size: 1em;</w:t>
            </w:r>
          </w:p>
          <w:p w:rsidR="00156FB3" w:rsidRDefault="00156FB3" w:rsidP="00156FB3">
            <w:r>
              <w:t>}</w:t>
            </w:r>
          </w:p>
          <w:p w:rsidR="00156FB3" w:rsidRDefault="00156FB3" w:rsidP="00156FB3"/>
          <w:p w:rsidR="00156FB3" w:rsidRDefault="00156FB3" w:rsidP="00156FB3">
            <w:r>
              <w:t>.fa-2x {</w:t>
            </w:r>
          </w:p>
          <w:p w:rsidR="00156FB3" w:rsidRDefault="00156FB3" w:rsidP="00156FB3">
            <w:r>
              <w:t xml:space="preserve">    font-size: 2em;</w:t>
            </w:r>
          </w:p>
          <w:p w:rsidR="00156FB3" w:rsidRDefault="00156FB3" w:rsidP="00156FB3">
            <w:r>
              <w:t>}</w:t>
            </w:r>
          </w:p>
          <w:p w:rsidR="00156FB3" w:rsidRDefault="00156FB3" w:rsidP="00156FB3"/>
          <w:p w:rsidR="00156FB3" w:rsidRDefault="00156FB3" w:rsidP="00156FB3">
            <w:r>
              <w:t>.fa-3x {</w:t>
            </w:r>
          </w:p>
          <w:p w:rsidR="00156FB3" w:rsidRDefault="00156FB3" w:rsidP="00156FB3">
            <w:r>
              <w:t xml:space="preserve">    font-size: 3em;</w:t>
            </w:r>
          </w:p>
          <w:p w:rsidR="00156FB3" w:rsidRDefault="00156FB3" w:rsidP="00156FB3">
            <w:r>
              <w:t>}</w:t>
            </w:r>
          </w:p>
          <w:p w:rsidR="00156FB3" w:rsidRDefault="00156FB3" w:rsidP="00156FB3"/>
          <w:p w:rsidR="00156FB3" w:rsidRDefault="00156FB3" w:rsidP="00156FB3">
            <w:r>
              <w:t>.fa-4x {</w:t>
            </w:r>
          </w:p>
          <w:p w:rsidR="00156FB3" w:rsidRDefault="00156FB3" w:rsidP="00156FB3">
            <w:r>
              <w:t xml:space="preserve">    font-size: 4em;</w:t>
            </w:r>
          </w:p>
          <w:p w:rsidR="00156FB3" w:rsidRDefault="00156FB3" w:rsidP="00156FB3">
            <w:r>
              <w:t>}</w:t>
            </w:r>
          </w:p>
          <w:p w:rsidR="00156FB3" w:rsidRDefault="00156FB3" w:rsidP="00156FB3"/>
          <w:p w:rsidR="00156FB3" w:rsidRDefault="00156FB3" w:rsidP="00156FB3">
            <w:r>
              <w:t>.fa-5x {</w:t>
            </w:r>
          </w:p>
          <w:p w:rsidR="00156FB3" w:rsidRDefault="00156FB3" w:rsidP="00156FB3">
            <w:r>
              <w:t xml:space="preserve">    font-size: 5em;</w:t>
            </w:r>
          </w:p>
          <w:p w:rsidR="00156FB3" w:rsidRDefault="00156FB3" w:rsidP="00156FB3">
            <w:r>
              <w:t>}</w:t>
            </w:r>
          </w:p>
          <w:p w:rsidR="00156FB3" w:rsidRDefault="00156FB3" w:rsidP="00156FB3"/>
          <w:p w:rsidR="00156FB3" w:rsidRDefault="00156FB3" w:rsidP="00156FB3">
            <w:r>
              <w:t>.fa-6x {</w:t>
            </w:r>
          </w:p>
          <w:p w:rsidR="00156FB3" w:rsidRDefault="00156FB3" w:rsidP="00156FB3">
            <w:r>
              <w:t xml:space="preserve">    font-size: 6em;</w:t>
            </w:r>
          </w:p>
          <w:p w:rsidR="00156FB3" w:rsidRDefault="00156FB3" w:rsidP="00156FB3">
            <w:r>
              <w:t>}</w:t>
            </w:r>
          </w:p>
          <w:p w:rsidR="00156FB3" w:rsidRDefault="00156FB3" w:rsidP="00156FB3"/>
          <w:p w:rsidR="00156FB3" w:rsidRDefault="00156FB3" w:rsidP="00156FB3">
            <w:r>
              <w:t>.fa-7x {</w:t>
            </w:r>
          </w:p>
          <w:p w:rsidR="00156FB3" w:rsidRDefault="00156FB3" w:rsidP="00156FB3">
            <w:r>
              <w:t xml:space="preserve">    font-size: 7em;</w:t>
            </w:r>
          </w:p>
          <w:p w:rsidR="00156FB3" w:rsidRDefault="00156FB3" w:rsidP="00156FB3">
            <w:r>
              <w:t>}</w:t>
            </w:r>
          </w:p>
          <w:p w:rsidR="00156FB3" w:rsidRDefault="00156FB3" w:rsidP="00156FB3"/>
          <w:p w:rsidR="00156FB3" w:rsidRDefault="00156FB3" w:rsidP="00156FB3">
            <w:r>
              <w:t>.fa-8x {</w:t>
            </w:r>
          </w:p>
          <w:p w:rsidR="00156FB3" w:rsidRDefault="00156FB3" w:rsidP="00156FB3">
            <w:r>
              <w:t xml:space="preserve">    font-size: 8em;</w:t>
            </w:r>
          </w:p>
          <w:p w:rsidR="00156FB3" w:rsidRDefault="00156FB3" w:rsidP="00156FB3">
            <w:r>
              <w:t>}</w:t>
            </w:r>
          </w:p>
          <w:p w:rsidR="00156FB3" w:rsidRDefault="00156FB3" w:rsidP="00156FB3"/>
          <w:p w:rsidR="00156FB3" w:rsidRDefault="00156FB3" w:rsidP="00156FB3">
            <w:r>
              <w:t>.fa-9x {</w:t>
            </w:r>
          </w:p>
          <w:p w:rsidR="00156FB3" w:rsidRDefault="00156FB3" w:rsidP="00156FB3">
            <w:r>
              <w:t xml:space="preserve">    font-size: 9em;</w:t>
            </w:r>
          </w:p>
          <w:p w:rsidR="00156FB3" w:rsidRDefault="00156FB3" w:rsidP="00156FB3">
            <w:r>
              <w:t>}</w:t>
            </w:r>
          </w:p>
          <w:p w:rsidR="00156FB3" w:rsidRDefault="00156FB3" w:rsidP="00156FB3"/>
          <w:p w:rsidR="00156FB3" w:rsidRDefault="00156FB3" w:rsidP="00156FB3">
            <w:r>
              <w:t>.fa-10x {</w:t>
            </w:r>
          </w:p>
          <w:p w:rsidR="00156FB3" w:rsidRDefault="00156FB3" w:rsidP="00156FB3">
            <w:r>
              <w:t xml:space="preserve">    font-size: 10em;</w:t>
            </w:r>
          </w:p>
          <w:p w:rsidR="00156FB3" w:rsidRDefault="00156FB3" w:rsidP="00156FB3">
            <w:r>
              <w:t>}</w:t>
            </w:r>
          </w:p>
          <w:p w:rsidR="00156FB3" w:rsidRDefault="00156FB3" w:rsidP="00156FB3"/>
          <w:p w:rsidR="00156FB3" w:rsidRDefault="00156FB3" w:rsidP="00156FB3">
            <w:r>
              <w:t>.fa-fw {</w:t>
            </w:r>
          </w:p>
          <w:p w:rsidR="00156FB3" w:rsidRDefault="00156FB3" w:rsidP="00156FB3">
            <w:r>
              <w:t xml:space="preserve">    text-align: center;</w:t>
            </w:r>
          </w:p>
          <w:p w:rsidR="00156FB3" w:rsidRDefault="00156FB3" w:rsidP="00156FB3">
            <w:r>
              <w:t xml:space="preserve">    width: 1.25em;</w:t>
            </w:r>
          </w:p>
          <w:p w:rsidR="00156FB3" w:rsidRDefault="00156FB3" w:rsidP="00156FB3">
            <w:r>
              <w:t>}</w:t>
            </w:r>
          </w:p>
          <w:p w:rsidR="00156FB3" w:rsidRDefault="00156FB3" w:rsidP="00156FB3"/>
          <w:p w:rsidR="00156FB3" w:rsidRDefault="00156FB3" w:rsidP="00156FB3">
            <w:r>
              <w:t>.fa-ul {</w:t>
            </w:r>
          </w:p>
          <w:p w:rsidR="00156FB3" w:rsidRDefault="00156FB3" w:rsidP="00156FB3">
            <w:r>
              <w:t xml:space="preserve">    list-style-type: none;</w:t>
            </w:r>
          </w:p>
          <w:p w:rsidR="00156FB3" w:rsidRDefault="00156FB3" w:rsidP="00156FB3">
            <w:r>
              <w:t xml:space="preserve">    margin-left: 2.5em;</w:t>
            </w:r>
          </w:p>
          <w:p w:rsidR="00156FB3" w:rsidRDefault="00156FB3" w:rsidP="00156FB3">
            <w:r>
              <w:t xml:space="preserve">    padding-left: 0;</w:t>
            </w:r>
          </w:p>
          <w:p w:rsidR="00156FB3" w:rsidRDefault="00156FB3" w:rsidP="00156FB3">
            <w:r>
              <w:t>}</w:t>
            </w:r>
          </w:p>
          <w:p w:rsidR="00156FB3" w:rsidRDefault="00156FB3" w:rsidP="00156FB3"/>
          <w:p w:rsidR="00156FB3" w:rsidRDefault="00156FB3" w:rsidP="00156FB3">
            <w:r>
              <w:lastRenderedPageBreak/>
              <w:t>.fa-ul &gt; li {</w:t>
            </w:r>
          </w:p>
          <w:p w:rsidR="00156FB3" w:rsidRDefault="00156FB3" w:rsidP="00156FB3">
            <w:r>
              <w:t xml:space="preserve">    position: relative;</w:t>
            </w:r>
          </w:p>
          <w:p w:rsidR="00156FB3" w:rsidRDefault="00156FB3" w:rsidP="00156FB3">
            <w:r>
              <w:t>}</w:t>
            </w:r>
          </w:p>
          <w:p w:rsidR="00156FB3" w:rsidRDefault="00156FB3" w:rsidP="00156FB3"/>
          <w:p w:rsidR="00156FB3" w:rsidRDefault="00156FB3" w:rsidP="00156FB3">
            <w:r>
              <w:t>.fa-li {</w:t>
            </w:r>
          </w:p>
          <w:p w:rsidR="00156FB3" w:rsidRDefault="00156FB3" w:rsidP="00156FB3">
            <w:r>
              <w:t xml:space="preserve">    left: -2em;</w:t>
            </w:r>
          </w:p>
          <w:p w:rsidR="00156FB3" w:rsidRDefault="00156FB3" w:rsidP="00156FB3">
            <w:r>
              <w:t xml:space="preserve">    position: absolute;</w:t>
            </w:r>
          </w:p>
          <w:p w:rsidR="00156FB3" w:rsidRDefault="00156FB3" w:rsidP="00156FB3">
            <w:r>
              <w:t xml:space="preserve">    text-align: center;</w:t>
            </w:r>
          </w:p>
          <w:p w:rsidR="00156FB3" w:rsidRDefault="00156FB3" w:rsidP="00156FB3">
            <w:r>
              <w:t xml:space="preserve">    width: 2em;</w:t>
            </w:r>
          </w:p>
          <w:p w:rsidR="00156FB3" w:rsidRDefault="00156FB3" w:rsidP="00156FB3">
            <w:r>
              <w:t xml:space="preserve">    line-height: inherit;</w:t>
            </w:r>
          </w:p>
          <w:p w:rsidR="00156FB3" w:rsidRDefault="00156FB3" w:rsidP="00156FB3">
            <w:r>
              <w:t>}</w:t>
            </w:r>
          </w:p>
          <w:p w:rsidR="00156FB3" w:rsidRDefault="00156FB3" w:rsidP="00156FB3"/>
          <w:p w:rsidR="00156FB3" w:rsidRDefault="00156FB3" w:rsidP="00156FB3">
            <w:r>
              <w:t>.fa-border {</w:t>
            </w:r>
          </w:p>
          <w:p w:rsidR="00156FB3" w:rsidRDefault="00156FB3" w:rsidP="00156FB3">
            <w:r>
              <w:t xml:space="preserve">    border: solid 0.08em #eee;</w:t>
            </w:r>
          </w:p>
          <w:p w:rsidR="00156FB3" w:rsidRDefault="00156FB3" w:rsidP="00156FB3">
            <w:r>
              <w:t xml:space="preserve">    border-radius: .1em;</w:t>
            </w:r>
          </w:p>
          <w:p w:rsidR="00156FB3" w:rsidRDefault="00156FB3" w:rsidP="00156FB3">
            <w:r>
              <w:t xml:space="preserve">    padding: .2em .25em .15em;</w:t>
            </w:r>
          </w:p>
          <w:p w:rsidR="00156FB3" w:rsidRDefault="00156FB3" w:rsidP="00156FB3">
            <w:r>
              <w:t>}</w:t>
            </w:r>
          </w:p>
          <w:p w:rsidR="00156FB3" w:rsidRDefault="00156FB3" w:rsidP="00156FB3"/>
          <w:p w:rsidR="00156FB3" w:rsidRDefault="00156FB3" w:rsidP="00156FB3">
            <w:r>
              <w:t>.fa-pull-left {</w:t>
            </w:r>
          </w:p>
          <w:p w:rsidR="00156FB3" w:rsidRDefault="00156FB3" w:rsidP="00156FB3">
            <w:r>
              <w:t xml:space="preserve">    float: left;</w:t>
            </w:r>
          </w:p>
          <w:p w:rsidR="00156FB3" w:rsidRDefault="00156FB3" w:rsidP="00156FB3">
            <w:r>
              <w:t>}</w:t>
            </w:r>
          </w:p>
          <w:p w:rsidR="00156FB3" w:rsidRDefault="00156FB3" w:rsidP="00156FB3"/>
          <w:p w:rsidR="00156FB3" w:rsidRDefault="00156FB3" w:rsidP="00156FB3">
            <w:r>
              <w:t>.fa-pull-right {</w:t>
            </w:r>
          </w:p>
          <w:p w:rsidR="00156FB3" w:rsidRDefault="00156FB3" w:rsidP="00156FB3">
            <w:r>
              <w:t xml:space="preserve">    float: right;</w:t>
            </w:r>
          </w:p>
          <w:p w:rsidR="00156FB3" w:rsidRDefault="00156FB3" w:rsidP="00156FB3">
            <w:r>
              <w:t>}</w:t>
            </w:r>
          </w:p>
          <w:p w:rsidR="00156FB3" w:rsidRDefault="00156FB3" w:rsidP="00156FB3"/>
          <w:p w:rsidR="00156FB3" w:rsidRDefault="00156FB3" w:rsidP="00156FB3">
            <w:r>
              <w:t>.fa.fa-pull-left,</w:t>
            </w:r>
          </w:p>
          <w:p w:rsidR="00156FB3" w:rsidRDefault="00156FB3" w:rsidP="00156FB3">
            <w:r>
              <w:t>.fas.fa-pull-left,</w:t>
            </w:r>
          </w:p>
          <w:p w:rsidR="00156FB3" w:rsidRDefault="00156FB3" w:rsidP="00156FB3">
            <w:r>
              <w:t>.far.fa-pull-left,</w:t>
            </w:r>
          </w:p>
          <w:p w:rsidR="00156FB3" w:rsidRDefault="00156FB3" w:rsidP="00156FB3">
            <w:r>
              <w:t>.fal.fa-pull-left,</w:t>
            </w:r>
          </w:p>
          <w:p w:rsidR="00156FB3" w:rsidRDefault="00156FB3" w:rsidP="00156FB3">
            <w:r>
              <w:t>.fab.fa-pull-left {</w:t>
            </w:r>
          </w:p>
          <w:p w:rsidR="00156FB3" w:rsidRDefault="00156FB3" w:rsidP="00156FB3">
            <w:r>
              <w:t xml:space="preserve">    margin-right: .3em;</w:t>
            </w:r>
          </w:p>
          <w:p w:rsidR="00156FB3" w:rsidRDefault="00156FB3" w:rsidP="00156FB3">
            <w:r>
              <w:t>}</w:t>
            </w:r>
          </w:p>
          <w:p w:rsidR="00156FB3" w:rsidRDefault="00156FB3" w:rsidP="00156FB3"/>
          <w:p w:rsidR="00156FB3" w:rsidRDefault="00156FB3" w:rsidP="00156FB3">
            <w:r>
              <w:t>.fa.fa-pull-right,</w:t>
            </w:r>
          </w:p>
          <w:p w:rsidR="00156FB3" w:rsidRDefault="00156FB3" w:rsidP="00156FB3">
            <w:r>
              <w:t>.fas.fa-pull-right,</w:t>
            </w:r>
          </w:p>
          <w:p w:rsidR="00156FB3" w:rsidRDefault="00156FB3" w:rsidP="00156FB3">
            <w:r>
              <w:t>.far.fa-pull-right,</w:t>
            </w:r>
          </w:p>
          <w:p w:rsidR="00156FB3" w:rsidRDefault="00156FB3" w:rsidP="00156FB3">
            <w:r>
              <w:t>.fal.fa-pull-right,</w:t>
            </w:r>
          </w:p>
          <w:p w:rsidR="00156FB3" w:rsidRDefault="00156FB3" w:rsidP="00156FB3">
            <w:r>
              <w:t>.fab.fa-pull-right {</w:t>
            </w:r>
          </w:p>
          <w:p w:rsidR="00156FB3" w:rsidRDefault="00156FB3" w:rsidP="00156FB3">
            <w:r>
              <w:t xml:space="preserve">    margin-left: .3em;</w:t>
            </w:r>
          </w:p>
          <w:p w:rsidR="00156FB3" w:rsidRDefault="00156FB3" w:rsidP="00156FB3">
            <w:r>
              <w:t>}</w:t>
            </w:r>
          </w:p>
          <w:p w:rsidR="00156FB3" w:rsidRDefault="00156FB3" w:rsidP="00156FB3"/>
          <w:p w:rsidR="00156FB3" w:rsidRDefault="00156FB3" w:rsidP="00156FB3">
            <w:r>
              <w:t>.fa-spin {</w:t>
            </w:r>
          </w:p>
          <w:p w:rsidR="00156FB3" w:rsidRDefault="00156FB3" w:rsidP="00156FB3">
            <w:r>
              <w:t xml:space="preserve">    -webkit-animation: fa-spin 2s infinite linear;</w:t>
            </w:r>
          </w:p>
          <w:p w:rsidR="00156FB3" w:rsidRDefault="00156FB3" w:rsidP="00156FB3">
            <w:r>
              <w:t xml:space="preserve">    animation: fa-spin 2s infinite linear;</w:t>
            </w:r>
          </w:p>
          <w:p w:rsidR="00156FB3" w:rsidRDefault="00156FB3" w:rsidP="00156FB3">
            <w:r>
              <w:t>}</w:t>
            </w:r>
          </w:p>
          <w:p w:rsidR="00156FB3" w:rsidRDefault="00156FB3" w:rsidP="00156FB3"/>
          <w:p w:rsidR="00156FB3" w:rsidRDefault="00156FB3" w:rsidP="00156FB3">
            <w:r>
              <w:t>.fa-pulse {</w:t>
            </w:r>
          </w:p>
          <w:p w:rsidR="00156FB3" w:rsidRDefault="00156FB3" w:rsidP="00156FB3">
            <w:r>
              <w:lastRenderedPageBreak/>
              <w:t xml:space="preserve">    -webkit-animation: fa-spin 1s infinite steps(8);</w:t>
            </w:r>
          </w:p>
          <w:p w:rsidR="00156FB3" w:rsidRDefault="00156FB3" w:rsidP="00156FB3">
            <w:r>
              <w:t xml:space="preserve">    animation: fa-spin 1s infinite steps(8);</w:t>
            </w:r>
          </w:p>
          <w:p w:rsidR="00156FB3" w:rsidRDefault="00156FB3" w:rsidP="00156FB3">
            <w:r>
              <w:t>}</w:t>
            </w:r>
          </w:p>
          <w:p w:rsidR="00156FB3" w:rsidRDefault="00156FB3" w:rsidP="00156FB3"/>
          <w:p w:rsidR="00156FB3" w:rsidRDefault="00156FB3" w:rsidP="00156FB3">
            <w:r>
              <w:t>@-webkit-keyframes fa-spin {</w:t>
            </w:r>
          </w:p>
          <w:p w:rsidR="00156FB3" w:rsidRDefault="00156FB3" w:rsidP="00156FB3">
            <w:r>
              <w:t xml:space="preserve">    0% {</w:t>
            </w:r>
          </w:p>
          <w:p w:rsidR="00156FB3" w:rsidRDefault="00156FB3" w:rsidP="00156FB3">
            <w:r>
              <w:t xml:space="preserve">        -webkit-transform: rotate(0deg);</w:t>
            </w:r>
          </w:p>
          <w:p w:rsidR="00156FB3" w:rsidRDefault="00156FB3" w:rsidP="00156FB3">
            <w:r>
              <w:t xml:space="preserve">        transform: rotate(0deg);</w:t>
            </w:r>
          </w:p>
          <w:p w:rsidR="00156FB3" w:rsidRDefault="00156FB3" w:rsidP="00156FB3">
            <w:r>
              <w:t xml:space="preserve">    }</w:t>
            </w:r>
          </w:p>
          <w:p w:rsidR="00156FB3" w:rsidRDefault="00156FB3" w:rsidP="00156FB3">
            <w:r>
              <w:t xml:space="preserve">    100% {</w:t>
            </w:r>
          </w:p>
          <w:p w:rsidR="00156FB3" w:rsidRDefault="00156FB3" w:rsidP="00156FB3">
            <w:r>
              <w:t xml:space="preserve">        -webkit-transform: rotate(360deg);</w:t>
            </w:r>
          </w:p>
          <w:p w:rsidR="00156FB3" w:rsidRDefault="00156FB3" w:rsidP="00156FB3">
            <w:r>
              <w:t xml:space="preserve">        transform: rotate(360deg);</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keyframes fa-spin {</w:t>
            </w:r>
          </w:p>
          <w:p w:rsidR="00156FB3" w:rsidRDefault="00156FB3" w:rsidP="00156FB3">
            <w:r>
              <w:t xml:space="preserve">    0% {</w:t>
            </w:r>
          </w:p>
          <w:p w:rsidR="00156FB3" w:rsidRDefault="00156FB3" w:rsidP="00156FB3">
            <w:r>
              <w:t xml:space="preserve">        -webkit-transform: rotate(0deg);</w:t>
            </w:r>
          </w:p>
          <w:p w:rsidR="00156FB3" w:rsidRDefault="00156FB3" w:rsidP="00156FB3">
            <w:r>
              <w:t xml:space="preserve">        transform: rotate(0deg);</w:t>
            </w:r>
          </w:p>
          <w:p w:rsidR="00156FB3" w:rsidRDefault="00156FB3" w:rsidP="00156FB3">
            <w:r>
              <w:t xml:space="preserve">    }</w:t>
            </w:r>
          </w:p>
          <w:p w:rsidR="00156FB3" w:rsidRDefault="00156FB3" w:rsidP="00156FB3">
            <w:r>
              <w:t xml:space="preserve">    100% {</w:t>
            </w:r>
          </w:p>
          <w:p w:rsidR="00156FB3" w:rsidRDefault="00156FB3" w:rsidP="00156FB3">
            <w:r>
              <w:t xml:space="preserve">        -webkit-transform: rotate(360deg);</w:t>
            </w:r>
          </w:p>
          <w:p w:rsidR="00156FB3" w:rsidRDefault="00156FB3" w:rsidP="00156FB3">
            <w:r>
              <w:t xml:space="preserve">        transform: rotate(360deg);</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fa-rotate-90 {</w:t>
            </w:r>
          </w:p>
          <w:p w:rsidR="00156FB3" w:rsidRDefault="00156FB3" w:rsidP="00156FB3">
            <w:r>
              <w:t xml:space="preserve">    -ms-filter: "progid:DXImageTransform.Microsoft.BasicImage(rotation=1)";</w:t>
            </w:r>
          </w:p>
          <w:p w:rsidR="00156FB3" w:rsidRDefault="00156FB3" w:rsidP="00156FB3">
            <w:r>
              <w:t xml:space="preserve">    -webkit-transform: rotate(90deg);</w:t>
            </w:r>
          </w:p>
          <w:p w:rsidR="00156FB3" w:rsidRDefault="00156FB3" w:rsidP="00156FB3">
            <w:r>
              <w:t xml:space="preserve">    transform: rotate(90deg);</w:t>
            </w:r>
          </w:p>
          <w:p w:rsidR="00156FB3" w:rsidRDefault="00156FB3" w:rsidP="00156FB3">
            <w:r>
              <w:t>}</w:t>
            </w:r>
          </w:p>
          <w:p w:rsidR="00156FB3" w:rsidRDefault="00156FB3" w:rsidP="00156FB3"/>
          <w:p w:rsidR="00156FB3" w:rsidRDefault="00156FB3" w:rsidP="00156FB3">
            <w:r>
              <w:t>.fa-rotate-180 {</w:t>
            </w:r>
          </w:p>
          <w:p w:rsidR="00156FB3" w:rsidRDefault="00156FB3" w:rsidP="00156FB3">
            <w:r>
              <w:t xml:space="preserve">    -ms-filter: "progid:DXImageTransform.Microsoft.BasicImage(rotation=2)";</w:t>
            </w:r>
          </w:p>
          <w:p w:rsidR="00156FB3" w:rsidRDefault="00156FB3" w:rsidP="00156FB3">
            <w:r>
              <w:t xml:space="preserve">    -webkit-transform: rotate(180deg);</w:t>
            </w:r>
          </w:p>
          <w:p w:rsidR="00156FB3" w:rsidRDefault="00156FB3" w:rsidP="00156FB3">
            <w:r>
              <w:t xml:space="preserve">    transform: rotate(180deg);</w:t>
            </w:r>
          </w:p>
          <w:p w:rsidR="00156FB3" w:rsidRDefault="00156FB3" w:rsidP="00156FB3">
            <w:r>
              <w:t>}</w:t>
            </w:r>
          </w:p>
          <w:p w:rsidR="00156FB3" w:rsidRDefault="00156FB3" w:rsidP="00156FB3"/>
          <w:p w:rsidR="00156FB3" w:rsidRDefault="00156FB3" w:rsidP="00156FB3">
            <w:r>
              <w:t>.fa-rotate-270 {</w:t>
            </w:r>
          </w:p>
          <w:p w:rsidR="00156FB3" w:rsidRDefault="00156FB3" w:rsidP="00156FB3">
            <w:r>
              <w:t xml:space="preserve">    -ms-filter: "progid:DXImageTransform.Microsoft.BasicImage(rotation=3)";</w:t>
            </w:r>
          </w:p>
          <w:p w:rsidR="00156FB3" w:rsidRDefault="00156FB3" w:rsidP="00156FB3">
            <w:r>
              <w:t xml:space="preserve">    -webkit-transform: rotate(270deg);</w:t>
            </w:r>
          </w:p>
          <w:p w:rsidR="00156FB3" w:rsidRDefault="00156FB3" w:rsidP="00156FB3">
            <w:r>
              <w:t xml:space="preserve">    transform: rotate(270deg);</w:t>
            </w:r>
          </w:p>
          <w:p w:rsidR="00156FB3" w:rsidRDefault="00156FB3" w:rsidP="00156FB3">
            <w:r>
              <w:t>}</w:t>
            </w:r>
          </w:p>
          <w:p w:rsidR="00156FB3" w:rsidRDefault="00156FB3" w:rsidP="00156FB3"/>
          <w:p w:rsidR="00156FB3" w:rsidRDefault="00156FB3" w:rsidP="00156FB3">
            <w:r>
              <w:t>.fa-flip-horizontal {</w:t>
            </w:r>
          </w:p>
          <w:p w:rsidR="00156FB3" w:rsidRDefault="00156FB3" w:rsidP="00156FB3">
            <w:r>
              <w:t xml:space="preserve">    -ms-filter: "progid:DXImageTransform.Microsoft.BasicImage(rotation=0, mirror=1)";</w:t>
            </w:r>
          </w:p>
          <w:p w:rsidR="00156FB3" w:rsidRDefault="00156FB3" w:rsidP="00156FB3">
            <w:r>
              <w:t xml:space="preserve">    -webkit-transform: scale(-1, 1);</w:t>
            </w:r>
          </w:p>
          <w:p w:rsidR="00156FB3" w:rsidRDefault="00156FB3" w:rsidP="00156FB3">
            <w:r>
              <w:t xml:space="preserve">    transform: scale(-1, 1);</w:t>
            </w:r>
          </w:p>
          <w:p w:rsidR="00156FB3" w:rsidRDefault="00156FB3" w:rsidP="00156FB3">
            <w:r>
              <w:lastRenderedPageBreak/>
              <w:t>}</w:t>
            </w:r>
          </w:p>
          <w:p w:rsidR="00156FB3" w:rsidRDefault="00156FB3" w:rsidP="00156FB3"/>
          <w:p w:rsidR="00156FB3" w:rsidRDefault="00156FB3" w:rsidP="00156FB3">
            <w:r>
              <w:t>.fa-flip-vertical {</w:t>
            </w:r>
          </w:p>
          <w:p w:rsidR="00156FB3" w:rsidRDefault="00156FB3" w:rsidP="00156FB3">
            <w:r>
              <w:t xml:space="preserve">    -ms-filter: "progid:DXImageTransform.Microsoft.BasicImage(rotation=2, mirror=1)";</w:t>
            </w:r>
          </w:p>
          <w:p w:rsidR="00156FB3" w:rsidRDefault="00156FB3" w:rsidP="00156FB3">
            <w:r>
              <w:t xml:space="preserve">    -webkit-transform: scale(1, -1);</w:t>
            </w:r>
          </w:p>
          <w:p w:rsidR="00156FB3" w:rsidRDefault="00156FB3" w:rsidP="00156FB3">
            <w:r>
              <w:t xml:space="preserve">    transform: scale(1, -1);</w:t>
            </w:r>
          </w:p>
          <w:p w:rsidR="00156FB3" w:rsidRDefault="00156FB3" w:rsidP="00156FB3">
            <w:r>
              <w:t>}</w:t>
            </w:r>
          </w:p>
          <w:p w:rsidR="00156FB3" w:rsidRDefault="00156FB3" w:rsidP="00156FB3"/>
          <w:p w:rsidR="00156FB3" w:rsidRDefault="00156FB3" w:rsidP="00156FB3">
            <w:r>
              <w:t>.fa-flip-both, .fa-flip-horizontal.fa-flip-vertical {</w:t>
            </w:r>
          </w:p>
          <w:p w:rsidR="00156FB3" w:rsidRDefault="00156FB3" w:rsidP="00156FB3">
            <w:r>
              <w:t xml:space="preserve">    -ms-filter: "progid:DXImageTransform.Microsoft.BasicImage(rotation=2, mirror=1)";</w:t>
            </w:r>
          </w:p>
          <w:p w:rsidR="00156FB3" w:rsidRDefault="00156FB3" w:rsidP="00156FB3">
            <w:r>
              <w:t xml:space="preserve">    -webkit-transform: scale(-1, -1);</w:t>
            </w:r>
          </w:p>
          <w:p w:rsidR="00156FB3" w:rsidRDefault="00156FB3" w:rsidP="00156FB3">
            <w:r>
              <w:t xml:space="preserve">    transform: scale(-1, -1);</w:t>
            </w:r>
          </w:p>
          <w:p w:rsidR="00156FB3" w:rsidRDefault="00156FB3" w:rsidP="00156FB3">
            <w:r>
              <w:t>}</w:t>
            </w:r>
          </w:p>
          <w:p w:rsidR="00156FB3" w:rsidRDefault="00156FB3" w:rsidP="00156FB3"/>
          <w:p w:rsidR="00156FB3" w:rsidRDefault="00156FB3" w:rsidP="00156FB3">
            <w:r>
              <w:t>:root .fa-rotate-90,</w:t>
            </w:r>
          </w:p>
          <w:p w:rsidR="00156FB3" w:rsidRDefault="00156FB3" w:rsidP="00156FB3">
            <w:r>
              <w:t>:root .fa-rotate-180,</w:t>
            </w:r>
          </w:p>
          <w:p w:rsidR="00156FB3" w:rsidRDefault="00156FB3" w:rsidP="00156FB3">
            <w:r>
              <w:t>:root .fa-rotate-270,</w:t>
            </w:r>
          </w:p>
          <w:p w:rsidR="00156FB3" w:rsidRDefault="00156FB3" w:rsidP="00156FB3">
            <w:r>
              <w:t>:root .fa-flip-horizontal,</w:t>
            </w:r>
          </w:p>
          <w:p w:rsidR="00156FB3" w:rsidRDefault="00156FB3" w:rsidP="00156FB3">
            <w:r>
              <w:t>:root .fa-flip-vertical,</w:t>
            </w:r>
          </w:p>
          <w:p w:rsidR="00156FB3" w:rsidRDefault="00156FB3" w:rsidP="00156FB3">
            <w:r>
              <w:t>:root .fa-flip-both {</w:t>
            </w:r>
          </w:p>
          <w:p w:rsidR="00156FB3" w:rsidRDefault="00156FB3" w:rsidP="00156FB3">
            <w:r>
              <w:t xml:space="preserve">    -webkit-filter: none;</w:t>
            </w:r>
          </w:p>
          <w:p w:rsidR="00156FB3" w:rsidRDefault="00156FB3" w:rsidP="00156FB3">
            <w:r>
              <w:t xml:space="preserve">    filter: none;</w:t>
            </w:r>
          </w:p>
          <w:p w:rsidR="00156FB3" w:rsidRDefault="00156FB3" w:rsidP="00156FB3">
            <w:r>
              <w:t>}</w:t>
            </w:r>
          </w:p>
          <w:p w:rsidR="00156FB3" w:rsidRDefault="00156FB3" w:rsidP="00156FB3"/>
          <w:p w:rsidR="00156FB3" w:rsidRDefault="00156FB3" w:rsidP="00156FB3">
            <w:r>
              <w:t>.fa-stack {</w:t>
            </w:r>
          </w:p>
          <w:p w:rsidR="00156FB3" w:rsidRDefault="00156FB3" w:rsidP="00156FB3">
            <w:r>
              <w:t xml:space="preserve">    display: inline-block;</w:t>
            </w:r>
          </w:p>
          <w:p w:rsidR="00156FB3" w:rsidRDefault="00156FB3" w:rsidP="00156FB3">
            <w:r>
              <w:t xml:space="preserve">    height: 2em;</w:t>
            </w:r>
          </w:p>
          <w:p w:rsidR="00156FB3" w:rsidRDefault="00156FB3" w:rsidP="00156FB3">
            <w:r>
              <w:t xml:space="preserve">    line-height: 2em;</w:t>
            </w:r>
          </w:p>
          <w:p w:rsidR="00156FB3" w:rsidRDefault="00156FB3" w:rsidP="00156FB3">
            <w:r>
              <w:t xml:space="preserve">    position: relative;</w:t>
            </w:r>
          </w:p>
          <w:p w:rsidR="00156FB3" w:rsidRDefault="00156FB3" w:rsidP="00156FB3">
            <w:r>
              <w:t xml:space="preserve">    vertical-align: middle;</w:t>
            </w:r>
          </w:p>
          <w:p w:rsidR="00156FB3" w:rsidRDefault="00156FB3" w:rsidP="00156FB3">
            <w:r>
              <w:t xml:space="preserve">    width: 2.5em;</w:t>
            </w:r>
          </w:p>
          <w:p w:rsidR="00156FB3" w:rsidRDefault="00156FB3" w:rsidP="00156FB3">
            <w:r>
              <w:t>}</w:t>
            </w:r>
          </w:p>
          <w:p w:rsidR="00156FB3" w:rsidRDefault="00156FB3" w:rsidP="00156FB3"/>
          <w:p w:rsidR="00156FB3" w:rsidRDefault="00156FB3" w:rsidP="00156FB3">
            <w:r>
              <w:t>.fa-stack-1x,</w:t>
            </w:r>
          </w:p>
          <w:p w:rsidR="00156FB3" w:rsidRDefault="00156FB3" w:rsidP="00156FB3">
            <w:r>
              <w:t>.fa-stack-2x {</w:t>
            </w:r>
          </w:p>
          <w:p w:rsidR="00156FB3" w:rsidRDefault="00156FB3" w:rsidP="00156FB3">
            <w:r>
              <w:t xml:space="preserve">    left: 0;</w:t>
            </w:r>
          </w:p>
          <w:p w:rsidR="00156FB3" w:rsidRDefault="00156FB3" w:rsidP="00156FB3">
            <w:r>
              <w:t xml:space="preserve">    position: absolute;</w:t>
            </w:r>
          </w:p>
          <w:p w:rsidR="00156FB3" w:rsidRDefault="00156FB3" w:rsidP="00156FB3">
            <w:r>
              <w:t xml:space="preserve">    text-align: center;</w:t>
            </w:r>
          </w:p>
          <w:p w:rsidR="00156FB3" w:rsidRDefault="00156FB3" w:rsidP="00156FB3">
            <w:r>
              <w:t xml:space="preserve">    width: 100%;</w:t>
            </w:r>
          </w:p>
          <w:p w:rsidR="00156FB3" w:rsidRDefault="00156FB3" w:rsidP="00156FB3">
            <w:r>
              <w:t>}</w:t>
            </w:r>
          </w:p>
          <w:p w:rsidR="00156FB3" w:rsidRDefault="00156FB3" w:rsidP="00156FB3"/>
          <w:p w:rsidR="00156FB3" w:rsidRDefault="00156FB3" w:rsidP="00156FB3">
            <w:r>
              <w:t>.fa-stack-1x {</w:t>
            </w:r>
          </w:p>
          <w:p w:rsidR="00156FB3" w:rsidRDefault="00156FB3" w:rsidP="00156FB3">
            <w:r>
              <w:t xml:space="preserve">    line-height: inherit;</w:t>
            </w:r>
          </w:p>
          <w:p w:rsidR="00156FB3" w:rsidRDefault="00156FB3" w:rsidP="00156FB3">
            <w:r>
              <w:t>}</w:t>
            </w:r>
          </w:p>
          <w:p w:rsidR="00156FB3" w:rsidRDefault="00156FB3" w:rsidP="00156FB3"/>
          <w:p w:rsidR="00156FB3" w:rsidRDefault="00156FB3" w:rsidP="00156FB3">
            <w:r>
              <w:t>.fa-stack-2x {</w:t>
            </w:r>
          </w:p>
          <w:p w:rsidR="00156FB3" w:rsidRDefault="00156FB3" w:rsidP="00156FB3">
            <w:r>
              <w:t xml:space="preserve">    font-size: 2em;</w:t>
            </w:r>
          </w:p>
          <w:p w:rsidR="00156FB3" w:rsidRDefault="00156FB3" w:rsidP="00156FB3">
            <w:r>
              <w:t>}</w:t>
            </w:r>
          </w:p>
          <w:p w:rsidR="00156FB3" w:rsidRDefault="00156FB3" w:rsidP="00156FB3"/>
          <w:p w:rsidR="00156FB3" w:rsidRDefault="00156FB3" w:rsidP="00156FB3">
            <w:r>
              <w:t>.fa-inverse {</w:t>
            </w:r>
          </w:p>
          <w:p w:rsidR="00156FB3" w:rsidRDefault="00156FB3" w:rsidP="00156FB3">
            <w:r>
              <w:t xml:space="preserve">    color: #fff;</w:t>
            </w:r>
          </w:p>
          <w:p w:rsidR="00156FB3" w:rsidRDefault="00156FB3" w:rsidP="00156FB3">
            <w:r>
              <w:t>}</w:t>
            </w:r>
          </w:p>
          <w:p w:rsidR="00156FB3" w:rsidRDefault="00156FB3" w:rsidP="00156FB3"/>
          <w:p w:rsidR="00156FB3" w:rsidRDefault="00156FB3" w:rsidP="00156FB3">
            <w:r>
              <w:t>/* Font Awesome uses the Unicode Private Use Area (PUA) to ensure screen</w:t>
            </w:r>
          </w:p>
          <w:p w:rsidR="00156FB3" w:rsidRDefault="00156FB3" w:rsidP="00156FB3">
            <w:r>
              <w:t>readers do not read off random characters that represent icons */</w:t>
            </w:r>
          </w:p>
          <w:p w:rsidR="00156FB3" w:rsidRDefault="00156FB3" w:rsidP="00156FB3">
            <w:r>
              <w:t>.fa-500px:before {</w:t>
            </w:r>
          </w:p>
          <w:p w:rsidR="00156FB3" w:rsidRDefault="00156FB3" w:rsidP="00156FB3">
            <w:r>
              <w:t xml:space="preserve">    content: "\f26e";</w:t>
            </w:r>
          </w:p>
          <w:p w:rsidR="00156FB3" w:rsidRDefault="00156FB3" w:rsidP="00156FB3">
            <w:r>
              <w:t>}</w:t>
            </w:r>
          </w:p>
          <w:p w:rsidR="00156FB3" w:rsidRDefault="00156FB3" w:rsidP="00156FB3"/>
          <w:p w:rsidR="00156FB3" w:rsidRDefault="00156FB3" w:rsidP="00156FB3">
            <w:r>
              <w:t>.fa-accessible-icon:before {</w:t>
            </w:r>
          </w:p>
          <w:p w:rsidR="00156FB3" w:rsidRDefault="00156FB3" w:rsidP="00156FB3">
            <w:r>
              <w:t xml:space="preserve">    content: "\f368";</w:t>
            </w:r>
          </w:p>
          <w:p w:rsidR="00156FB3" w:rsidRDefault="00156FB3" w:rsidP="00156FB3">
            <w:r>
              <w:t>}</w:t>
            </w:r>
          </w:p>
          <w:p w:rsidR="00156FB3" w:rsidRDefault="00156FB3" w:rsidP="00156FB3"/>
          <w:p w:rsidR="00156FB3" w:rsidRDefault="00156FB3" w:rsidP="00156FB3">
            <w:r>
              <w:t>.fa-accusoft:before {</w:t>
            </w:r>
          </w:p>
          <w:p w:rsidR="00156FB3" w:rsidRDefault="00156FB3" w:rsidP="00156FB3">
            <w:r>
              <w:t xml:space="preserve">    content: "\f369";</w:t>
            </w:r>
          </w:p>
          <w:p w:rsidR="00156FB3" w:rsidRDefault="00156FB3" w:rsidP="00156FB3">
            <w:r>
              <w:t>}</w:t>
            </w:r>
          </w:p>
          <w:p w:rsidR="00156FB3" w:rsidRDefault="00156FB3" w:rsidP="00156FB3"/>
          <w:p w:rsidR="00156FB3" w:rsidRDefault="00156FB3" w:rsidP="00156FB3">
            <w:r>
              <w:t>.fa-acquisitions-incorporated:before {</w:t>
            </w:r>
          </w:p>
          <w:p w:rsidR="00156FB3" w:rsidRDefault="00156FB3" w:rsidP="00156FB3">
            <w:r>
              <w:t xml:space="preserve">    content: "\f6af";</w:t>
            </w:r>
          </w:p>
          <w:p w:rsidR="00156FB3" w:rsidRDefault="00156FB3" w:rsidP="00156FB3">
            <w:r>
              <w:t>}</w:t>
            </w:r>
          </w:p>
          <w:p w:rsidR="00156FB3" w:rsidRDefault="00156FB3" w:rsidP="00156FB3"/>
          <w:p w:rsidR="00156FB3" w:rsidRDefault="00156FB3" w:rsidP="00156FB3">
            <w:r>
              <w:t>.fa-ad:before {</w:t>
            </w:r>
          </w:p>
          <w:p w:rsidR="00156FB3" w:rsidRDefault="00156FB3" w:rsidP="00156FB3">
            <w:r>
              <w:t xml:space="preserve">    content: "\f641";</w:t>
            </w:r>
          </w:p>
          <w:p w:rsidR="00156FB3" w:rsidRDefault="00156FB3" w:rsidP="00156FB3">
            <w:r>
              <w:t>}</w:t>
            </w:r>
          </w:p>
          <w:p w:rsidR="00156FB3" w:rsidRDefault="00156FB3" w:rsidP="00156FB3"/>
          <w:p w:rsidR="00156FB3" w:rsidRDefault="00156FB3" w:rsidP="00156FB3">
            <w:r>
              <w:t>.fa-address-book:before {</w:t>
            </w:r>
          </w:p>
          <w:p w:rsidR="00156FB3" w:rsidRDefault="00156FB3" w:rsidP="00156FB3">
            <w:r>
              <w:t xml:space="preserve">    content: "\f2b9";</w:t>
            </w:r>
          </w:p>
          <w:p w:rsidR="00156FB3" w:rsidRDefault="00156FB3" w:rsidP="00156FB3">
            <w:r>
              <w:t>}</w:t>
            </w:r>
          </w:p>
          <w:p w:rsidR="00156FB3" w:rsidRDefault="00156FB3" w:rsidP="00156FB3"/>
          <w:p w:rsidR="00156FB3" w:rsidRDefault="00156FB3" w:rsidP="00156FB3">
            <w:r>
              <w:t>.fa-address-card:before {</w:t>
            </w:r>
          </w:p>
          <w:p w:rsidR="00156FB3" w:rsidRDefault="00156FB3" w:rsidP="00156FB3">
            <w:r>
              <w:t xml:space="preserve">    content: "\f2bb";</w:t>
            </w:r>
          </w:p>
          <w:p w:rsidR="00156FB3" w:rsidRDefault="00156FB3" w:rsidP="00156FB3">
            <w:r>
              <w:t>}</w:t>
            </w:r>
          </w:p>
          <w:p w:rsidR="00156FB3" w:rsidRDefault="00156FB3" w:rsidP="00156FB3"/>
          <w:p w:rsidR="00156FB3" w:rsidRDefault="00156FB3" w:rsidP="00156FB3">
            <w:r>
              <w:t>.fa-adjust:before {</w:t>
            </w:r>
          </w:p>
          <w:p w:rsidR="00156FB3" w:rsidRDefault="00156FB3" w:rsidP="00156FB3">
            <w:r>
              <w:t xml:space="preserve">    content: "\f042";</w:t>
            </w:r>
          </w:p>
          <w:p w:rsidR="00156FB3" w:rsidRDefault="00156FB3" w:rsidP="00156FB3">
            <w:r>
              <w:t>}</w:t>
            </w:r>
          </w:p>
          <w:p w:rsidR="00156FB3" w:rsidRDefault="00156FB3" w:rsidP="00156FB3"/>
          <w:p w:rsidR="00156FB3" w:rsidRDefault="00156FB3" w:rsidP="00156FB3">
            <w:r>
              <w:t>.fa-adn:before {</w:t>
            </w:r>
          </w:p>
          <w:p w:rsidR="00156FB3" w:rsidRDefault="00156FB3" w:rsidP="00156FB3">
            <w:r>
              <w:t xml:space="preserve">    content: "\f170";</w:t>
            </w:r>
          </w:p>
          <w:p w:rsidR="00156FB3" w:rsidRDefault="00156FB3" w:rsidP="00156FB3">
            <w:r>
              <w:t>}</w:t>
            </w:r>
          </w:p>
          <w:p w:rsidR="00156FB3" w:rsidRDefault="00156FB3" w:rsidP="00156FB3"/>
          <w:p w:rsidR="00156FB3" w:rsidRDefault="00156FB3" w:rsidP="00156FB3">
            <w:r>
              <w:t>.fa-adobe:before {</w:t>
            </w:r>
          </w:p>
          <w:p w:rsidR="00156FB3" w:rsidRDefault="00156FB3" w:rsidP="00156FB3">
            <w:r>
              <w:t xml:space="preserve">    content: "\f778";</w:t>
            </w:r>
          </w:p>
          <w:p w:rsidR="00156FB3" w:rsidRDefault="00156FB3" w:rsidP="00156FB3">
            <w:r>
              <w:t>}</w:t>
            </w:r>
          </w:p>
          <w:p w:rsidR="00156FB3" w:rsidRDefault="00156FB3" w:rsidP="00156FB3"/>
          <w:p w:rsidR="00156FB3" w:rsidRDefault="00156FB3" w:rsidP="00156FB3">
            <w:r>
              <w:t>.fa-adversal:before {</w:t>
            </w:r>
          </w:p>
          <w:p w:rsidR="00156FB3" w:rsidRDefault="00156FB3" w:rsidP="00156FB3">
            <w:r>
              <w:lastRenderedPageBreak/>
              <w:t xml:space="preserve">    content: "\f36a";</w:t>
            </w:r>
          </w:p>
          <w:p w:rsidR="00156FB3" w:rsidRDefault="00156FB3" w:rsidP="00156FB3">
            <w:r>
              <w:t>}</w:t>
            </w:r>
          </w:p>
          <w:p w:rsidR="00156FB3" w:rsidRDefault="00156FB3" w:rsidP="00156FB3"/>
          <w:p w:rsidR="00156FB3" w:rsidRDefault="00156FB3" w:rsidP="00156FB3">
            <w:r>
              <w:t>.fa-affiliatetheme:before {</w:t>
            </w:r>
          </w:p>
          <w:p w:rsidR="00156FB3" w:rsidRDefault="00156FB3" w:rsidP="00156FB3">
            <w:r>
              <w:t xml:space="preserve">    content: "\f36b";</w:t>
            </w:r>
          </w:p>
          <w:p w:rsidR="00156FB3" w:rsidRDefault="00156FB3" w:rsidP="00156FB3">
            <w:r>
              <w:t>}</w:t>
            </w:r>
          </w:p>
          <w:p w:rsidR="00156FB3" w:rsidRDefault="00156FB3" w:rsidP="00156FB3"/>
          <w:p w:rsidR="00156FB3" w:rsidRDefault="00156FB3" w:rsidP="00156FB3">
            <w:r>
              <w:t>.fa-air-freshener:before {</w:t>
            </w:r>
          </w:p>
          <w:p w:rsidR="00156FB3" w:rsidRDefault="00156FB3" w:rsidP="00156FB3">
            <w:r>
              <w:t xml:space="preserve">    content: "\f5d0";</w:t>
            </w:r>
          </w:p>
          <w:p w:rsidR="00156FB3" w:rsidRDefault="00156FB3" w:rsidP="00156FB3">
            <w:r>
              <w:t>}</w:t>
            </w:r>
          </w:p>
          <w:p w:rsidR="00156FB3" w:rsidRDefault="00156FB3" w:rsidP="00156FB3"/>
          <w:p w:rsidR="00156FB3" w:rsidRDefault="00156FB3" w:rsidP="00156FB3">
            <w:r>
              <w:t>.fa-airbnb:before {</w:t>
            </w:r>
          </w:p>
          <w:p w:rsidR="00156FB3" w:rsidRDefault="00156FB3" w:rsidP="00156FB3">
            <w:r>
              <w:t xml:space="preserve">    content: "\f834";</w:t>
            </w:r>
          </w:p>
          <w:p w:rsidR="00156FB3" w:rsidRDefault="00156FB3" w:rsidP="00156FB3">
            <w:r>
              <w:t>}</w:t>
            </w:r>
          </w:p>
          <w:p w:rsidR="00156FB3" w:rsidRDefault="00156FB3" w:rsidP="00156FB3"/>
          <w:p w:rsidR="00156FB3" w:rsidRDefault="00156FB3" w:rsidP="00156FB3">
            <w:r>
              <w:t>.fa-algolia:before {</w:t>
            </w:r>
          </w:p>
          <w:p w:rsidR="00156FB3" w:rsidRDefault="00156FB3" w:rsidP="00156FB3">
            <w:r>
              <w:t xml:space="preserve">    content: "\f36c";</w:t>
            </w:r>
          </w:p>
          <w:p w:rsidR="00156FB3" w:rsidRDefault="00156FB3" w:rsidP="00156FB3">
            <w:r>
              <w:t>}</w:t>
            </w:r>
          </w:p>
          <w:p w:rsidR="00156FB3" w:rsidRDefault="00156FB3" w:rsidP="00156FB3"/>
          <w:p w:rsidR="00156FB3" w:rsidRDefault="00156FB3" w:rsidP="00156FB3">
            <w:r>
              <w:t>.fa-align-center:before {</w:t>
            </w:r>
          </w:p>
          <w:p w:rsidR="00156FB3" w:rsidRDefault="00156FB3" w:rsidP="00156FB3">
            <w:r>
              <w:t xml:space="preserve">    content: "\f037";</w:t>
            </w:r>
          </w:p>
          <w:p w:rsidR="00156FB3" w:rsidRDefault="00156FB3" w:rsidP="00156FB3">
            <w:r>
              <w:t>}</w:t>
            </w:r>
          </w:p>
          <w:p w:rsidR="00156FB3" w:rsidRDefault="00156FB3" w:rsidP="00156FB3"/>
          <w:p w:rsidR="00156FB3" w:rsidRDefault="00156FB3" w:rsidP="00156FB3">
            <w:r>
              <w:t>.fa-align-justify:before {</w:t>
            </w:r>
          </w:p>
          <w:p w:rsidR="00156FB3" w:rsidRDefault="00156FB3" w:rsidP="00156FB3">
            <w:r>
              <w:t xml:space="preserve">    content: "\f039";</w:t>
            </w:r>
          </w:p>
          <w:p w:rsidR="00156FB3" w:rsidRDefault="00156FB3" w:rsidP="00156FB3">
            <w:r>
              <w:t>}</w:t>
            </w:r>
          </w:p>
          <w:p w:rsidR="00156FB3" w:rsidRDefault="00156FB3" w:rsidP="00156FB3"/>
          <w:p w:rsidR="00156FB3" w:rsidRDefault="00156FB3" w:rsidP="00156FB3">
            <w:r>
              <w:t>.fa-align-left:before {</w:t>
            </w:r>
          </w:p>
          <w:p w:rsidR="00156FB3" w:rsidRDefault="00156FB3" w:rsidP="00156FB3">
            <w:r>
              <w:t xml:space="preserve">    content: "\f036";</w:t>
            </w:r>
          </w:p>
          <w:p w:rsidR="00156FB3" w:rsidRDefault="00156FB3" w:rsidP="00156FB3">
            <w:r>
              <w:t>}</w:t>
            </w:r>
          </w:p>
          <w:p w:rsidR="00156FB3" w:rsidRDefault="00156FB3" w:rsidP="00156FB3"/>
          <w:p w:rsidR="00156FB3" w:rsidRDefault="00156FB3" w:rsidP="00156FB3">
            <w:r>
              <w:t>.fa-align-right:before {</w:t>
            </w:r>
          </w:p>
          <w:p w:rsidR="00156FB3" w:rsidRDefault="00156FB3" w:rsidP="00156FB3">
            <w:r>
              <w:t xml:space="preserve">    content: "\f038";</w:t>
            </w:r>
          </w:p>
          <w:p w:rsidR="00156FB3" w:rsidRDefault="00156FB3" w:rsidP="00156FB3">
            <w:r>
              <w:t>}</w:t>
            </w:r>
          </w:p>
          <w:p w:rsidR="00156FB3" w:rsidRDefault="00156FB3" w:rsidP="00156FB3"/>
          <w:p w:rsidR="00156FB3" w:rsidRDefault="00156FB3" w:rsidP="00156FB3">
            <w:r>
              <w:t>.fa-alipay:before {</w:t>
            </w:r>
          </w:p>
          <w:p w:rsidR="00156FB3" w:rsidRDefault="00156FB3" w:rsidP="00156FB3">
            <w:r>
              <w:t xml:space="preserve">    content: "\f642";</w:t>
            </w:r>
          </w:p>
          <w:p w:rsidR="00156FB3" w:rsidRDefault="00156FB3" w:rsidP="00156FB3">
            <w:r>
              <w:t>}</w:t>
            </w:r>
          </w:p>
          <w:p w:rsidR="00156FB3" w:rsidRDefault="00156FB3" w:rsidP="00156FB3"/>
          <w:p w:rsidR="00156FB3" w:rsidRDefault="00156FB3" w:rsidP="00156FB3">
            <w:r>
              <w:t>.fa-allergies:before {</w:t>
            </w:r>
          </w:p>
          <w:p w:rsidR="00156FB3" w:rsidRDefault="00156FB3" w:rsidP="00156FB3">
            <w:r>
              <w:t xml:space="preserve">    content: "\f461";</w:t>
            </w:r>
          </w:p>
          <w:p w:rsidR="00156FB3" w:rsidRDefault="00156FB3" w:rsidP="00156FB3">
            <w:r>
              <w:t>}</w:t>
            </w:r>
          </w:p>
          <w:p w:rsidR="00156FB3" w:rsidRDefault="00156FB3" w:rsidP="00156FB3"/>
          <w:p w:rsidR="00156FB3" w:rsidRDefault="00156FB3" w:rsidP="00156FB3">
            <w:r>
              <w:t>.fa-amazon:before {</w:t>
            </w:r>
          </w:p>
          <w:p w:rsidR="00156FB3" w:rsidRDefault="00156FB3" w:rsidP="00156FB3">
            <w:r>
              <w:t xml:space="preserve">    content: "\f270";</w:t>
            </w:r>
          </w:p>
          <w:p w:rsidR="00156FB3" w:rsidRDefault="00156FB3" w:rsidP="00156FB3">
            <w:r>
              <w:t>}</w:t>
            </w:r>
          </w:p>
          <w:p w:rsidR="00156FB3" w:rsidRDefault="00156FB3" w:rsidP="00156FB3"/>
          <w:p w:rsidR="00156FB3" w:rsidRDefault="00156FB3" w:rsidP="00156FB3">
            <w:r>
              <w:t>.fa-amazon-pay:before {</w:t>
            </w:r>
          </w:p>
          <w:p w:rsidR="00156FB3" w:rsidRDefault="00156FB3" w:rsidP="00156FB3">
            <w:r>
              <w:lastRenderedPageBreak/>
              <w:t xml:space="preserve">    content: "\f42c";</w:t>
            </w:r>
          </w:p>
          <w:p w:rsidR="00156FB3" w:rsidRDefault="00156FB3" w:rsidP="00156FB3">
            <w:r>
              <w:t>}</w:t>
            </w:r>
          </w:p>
          <w:p w:rsidR="00156FB3" w:rsidRDefault="00156FB3" w:rsidP="00156FB3"/>
          <w:p w:rsidR="00156FB3" w:rsidRDefault="00156FB3" w:rsidP="00156FB3">
            <w:r>
              <w:t>.fa-ambulance:before {</w:t>
            </w:r>
          </w:p>
          <w:p w:rsidR="00156FB3" w:rsidRDefault="00156FB3" w:rsidP="00156FB3">
            <w:r>
              <w:t xml:space="preserve">    content: "\f0f9";</w:t>
            </w:r>
          </w:p>
          <w:p w:rsidR="00156FB3" w:rsidRDefault="00156FB3" w:rsidP="00156FB3">
            <w:r>
              <w:t>}</w:t>
            </w:r>
          </w:p>
          <w:p w:rsidR="00156FB3" w:rsidRDefault="00156FB3" w:rsidP="00156FB3"/>
          <w:p w:rsidR="00156FB3" w:rsidRDefault="00156FB3" w:rsidP="00156FB3">
            <w:r>
              <w:t>.fa-american-sign-language-interpreting:before {</w:t>
            </w:r>
          </w:p>
          <w:p w:rsidR="00156FB3" w:rsidRDefault="00156FB3" w:rsidP="00156FB3">
            <w:r>
              <w:t xml:space="preserve">    content: "\f2a3";</w:t>
            </w:r>
          </w:p>
          <w:p w:rsidR="00156FB3" w:rsidRDefault="00156FB3" w:rsidP="00156FB3">
            <w:r>
              <w:t>}</w:t>
            </w:r>
          </w:p>
          <w:p w:rsidR="00156FB3" w:rsidRDefault="00156FB3" w:rsidP="00156FB3"/>
          <w:p w:rsidR="00156FB3" w:rsidRDefault="00156FB3" w:rsidP="00156FB3">
            <w:r>
              <w:t>.fa-amilia:before {</w:t>
            </w:r>
          </w:p>
          <w:p w:rsidR="00156FB3" w:rsidRDefault="00156FB3" w:rsidP="00156FB3">
            <w:r>
              <w:t xml:space="preserve">    content: "\f36d";</w:t>
            </w:r>
          </w:p>
          <w:p w:rsidR="00156FB3" w:rsidRDefault="00156FB3" w:rsidP="00156FB3">
            <w:r>
              <w:t>}</w:t>
            </w:r>
          </w:p>
          <w:p w:rsidR="00156FB3" w:rsidRDefault="00156FB3" w:rsidP="00156FB3"/>
          <w:p w:rsidR="00156FB3" w:rsidRDefault="00156FB3" w:rsidP="00156FB3">
            <w:r>
              <w:t>.fa-anchor:before {</w:t>
            </w:r>
          </w:p>
          <w:p w:rsidR="00156FB3" w:rsidRDefault="00156FB3" w:rsidP="00156FB3">
            <w:r>
              <w:t xml:space="preserve">    content: "\f13d";</w:t>
            </w:r>
          </w:p>
          <w:p w:rsidR="00156FB3" w:rsidRDefault="00156FB3" w:rsidP="00156FB3">
            <w:r>
              <w:t>}</w:t>
            </w:r>
          </w:p>
          <w:p w:rsidR="00156FB3" w:rsidRDefault="00156FB3" w:rsidP="00156FB3"/>
          <w:p w:rsidR="00156FB3" w:rsidRDefault="00156FB3" w:rsidP="00156FB3">
            <w:r>
              <w:t>.fa-android:before {</w:t>
            </w:r>
          </w:p>
          <w:p w:rsidR="00156FB3" w:rsidRDefault="00156FB3" w:rsidP="00156FB3">
            <w:r>
              <w:t xml:space="preserve">    content: "\f17b";</w:t>
            </w:r>
          </w:p>
          <w:p w:rsidR="00156FB3" w:rsidRDefault="00156FB3" w:rsidP="00156FB3">
            <w:r>
              <w:t>}</w:t>
            </w:r>
          </w:p>
          <w:p w:rsidR="00156FB3" w:rsidRDefault="00156FB3" w:rsidP="00156FB3"/>
          <w:p w:rsidR="00156FB3" w:rsidRDefault="00156FB3" w:rsidP="00156FB3">
            <w:r>
              <w:t>.fa-angellist:before {</w:t>
            </w:r>
          </w:p>
          <w:p w:rsidR="00156FB3" w:rsidRDefault="00156FB3" w:rsidP="00156FB3">
            <w:r>
              <w:t xml:space="preserve">    content: "\f209";</w:t>
            </w:r>
          </w:p>
          <w:p w:rsidR="00156FB3" w:rsidRDefault="00156FB3" w:rsidP="00156FB3">
            <w:r>
              <w:t>}</w:t>
            </w:r>
          </w:p>
          <w:p w:rsidR="00156FB3" w:rsidRDefault="00156FB3" w:rsidP="00156FB3"/>
          <w:p w:rsidR="00156FB3" w:rsidRDefault="00156FB3" w:rsidP="00156FB3">
            <w:r>
              <w:t>.fa-angle-double-down:before {</w:t>
            </w:r>
          </w:p>
          <w:p w:rsidR="00156FB3" w:rsidRDefault="00156FB3" w:rsidP="00156FB3">
            <w:r>
              <w:t xml:space="preserve">    content: "\f103";</w:t>
            </w:r>
          </w:p>
          <w:p w:rsidR="00156FB3" w:rsidRDefault="00156FB3" w:rsidP="00156FB3">
            <w:r>
              <w:t>}</w:t>
            </w:r>
          </w:p>
          <w:p w:rsidR="00156FB3" w:rsidRDefault="00156FB3" w:rsidP="00156FB3"/>
          <w:p w:rsidR="00156FB3" w:rsidRDefault="00156FB3" w:rsidP="00156FB3">
            <w:r>
              <w:t>.fa-angle-double-left:before {</w:t>
            </w:r>
          </w:p>
          <w:p w:rsidR="00156FB3" w:rsidRDefault="00156FB3" w:rsidP="00156FB3">
            <w:r>
              <w:t xml:space="preserve">    content: "\f100";</w:t>
            </w:r>
          </w:p>
          <w:p w:rsidR="00156FB3" w:rsidRDefault="00156FB3" w:rsidP="00156FB3">
            <w:r>
              <w:t>}</w:t>
            </w:r>
          </w:p>
          <w:p w:rsidR="00156FB3" w:rsidRDefault="00156FB3" w:rsidP="00156FB3"/>
          <w:p w:rsidR="00156FB3" w:rsidRDefault="00156FB3" w:rsidP="00156FB3">
            <w:r>
              <w:t>.fa-angle-double-right:before {</w:t>
            </w:r>
          </w:p>
          <w:p w:rsidR="00156FB3" w:rsidRDefault="00156FB3" w:rsidP="00156FB3">
            <w:r>
              <w:t xml:space="preserve">    content: "\f101";</w:t>
            </w:r>
          </w:p>
          <w:p w:rsidR="00156FB3" w:rsidRDefault="00156FB3" w:rsidP="00156FB3">
            <w:r>
              <w:t>}</w:t>
            </w:r>
          </w:p>
          <w:p w:rsidR="00156FB3" w:rsidRDefault="00156FB3" w:rsidP="00156FB3"/>
          <w:p w:rsidR="00156FB3" w:rsidRDefault="00156FB3" w:rsidP="00156FB3">
            <w:r>
              <w:t>.fa-angle-double-up:before {</w:t>
            </w:r>
          </w:p>
          <w:p w:rsidR="00156FB3" w:rsidRDefault="00156FB3" w:rsidP="00156FB3">
            <w:r>
              <w:t xml:space="preserve">    content: "\f102";</w:t>
            </w:r>
          </w:p>
          <w:p w:rsidR="00156FB3" w:rsidRDefault="00156FB3" w:rsidP="00156FB3">
            <w:r>
              <w:t>}</w:t>
            </w:r>
          </w:p>
          <w:p w:rsidR="00156FB3" w:rsidRDefault="00156FB3" w:rsidP="00156FB3"/>
          <w:p w:rsidR="00156FB3" w:rsidRDefault="00156FB3" w:rsidP="00156FB3">
            <w:r>
              <w:t>.fa-angle-down:before {</w:t>
            </w:r>
          </w:p>
          <w:p w:rsidR="00156FB3" w:rsidRDefault="00156FB3" w:rsidP="00156FB3">
            <w:r>
              <w:t xml:space="preserve">    content: "\f107";</w:t>
            </w:r>
          </w:p>
          <w:p w:rsidR="00156FB3" w:rsidRDefault="00156FB3" w:rsidP="00156FB3">
            <w:r>
              <w:t>}</w:t>
            </w:r>
          </w:p>
          <w:p w:rsidR="00156FB3" w:rsidRDefault="00156FB3" w:rsidP="00156FB3"/>
          <w:p w:rsidR="00156FB3" w:rsidRDefault="00156FB3" w:rsidP="00156FB3">
            <w:r>
              <w:t>.fa-angle-left:before {</w:t>
            </w:r>
          </w:p>
          <w:p w:rsidR="00156FB3" w:rsidRDefault="00156FB3" w:rsidP="00156FB3">
            <w:r>
              <w:lastRenderedPageBreak/>
              <w:t xml:space="preserve">    content: "\f104";</w:t>
            </w:r>
          </w:p>
          <w:p w:rsidR="00156FB3" w:rsidRDefault="00156FB3" w:rsidP="00156FB3">
            <w:r>
              <w:t>}</w:t>
            </w:r>
          </w:p>
          <w:p w:rsidR="00156FB3" w:rsidRDefault="00156FB3" w:rsidP="00156FB3"/>
          <w:p w:rsidR="00156FB3" w:rsidRDefault="00156FB3" w:rsidP="00156FB3">
            <w:r>
              <w:t>.fa-angle-right:before {</w:t>
            </w:r>
          </w:p>
          <w:p w:rsidR="00156FB3" w:rsidRDefault="00156FB3" w:rsidP="00156FB3">
            <w:r>
              <w:t xml:space="preserve">    content: "\f105";</w:t>
            </w:r>
          </w:p>
          <w:p w:rsidR="00156FB3" w:rsidRDefault="00156FB3" w:rsidP="00156FB3">
            <w:r>
              <w:t>}</w:t>
            </w:r>
          </w:p>
          <w:p w:rsidR="00156FB3" w:rsidRDefault="00156FB3" w:rsidP="00156FB3"/>
          <w:p w:rsidR="00156FB3" w:rsidRDefault="00156FB3" w:rsidP="00156FB3">
            <w:r>
              <w:t>.fa-angle-up:before {</w:t>
            </w:r>
          </w:p>
          <w:p w:rsidR="00156FB3" w:rsidRDefault="00156FB3" w:rsidP="00156FB3">
            <w:r>
              <w:t xml:space="preserve">    content: "\f106";</w:t>
            </w:r>
          </w:p>
          <w:p w:rsidR="00156FB3" w:rsidRDefault="00156FB3" w:rsidP="00156FB3">
            <w:r>
              <w:t>}</w:t>
            </w:r>
          </w:p>
          <w:p w:rsidR="00156FB3" w:rsidRDefault="00156FB3" w:rsidP="00156FB3"/>
          <w:p w:rsidR="00156FB3" w:rsidRDefault="00156FB3" w:rsidP="00156FB3">
            <w:r>
              <w:t>.fa-angry:before {</w:t>
            </w:r>
          </w:p>
          <w:p w:rsidR="00156FB3" w:rsidRDefault="00156FB3" w:rsidP="00156FB3">
            <w:r>
              <w:t xml:space="preserve">    content: "\f556";</w:t>
            </w:r>
          </w:p>
          <w:p w:rsidR="00156FB3" w:rsidRDefault="00156FB3" w:rsidP="00156FB3">
            <w:r>
              <w:t>}</w:t>
            </w:r>
          </w:p>
          <w:p w:rsidR="00156FB3" w:rsidRDefault="00156FB3" w:rsidP="00156FB3"/>
          <w:p w:rsidR="00156FB3" w:rsidRDefault="00156FB3" w:rsidP="00156FB3">
            <w:r>
              <w:t>.fa-angrycreative:before {</w:t>
            </w:r>
          </w:p>
          <w:p w:rsidR="00156FB3" w:rsidRDefault="00156FB3" w:rsidP="00156FB3">
            <w:r>
              <w:t xml:space="preserve">    content: "\f36e";</w:t>
            </w:r>
          </w:p>
          <w:p w:rsidR="00156FB3" w:rsidRDefault="00156FB3" w:rsidP="00156FB3">
            <w:r>
              <w:t>}</w:t>
            </w:r>
          </w:p>
          <w:p w:rsidR="00156FB3" w:rsidRDefault="00156FB3" w:rsidP="00156FB3"/>
          <w:p w:rsidR="00156FB3" w:rsidRDefault="00156FB3" w:rsidP="00156FB3">
            <w:r>
              <w:t>.fa-angular:before {</w:t>
            </w:r>
          </w:p>
          <w:p w:rsidR="00156FB3" w:rsidRDefault="00156FB3" w:rsidP="00156FB3">
            <w:r>
              <w:t xml:space="preserve">    content: "\f420";</w:t>
            </w:r>
          </w:p>
          <w:p w:rsidR="00156FB3" w:rsidRDefault="00156FB3" w:rsidP="00156FB3">
            <w:r>
              <w:t>}</w:t>
            </w:r>
          </w:p>
          <w:p w:rsidR="00156FB3" w:rsidRDefault="00156FB3" w:rsidP="00156FB3"/>
          <w:p w:rsidR="00156FB3" w:rsidRDefault="00156FB3" w:rsidP="00156FB3">
            <w:r>
              <w:t>.fa-ankh:before {</w:t>
            </w:r>
          </w:p>
          <w:p w:rsidR="00156FB3" w:rsidRDefault="00156FB3" w:rsidP="00156FB3">
            <w:r>
              <w:t xml:space="preserve">    content: "\f644";</w:t>
            </w:r>
          </w:p>
          <w:p w:rsidR="00156FB3" w:rsidRDefault="00156FB3" w:rsidP="00156FB3">
            <w:r>
              <w:t>}</w:t>
            </w:r>
          </w:p>
          <w:p w:rsidR="00156FB3" w:rsidRDefault="00156FB3" w:rsidP="00156FB3"/>
          <w:p w:rsidR="00156FB3" w:rsidRDefault="00156FB3" w:rsidP="00156FB3">
            <w:r>
              <w:t>.fa-app-store:before {</w:t>
            </w:r>
          </w:p>
          <w:p w:rsidR="00156FB3" w:rsidRDefault="00156FB3" w:rsidP="00156FB3">
            <w:r>
              <w:t xml:space="preserve">    content: "\f36f";</w:t>
            </w:r>
          </w:p>
          <w:p w:rsidR="00156FB3" w:rsidRDefault="00156FB3" w:rsidP="00156FB3">
            <w:r>
              <w:t>}</w:t>
            </w:r>
          </w:p>
          <w:p w:rsidR="00156FB3" w:rsidRDefault="00156FB3" w:rsidP="00156FB3"/>
          <w:p w:rsidR="00156FB3" w:rsidRDefault="00156FB3" w:rsidP="00156FB3">
            <w:r>
              <w:t>.fa-app-store-ios:before {</w:t>
            </w:r>
          </w:p>
          <w:p w:rsidR="00156FB3" w:rsidRDefault="00156FB3" w:rsidP="00156FB3">
            <w:r>
              <w:t xml:space="preserve">    content: "\f370";</w:t>
            </w:r>
          </w:p>
          <w:p w:rsidR="00156FB3" w:rsidRDefault="00156FB3" w:rsidP="00156FB3">
            <w:r>
              <w:t>}</w:t>
            </w:r>
          </w:p>
          <w:p w:rsidR="00156FB3" w:rsidRDefault="00156FB3" w:rsidP="00156FB3"/>
          <w:p w:rsidR="00156FB3" w:rsidRDefault="00156FB3" w:rsidP="00156FB3">
            <w:r>
              <w:t>.fa-apper:before {</w:t>
            </w:r>
          </w:p>
          <w:p w:rsidR="00156FB3" w:rsidRDefault="00156FB3" w:rsidP="00156FB3">
            <w:r>
              <w:t xml:space="preserve">    content: "\f371";</w:t>
            </w:r>
          </w:p>
          <w:p w:rsidR="00156FB3" w:rsidRDefault="00156FB3" w:rsidP="00156FB3">
            <w:r>
              <w:t>}</w:t>
            </w:r>
          </w:p>
          <w:p w:rsidR="00156FB3" w:rsidRDefault="00156FB3" w:rsidP="00156FB3"/>
          <w:p w:rsidR="00156FB3" w:rsidRDefault="00156FB3" w:rsidP="00156FB3">
            <w:r>
              <w:t>.fa-apple:before {</w:t>
            </w:r>
          </w:p>
          <w:p w:rsidR="00156FB3" w:rsidRDefault="00156FB3" w:rsidP="00156FB3">
            <w:r>
              <w:t xml:space="preserve">    content: "\f179";</w:t>
            </w:r>
          </w:p>
          <w:p w:rsidR="00156FB3" w:rsidRDefault="00156FB3" w:rsidP="00156FB3">
            <w:r>
              <w:t>}</w:t>
            </w:r>
          </w:p>
          <w:p w:rsidR="00156FB3" w:rsidRDefault="00156FB3" w:rsidP="00156FB3"/>
          <w:p w:rsidR="00156FB3" w:rsidRDefault="00156FB3" w:rsidP="00156FB3">
            <w:r>
              <w:t>.fa-apple-alt:before {</w:t>
            </w:r>
          </w:p>
          <w:p w:rsidR="00156FB3" w:rsidRDefault="00156FB3" w:rsidP="00156FB3">
            <w:r>
              <w:t xml:space="preserve">    content: "\f5d1";</w:t>
            </w:r>
          </w:p>
          <w:p w:rsidR="00156FB3" w:rsidRDefault="00156FB3" w:rsidP="00156FB3">
            <w:r>
              <w:t>}</w:t>
            </w:r>
          </w:p>
          <w:p w:rsidR="00156FB3" w:rsidRDefault="00156FB3" w:rsidP="00156FB3"/>
          <w:p w:rsidR="00156FB3" w:rsidRDefault="00156FB3" w:rsidP="00156FB3">
            <w:r>
              <w:t>.fa-apple-pay:before {</w:t>
            </w:r>
          </w:p>
          <w:p w:rsidR="00156FB3" w:rsidRDefault="00156FB3" w:rsidP="00156FB3">
            <w:r>
              <w:lastRenderedPageBreak/>
              <w:t xml:space="preserve">    content: "\f415";</w:t>
            </w:r>
          </w:p>
          <w:p w:rsidR="00156FB3" w:rsidRDefault="00156FB3" w:rsidP="00156FB3">
            <w:r>
              <w:t>}</w:t>
            </w:r>
          </w:p>
          <w:p w:rsidR="00156FB3" w:rsidRDefault="00156FB3" w:rsidP="00156FB3"/>
          <w:p w:rsidR="00156FB3" w:rsidRDefault="00156FB3" w:rsidP="00156FB3">
            <w:r>
              <w:t>.fa-archive:before {</w:t>
            </w:r>
          </w:p>
          <w:p w:rsidR="00156FB3" w:rsidRDefault="00156FB3" w:rsidP="00156FB3">
            <w:r>
              <w:t xml:space="preserve">    content: "\f187";</w:t>
            </w:r>
          </w:p>
          <w:p w:rsidR="00156FB3" w:rsidRDefault="00156FB3" w:rsidP="00156FB3">
            <w:r>
              <w:t>}</w:t>
            </w:r>
          </w:p>
          <w:p w:rsidR="00156FB3" w:rsidRDefault="00156FB3" w:rsidP="00156FB3"/>
          <w:p w:rsidR="00156FB3" w:rsidRDefault="00156FB3" w:rsidP="00156FB3">
            <w:r>
              <w:t>.fa-archway:before {</w:t>
            </w:r>
          </w:p>
          <w:p w:rsidR="00156FB3" w:rsidRDefault="00156FB3" w:rsidP="00156FB3">
            <w:r>
              <w:t xml:space="preserve">    content: "\f557";</w:t>
            </w:r>
          </w:p>
          <w:p w:rsidR="00156FB3" w:rsidRDefault="00156FB3" w:rsidP="00156FB3">
            <w:r>
              <w:t>}</w:t>
            </w:r>
          </w:p>
          <w:p w:rsidR="00156FB3" w:rsidRDefault="00156FB3" w:rsidP="00156FB3"/>
          <w:p w:rsidR="00156FB3" w:rsidRDefault="00156FB3" w:rsidP="00156FB3">
            <w:r>
              <w:t>.fa-arrow-alt-circle-down:before {</w:t>
            </w:r>
          </w:p>
          <w:p w:rsidR="00156FB3" w:rsidRDefault="00156FB3" w:rsidP="00156FB3">
            <w:r>
              <w:t xml:space="preserve">    content: "\f358";</w:t>
            </w:r>
          </w:p>
          <w:p w:rsidR="00156FB3" w:rsidRDefault="00156FB3" w:rsidP="00156FB3">
            <w:r>
              <w:t>}</w:t>
            </w:r>
          </w:p>
          <w:p w:rsidR="00156FB3" w:rsidRDefault="00156FB3" w:rsidP="00156FB3"/>
          <w:p w:rsidR="00156FB3" w:rsidRDefault="00156FB3" w:rsidP="00156FB3">
            <w:r>
              <w:t>.fa-arrow-alt-circle-left:before {</w:t>
            </w:r>
          </w:p>
          <w:p w:rsidR="00156FB3" w:rsidRDefault="00156FB3" w:rsidP="00156FB3">
            <w:r>
              <w:t xml:space="preserve">    content: "\f359";</w:t>
            </w:r>
          </w:p>
          <w:p w:rsidR="00156FB3" w:rsidRDefault="00156FB3" w:rsidP="00156FB3">
            <w:r>
              <w:t>}</w:t>
            </w:r>
          </w:p>
          <w:p w:rsidR="00156FB3" w:rsidRDefault="00156FB3" w:rsidP="00156FB3"/>
          <w:p w:rsidR="00156FB3" w:rsidRDefault="00156FB3" w:rsidP="00156FB3">
            <w:r>
              <w:t>.fa-arrow-alt-circle-right:before {</w:t>
            </w:r>
          </w:p>
          <w:p w:rsidR="00156FB3" w:rsidRDefault="00156FB3" w:rsidP="00156FB3">
            <w:r>
              <w:t xml:space="preserve">    content: "\f35a";</w:t>
            </w:r>
          </w:p>
          <w:p w:rsidR="00156FB3" w:rsidRDefault="00156FB3" w:rsidP="00156FB3">
            <w:r>
              <w:t>}</w:t>
            </w:r>
          </w:p>
          <w:p w:rsidR="00156FB3" w:rsidRDefault="00156FB3" w:rsidP="00156FB3"/>
          <w:p w:rsidR="00156FB3" w:rsidRDefault="00156FB3" w:rsidP="00156FB3">
            <w:r>
              <w:t>.fa-arrow-alt-circle-up:before {</w:t>
            </w:r>
          </w:p>
          <w:p w:rsidR="00156FB3" w:rsidRDefault="00156FB3" w:rsidP="00156FB3">
            <w:r>
              <w:t xml:space="preserve">    content: "\f35b";</w:t>
            </w:r>
          </w:p>
          <w:p w:rsidR="00156FB3" w:rsidRDefault="00156FB3" w:rsidP="00156FB3">
            <w:r>
              <w:t>}</w:t>
            </w:r>
          </w:p>
          <w:p w:rsidR="00156FB3" w:rsidRDefault="00156FB3" w:rsidP="00156FB3"/>
          <w:p w:rsidR="00156FB3" w:rsidRDefault="00156FB3" w:rsidP="00156FB3">
            <w:r>
              <w:t>.fa-arrow-circle-down:before {</w:t>
            </w:r>
          </w:p>
          <w:p w:rsidR="00156FB3" w:rsidRDefault="00156FB3" w:rsidP="00156FB3">
            <w:r>
              <w:t xml:space="preserve">    content: "\f0ab";</w:t>
            </w:r>
          </w:p>
          <w:p w:rsidR="00156FB3" w:rsidRDefault="00156FB3" w:rsidP="00156FB3">
            <w:r>
              <w:t>}</w:t>
            </w:r>
          </w:p>
          <w:p w:rsidR="00156FB3" w:rsidRDefault="00156FB3" w:rsidP="00156FB3"/>
          <w:p w:rsidR="00156FB3" w:rsidRDefault="00156FB3" w:rsidP="00156FB3">
            <w:r>
              <w:t>.fa-arrow-circle-left:before {</w:t>
            </w:r>
          </w:p>
          <w:p w:rsidR="00156FB3" w:rsidRDefault="00156FB3" w:rsidP="00156FB3">
            <w:r>
              <w:t xml:space="preserve">    content: "\f0a8";</w:t>
            </w:r>
          </w:p>
          <w:p w:rsidR="00156FB3" w:rsidRDefault="00156FB3" w:rsidP="00156FB3">
            <w:r>
              <w:t>}</w:t>
            </w:r>
          </w:p>
          <w:p w:rsidR="00156FB3" w:rsidRDefault="00156FB3" w:rsidP="00156FB3"/>
          <w:p w:rsidR="00156FB3" w:rsidRDefault="00156FB3" w:rsidP="00156FB3">
            <w:r>
              <w:t>.fa-arrow-circle-right:before {</w:t>
            </w:r>
          </w:p>
          <w:p w:rsidR="00156FB3" w:rsidRDefault="00156FB3" w:rsidP="00156FB3">
            <w:r>
              <w:t xml:space="preserve">    content: "\f0a9";</w:t>
            </w:r>
          </w:p>
          <w:p w:rsidR="00156FB3" w:rsidRDefault="00156FB3" w:rsidP="00156FB3">
            <w:r>
              <w:t>}</w:t>
            </w:r>
          </w:p>
          <w:p w:rsidR="00156FB3" w:rsidRDefault="00156FB3" w:rsidP="00156FB3"/>
          <w:p w:rsidR="00156FB3" w:rsidRDefault="00156FB3" w:rsidP="00156FB3">
            <w:r>
              <w:t>.fa-arrow-circle-up:before {</w:t>
            </w:r>
          </w:p>
          <w:p w:rsidR="00156FB3" w:rsidRDefault="00156FB3" w:rsidP="00156FB3">
            <w:r>
              <w:t xml:space="preserve">    content: "\f0aa";</w:t>
            </w:r>
          </w:p>
          <w:p w:rsidR="00156FB3" w:rsidRDefault="00156FB3" w:rsidP="00156FB3">
            <w:r>
              <w:t>}</w:t>
            </w:r>
          </w:p>
          <w:p w:rsidR="00156FB3" w:rsidRDefault="00156FB3" w:rsidP="00156FB3"/>
          <w:p w:rsidR="00156FB3" w:rsidRDefault="00156FB3" w:rsidP="00156FB3">
            <w:r>
              <w:t>.fa-arrow-down:before {</w:t>
            </w:r>
          </w:p>
          <w:p w:rsidR="00156FB3" w:rsidRDefault="00156FB3" w:rsidP="00156FB3">
            <w:r>
              <w:t xml:space="preserve">    content: "\f063";</w:t>
            </w:r>
          </w:p>
          <w:p w:rsidR="00156FB3" w:rsidRDefault="00156FB3" w:rsidP="00156FB3">
            <w:r>
              <w:t>}</w:t>
            </w:r>
          </w:p>
          <w:p w:rsidR="00156FB3" w:rsidRDefault="00156FB3" w:rsidP="00156FB3"/>
          <w:p w:rsidR="00156FB3" w:rsidRDefault="00156FB3" w:rsidP="00156FB3">
            <w:r>
              <w:t>.fa-arrow-left:before {</w:t>
            </w:r>
          </w:p>
          <w:p w:rsidR="00156FB3" w:rsidRDefault="00156FB3" w:rsidP="00156FB3">
            <w:r>
              <w:lastRenderedPageBreak/>
              <w:t xml:space="preserve">    content: "\f060";</w:t>
            </w:r>
          </w:p>
          <w:p w:rsidR="00156FB3" w:rsidRDefault="00156FB3" w:rsidP="00156FB3">
            <w:r>
              <w:t>}</w:t>
            </w:r>
          </w:p>
          <w:p w:rsidR="00156FB3" w:rsidRDefault="00156FB3" w:rsidP="00156FB3"/>
          <w:p w:rsidR="00156FB3" w:rsidRDefault="00156FB3" w:rsidP="00156FB3">
            <w:r>
              <w:t>.fa-arrow-right:before {</w:t>
            </w:r>
          </w:p>
          <w:p w:rsidR="00156FB3" w:rsidRDefault="00156FB3" w:rsidP="00156FB3">
            <w:r>
              <w:t xml:space="preserve">    content: "\f061";</w:t>
            </w:r>
          </w:p>
          <w:p w:rsidR="00156FB3" w:rsidRDefault="00156FB3" w:rsidP="00156FB3">
            <w:r>
              <w:t>}</w:t>
            </w:r>
          </w:p>
          <w:p w:rsidR="00156FB3" w:rsidRDefault="00156FB3" w:rsidP="00156FB3"/>
          <w:p w:rsidR="00156FB3" w:rsidRDefault="00156FB3" w:rsidP="00156FB3">
            <w:r>
              <w:t>.fa-arrow-up:before {</w:t>
            </w:r>
          </w:p>
          <w:p w:rsidR="00156FB3" w:rsidRDefault="00156FB3" w:rsidP="00156FB3">
            <w:r>
              <w:t xml:space="preserve">    content: "\f062";</w:t>
            </w:r>
          </w:p>
          <w:p w:rsidR="00156FB3" w:rsidRDefault="00156FB3" w:rsidP="00156FB3">
            <w:r>
              <w:t>}</w:t>
            </w:r>
          </w:p>
          <w:p w:rsidR="00156FB3" w:rsidRDefault="00156FB3" w:rsidP="00156FB3"/>
          <w:p w:rsidR="00156FB3" w:rsidRDefault="00156FB3" w:rsidP="00156FB3">
            <w:r>
              <w:t>.fa-arrows-alt:before {</w:t>
            </w:r>
          </w:p>
          <w:p w:rsidR="00156FB3" w:rsidRDefault="00156FB3" w:rsidP="00156FB3">
            <w:r>
              <w:t xml:space="preserve">    content: "\f0b2";</w:t>
            </w:r>
          </w:p>
          <w:p w:rsidR="00156FB3" w:rsidRDefault="00156FB3" w:rsidP="00156FB3">
            <w:r>
              <w:t>}</w:t>
            </w:r>
          </w:p>
          <w:p w:rsidR="00156FB3" w:rsidRDefault="00156FB3" w:rsidP="00156FB3"/>
          <w:p w:rsidR="00156FB3" w:rsidRDefault="00156FB3" w:rsidP="00156FB3">
            <w:r>
              <w:t>.fa-arrows-alt-h:before {</w:t>
            </w:r>
          </w:p>
          <w:p w:rsidR="00156FB3" w:rsidRDefault="00156FB3" w:rsidP="00156FB3">
            <w:r>
              <w:t xml:space="preserve">    content: "\f337";</w:t>
            </w:r>
          </w:p>
          <w:p w:rsidR="00156FB3" w:rsidRDefault="00156FB3" w:rsidP="00156FB3">
            <w:r>
              <w:t>}</w:t>
            </w:r>
          </w:p>
          <w:p w:rsidR="00156FB3" w:rsidRDefault="00156FB3" w:rsidP="00156FB3"/>
          <w:p w:rsidR="00156FB3" w:rsidRDefault="00156FB3" w:rsidP="00156FB3">
            <w:r>
              <w:t>.fa-arrows-alt-v:before {</w:t>
            </w:r>
          </w:p>
          <w:p w:rsidR="00156FB3" w:rsidRDefault="00156FB3" w:rsidP="00156FB3">
            <w:r>
              <w:t xml:space="preserve">    content: "\f338";</w:t>
            </w:r>
          </w:p>
          <w:p w:rsidR="00156FB3" w:rsidRDefault="00156FB3" w:rsidP="00156FB3">
            <w:r>
              <w:t>}</w:t>
            </w:r>
          </w:p>
          <w:p w:rsidR="00156FB3" w:rsidRDefault="00156FB3" w:rsidP="00156FB3"/>
          <w:p w:rsidR="00156FB3" w:rsidRDefault="00156FB3" w:rsidP="00156FB3">
            <w:r>
              <w:t>.fa-artstation:before {</w:t>
            </w:r>
          </w:p>
          <w:p w:rsidR="00156FB3" w:rsidRDefault="00156FB3" w:rsidP="00156FB3">
            <w:r>
              <w:t xml:space="preserve">    content: "\f77a";</w:t>
            </w:r>
          </w:p>
          <w:p w:rsidR="00156FB3" w:rsidRDefault="00156FB3" w:rsidP="00156FB3">
            <w:r>
              <w:t>}</w:t>
            </w:r>
          </w:p>
          <w:p w:rsidR="00156FB3" w:rsidRDefault="00156FB3" w:rsidP="00156FB3"/>
          <w:p w:rsidR="00156FB3" w:rsidRDefault="00156FB3" w:rsidP="00156FB3">
            <w:r>
              <w:t>.fa-assistive-listening-systems:before {</w:t>
            </w:r>
          </w:p>
          <w:p w:rsidR="00156FB3" w:rsidRDefault="00156FB3" w:rsidP="00156FB3">
            <w:r>
              <w:t xml:space="preserve">    content: "\f2a2";</w:t>
            </w:r>
          </w:p>
          <w:p w:rsidR="00156FB3" w:rsidRDefault="00156FB3" w:rsidP="00156FB3">
            <w:r>
              <w:t>}</w:t>
            </w:r>
          </w:p>
          <w:p w:rsidR="00156FB3" w:rsidRDefault="00156FB3" w:rsidP="00156FB3"/>
          <w:p w:rsidR="00156FB3" w:rsidRDefault="00156FB3" w:rsidP="00156FB3">
            <w:r>
              <w:t>.fa-asterisk:before {</w:t>
            </w:r>
          </w:p>
          <w:p w:rsidR="00156FB3" w:rsidRDefault="00156FB3" w:rsidP="00156FB3">
            <w:r>
              <w:t xml:space="preserve">    content: "\f069";</w:t>
            </w:r>
          </w:p>
          <w:p w:rsidR="00156FB3" w:rsidRDefault="00156FB3" w:rsidP="00156FB3">
            <w:r>
              <w:t>}</w:t>
            </w:r>
          </w:p>
          <w:p w:rsidR="00156FB3" w:rsidRDefault="00156FB3" w:rsidP="00156FB3"/>
          <w:p w:rsidR="00156FB3" w:rsidRDefault="00156FB3" w:rsidP="00156FB3">
            <w:r>
              <w:t>.fa-asymmetrik:before {</w:t>
            </w:r>
          </w:p>
          <w:p w:rsidR="00156FB3" w:rsidRDefault="00156FB3" w:rsidP="00156FB3">
            <w:r>
              <w:t xml:space="preserve">    content: "\f372";</w:t>
            </w:r>
          </w:p>
          <w:p w:rsidR="00156FB3" w:rsidRDefault="00156FB3" w:rsidP="00156FB3">
            <w:r>
              <w:t>}</w:t>
            </w:r>
          </w:p>
          <w:p w:rsidR="00156FB3" w:rsidRDefault="00156FB3" w:rsidP="00156FB3"/>
          <w:p w:rsidR="00156FB3" w:rsidRDefault="00156FB3" w:rsidP="00156FB3">
            <w:r>
              <w:t>.fa-at:before {</w:t>
            </w:r>
          </w:p>
          <w:p w:rsidR="00156FB3" w:rsidRDefault="00156FB3" w:rsidP="00156FB3">
            <w:r>
              <w:t xml:space="preserve">    content: "\f1fa";</w:t>
            </w:r>
          </w:p>
          <w:p w:rsidR="00156FB3" w:rsidRDefault="00156FB3" w:rsidP="00156FB3">
            <w:r>
              <w:t>}</w:t>
            </w:r>
          </w:p>
          <w:p w:rsidR="00156FB3" w:rsidRDefault="00156FB3" w:rsidP="00156FB3"/>
          <w:p w:rsidR="00156FB3" w:rsidRDefault="00156FB3" w:rsidP="00156FB3">
            <w:r>
              <w:t>.fa-atlas:before {</w:t>
            </w:r>
          </w:p>
          <w:p w:rsidR="00156FB3" w:rsidRDefault="00156FB3" w:rsidP="00156FB3">
            <w:r>
              <w:t xml:space="preserve">    content: "\f558";</w:t>
            </w:r>
          </w:p>
          <w:p w:rsidR="00156FB3" w:rsidRDefault="00156FB3" w:rsidP="00156FB3">
            <w:r>
              <w:t>}</w:t>
            </w:r>
          </w:p>
          <w:p w:rsidR="00156FB3" w:rsidRDefault="00156FB3" w:rsidP="00156FB3"/>
          <w:p w:rsidR="00156FB3" w:rsidRDefault="00156FB3" w:rsidP="00156FB3">
            <w:r>
              <w:t>.fa-atlassian:before {</w:t>
            </w:r>
          </w:p>
          <w:p w:rsidR="00156FB3" w:rsidRDefault="00156FB3" w:rsidP="00156FB3">
            <w:r>
              <w:lastRenderedPageBreak/>
              <w:t xml:space="preserve">    content: "\f77b";</w:t>
            </w:r>
          </w:p>
          <w:p w:rsidR="00156FB3" w:rsidRDefault="00156FB3" w:rsidP="00156FB3">
            <w:r>
              <w:t>}</w:t>
            </w:r>
          </w:p>
          <w:p w:rsidR="00156FB3" w:rsidRDefault="00156FB3" w:rsidP="00156FB3"/>
          <w:p w:rsidR="00156FB3" w:rsidRDefault="00156FB3" w:rsidP="00156FB3">
            <w:r>
              <w:t>.fa-atom:before {</w:t>
            </w:r>
          </w:p>
          <w:p w:rsidR="00156FB3" w:rsidRDefault="00156FB3" w:rsidP="00156FB3">
            <w:r>
              <w:t xml:space="preserve">    content: "\f5d2";</w:t>
            </w:r>
          </w:p>
          <w:p w:rsidR="00156FB3" w:rsidRDefault="00156FB3" w:rsidP="00156FB3">
            <w:r>
              <w:t>}</w:t>
            </w:r>
          </w:p>
          <w:p w:rsidR="00156FB3" w:rsidRDefault="00156FB3" w:rsidP="00156FB3"/>
          <w:p w:rsidR="00156FB3" w:rsidRDefault="00156FB3" w:rsidP="00156FB3">
            <w:r>
              <w:t>.fa-audible:before {</w:t>
            </w:r>
          </w:p>
          <w:p w:rsidR="00156FB3" w:rsidRDefault="00156FB3" w:rsidP="00156FB3">
            <w:r>
              <w:t xml:space="preserve">    content: "\f373";</w:t>
            </w:r>
          </w:p>
          <w:p w:rsidR="00156FB3" w:rsidRDefault="00156FB3" w:rsidP="00156FB3">
            <w:r>
              <w:t>}</w:t>
            </w:r>
          </w:p>
          <w:p w:rsidR="00156FB3" w:rsidRDefault="00156FB3" w:rsidP="00156FB3"/>
          <w:p w:rsidR="00156FB3" w:rsidRDefault="00156FB3" w:rsidP="00156FB3">
            <w:r>
              <w:t>.fa-audio-description:before {</w:t>
            </w:r>
          </w:p>
          <w:p w:rsidR="00156FB3" w:rsidRDefault="00156FB3" w:rsidP="00156FB3">
            <w:r>
              <w:t xml:space="preserve">    content: "\f29e";</w:t>
            </w:r>
          </w:p>
          <w:p w:rsidR="00156FB3" w:rsidRDefault="00156FB3" w:rsidP="00156FB3">
            <w:r>
              <w:t>}</w:t>
            </w:r>
          </w:p>
          <w:p w:rsidR="00156FB3" w:rsidRDefault="00156FB3" w:rsidP="00156FB3"/>
          <w:p w:rsidR="00156FB3" w:rsidRDefault="00156FB3" w:rsidP="00156FB3">
            <w:r>
              <w:t>.fa-autoprefixer:before {</w:t>
            </w:r>
          </w:p>
          <w:p w:rsidR="00156FB3" w:rsidRDefault="00156FB3" w:rsidP="00156FB3">
            <w:r>
              <w:t xml:space="preserve">    content: "\f41c";</w:t>
            </w:r>
          </w:p>
          <w:p w:rsidR="00156FB3" w:rsidRDefault="00156FB3" w:rsidP="00156FB3">
            <w:r>
              <w:t>}</w:t>
            </w:r>
          </w:p>
          <w:p w:rsidR="00156FB3" w:rsidRDefault="00156FB3" w:rsidP="00156FB3"/>
          <w:p w:rsidR="00156FB3" w:rsidRDefault="00156FB3" w:rsidP="00156FB3">
            <w:r>
              <w:t>.fa-avianex:before {</w:t>
            </w:r>
          </w:p>
          <w:p w:rsidR="00156FB3" w:rsidRDefault="00156FB3" w:rsidP="00156FB3">
            <w:r>
              <w:t xml:space="preserve">    content: "\f374";</w:t>
            </w:r>
          </w:p>
          <w:p w:rsidR="00156FB3" w:rsidRDefault="00156FB3" w:rsidP="00156FB3">
            <w:r>
              <w:t>}</w:t>
            </w:r>
          </w:p>
          <w:p w:rsidR="00156FB3" w:rsidRDefault="00156FB3" w:rsidP="00156FB3"/>
          <w:p w:rsidR="00156FB3" w:rsidRDefault="00156FB3" w:rsidP="00156FB3">
            <w:r>
              <w:t>.fa-aviato:before {</w:t>
            </w:r>
          </w:p>
          <w:p w:rsidR="00156FB3" w:rsidRDefault="00156FB3" w:rsidP="00156FB3">
            <w:r>
              <w:t xml:space="preserve">    content: "\f421";</w:t>
            </w:r>
          </w:p>
          <w:p w:rsidR="00156FB3" w:rsidRDefault="00156FB3" w:rsidP="00156FB3">
            <w:r>
              <w:t>}</w:t>
            </w:r>
          </w:p>
          <w:p w:rsidR="00156FB3" w:rsidRDefault="00156FB3" w:rsidP="00156FB3"/>
          <w:p w:rsidR="00156FB3" w:rsidRDefault="00156FB3" w:rsidP="00156FB3">
            <w:r>
              <w:t>.fa-award:before {</w:t>
            </w:r>
          </w:p>
          <w:p w:rsidR="00156FB3" w:rsidRDefault="00156FB3" w:rsidP="00156FB3">
            <w:r>
              <w:t xml:space="preserve">    content: "\f559";</w:t>
            </w:r>
          </w:p>
          <w:p w:rsidR="00156FB3" w:rsidRDefault="00156FB3" w:rsidP="00156FB3">
            <w:r>
              <w:t>}</w:t>
            </w:r>
          </w:p>
          <w:p w:rsidR="00156FB3" w:rsidRDefault="00156FB3" w:rsidP="00156FB3"/>
          <w:p w:rsidR="00156FB3" w:rsidRDefault="00156FB3" w:rsidP="00156FB3">
            <w:r>
              <w:t>.fa-aws:before {</w:t>
            </w:r>
          </w:p>
          <w:p w:rsidR="00156FB3" w:rsidRDefault="00156FB3" w:rsidP="00156FB3">
            <w:r>
              <w:t xml:space="preserve">    content: "\f375";</w:t>
            </w:r>
          </w:p>
          <w:p w:rsidR="00156FB3" w:rsidRDefault="00156FB3" w:rsidP="00156FB3">
            <w:r>
              <w:t>}</w:t>
            </w:r>
          </w:p>
          <w:p w:rsidR="00156FB3" w:rsidRDefault="00156FB3" w:rsidP="00156FB3"/>
          <w:p w:rsidR="00156FB3" w:rsidRDefault="00156FB3" w:rsidP="00156FB3">
            <w:r>
              <w:t>.fa-baby:before {</w:t>
            </w:r>
          </w:p>
          <w:p w:rsidR="00156FB3" w:rsidRDefault="00156FB3" w:rsidP="00156FB3">
            <w:r>
              <w:t xml:space="preserve">    content: "\f77c";</w:t>
            </w:r>
          </w:p>
          <w:p w:rsidR="00156FB3" w:rsidRDefault="00156FB3" w:rsidP="00156FB3">
            <w:r>
              <w:t>}</w:t>
            </w:r>
          </w:p>
          <w:p w:rsidR="00156FB3" w:rsidRDefault="00156FB3" w:rsidP="00156FB3"/>
          <w:p w:rsidR="00156FB3" w:rsidRDefault="00156FB3" w:rsidP="00156FB3">
            <w:r>
              <w:t>.fa-baby-carriage:before {</w:t>
            </w:r>
          </w:p>
          <w:p w:rsidR="00156FB3" w:rsidRDefault="00156FB3" w:rsidP="00156FB3">
            <w:r>
              <w:t xml:space="preserve">    content: "\f77d";</w:t>
            </w:r>
          </w:p>
          <w:p w:rsidR="00156FB3" w:rsidRDefault="00156FB3" w:rsidP="00156FB3">
            <w:r>
              <w:t>}</w:t>
            </w:r>
          </w:p>
          <w:p w:rsidR="00156FB3" w:rsidRDefault="00156FB3" w:rsidP="00156FB3"/>
          <w:p w:rsidR="00156FB3" w:rsidRDefault="00156FB3" w:rsidP="00156FB3">
            <w:r>
              <w:t>.fa-backspace:before {</w:t>
            </w:r>
          </w:p>
          <w:p w:rsidR="00156FB3" w:rsidRDefault="00156FB3" w:rsidP="00156FB3">
            <w:r>
              <w:t xml:space="preserve">    content: "\f55a";</w:t>
            </w:r>
          </w:p>
          <w:p w:rsidR="00156FB3" w:rsidRDefault="00156FB3" w:rsidP="00156FB3">
            <w:r>
              <w:t>}</w:t>
            </w:r>
          </w:p>
          <w:p w:rsidR="00156FB3" w:rsidRDefault="00156FB3" w:rsidP="00156FB3"/>
          <w:p w:rsidR="00156FB3" w:rsidRDefault="00156FB3" w:rsidP="00156FB3">
            <w:r>
              <w:t>.fa-backward:before {</w:t>
            </w:r>
          </w:p>
          <w:p w:rsidR="00156FB3" w:rsidRDefault="00156FB3" w:rsidP="00156FB3">
            <w:r>
              <w:lastRenderedPageBreak/>
              <w:t xml:space="preserve">    content: "\f04a";</w:t>
            </w:r>
          </w:p>
          <w:p w:rsidR="00156FB3" w:rsidRDefault="00156FB3" w:rsidP="00156FB3">
            <w:r>
              <w:t>}</w:t>
            </w:r>
          </w:p>
          <w:p w:rsidR="00156FB3" w:rsidRDefault="00156FB3" w:rsidP="00156FB3"/>
          <w:p w:rsidR="00156FB3" w:rsidRDefault="00156FB3" w:rsidP="00156FB3">
            <w:r>
              <w:t>.fa-bacon:before {</w:t>
            </w:r>
          </w:p>
          <w:p w:rsidR="00156FB3" w:rsidRDefault="00156FB3" w:rsidP="00156FB3">
            <w:r>
              <w:t xml:space="preserve">    content: "\f7e5";</w:t>
            </w:r>
          </w:p>
          <w:p w:rsidR="00156FB3" w:rsidRDefault="00156FB3" w:rsidP="00156FB3">
            <w:r>
              <w:t>}</w:t>
            </w:r>
          </w:p>
          <w:p w:rsidR="00156FB3" w:rsidRDefault="00156FB3" w:rsidP="00156FB3"/>
          <w:p w:rsidR="00156FB3" w:rsidRDefault="00156FB3" w:rsidP="00156FB3">
            <w:r>
              <w:t>.fa-bahai:before {</w:t>
            </w:r>
          </w:p>
          <w:p w:rsidR="00156FB3" w:rsidRDefault="00156FB3" w:rsidP="00156FB3">
            <w:r>
              <w:t xml:space="preserve">    content: "\f666";</w:t>
            </w:r>
          </w:p>
          <w:p w:rsidR="00156FB3" w:rsidRDefault="00156FB3" w:rsidP="00156FB3">
            <w:r>
              <w:t>}</w:t>
            </w:r>
          </w:p>
          <w:p w:rsidR="00156FB3" w:rsidRDefault="00156FB3" w:rsidP="00156FB3"/>
          <w:p w:rsidR="00156FB3" w:rsidRDefault="00156FB3" w:rsidP="00156FB3">
            <w:r>
              <w:t>.fa-balance-scale:before {</w:t>
            </w:r>
          </w:p>
          <w:p w:rsidR="00156FB3" w:rsidRDefault="00156FB3" w:rsidP="00156FB3">
            <w:r>
              <w:t xml:space="preserve">    content: "\f24e";</w:t>
            </w:r>
          </w:p>
          <w:p w:rsidR="00156FB3" w:rsidRDefault="00156FB3" w:rsidP="00156FB3">
            <w:r>
              <w:t>}</w:t>
            </w:r>
          </w:p>
          <w:p w:rsidR="00156FB3" w:rsidRDefault="00156FB3" w:rsidP="00156FB3"/>
          <w:p w:rsidR="00156FB3" w:rsidRDefault="00156FB3" w:rsidP="00156FB3">
            <w:r>
              <w:t>.fa-balance-scale-left:before {</w:t>
            </w:r>
          </w:p>
          <w:p w:rsidR="00156FB3" w:rsidRDefault="00156FB3" w:rsidP="00156FB3">
            <w:r>
              <w:t xml:space="preserve">    content: "\f515";</w:t>
            </w:r>
          </w:p>
          <w:p w:rsidR="00156FB3" w:rsidRDefault="00156FB3" w:rsidP="00156FB3">
            <w:r>
              <w:t>}</w:t>
            </w:r>
          </w:p>
          <w:p w:rsidR="00156FB3" w:rsidRDefault="00156FB3" w:rsidP="00156FB3"/>
          <w:p w:rsidR="00156FB3" w:rsidRDefault="00156FB3" w:rsidP="00156FB3">
            <w:r>
              <w:t>.fa-balance-scale-right:before {</w:t>
            </w:r>
          </w:p>
          <w:p w:rsidR="00156FB3" w:rsidRDefault="00156FB3" w:rsidP="00156FB3">
            <w:r>
              <w:t xml:space="preserve">    content: "\f516";</w:t>
            </w:r>
          </w:p>
          <w:p w:rsidR="00156FB3" w:rsidRDefault="00156FB3" w:rsidP="00156FB3">
            <w:r>
              <w:t>}</w:t>
            </w:r>
          </w:p>
          <w:p w:rsidR="00156FB3" w:rsidRDefault="00156FB3" w:rsidP="00156FB3"/>
          <w:p w:rsidR="00156FB3" w:rsidRDefault="00156FB3" w:rsidP="00156FB3">
            <w:r>
              <w:t>.fa-ban:before {</w:t>
            </w:r>
          </w:p>
          <w:p w:rsidR="00156FB3" w:rsidRDefault="00156FB3" w:rsidP="00156FB3">
            <w:r>
              <w:t xml:space="preserve">    content: "\f05e";</w:t>
            </w:r>
          </w:p>
          <w:p w:rsidR="00156FB3" w:rsidRDefault="00156FB3" w:rsidP="00156FB3">
            <w:r>
              <w:t>}</w:t>
            </w:r>
          </w:p>
          <w:p w:rsidR="00156FB3" w:rsidRDefault="00156FB3" w:rsidP="00156FB3"/>
          <w:p w:rsidR="00156FB3" w:rsidRDefault="00156FB3" w:rsidP="00156FB3">
            <w:r>
              <w:t>.fa-band-aid:before {</w:t>
            </w:r>
          </w:p>
          <w:p w:rsidR="00156FB3" w:rsidRDefault="00156FB3" w:rsidP="00156FB3">
            <w:r>
              <w:t xml:space="preserve">    content: "\f462";</w:t>
            </w:r>
          </w:p>
          <w:p w:rsidR="00156FB3" w:rsidRDefault="00156FB3" w:rsidP="00156FB3">
            <w:r>
              <w:t>}</w:t>
            </w:r>
          </w:p>
          <w:p w:rsidR="00156FB3" w:rsidRDefault="00156FB3" w:rsidP="00156FB3"/>
          <w:p w:rsidR="00156FB3" w:rsidRDefault="00156FB3" w:rsidP="00156FB3">
            <w:r>
              <w:t>.fa-bandcamp:before {</w:t>
            </w:r>
          </w:p>
          <w:p w:rsidR="00156FB3" w:rsidRDefault="00156FB3" w:rsidP="00156FB3">
            <w:r>
              <w:t xml:space="preserve">    content: "\f2d5";</w:t>
            </w:r>
          </w:p>
          <w:p w:rsidR="00156FB3" w:rsidRDefault="00156FB3" w:rsidP="00156FB3">
            <w:r>
              <w:t>}</w:t>
            </w:r>
          </w:p>
          <w:p w:rsidR="00156FB3" w:rsidRDefault="00156FB3" w:rsidP="00156FB3"/>
          <w:p w:rsidR="00156FB3" w:rsidRDefault="00156FB3" w:rsidP="00156FB3">
            <w:r>
              <w:t>.fa-barcode:before {</w:t>
            </w:r>
          </w:p>
          <w:p w:rsidR="00156FB3" w:rsidRDefault="00156FB3" w:rsidP="00156FB3">
            <w:r>
              <w:t xml:space="preserve">    content: "\f02a";</w:t>
            </w:r>
          </w:p>
          <w:p w:rsidR="00156FB3" w:rsidRDefault="00156FB3" w:rsidP="00156FB3">
            <w:r>
              <w:t>}</w:t>
            </w:r>
          </w:p>
          <w:p w:rsidR="00156FB3" w:rsidRDefault="00156FB3" w:rsidP="00156FB3"/>
          <w:p w:rsidR="00156FB3" w:rsidRDefault="00156FB3" w:rsidP="00156FB3">
            <w:r>
              <w:t>.fa-bars:before {</w:t>
            </w:r>
          </w:p>
          <w:p w:rsidR="00156FB3" w:rsidRDefault="00156FB3" w:rsidP="00156FB3">
            <w:r>
              <w:t xml:space="preserve">    content: "\f0c9";</w:t>
            </w:r>
          </w:p>
          <w:p w:rsidR="00156FB3" w:rsidRDefault="00156FB3" w:rsidP="00156FB3">
            <w:r>
              <w:t>}</w:t>
            </w:r>
          </w:p>
          <w:p w:rsidR="00156FB3" w:rsidRDefault="00156FB3" w:rsidP="00156FB3"/>
          <w:p w:rsidR="00156FB3" w:rsidRDefault="00156FB3" w:rsidP="00156FB3">
            <w:r>
              <w:t>.fa-baseball-ball:before {</w:t>
            </w:r>
          </w:p>
          <w:p w:rsidR="00156FB3" w:rsidRDefault="00156FB3" w:rsidP="00156FB3">
            <w:r>
              <w:t xml:space="preserve">    content: "\f433";</w:t>
            </w:r>
          </w:p>
          <w:p w:rsidR="00156FB3" w:rsidRDefault="00156FB3" w:rsidP="00156FB3">
            <w:r>
              <w:t>}</w:t>
            </w:r>
          </w:p>
          <w:p w:rsidR="00156FB3" w:rsidRDefault="00156FB3" w:rsidP="00156FB3"/>
          <w:p w:rsidR="00156FB3" w:rsidRDefault="00156FB3" w:rsidP="00156FB3">
            <w:r>
              <w:t>.fa-basketball-ball:before {</w:t>
            </w:r>
          </w:p>
          <w:p w:rsidR="00156FB3" w:rsidRDefault="00156FB3" w:rsidP="00156FB3">
            <w:r>
              <w:lastRenderedPageBreak/>
              <w:t xml:space="preserve">    content: "\f434";</w:t>
            </w:r>
          </w:p>
          <w:p w:rsidR="00156FB3" w:rsidRDefault="00156FB3" w:rsidP="00156FB3">
            <w:r>
              <w:t>}</w:t>
            </w:r>
          </w:p>
          <w:p w:rsidR="00156FB3" w:rsidRDefault="00156FB3" w:rsidP="00156FB3"/>
          <w:p w:rsidR="00156FB3" w:rsidRDefault="00156FB3" w:rsidP="00156FB3">
            <w:r>
              <w:t>.fa-bath:before {</w:t>
            </w:r>
          </w:p>
          <w:p w:rsidR="00156FB3" w:rsidRDefault="00156FB3" w:rsidP="00156FB3">
            <w:r>
              <w:t xml:space="preserve">    content: "\f2cd";</w:t>
            </w:r>
          </w:p>
          <w:p w:rsidR="00156FB3" w:rsidRDefault="00156FB3" w:rsidP="00156FB3">
            <w:r>
              <w:t>}</w:t>
            </w:r>
          </w:p>
          <w:p w:rsidR="00156FB3" w:rsidRDefault="00156FB3" w:rsidP="00156FB3"/>
          <w:p w:rsidR="00156FB3" w:rsidRDefault="00156FB3" w:rsidP="00156FB3">
            <w:r>
              <w:t>.fa-battery-empty:before {</w:t>
            </w:r>
          </w:p>
          <w:p w:rsidR="00156FB3" w:rsidRDefault="00156FB3" w:rsidP="00156FB3">
            <w:r>
              <w:t xml:space="preserve">    content: "\f244";</w:t>
            </w:r>
          </w:p>
          <w:p w:rsidR="00156FB3" w:rsidRDefault="00156FB3" w:rsidP="00156FB3">
            <w:r>
              <w:t>}</w:t>
            </w:r>
          </w:p>
          <w:p w:rsidR="00156FB3" w:rsidRDefault="00156FB3" w:rsidP="00156FB3"/>
          <w:p w:rsidR="00156FB3" w:rsidRDefault="00156FB3" w:rsidP="00156FB3">
            <w:r>
              <w:t>.fa-battery-full:before {</w:t>
            </w:r>
          </w:p>
          <w:p w:rsidR="00156FB3" w:rsidRDefault="00156FB3" w:rsidP="00156FB3">
            <w:r>
              <w:t xml:space="preserve">    content: "\f240";</w:t>
            </w:r>
          </w:p>
          <w:p w:rsidR="00156FB3" w:rsidRDefault="00156FB3" w:rsidP="00156FB3">
            <w:r>
              <w:t>}</w:t>
            </w:r>
          </w:p>
          <w:p w:rsidR="00156FB3" w:rsidRDefault="00156FB3" w:rsidP="00156FB3"/>
          <w:p w:rsidR="00156FB3" w:rsidRDefault="00156FB3" w:rsidP="00156FB3">
            <w:r>
              <w:t>.fa-battery-half:before {</w:t>
            </w:r>
          </w:p>
          <w:p w:rsidR="00156FB3" w:rsidRDefault="00156FB3" w:rsidP="00156FB3">
            <w:r>
              <w:t xml:space="preserve">    content: "\f242";</w:t>
            </w:r>
          </w:p>
          <w:p w:rsidR="00156FB3" w:rsidRDefault="00156FB3" w:rsidP="00156FB3">
            <w:r>
              <w:t>}</w:t>
            </w:r>
          </w:p>
          <w:p w:rsidR="00156FB3" w:rsidRDefault="00156FB3" w:rsidP="00156FB3"/>
          <w:p w:rsidR="00156FB3" w:rsidRDefault="00156FB3" w:rsidP="00156FB3">
            <w:r>
              <w:t>.fa-battery-quarter:before {</w:t>
            </w:r>
          </w:p>
          <w:p w:rsidR="00156FB3" w:rsidRDefault="00156FB3" w:rsidP="00156FB3">
            <w:r>
              <w:t xml:space="preserve">    content: "\f243";</w:t>
            </w:r>
          </w:p>
          <w:p w:rsidR="00156FB3" w:rsidRDefault="00156FB3" w:rsidP="00156FB3">
            <w:r>
              <w:t>}</w:t>
            </w:r>
          </w:p>
          <w:p w:rsidR="00156FB3" w:rsidRDefault="00156FB3" w:rsidP="00156FB3"/>
          <w:p w:rsidR="00156FB3" w:rsidRDefault="00156FB3" w:rsidP="00156FB3">
            <w:r>
              <w:t>.fa-battery-three-quarters:before {</w:t>
            </w:r>
          </w:p>
          <w:p w:rsidR="00156FB3" w:rsidRDefault="00156FB3" w:rsidP="00156FB3">
            <w:r>
              <w:t xml:space="preserve">    content: "\f241";</w:t>
            </w:r>
          </w:p>
          <w:p w:rsidR="00156FB3" w:rsidRDefault="00156FB3" w:rsidP="00156FB3">
            <w:r>
              <w:t>}</w:t>
            </w:r>
          </w:p>
          <w:p w:rsidR="00156FB3" w:rsidRDefault="00156FB3" w:rsidP="00156FB3"/>
          <w:p w:rsidR="00156FB3" w:rsidRDefault="00156FB3" w:rsidP="00156FB3">
            <w:r>
              <w:t>.fa-battle-net:before {</w:t>
            </w:r>
          </w:p>
          <w:p w:rsidR="00156FB3" w:rsidRDefault="00156FB3" w:rsidP="00156FB3">
            <w:r>
              <w:t xml:space="preserve">    content: "\f835";</w:t>
            </w:r>
          </w:p>
          <w:p w:rsidR="00156FB3" w:rsidRDefault="00156FB3" w:rsidP="00156FB3">
            <w:r>
              <w:t>}</w:t>
            </w:r>
          </w:p>
          <w:p w:rsidR="00156FB3" w:rsidRDefault="00156FB3" w:rsidP="00156FB3"/>
          <w:p w:rsidR="00156FB3" w:rsidRDefault="00156FB3" w:rsidP="00156FB3">
            <w:r>
              <w:t>.fa-bed:before {</w:t>
            </w:r>
          </w:p>
          <w:p w:rsidR="00156FB3" w:rsidRDefault="00156FB3" w:rsidP="00156FB3">
            <w:r>
              <w:t xml:space="preserve">    content: "\f236";</w:t>
            </w:r>
          </w:p>
          <w:p w:rsidR="00156FB3" w:rsidRDefault="00156FB3" w:rsidP="00156FB3">
            <w:r>
              <w:t>}</w:t>
            </w:r>
          </w:p>
          <w:p w:rsidR="00156FB3" w:rsidRDefault="00156FB3" w:rsidP="00156FB3"/>
          <w:p w:rsidR="00156FB3" w:rsidRDefault="00156FB3" w:rsidP="00156FB3">
            <w:r>
              <w:t>.fa-beer:before {</w:t>
            </w:r>
          </w:p>
          <w:p w:rsidR="00156FB3" w:rsidRDefault="00156FB3" w:rsidP="00156FB3">
            <w:r>
              <w:t xml:space="preserve">    content: "\f0fc";</w:t>
            </w:r>
          </w:p>
          <w:p w:rsidR="00156FB3" w:rsidRDefault="00156FB3" w:rsidP="00156FB3">
            <w:r>
              <w:t>}</w:t>
            </w:r>
          </w:p>
          <w:p w:rsidR="00156FB3" w:rsidRDefault="00156FB3" w:rsidP="00156FB3"/>
          <w:p w:rsidR="00156FB3" w:rsidRDefault="00156FB3" w:rsidP="00156FB3">
            <w:r>
              <w:t>.fa-behance:before {</w:t>
            </w:r>
          </w:p>
          <w:p w:rsidR="00156FB3" w:rsidRDefault="00156FB3" w:rsidP="00156FB3">
            <w:r>
              <w:t xml:space="preserve">    content: "\f1b4";</w:t>
            </w:r>
          </w:p>
          <w:p w:rsidR="00156FB3" w:rsidRDefault="00156FB3" w:rsidP="00156FB3">
            <w:r>
              <w:t>}</w:t>
            </w:r>
          </w:p>
          <w:p w:rsidR="00156FB3" w:rsidRDefault="00156FB3" w:rsidP="00156FB3"/>
          <w:p w:rsidR="00156FB3" w:rsidRDefault="00156FB3" w:rsidP="00156FB3">
            <w:r>
              <w:t>.fa-behance-square:before {</w:t>
            </w:r>
          </w:p>
          <w:p w:rsidR="00156FB3" w:rsidRDefault="00156FB3" w:rsidP="00156FB3">
            <w:r>
              <w:t xml:space="preserve">    content: "\f1b5";</w:t>
            </w:r>
          </w:p>
          <w:p w:rsidR="00156FB3" w:rsidRDefault="00156FB3" w:rsidP="00156FB3">
            <w:r>
              <w:t>}</w:t>
            </w:r>
          </w:p>
          <w:p w:rsidR="00156FB3" w:rsidRDefault="00156FB3" w:rsidP="00156FB3"/>
          <w:p w:rsidR="00156FB3" w:rsidRDefault="00156FB3" w:rsidP="00156FB3">
            <w:r>
              <w:t>.fa-bell:before {</w:t>
            </w:r>
          </w:p>
          <w:p w:rsidR="00156FB3" w:rsidRDefault="00156FB3" w:rsidP="00156FB3">
            <w:r>
              <w:lastRenderedPageBreak/>
              <w:t xml:space="preserve">    content: "\f0f3";</w:t>
            </w:r>
          </w:p>
          <w:p w:rsidR="00156FB3" w:rsidRDefault="00156FB3" w:rsidP="00156FB3">
            <w:r>
              <w:t>}</w:t>
            </w:r>
          </w:p>
          <w:p w:rsidR="00156FB3" w:rsidRDefault="00156FB3" w:rsidP="00156FB3"/>
          <w:p w:rsidR="00156FB3" w:rsidRDefault="00156FB3" w:rsidP="00156FB3">
            <w:r>
              <w:t>.fa-bell-slash:before {</w:t>
            </w:r>
          </w:p>
          <w:p w:rsidR="00156FB3" w:rsidRDefault="00156FB3" w:rsidP="00156FB3">
            <w:r>
              <w:t xml:space="preserve">    content: "\f1f6";</w:t>
            </w:r>
          </w:p>
          <w:p w:rsidR="00156FB3" w:rsidRDefault="00156FB3" w:rsidP="00156FB3">
            <w:r>
              <w:t>}</w:t>
            </w:r>
          </w:p>
          <w:p w:rsidR="00156FB3" w:rsidRDefault="00156FB3" w:rsidP="00156FB3"/>
          <w:p w:rsidR="00156FB3" w:rsidRDefault="00156FB3" w:rsidP="00156FB3">
            <w:r>
              <w:t>.fa-bezier-curve:before {</w:t>
            </w:r>
          </w:p>
          <w:p w:rsidR="00156FB3" w:rsidRDefault="00156FB3" w:rsidP="00156FB3">
            <w:r>
              <w:t xml:space="preserve">    content: "\f55b";</w:t>
            </w:r>
          </w:p>
          <w:p w:rsidR="00156FB3" w:rsidRDefault="00156FB3" w:rsidP="00156FB3">
            <w:r>
              <w:t>}</w:t>
            </w:r>
          </w:p>
          <w:p w:rsidR="00156FB3" w:rsidRDefault="00156FB3" w:rsidP="00156FB3"/>
          <w:p w:rsidR="00156FB3" w:rsidRDefault="00156FB3" w:rsidP="00156FB3">
            <w:r>
              <w:t>.fa-bible:before {</w:t>
            </w:r>
          </w:p>
          <w:p w:rsidR="00156FB3" w:rsidRDefault="00156FB3" w:rsidP="00156FB3">
            <w:r>
              <w:t xml:space="preserve">    content: "\f647";</w:t>
            </w:r>
          </w:p>
          <w:p w:rsidR="00156FB3" w:rsidRDefault="00156FB3" w:rsidP="00156FB3">
            <w:r>
              <w:t>}</w:t>
            </w:r>
          </w:p>
          <w:p w:rsidR="00156FB3" w:rsidRDefault="00156FB3" w:rsidP="00156FB3"/>
          <w:p w:rsidR="00156FB3" w:rsidRDefault="00156FB3" w:rsidP="00156FB3">
            <w:r>
              <w:t>.fa-bicycle:before {</w:t>
            </w:r>
          </w:p>
          <w:p w:rsidR="00156FB3" w:rsidRDefault="00156FB3" w:rsidP="00156FB3">
            <w:r>
              <w:t xml:space="preserve">    content: "\f206";</w:t>
            </w:r>
          </w:p>
          <w:p w:rsidR="00156FB3" w:rsidRDefault="00156FB3" w:rsidP="00156FB3">
            <w:r>
              <w:t>}</w:t>
            </w:r>
          </w:p>
          <w:p w:rsidR="00156FB3" w:rsidRDefault="00156FB3" w:rsidP="00156FB3"/>
          <w:p w:rsidR="00156FB3" w:rsidRDefault="00156FB3" w:rsidP="00156FB3">
            <w:r>
              <w:t>.fa-biking:before {</w:t>
            </w:r>
          </w:p>
          <w:p w:rsidR="00156FB3" w:rsidRDefault="00156FB3" w:rsidP="00156FB3">
            <w:r>
              <w:t xml:space="preserve">    content: "\f84a";</w:t>
            </w:r>
          </w:p>
          <w:p w:rsidR="00156FB3" w:rsidRDefault="00156FB3" w:rsidP="00156FB3">
            <w:r>
              <w:t>}</w:t>
            </w:r>
          </w:p>
          <w:p w:rsidR="00156FB3" w:rsidRDefault="00156FB3" w:rsidP="00156FB3"/>
          <w:p w:rsidR="00156FB3" w:rsidRDefault="00156FB3" w:rsidP="00156FB3">
            <w:r>
              <w:t>.fa-bimobject:before {</w:t>
            </w:r>
          </w:p>
          <w:p w:rsidR="00156FB3" w:rsidRDefault="00156FB3" w:rsidP="00156FB3">
            <w:r>
              <w:t xml:space="preserve">    content: "\f378";</w:t>
            </w:r>
          </w:p>
          <w:p w:rsidR="00156FB3" w:rsidRDefault="00156FB3" w:rsidP="00156FB3">
            <w:r>
              <w:t>}</w:t>
            </w:r>
          </w:p>
          <w:p w:rsidR="00156FB3" w:rsidRDefault="00156FB3" w:rsidP="00156FB3"/>
          <w:p w:rsidR="00156FB3" w:rsidRDefault="00156FB3" w:rsidP="00156FB3">
            <w:r>
              <w:t>.fa-binoculars:before {</w:t>
            </w:r>
          </w:p>
          <w:p w:rsidR="00156FB3" w:rsidRDefault="00156FB3" w:rsidP="00156FB3">
            <w:r>
              <w:t xml:space="preserve">    content: "\f1e5";</w:t>
            </w:r>
          </w:p>
          <w:p w:rsidR="00156FB3" w:rsidRDefault="00156FB3" w:rsidP="00156FB3">
            <w:r>
              <w:t>}</w:t>
            </w:r>
          </w:p>
          <w:p w:rsidR="00156FB3" w:rsidRDefault="00156FB3" w:rsidP="00156FB3"/>
          <w:p w:rsidR="00156FB3" w:rsidRDefault="00156FB3" w:rsidP="00156FB3">
            <w:r>
              <w:t>.fa-biohazard:before {</w:t>
            </w:r>
          </w:p>
          <w:p w:rsidR="00156FB3" w:rsidRDefault="00156FB3" w:rsidP="00156FB3">
            <w:r>
              <w:t xml:space="preserve">    content: "\f780";</w:t>
            </w:r>
          </w:p>
          <w:p w:rsidR="00156FB3" w:rsidRDefault="00156FB3" w:rsidP="00156FB3">
            <w:r>
              <w:t>}</w:t>
            </w:r>
          </w:p>
          <w:p w:rsidR="00156FB3" w:rsidRDefault="00156FB3" w:rsidP="00156FB3"/>
          <w:p w:rsidR="00156FB3" w:rsidRDefault="00156FB3" w:rsidP="00156FB3">
            <w:r>
              <w:t>.fa-birthday-cake:before {</w:t>
            </w:r>
          </w:p>
          <w:p w:rsidR="00156FB3" w:rsidRDefault="00156FB3" w:rsidP="00156FB3">
            <w:r>
              <w:t xml:space="preserve">    content: "\f1fd";</w:t>
            </w:r>
          </w:p>
          <w:p w:rsidR="00156FB3" w:rsidRDefault="00156FB3" w:rsidP="00156FB3">
            <w:r>
              <w:t>}</w:t>
            </w:r>
          </w:p>
          <w:p w:rsidR="00156FB3" w:rsidRDefault="00156FB3" w:rsidP="00156FB3"/>
          <w:p w:rsidR="00156FB3" w:rsidRDefault="00156FB3" w:rsidP="00156FB3">
            <w:r>
              <w:t>.fa-bitbucket:before {</w:t>
            </w:r>
          </w:p>
          <w:p w:rsidR="00156FB3" w:rsidRDefault="00156FB3" w:rsidP="00156FB3">
            <w:r>
              <w:t xml:space="preserve">    content: "\f171";</w:t>
            </w:r>
          </w:p>
          <w:p w:rsidR="00156FB3" w:rsidRDefault="00156FB3" w:rsidP="00156FB3">
            <w:r>
              <w:t>}</w:t>
            </w:r>
          </w:p>
          <w:p w:rsidR="00156FB3" w:rsidRDefault="00156FB3" w:rsidP="00156FB3"/>
          <w:p w:rsidR="00156FB3" w:rsidRDefault="00156FB3" w:rsidP="00156FB3">
            <w:r>
              <w:t>.fa-bitcoin:before {</w:t>
            </w:r>
          </w:p>
          <w:p w:rsidR="00156FB3" w:rsidRDefault="00156FB3" w:rsidP="00156FB3">
            <w:r>
              <w:t xml:space="preserve">    content: "\f379";</w:t>
            </w:r>
          </w:p>
          <w:p w:rsidR="00156FB3" w:rsidRDefault="00156FB3" w:rsidP="00156FB3">
            <w:r>
              <w:t>}</w:t>
            </w:r>
          </w:p>
          <w:p w:rsidR="00156FB3" w:rsidRDefault="00156FB3" w:rsidP="00156FB3"/>
          <w:p w:rsidR="00156FB3" w:rsidRDefault="00156FB3" w:rsidP="00156FB3">
            <w:r>
              <w:t>.fa-bity:before {</w:t>
            </w:r>
          </w:p>
          <w:p w:rsidR="00156FB3" w:rsidRDefault="00156FB3" w:rsidP="00156FB3">
            <w:r>
              <w:lastRenderedPageBreak/>
              <w:t xml:space="preserve">    content: "\f37a";</w:t>
            </w:r>
          </w:p>
          <w:p w:rsidR="00156FB3" w:rsidRDefault="00156FB3" w:rsidP="00156FB3">
            <w:r>
              <w:t>}</w:t>
            </w:r>
          </w:p>
          <w:p w:rsidR="00156FB3" w:rsidRDefault="00156FB3" w:rsidP="00156FB3"/>
          <w:p w:rsidR="00156FB3" w:rsidRDefault="00156FB3" w:rsidP="00156FB3">
            <w:r>
              <w:t>.fa-black-tie:before {</w:t>
            </w:r>
          </w:p>
          <w:p w:rsidR="00156FB3" w:rsidRDefault="00156FB3" w:rsidP="00156FB3">
            <w:r>
              <w:t xml:space="preserve">    content: "\f27e";</w:t>
            </w:r>
          </w:p>
          <w:p w:rsidR="00156FB3" w:rsidRDefault="00156FB3" w:rsidP="00156FB3">
            <w:r>
              <w:t>}</w:t>
            </w:r>
          </w:p>
          <w:p w:rsidR="00156FB3" w:rsidRDefault="00156FB3" w:rsidP="00156FB3"/>
          <w:p w:rsidR="00156FB3" w:rsidRDefault="00156FB3" w:rsidP="00156FB3">
            <w:r>
              <w:t>.fa-blackberry:before {</w:t>
            </w:r>
          </w:p>
          <w:p w:rsidR="00156FB3" w:rsidRDefault="00156FB3" w:rsidP="00156FB3">
            <w:r>
              <w:t xml:space="preserve">    content: "\f37b";</w:t>
            </w:r>
          </w:p>
          <w:p w:rsidR="00156FB3" w:rsidRDefault="00156FB3" w:rsidP="00156FB3">
            <w:r>
              <w:t>}</w:t>
            </w:r>
          </w:p>
          <w:p w:rsidR="00156FB3" w:rsidRDefault="00156FB3" w:rsidP="00156FB3"/>
          <w:p w:rsidR="00156FB3" w:rsidRDefault="00156FB3" w:rsidP="00156FB3">
            <w:r>
              <w:t>.fa-blender:before {</w:t>
            </w:r>
          </w:p>
          <w:p w:rsidR="00156FB3" w:rsidRDefault="00156FB3" w:rsidP="00156FB3">
            <w:r>
              <w:t xml:space="preserve">    content: "\f517";</w:t>
            </w:r>
          </w:p>
          <w:p w:rsidR="00156FB3" w:rsidRDefault="00156FB3" w:rsidP="00156FB3">
            <w:r>
              <w:t>}</w:t>
            </w:r>
          </w:p>
          <w:p w:rsidR="00156FB3" w:rsidRDefault="00156FB3" w:rsidP="00156FB3"/>
          <w:p w:rsidR="00156FB3" w:rsidRDefault="00156FB3" w:rsidP="00156FB3">
            <w:r>
              <w:t>.fa-blender-phone:before {</w:t>
            </w:r>
          </w:p>
          <w:p w:rsidR="00156FB3" w:rsidRDefault="00156FB3" w:rsidP="00156FB3">
            <w:r>
              <w:t xml:space="preserve">    content: "\f6b6";</w:t>
            </w:r>
          </w:p>
          <w:p w:rsidR="00156FB3" w:rsidRDefault="00156FB3" w:rsidP="00156FB3">
            <w:r>
              <w:t>}</w:t>
            </w:r>
          </w:p>
          <w:p w:rsidR="00156FB3" w:rsidRDefault="00156FB3" w:rsidP="00156FB3"/>
          <w:p w:rsidR="00156FB3" w:rsidRDefault="00156FB3" w:rsidP="00156FB3">
            <w:r>
              <w:t>.fa-blind:before {</w:t>
            </w:r>
          </w:p>
          <w:p w:rsidR="00156FB3" w:rsidRDefault="00156FB3" w:rsidP="00156FB3">
            <w:r>
              <w:t xml:space="preserve">    content: "\f29d";</w:t>
            </w:r>
          </w:p>
          <w:p w:rsidR="00156FB3" w:rsidRDefault="00156FB3" w:rsidP="00156FB3">
            <w:r>
              <w:t>}</w:t>
            </w:r>
          </w:p>
          <w:p w:rsidR="00156FB3" w:rsidRDefault="00156FB3" w:rsidP="00156FB3"/>
          <w:p w:rsidR="00156FB3" w:rsidRDefault="00156FB3" w:rsidP="00156FB3">
            <w:r>
              <w:t>.fa-blog:before {</w:t>
            </w:r>
          </w:p>
          <w:p w:rsidR="00156FB3" w:rsidRDefault="00156FB3" w:rsidP="00156FB3">
            <w:r>
              <w:t xml:space="preserve">    content: "\f781";</w:t>
            </w:r>
          </w:p>
          <w:p w:rsidR="00156FB3" w:rsidRDefault="00156FB3" w:rsidP="00156FB3">
            <w:r>
              <w:t>}</w:t>
            </w:r>
          </w:p>
          <w:p w:rsidR="00156FB3" w:rsidRDefault="00156FB3" w:rsidP="00156FB3"/>
          <w:p w:rsidR="00156FB3" w:rsidRDefault="00156FB3" w:rsidP="00156FB3">
            <w:r>
              <w:t>.fa-blogger:before {</w:t>
            </w:r>
          </w:p>
          <w:p w:rsidR="00156FB3" w:rsidRDefault="00156FB3" w:rsidP="00156FB3">
            <w:r>
              <w:t xml:space="preserve">    content: "\f37c";</w:t>
            </w:r>
          </w:p>
          <w:p w:rsidR="00156FB3" w:rsidRDefault="00156FB3" w:rsidP="00156FB3">
            <w:r>
              <w:t>}</w:t>
            </w:r>
          </w:p>
          <w:p w:rsidR="00156FB3" w:rsidRDefault="00156FB3" w:rsidP="00156FB3"/>
          <w:p w:rsidR="00156FB3" w:rsidRDefault="00156FB3" w:rsidP="00156FB3">
            <w:r>
              <w:t>.fa-blogger-b:before {</w:t>
            </w:r>
          </w:p>
          <w:p w:rsidR="00156FB3" w:rsidRDefault="00156FB3" w:rsidP="00156FB3">
            <w:r>
              <w:t xml:space="preserve">    content: "\f37d";</w:t>
            </w:r>
          </w:p>
          <w:p w:rsidR="00156FB3" w:rsidRDefault="00156FB3" w:rsidP="00156FB3">
            <w:r>
              <w:t>}</w:t>
            </w:r>
          </w:p>
          <w:p w:rsidR="00156FB3" w:rsidRDefault="00156FB3" w:rsidP="00156FB3"/>
          <w:p w:rsidR="00156FB3" w:rsidRDefault="00156FB3" w:rsidP="00156FB3">
            <w:r>
              <w:t>.fa-bluetooth:before {</w:t>
            </w:r>
          </w:p>
          <w:p w:rsidR="00156FB3" w:rsidRDefault="00156FB3" w:rsidP="00156FB3">
            <w:r>
              <w:t xml:space="preserve">    content: "\f293";</w:t>
            </w:r>
          </w:p>
          <w:p w:rsidR="00156FB3" w:rsidRDefault="00156FB3" w:rsidP="00156FB3">
            <w:r>
              <w:t>}</w:t>
            </w:r>
          </w:p>
          <w:p w:rsidR="00156FB3" w:rsidRDefault="00156FB3" w:rsidP="00156FB3"/>
          <w:p w:rsidR="00156FB3" w:rsidRDefault="00156FB3" w:rsidP="00156FB3">
            <w:r>
              <w:t>.fa-bluetooth-b:before {</w:t>
            </w:r>
          </w:p>
          <w:p w:rsidR="00156FB3" w:rsidRDefault="00156FB3" w:rsidP="00156FB3">
            <w:r>
              <w:t xml:space="preserve">    content: "\f294";</w:t>
            </w:r>
          </w:p>
          <w:p w:rsidR="00156FB3" w:rsidRDefault="00156FB3" w:rsidP="00156FB3">
            <w:r>
              <w:t>}</w:t>
            </w:r>
          </w:p>
          <w:p w:rsidR="00156FB3" w:rsidRDefault="00156FB3" w:rsidP="00156FB3"/>
          <w:p w:rsidR="00156FB3" w:rsidRDefault="00156FB3" w:rsidP="00156FB3">
            <w:r>
              <w:t>.fa-bold:before {</w:t>
            </w:r>
          </w:p>
          <w:p w:rsidR="00156FB3" w:rsidRDefault="00156FB3" w:rsidP="00156FB3">
            <w:r>
              <w:t xml:space="preserve">    content: "\f032";</w:t>
            </w:r>
          </w:p>
          <w:p w:rsidR="00156FB3" w:rsidRDefault="00156FB3" w:rsidP="00156FB3">
            <w:r>
              <w:t>}</w:t>
            </w:r>
          </w:p>
          <w:p w:rsidR="00156FB3" w:rsidRDefault="00156FB3" w:rsidP="00156FB3"/>
          <w:p w:rsidR="00156FB3" w:rsidRDefault="00156FB3" w:rsidP="00156FB3">
            <w:r>
              <w:t>.fa-bolt:before {</w:t>
            </w:r>
          </w:p>
          <w:p w:rsidR="00156FB3" w:rsidRDefault="00156FB3" w:rsidP="00156FB3">
            <w:r>
              <w:lastRenderedPageBreak/>
              <w:t xml:space="preserve">    content: "\f0e7";</w:t>
            </w:r>
          </w:p>
          <w:p w:rsidR="00156FB3" w:rsidRDefault="00156FB3" w:rsidP="00156FB3">
            <w:r>
              <w:t>}</w:t>
            </w:r>
          </w:p>
          <w:p w:rsidR="00156FB3" w:rsidRDefault="00156FB3" w:rsidP="00156FB3"/>
          <w:p w:rsidR="00156FB3" w:rsidRDefault="00156FB3" w:rsidP="00156FB3">
            <w:r>
              <w:t>.fa-bomb:before {</w:t>
            </w:r>
          </w:p>
          <w:p w:rsidR="00156FB3" w:rsidRDefault="00156FB3" w:rsidP="00156FB3">
            <w:r>
              <w:t xml:space="preserve">    content: "\f1e2";</w:t>
            </w:r>
          </w:p>
          <w:p w:rsidR="00156FB3" w:rsidRDefault="00156FB3" w:rsidP="00156FB3">
            <w:r>
              <w:t>}</w:t>
            </w:r>
          </w:p>
          <w:p w:rsidR="00156FB3" w:rsidRDefault="00156FB3" w:rsidP="00156FB3"/>
          <w:p w:rsidR="00156FB3" w:rsidRDefault="00156FB3" w:rsidP="00156FB3">
            <w:r>
              <w:t>.fa-bone:before {</w:t>
            </w:r>
          </w:p>
          <w:p w:rsidR="00156FB3" w:rsidRDefault="00156FB3" w:rsidP="00156FB3">
            <w:r>
              <w:t xml:space="preserve">    content: "\f5d7";</w:t>
            </w:r>
          </w:p>
          <w:p w:rsidR="00156FB3" w:rsidRDefault="00156FB3" w:rsidP="00156FB3">
            <w:r>
              <w:t>}</w:t>
            </w:r>
          </w:p>
          <w:p w:rsidR="00156FB3" w:rsidRDefault="00156FB3" w:rsidP="00156FB3"/>
          <w:p w:rsidR="00156FB3" w:rsidRDefault="00156FB3" w:rsidP="00156FB3">
            <w:r>
              <w:t>.fa-bong:before {</w:t>
            </w:r>
          </w:p>
          <w:p w:rsidR="00156FB3" w:rsidRDefault="00156FB3" w:rsidP="00156FB3">
            <w:r>
              <w:t xml:space="preserve">    content: "\f55c";</w:t>
            </w:r>
          </w:p>
          <w:p w:rsidR="00156FB3" w:rsidRDefault="00156FB3" w:rsidP="00156FB3">
            <w:r>
              <w:t>}</w:t>
            </w:r>
          </w:p>
          <w:p w:rsidR="00156FB3" w:rsidRDefault="00156FB3" w:rsidP="00156FB3"/>
          <w:p w:rsidR="00156FB3" w:rsidRDefault="00156FB3" w:rsidP="00156FB3">
            <w:r>
              <w:t>.fa-book:before {</w:t>
            </w:r>
          </w:p>
          <w:p w:rsidR="00156FB3" w:rsidRDefault="00156FB3" w:rsidP="00156FB3">
            <w:r>
              <w:t xml:space="preserve">    content: "\f02d";</w:t>
            </w:r>
          </w:p>
          <w:p w:rsidR="00156FB3" w:rsidRDefault="00156FB3" w:rsidP="00156FB3">
            <w:r>
              <w:t>}</w:t>
            </w:r>
          </w:p>
          <w:p w:rsidR="00156FB3" w:rsidRDefault="00156FB3" w:rsidP="00156FB3"/>
          <w:p w:rsidR="00156FB3" w:rsidRDefault="00156FB3" w:rsidP="00156FB3">
            <w:r>
              <w:t>.fa-book-dead:before {</w:t>
            </w:r>
          </w:p>
          <w:p w:rsidR="00156FB3" w:rsidRDefault="00156FB3" w:rsidP="00156FB3">
            <w:r>
              <w:t xml:space="preserve">    content: "\f6b7";</w:t>
            </w:r>
          </w:p>
          <w:p w:rsidR="00156FB3" w:rsidRDefault="00156FB3" w:rsidP="00156FB3">
            <w:r>
              <w:t>}</w:t>
            </w:r>
          </w:p>
          <w:p w:rsidR="00156FB3" w:rsidRDefault="00156FB3" w:rsidP="00156FB3"/>
          <w:p w:rsidR="00156FB3" w:rsidRDefault="00156FB3" w:rsidP="00156FB3">
            <w:r>
              <w:t>.fa-book-medical:before {</w:t>
            </w:r>
          </w:p>
          <w:p w:rsidR="00156FB3" w:rsidRDefault="00156FB3" w:rsidP="00156FB3">
            <w:r>
              <w:t xml:space="preserve">    content: "\f7e6";</w:t>
            </w:r>
          </w:p>
          <w:p w:rsidR="00156FB3" w:rsidRDefault="00156FB3" w:rsidP="00156FB3">
            <w:r>
              <w:t>}</w:t>
            </w:r>
          </w:p>
          <w:p w:rsidR="00156FB3" w:rsidRDefault="00156FB3" w:rsidP="00156FB3"/>
          <w:p w:rsidR="00156FB3" w:rsidRDefault="00156FB3" w:rsidP="00156FB3">
            <w:r>
              <w:t>.fa-book-open:before {</w:t>
            </w:r>
          </w:p>
          <w:p w:rsidR="00156FB3" w:rsidRDefault="00156FB3" w:rsidP="00156FB3">
            <w:r>
              <w:t xml:space="preserve">    content: "\f518";</w:t>
            </w:r>
          </w:p>
          <w:p w:rsidR="00156FB3" w:rsidRDefault="00156FB3" w:rsidP="00156FB3">
            <w:r>
              <w:t>}</w:t>
            </w:r>
          </w:p>
          <w:p w:rsidR="00156FB3" w:rsidRDefault="00156FB3" w:rsidP="00156FB3"/>
          <w:p w:rsidR="00156FB3" w:rsidRDefault="00156FB3" w:rsidP="00156FB3">
            <w:r>
              <w:t>.fa-book-reader:before {</w:t>
            </w:r>
          </w:p>
          <w:p w:rsidR="00156FB3" w:rsidRDefault="00156FB3" w:rsidP="00156FB3">
            <w:r>
              <w:t xml:space="preserve">    content: "\f5da";</w:t>
            </w:r>
          </w:p>
          <w:p w:rsidR="00156FB3" w:rsidRDefault="00156FB3" w:rsidP="00156FB3">
            <w:r>
              <w:t>}</w:t>
            </w:r>
          </w:p>
          <w:p w:rsidR="00156FB3" w:rsidRDefault="00156FB3" w:rsidP="00156FB3"/>
          <w:p w:rsidR="00156FB3" w:rsidRDefault="00156FB3" w:rsidP="00156FB3">
            <w:r>
              <w:t>.fa-bookmark:before {</w:t>
            </w:r>
          </w:p>
          <w:p w:rsidR="00156FB3" w:rsidRDefault="00156FB3" w:rsidP="00156FB3">
            <w:r>
              <w:t xml:space="preserve">    content: "\f02e";</w:t>
            </w:r>
          </w:p>
          <w:p w:rsidR="00156FB3" w:rsidRDefault="00156FB3" w:rsidP="00156FB3">
            <w:r>
              <w:t>}</w:t>
            </w:r>
          </w:p>
          <w:p w:rsidR="00156FB3" w:rsidRDefault="00156FB3" w:rsidP="00156FB3"/>
          <w:p w:rsidR="00156FB3" w:rsidRDefault="00156FB3" w:rsidP="00156FB3">
            <w:r>
              <w:t>.fa-bootstrap:before {</w:t>
            </w:r>
          </w:p>
          <w:p w:rsidR="00156FB3" w:rsidRDefault="00156FB3" w:rsidP="00156FB3">
            <w:r>
              <w:t xml:space="preserve">    content: "\f836";</w:t>
            </w:r>
          </w:p>
          <w:p w:rsidR="00156FB3" w:rsidRDefault="00156FB3" w:rsidP="00156FB3">
            <w:r>
              <w:t>}</w:t>
            </w:r>
          </w:p>
          <w:p w:rsidR="00156FB3" w:rsidRDefault="00156FB3" w:rsidP="00156FB3"/>
          <w:p w:rsidR="00156FB3" w:rsidRDefault="00156FB3" w:rsidP="00156FB3">
            <w:r>
              <w:t>.fa-border-all:before {</w:t>
            </w:r>
          </w:p>
          <w:p w:rsidR="00156FB3" w:rsidRDefault="00156FB3" w:rsidP="00156FB3">
            <w:r>
              <w:t xml:space="preserve">    content: "\f84c";</w:t>
            </w:r>
          </w:p>
          <w:p w:rsidR="00156FB3" w:rsidRDefault="00156FB3" w:rsidP="00156FB3">
            <w:r>
              <w:t>}</w:t>
            </w:r>
          </w:p>
          <w:p w:rsidR="00156FB3" w:rsidRDefault="00156FB3" w:rsidP="00156FB3"/>
          <w:p w:rsidR="00156FB3" w:rsidRDefault="00156FB3" w:rsidP="00156FB3">
            <w:r>
              <w:t>.fa-border-none:before {</w:t>
            </w:r>
          </w:p>
          <w:p w:rsidR="00156FB3" w:rsidRDefault="00156FB3" w:rsidP="00156FB3">
            <w:r>
              <w:lastRenderedPageBreak/>
              <w:t xml:space="preserve">    content: "\f850";</w:t>
            </w:r>
          </w:p>
          <w:p w:rsidR="00156FB3" w:rsidRDefault="00156FB3" w:rsidP="00156FB3">
            <w:r>
              <w:t>}</w:t>
            </w:r>
          </w:p>
          <w:p w:rsidR="00156FB3" w:rsidRDefault="00156FB3" w:rsidP="00156FB3"/>
          <w:p w:rsidR="00156FB3" w:rsidRDefault="00156FB3" w:rsidP="00156FB3">
            <w:r>
              <w:t>.fa-border-style:before {</w:t>
            </w:r>
          </w:p>
          <w:p w:rsidR="00156FB3" w:rsidRDefault="00156FB3" w:rsidP="00156FB3">
            <w:r>
              <w:t xml:space="preserve">    content: "\f853";</w:t>
            </w:r>
          </w:p>
          <w:p w:rsidR="00156FB3" w:rsidRDefault="00156FB3" w:rsidP="00156FB3">
            <w:r>
              <w:t>}</w:t>
            </w:r>
          </w:p>
          <w:p w:rsidR="00156FB3" w:rsidRDefault="00156FB3" w:rsidP="00156FB3"/>
          <w:p w:rsidR="00156FB3" w:rsidRDefault="00156FB3" w:rsidP="00156FB3">
            <w:r>
              <w:t>.fa-bowling-ball:before {</w:t>
            </w:r>
          </w:p>
          <w:p w:rsidR="00156FB3" w:rsidRDefault="00156FB3" w:rsidP="00156FB3">
            <w:r>
              <w:t xml:space="preserve">    content: "\f436";</w:t>
            </w:r>
          </w:p>
          <w:p w:rsidR="00156FB3" w:rsidRDefault="00156FB3" w:rsidP="00156FB3">
            <w:r>
              <w:t>}</w:t>
            </w:r>
          </w:p>
          <w:p w:rsidR="00156FB3" w:rsidRDefault="00156FB3" w:rsidP="00156FB3"/>
          <w:p w:rsidR="00156FB3" w:rsidRDefault="00156FB3" w:rsidP="00156FB3">
            <w:r>
              <w:t>.fa-box:before {</w:t>
            </w:r>
          </w:p>
          <w:p w:rsidR="00156FB3" w:rsidRDefault="00156FB3" w:rsidP="00156FB3">
            <w:r>
              <w:t xml:space="preserve">    content: "\f466";</w:t>
            </w:r>
          </w:p>
          <w:p w:rsidR="00156FB3" w:rsidRDefault="00156FB3" w:rsidP="00156FB3">
            <w:r>
              <w:t>}</w:t>
            </w:r>
          </w:p>
          <w:p w:rsidR="00156FB3" w:rsidRDefault="00156FB3" w:rsidP="00156FB3"/>
          <w:p w:rsidR="00156FB3" w:rsidRDefault="00156FB3" w:rsidP="00156FB3">
            <w:r>
              <w:t>.fa-box-open:before {</w:t>
            </w:r>
          </w:p>
          <w:p w:rsidR="00156FB3" w:rsidRDefault="00156FB3" w:rsidP="00156FB3">
            <w:r>
              <w:t xml:space="preserve">    content: "\f49e";</w:t>
            </w:r>
          </w:p>
          <w:p w:rsidR="00156FB3" w:rsidRDefault="00156FB3" w:rsidP="00156FB3">
            <w:r>
              <w:t>}</w:t>
            </w:r>
          </w:p>
          <w:p w:rsidR="00156FB3" w:rsidRDefault="00156FB3" w:rsidP="00156FB3"/>
          <w:p w:rsidR="00156FB3" w:rsidRDefault="00156FB3" w:rsidP="00156FB3">
            <w:r>
              <w:t>.fa-box-tissue:before {</w:t>
            </w:r>
          </w:p>
          <w:p w:rsidR="00156FB3" w:rsidRDefault="00156FB3" w:rsidP="00156FB3">
            <w:r>
              <w:t xml:space="preserve">    content: "\f95b";</w:t>
            </w:r>
          </w:p>
          <w:p w:rsidR="00156FB3" w:rsidRDefault="00156FB3" w:rsidP="00156FB3">
            <w:r>
              <w:t>}</w:t>
            </w:r>
          </w:p>
          <w:p w:rsidR="00156FB3" w:rsidRDefault="00156FB3" w:rsidP="00156FB3"/>
          <w:p w:rsidR="00156FB3" w:rsidRDefault="00156FB3" w:rsidP="00156FB3">
            <w:r>
              <w:t>.fa-boxes:before {</w:t>
            </w:r>
          </w:p>
          <w:p w:rsidR="00156FB3" w:rsidRDefault="00156FB3" w:rsidP="00156FB3">
            <w:r>
              <w:t xml:space="preserve">    content: "\f468";</w:t>
            </w:r>
          </w:p>
          <w:p w:rsidR="00156FB3" w:rsidRDefault="00156FB3" w:rsidP="00156FB3">
            <w:r>
              <w:t>}</w:t>
            </w:r>
          </w:p>
          <w:p w:rsidR="00156FB3" w:rsidRDefault="00156FB3" w:rsidP="00156FB3"/>
          <w:p w:rsidR="00156FB3" w:rsidRDefault="00156FB3" w:rsidP="00156FB3">
            <w:r>
              <w:t>.fa-braille:before {</w:t>
            </w:r>
          </w:p>
          <w:p w:rsidR="00156FB3" w:rsidRDefault="00156FB3" w:rsidP="00156FB3">
            <w:r>
              <w:t xml:space="preserve">    content: "\f2a1";</w:t>
            </w:r>
          </w:p>
          <w:p w:rsidR="00156FB3" w:rsidRDefault="00156FB3" w:rsidP="00156FB3">
            <w:r>
              <w:t>}</w:t>
            </w:r>
          </w:p>
          <w:p w:rsidR="00156FB3" w:rsidRDefault="00156FB3" w:rsidP="00156FB3"/>
          <w:p w:rsidR="00156FB3" w:rsidRDefault="00156FB3" w:rsidP="00156FB3">
            <w:r>
              <w:t>.fa-brain:before {</w:t>
            </w:r>
          </w:p>
          <w:p w:rsidR="00156FB3" w:rsidRDefault="00156FB3" w:rsidP="00156FB3">
            <w:r>
              <w:t xml:space="preserve">    content: "\f5dc";</w:t>
            </w:r>
          </w:p>
          <w:p w:rsidR="00156FB3" w:rsidRDefault="00156FB3" w:rsidP="00156FB3">
            <w:r>
              <w:t>}</w:t>
            </w:r>
          </w:p>
          <w:p w:rsidR="00156FB3" w:rsidRDefault="00156FB3" w:rsidP="00156FB3"/>
          <w:p w:rsidR="00156FB3" w:rsidRDefault="00156FB3" w:rsidP="00156FB3">
            <w:r>
              <w:t>.fa-bread-slice:before {</w:t>
            </w:r>
          </w:p>
          <w:p w:rsidR="00156FB3" w:rsidRDefault="00156FB3" w:rsidP="00156FB3">
            <w:r>
              <w:t xml:space="preserve">    content: "\f7ec";</w:t>
            </w:r>
          </w:p>
          <w:p w:rsidR="00156FB3" w:rsidRDefault="00156FB3" w:rsidP="00156FB3">
            <w:r>
              <w:t>}</w:t>
            </w:r>
          </w:p>
          <w:p w:rsidR="00156FB3" w:rsidRDefault="00156FB3" w:rsidP="00156FB3"/>
          <w:p w:rsidR="00156FB3" w:rsidRDefault="00156FB3" w:rsidP="00156FB3">
            <w:r>
              <w:t>.fa-briefcase:before {</w:t>
            </w:r>
          </w:p>
          <w:p w:rsidR="00156FB3" w:rsidRDefault="00156FB3" w:rsidP="00156FB3">
            <w:r>
              <w:t xml:space="preserve">    content: "\f0b1";</w:t>
            </w:r>
          </w:p>
          <w:p w:rsidR="00156FB3" w:rsidRDefault="00156FB3" w:rsidP="00156FB3">
            <w:r>
              <w:t>}</w:t>
            </w:r>
          </w:p>
          <w:p w:rsidR="00156FB3" w:rsidRDefault="00156FB3" w:rsidP="00156FB3"/>
          <w:p w:rsidR="00156FB3" w:rsidRDefault="00156FB3" w:rsidP="00156FB3">
            <w:r>
              <w:t>.fa-briefcase-medical:before {</w:t>
            </w:r>
          </w:p>
          <w:p w:rsidR="00156FB3" w:rsidRDefault="00156FB3" w:rsidP="00156FB3">
            <w:r>
              <w:t xml:space="preserve">    content: "\f469";</w:t>
            </w:r>
          </w:p>
          <w:p w:rsidR="00156FB3" w:rsidRDefault="00156FB3" w:rsidP="00156FB3">
            <w:r>
              <w:t>}</w:t>
            </w:r>
          </w:p>
          <w:p w:rsidR="00156FB3" w:rsidRDefault="00156FB3" w:rsidP="00156FB3"/>
          <w:p w:rsidR="00156FB3" w:rsidRDefault="00156FB3" w:rsidP="00156FB3">
            <w:r>
              <w:t>.fa-broadcast-tower:before {</w:t>
            </w:r>
          </w:p>
          <w:p w:rsidR="00156FB3" w:rsidRDefault="00156FB3" w:rsidP="00156FB3">
            <w:r>
              <w:lastRenderedPageBreak/>
              <w:t xml:space="preserve">    content: "\f519";</w:t>
            </w:r>
          </w:p>
          <w:p w:rsidR="00156FB3" w:rsidRDefault="00156FB3" w:rsidP="00156FB3">
            <w:r>
              <w:t>}</w:t>
            </w:r>
          </w:p>
          <w:p w:rsidR="00156FB3" w:rsidRDefault="00156FB3" w:rsidP="00156FB3"/>
          <w:p w:rsidR="00156FB3" w:rsidRDefault="00156FB3" w:rsidP="00156FB3">
            <w:r>
              <w:t>.fa-broom:before {</w:t>
            </w:r>
          </w:p>
          <w:p w:rsidR="00156FB3" w:rsidRDefault="00156FB3" w:rsidP="00156FB3">
            <w:r>
              <w:t xml:space="preserve">    content: "\f51a";</w:t>
            </w:r>
          </w:p>
          <w:p w:rsidR="00156FB3" w:rsidRDefault="00156FB3" w:rsidP="00156FB3">
            <w:r>
              <w:t>}</w:t>
            </w:r>
          </w:p>
          <w:p w:rsidR="00156FB3" w:rsidRDefault="00156FB3" w:rsidP="00156FB3"/>
          <w:p w:rsidR="00156FB3" w:rsidRDefault="00156FB3" w:rsidP="00156FB3">
            <w:r>
              <w:t>.fa-brush:before {</w:t>
            </w:r>
          </w:p>
          <w:p w:rsidR="00156FB3" w:rsidRDefault="00156FB3" w:rsidP="00156FB3">
            <w:r>
              <w:t xml:space="preserve">    content: "\f55d";</w:t>
            </w:r>
          </w:p>
          <w:p w:rsidR="00156FB3" w:rsidRDefault="00156FB3" w:rsidP="00156FB3">
            <w:r>
              <w:t>}</w:t>
            </w:r>
          </w:p>
          <w:p w:rsidR="00156FB3" w:rsidRDefault="00156FB3" w:rsidP="00156FB3"/>
          <w:p w:rsidR="00156FB3" w:rsidRDefault="00156FB3" w:rsidP="00156FB3">
            <w:r>
              <w:t>.fa-btc:before {</w:t>
            </w:r>
          </w:p>
          <w:p w:rsidR="00156FB3" w:rsidRDefault="00156FB3" w:rsidP="00156FB3">
            <w:r>
              <w:t xml:space="preserve">    content: "\f15a";</w:t>
            </w:r>
          </w:p>
          <w:p w:rsidR="00156FB3" w:rsidRDefault="00156FB3" w:rsidP="00156FB3">
            <w:r>
              <w:t>}</w:t>
            </w:r>
          </w:p>
          <w:p w:rsidR="00156FB3" w:rsidRDefault="00156FB3" w:rsidP="00156FB3"/>
          <w:p w:rsidR="00156FB3" w:rsidRDefault="00156FB3" w:rsidP="00156FB3">
            <w:r>
              <w:t>.fa-buffer:before {</w:t>
            </w:r>
          </w:p>
          <w:p w:rsidR="00156FB3" w:rsidRDefault="00156FB3" w:rsidP="00156FB3">
            <w:r>
              <w:t xml:space="preserve">    content: "\f837";</w:t>
            </w:r>
          </w:p>
          <w:p w:rsidR="00156FB3" w:rsidRDefault="00156FB3" w:rsidP="00156FB3">
            <w:r>
              <w:t>}</w:t>
            </w:r>
          </w:p>
          <w:p w:rsidR="00156FB3" w:rsidRDefault="00156FB3" w:rsidP="00156FB3"/>
          <w:p w:rsidR="00156FB3" w:rsidRDefault="00156FB3" w:rsidP="00156FB3">
            <w:r>
              <w:t>.fa-bug:before {</w:t>
            </w:r>
          </w:p>
          <w:p w:rsidR="00156FB3" w:rsidRDefault="00156FB3" w:rsidP="00156FB3">
            <w:r>
              <w:t xml:space="preserve">    content: "\f188";</w:t>
            </w:r>
          </w:p>
          <w:p w:rsidR="00156FB3" w:rsidRDefault="00156FB3" w:rsidP="00156FB3">
            <w:r>
              <w:t>}</w:t>
            </w:r>
          </w:p>
          <w:p w:rsidR="00156FB3" w:rsidRDefault="00156FB3" w:rsidP="00156FB3"/>
          <w:p w:rsidR="00156FB3" w:rsidRDefault="00156FB3" w:rsidP="00156FB3">
            <w:r>
              <w:t>.fa-building:before {</w:t>
            </w:r>
          </w:p>
          <w:p w:rsidR="00156FB3" w:rsidRDefault="00156FB3" w:rsidP="00156FB3">
            <w:r>
              <w:t xml:space="preserve">    content: "\f1ad";</w:t>
            </w:r>
          </w:p>
          <w:p w:rsidR="00156FB3" w:rsidRDefault="00156FB3" w:rsidP="00156FB3">
            <w:r>
              <w:t>}</w:t>
            </w:r>
          </w:p>
          <w:p w:rsidR="00156FB3" w:rsidRDefault="00156FB3" w:rsidP="00156FB3"/>
          <w:p w:rsidR="00156FB3" w:rsidRDefault="00156FB3" w:rsidP="00156FB3">
            <w:r>
              <w:t>.fa-bullhorn:before {</w:t>
            </w:r>
          </w:p>
          <w:p w:rsidR="00156FB3" w:rsidRDefault="00156FB3" w:rsidP="00156FB3">
            <w:r>
              <w:t xml:space="preserve">    content: "\f0a1";</w:t>
            </w:r>
          </w:p>
          <w:p w:rsidR="00156FB3" w:rsidRDefault="00156FB3" w:rsidP="00156FB3">
            <w:r>
              <w:t>}</w:t>
            </w:r>
          </w:p>
          <w:p w:rsidR="00156FB3" w:rsidRDefault="00156FB3" w:rsidP="00156FB3"/>
          <w:p w:rsidR="00156FB3" w:rsidRDefault="00156FB3" w:rsidP="00156FB3">
            <w:r>
              <w:t>.fa-bullseye:before {</w:t>
            </w:r>
          </w:p>
          <w:p w:rsidR="00156FB3" w:rsidRDefault="00156FB3" w:rsidP="00156FB3">
            <w:r>
              <w:t xml:space="preserve">    content: "\f140";</w:t>
            </w:r>
          </w:p>
          <w:p w:rsidR="00156FB3" w:rsidRDefault="00156FB3" w:rsidP="00156FB3">
            <w:r>
              <w:t>}</w:t>
            </w:r>
          </w:p>
          <w:p w:rsidR="00156FB3" w:rsidRDefault="00156FB3" w:rsidP="00156FB3"/>
          <w:p w:rsidR="00156FB3" w:rsidRDefault="00156FB3" w:rsidP="00156FB3">
            <w:r>
              <w:t>.fa-burn:before {</w:t>
            </w:r>
          </w:p>
          <w:p w:rsidR="00156FB3" w:rsidRDefault="00156FB3" w:rsidP="00156FB3">
            <w:r>
              <w:t xml:space="preserve">    content: "\f46a";</w:t>
            </w:r>
          </w:p>
          <w:p w:rsidR="00156FB3" w:rsidRDefault="00156FB3" w:rsidP="00156FB3">
            <w:r>
              <w:t>}</w:t>
            </w:r>
          </w:p>
          <w:p w:rsidR="00156FB3" w:rsidRDefault="00156FB3" w:rsidP="00156FB3"/>
          <w:p w:rsidR="00156FB3" w:rsidRDefault="00156FB3" w:rsidP="00156FB3">
            <w:r>
              <w:t>.fa-buromobelexperte:before {</w:t>
            </w:r>
          </w:p>
          <w:p w:rsidR="00156FB3" w:rsidRDefault="00156FB3" w:rsidP="00156FB3">
            <w:r>
              <w:t xml:space="preserve">    content: "\f37f";</w:t>
            </w:r>
          </w:p>
          <w:p w:rsidR="00156FB3" w:rsidRDefault="00156FB3" w:rsidP="00156FB3">
            <w:r>
              <w:t>}</w:t>
            </w:r>
          </w:p>
          <w:p w:rsidR="00156FB3" w:rsidRDefault="00156FB3" w:rsidP="00156FB3"/>
          <w:p w:rsidR="00156FB3" w:rsidRDefault="00156FB3" w:rsidP="00156FB3">
            <w:r>
              <w:t>.fa-bus:before {</w:t>
            </w:r>
          </w:p>
          <w:p w:rsidR="00156FB3" w:rsidRDefault="00156FB3" w:rsidP="00156FB3">
            <w:r>
              <w:t xml:space="preserve">    content: "\f207";</w:t>
            </w:r>
          </w:p>
          <w:p w:rsidR="00156FB3" w:rsidRDefault="00156FB3" w:rsidP="00156FB3">
            <w:r>
              <w:t>}</w:t>
            </w:r>
          </w:p>
          <w:p w:rsidR="00156FB3" w:rsidRDefault="00156FB3" w:rsidP="00156FB3"/>
          <w:p w:rsidR="00156FB3" w:rsidRDefault="00156FB3" w:rsidP="00156FB3">
            <w:r>
              <w:t>.fa-bus-alt:before {</w:t>
            </w:r>
          </w:p>
          <w:p w:rsidR="00156FB3" w:rsidRDefault="00156FB3" w:rsidP="00156FB3">
            <w:r>
              <w:lastRenderedPageBreak/>
              <w:t xml:space="preserve">    content: "\f55e";</w:t>
            </w:r>
          </w:p>
          <w:p w:rsidR="00156FB3" w:rsidRDefault="00156FB3" w:rsidP="00156FB3">
            <w:r>
              <w:t>}</w:t>
            </w:r>
          </w:p>
          <w:p w:rsidR="00156FB3" w:rsidRDefault="00156FB3" w:rsidP="00156FB3"/>
          <w:p w:rsidR="00156FB3" w:rsidRDefault="00156FB3" w:rsidP="00156FB3">
            <w:r>
              <w:t>.fa-business-time:before {</w:t>
            </w:r>
          </w:p>
          <w:p w:rsidR="00156FB3" w:rsidRDefault="00156FB3" w:rsidP="00156FB3">
            <w:r>
              <w:t xml:space="preserve">    content: "\f64a";</w:t>
            </w:r>
          </w:p>
          <w:p w:rsidR="00156FB3" w:rsidRDefault="00156FB3" w:rsidP="00156FB3">
            <w:r>
              <w:t>}</w:t>
            </w:r>
          </w:p>
          <w:p w:rsidR="00156FB3" w:rsidRDefault="00156FB3" w:rsidP="00156FB3"/>
          <w:p w:rsidR="00156FB3" w:rsidRDefault="00156FB3" w:rsidP="00156FB3">
            <w:r>
              <w:t>.fa-buy-n-large:before {</w:t>
            </w:r>
          </w:p>
          <w:p w:rsidR="00156FB3" w:rsidRDefault="00156FB3" w:rsidP="00156FB3">
            <w:r>
              <w:t xml:space="preserve">    content: "\f8a6";</w:t>
            </w:r>
          </w:p>
          <w:p w:rsidR="00156FB3" w:rsidRDefault="00156FB3" w:rsidP="00156FB3">
            <w:r>
              <w:t>}</w:t>
            </w:r>
          </w:p>
          <w:p w:rsidR="00156FB3" w:rsidRDefault="00156FB3" w:rsidP="00156FB3"/>
          <w:p w:rsidR="00156FB3" w:rsidRDefault="00156FB3" w:rsidP="00156FB3">
            <w:r>
              <w:t>.fa-buysellads:before {</w:t>
            </w:r>
          </w:p>
          <w:p w:rsidR="00156FB3" w:rsidRDefault="00156FB3" w:rsidP="00156FB3">
            <w:r>
              <w:t xml:space="preserve">    content: "\f20d";</w:t>
            </w:r>
          </w:p>
          <w:p w:rsidR="00156FB3" w:rsidRDefault="00156FB3" w:rsidP="00156FB3">
            <w:r>
              <w:t>}</w:t>
            </w:r>
          </w:p>
          <w:p w:rsidR="00156FB3" w:rsidRDefault="00156FB3" w:rsidP="00156FB3"/>
          <w:p w:rsidR="00156FB3" w:rsidRDefault="00156FB3" w:rsidP="00156FB3">
            <w:r>
              <w:t>.fa-calculator:before {</w:t>
            </w:r>
          </w:p>
          <w:p w:rsidR="00156FB3" w:rsidRDefault="00156FB3" w:rsidP="00156FB3">
            <w:r>
              <w:t xml:space="preserve">    content: "\f1ec";</w:t>
            </w:r>
          </w:p>
          <w:p w:rsidR="00156FB3" w:rsidRDefault="00156FB3" w:rsidP="00156FB3">
            <w:r>
              <w:t>}</w:t>
            </w:r>
          </w:p>
          <w:p w:rsidR="00156FB3" w:rsidRDefault="00156FB3" w:rsidP="00156FB3"/>
          <w:p w:rsidR="00156FB3" w:rsidRDefault="00156FB3" w:rsidP="00156FB3">
            <w:r>
              <w:t>.fa-calendar:before {</w:t>
            </w:r>
          </w:p>
          <w:p w:rsidR="00156FB3" w:rsidRDefault="00156FB3" w:rsidP="00156FB3">
            <w:r>
              <w:t xml:space="preserve">    content: "\f133";</w:t>
            </w:r>
          </w:p>
          <w:p w:rsidR="00156FB3" w:rsidRDefault="00156FB3" w:rsidP="00156FB3">
            <w:r>
              <w:t>}</w:t>
            </w:r>
          </w:p>
          <w:p w:rsidR="00156FB3" w:rsidRDefault="00156FB3" w:rsidP="00156FB3"/>
          <w:p w:rsidR="00156FB3" w:rsidRDefault="00156FB3" w:rsidP="00156FB3">
            <w:r>
              <w:t>.fa-calendar-alt:before {</w:t>
            </w:r>
          </w:p>
          <w:p w:rsidR="00156FB3" w:rsidRDefault="00156FB3" w:rsidP="00156FB3">
            <w:r>
              <w:t xml:space="preserve">    content: "\f073";</w:t>
            </w:r>
          </w:p>
          <w:p w:rsidR="00156FB3" w:rsidRDefault="00156FB3" w:rsidP="00156FB3">
            <w:r>
              <w:t>}</w:t>
            </w:r>
          </w:p>
          <w:p w:rsidR="00156FB3" w:rsidRDefault="00156FB3" w:rsidP="00156FB3"/>
          <w:p w:rsidR="00156FB3" w:rsidRDefault="00156FB3" w:rsidP="00156FB3">
            <w:r>
              <w:t>.fa-calendar-check:before {</w:t>
            </w:r>
          </w:p>
          <w:p w:rsidR="00156FB3" w:rsidRDefault="00156FB3" w:rsidP="00156FB3">
            <w:r>
              <w:t xml:space="preserve">    content: "\f274";</w:t>
            </w:r>
          </w:p>
          <w:p w:rsidR="00156FB3" w:rsidRDefault="00156FB3" w:rsidP="00156FB3">
            <w:r>
              <w:t>}</w:t>
            </w:r>
          </w:p>
          <w:p w:rsidR="00156FB3" w:rsidRDefault="00156FB3" w:rsidP="00156FB3"/>
          <w:p w:rsidR="00156FB3" w:rsidRDefault="00156FB3" w:rsidP="00156FB3">
            <w:r>
              <w:t>.fa-calendar-day:before {</w:t>
            </w:r>
          </w:p>
          <w:p w:rsidR="00156FB3" w:rsidRDefault="00156FB3" w:rsidP="00156FB3">
            <w:r>
              <w:t xml:space="preserve">    content: "\f783";</w:t>
            </w:r>
          </w:p>
          <w:p w:rsidR="00156FB3" w:rsidRDefault="00156FB3" w:rsidP="00156FB3">
            <w:r>
              <w:t>}</w:t>
            </w:r>
          </w:p>
          <w:p w:rsidR="00156FB3" w:rsidRDefault="00156FB3" w:rsidP="00156FB3"/>
          <w:p w:rsidR="00156FB3" w:rsidRDefault="00156FB3" w:rsidP="00156FB3">
            <w:r>
              <w:t>.fa-calendar-minus:before {</w:t>
            </w:r>
          </w:p>
          <w:p w:rsidR="00156FB3" w:rsidRDefault="00156FB3" w:rsidP="00156FB3">
            <w:r>
              <w:t xml:space="preserve">    content: "\f272";</w:t>
            </w:r>
          </w:p>
          <w:p w:rsidR="00156FB3" w:rsidRDefault="00156FB3" w:rsidP="00156FB3">
            <w:r>
              <w:t>}</w:t>
            </w:r>
          </w:p>
          <w:p w:rsidR="00156FB3" w:rsidRDefault="00156FB3" w:rsidP="00156FB3"/>
          <w:p w:rsidR="00156FB3" w:rsidRDefault="00156FB3" w:rsidP="00156FB3">
            <w:r>
              <w:t>.fa-calendar-plus:before {</w:t>
            </w:r>
          </w:p>
          <w:p w:rsidR="00156FB3" w:rsidRDefault="00156FB3" w:rsidP="00156FB3">
            <w:r>
              <w:t xml:space="preserve">    content: "\f271";</w:t>
            </w:r>
          </w:p>
          <w:p w:rsidR="00156FB3" w:rsidRDefault="00156FB3" w:rsidP="00156FB3">
            <w:r>
              <w:t>}</w:t>
            </w:r>
          </w:p>
          <w:p w:rsidR="00156FB3" w:rsidRDefault="00156FB3" w:rsidP="00156FB3"/>
          <w:p w:rsidR="00156FB3" w:rsidRDefault="00156FB3" w:rsidP="00156FB3">
            <w:r>
              <w:t>.fa-calendar-times:before {</w:t>
            </w:r>
          </w:p>
          <w:p w:rsidR="00156FB3" w:rsidRDefault="00156FB3" w:rsidP="00156FB3">
            <w:r>
              <w:t xml:space="preserve">    content: "\f273";</w:t>
            </w:r>
          </w:p>
          <w:p w:rsidR="00156FB3" w:rsidRDefault="00156FB3" w:rsidP="00156FB3">
            <w:r>
              <w:t>}</w:t>
            </w:r>
          </w:p>
          <w:p w:rsidR="00156FB3" w:rsidRDefault="00156FB3" w:rsidP="00156FB3"/>
          <w:p w:rsidR="00156FB3" w:rsidRDefault="00156FB3" w:rsidP="00156FB3">
            <w:r>
              <w:t>.fa-calendar-week:before {</w:t>
            </w:r>
          </w:p>
          <w:p w:rsidR="00156FB3" w:rsidRDefault="00156FB3" w:rsidP="00156FB3">
            <w:r>
              <w:lastRenderedPageBreak/>
              <w:t xml:space="preserve">    content: "\f784";</w:t>
            </w:r>
          </w:p>
          <w:p w:rsidR="00156FB3" w:rsidRDefault="00156FB3" w:rsidP="00156FB3">
            <w:r>
              <w:t>}</w:t>
            </w:r>
          </w:p>
          <w:p w:rsidR="00156FB3" w:rsidRDefault="00156FB3" w:rsidP="00156FB3"/>
          <w:p w:rsidR="00156FB3" w:rsidRDefault="00156FB3" w:rsidP="00156FB3">
            <w:r>
              <w:t>.fa-camera:before {</w:t>
            </w:r>
          </w:p>
          <w:p w:rsidR="00156FB3" w:rsidRDefault="00156FB3" w:rsidP="00156FB3">
            <w:r>
              <w:t xml:space="preserve">    content: "\f030";</w:t>
            </w:r>
          </w:p>
          <w:p w:rsidR="00156FB3" w:rsidRDefault="00156FB3" w:rsidP="00156FB3">
            <w:r>
              <w:t>}</w:t>
            </w:r>
          </w:p>
          <w:p w:rsidR="00156FB3" w:rsidRDefault="00156FB3" w:rsidP="00156FB3"/>
          <w:p w:rsidR="00156FB3" w:rsidRDefault="00156FB3" w:rsidP="00156FB3">
            <w:r>
              <w:t>.fa-camera-retro:before {</w:t>
            </w:r>
          </w:p>
          <w:p w:rsidR="00156FB3" w:rsidRDefault="00156FB3" w:rsidP="00156FB3">
            <w:r>
              <w:t xml:space="preserve">    content: "\f083";</w:t>
            </w:r>
          </w:p>
          <w:p w:rsidR="00156FB3" w:rsidRDefault="00156FB3" w:rsidP="00156FB3">
            <w:r>
              <w:t>}</w:t>
            </w:r>
          </w:p>
          <w:p w:rsidR="00156FB3" w:rsidRDefault="00156FB3" w:rsidP="00156FB3"/>
          <w:p w:rsidR="00156FB3" w:rsidRDefault="00156FB3" w:rsidP="00156FB3">
            <w:r>
              <w:t>.fa-campground:before {</w:t>
            </w:r>
          </w:p>
          <w:p w:rsidR="00156FB3" w:rsidRDefault="00156FB3" w:rsidP="00156FB3">
            <w:r>
              <w:t xml:space="preserve">    content: "\f6bb";</w:t>
            </w:r>
          </w:p>
          <w:p w:rsidR="00156FB3" w:rsidRDefault="00156FB3" w:rsidP="00156FB3">
            <w:r>
              <w:t>}</w:t>
            </w:r>
          </w:p>
          <w:p w:rsidR="00156FB3" w:rsidRDefault="00156FB3" w:rsidP="00156FB3"/>
          <w:p w:rsidR="00156FB3" w:rsidRDefault="00156FB3" w:rsidP="00156FB3">
            <w:r>
              <w:t>.fa-canadian-maple-leaf:before {</w:t>
            </w:r>
          </w:p>
          <w:p w:rsidR="00156FB3" w:rsidRDefault="00156FB3" w:rsidP="00156FB3">
            <w:r>
              <w:t xml:space="preserve">    content: "\f785";</w:t>
            </w:r>
          </w:p>
          <w:p w:rsidR="00156FB3" w:rsidRDefault="00156FB3" w:rsidP="00156FB3">
            <w:r>
              <w:t>}</w:t>
            </w:r>
          </w:p>
          <w:p w:rsidR="00156FB3" w:rsidRDefault="00156FB3" w:rsidP="00156FB3"/>
          <w:p w:rsidR="00156FB3" w:rsidRDefault="00156FB3" w:rsidP="00156FB3">
            <w:r>
              <w:t>.fa-candy-cane:before {</w:t>
            </w:r>
          </w:p>
          <w:p w:rsidR="00156FB3" w:rsidRDefault="00156FB3" w:rsidP="00156FB3">
            <w:r>
              <w:t xml:space="preserve">    content: "\f786";</w:t>
            </w:r>
          </w:p>
          <w:p w:rsidR="00156FB3" w:rsidRDefault="00156FB3" w:rsidP="00156FB3">
            <w:r>
              <w:t>}</w:t>
            </w:r>
          </w:p>
          <w:p w:rsidR="00156FB3" w:rsidRDefault="00156FB3" w:rsidP="00156FB3"/>
          <w:p w:rsidR="00156FB3" w:rsidRDefault="00156FB3" w:rsidP="00156FB3">
            <w:r>
              <w:t>.fa-cannabis:before {</w:t>
            </w:r>
          </w:p>
          <w:p w:rsidR="00156FB3" w:rsidRDefault="00156FB3" w:rsidP="00156FB3">
            <w:r>
              <w:t xml:space="preserve">    content: "\f55f";</w:t>
            </w:r>
          </w:p>
          <w:p w:rsidR="00156FB3" w:rsidRDefault="00156FB3" w:rsidP="00156FB3">
            <w:r>
              <w:t>}</w:t>
            </w:r>
          </w:p>
          <w:p w:rsidR="00156FB3" w:rsidRDefault="00156FB3" w:rsidP="00156FB3"/>
          <w:p w:rsidR="00156FB3" w:rsidRDefault="00156FB3" w:rsidP="00156FB3">
            <w:r>
              <w:t>.fa-capsules:before {</w:t>
            </w:r>
          </w:p>
          <w:p w:rsidR="00156FB3" w:rsidRDefault="00156FB3" w:rsidP="00156FB3">
            <w:r>
              <w:t xml:space="preserve">    content: "\f46b";</w:t>
            </w:r>
          </w:p>
          <w:p w:rsidR="00156FB3" w:rsidRDefault="00156FB3" w:rsidP="00156FB3">
            <w:r>
              <w:t>}</w:t>
            </w:r>
          </w:p>
          <w:p w:rsidR="00156FB3" w:rsidRDefault="00156FB3" w:rsidP="00156FB3"/>
          <w:p w:rsidR="00156FB3" w:rsidRDefault="00156FB3" w:rsidP="00156FB3">
            <w:r>
              <w:t>.fa-car:before {</w:t>
            </w:r>
          </w:p>
          <w:p w:rsidR="00156FB3" w:rsidRDefault="00156FB3" w:rsidP="00156FB3">
            <w:r>
              <w:t xml:space="preserve">    content: "\f1b9";</w:t>
            </w:r>
          </w:p>
          <w:p w:rsidR="00156FB3" w:rsidRDefault="00156FB3" w:rsidP="00156FB3">
            <w:r>
              <w:t>}</w:t>
            </w:r>
          </w:p>
          <w:p w:rsidR="00156FB3" w:rsidRDefault="00156FB3" w:rsidP="00156FB3"/>
          <w:p w:rsidR="00156FB3" w:rsidRDefault="00156FB3" w:rsidP="00156FB3">
            <w:r>
              <w:t>.fa-car-alt:before {</w:t>
            </w:r>
          </w:p>
          <w:p w:rsidR="00156FB3" w:rsidRDefault="00156FB3" w:rsidP="00156FB3">
            <w:r>
              <w:t xml:space="preserve">    content: "\f5de";</w:t>
            </w:r>
          </w:p>
          <w:p w:rsidR="00156FB3" w:rsidRDefault="00156FB3" w:rsidP="00156FB3">
            <w:r>
              <w:t>}</w:t>
            </w:r>
          </w:p>
          <w:p w:rsidR="00156FB3" w:rsidRDefault="00156FB3" w:rsidP="00156FB3"/>
          <w:p w:rsidR="00156FB3" w:rsidRDefault="00156FB3" w:rsidP="00156FB3">
            <w:r>
              <w:t>.fa-car-battery:before {</w:t>
            </w:r>
          </w:p>
          <w:p w:rsidR="00156FB3" w:rsidRDefault="00156FB3" w:rsidP="00156FB3">
            <w:r>
              <w:t xml:space="preserve">    content: "\f5df";</w:t>
            </w:r>
          </w:p>
          <w:p w:rsidR="00156FB3" w:rsidRDefault="00156FB3" w:rsidP="00156FB3">
            <w:r>
              <w:t>}</w:t>
            </w:r>
          </w:p>
          <w:p w:rsidR="00156FB3" w:rsidRDefault="00156FB3" w:rsidP="00156FB3"/>
          <w:p w:rsidR="00156FB3" w:rsidRDefault="00156FB3" w:rsidP="00156FB3">
            <w:r>
              <w:t>.fa-car-crash:before {</w:t>
            </w:r>
          </w:p>
          <w:p w:rsidR="00156FB3" w:rsidRDefault="00156FB3" w:rsidP="00156FB3">
            <w:r>
              <w:t xml:space="preserve">    content: "\f5e1";</w:t>
            </w:r>
          </w:p>
          <w:p w:rsidR="00156FB3" w:rsidRDefault="00156FB3" w:rsidP="00156FB3">
            <w:r>
              <w:t>}</w:t>
            </w:r>
          </w:p>
          <w:p w:rsidR="00156FB3" w:rsidRDefault="00156FB3" w:rsidP="00156FB3"/>
          <w:p w:rsidR="00156FB3" w:rsidRDefault="00156FB3" w:rsidP="00156FB3">
            <w:r>
              <w:t>.fa-car-side:before {</w:t>
            </w:r>
          </w:p>
          <w:p w:rsidR="00156FB3" w:rsidRDefault="00156FB3" w:rsidP="00156FB3">
            <w:r>
              <w:lastRenderedPageBreak/>
              <w:t xml:space="preserve">    content: "\f5e4";</w:t>
            </w:r>
          </w:p>
          <w:p w:rsidR="00156FB3" w:rsidRDefault="00156FB3" w:rsidP="00156FB3">
            <w:r>
              <w:t>}</w:t>
            </w:r>
          </w:p>
          <w:p w:rsidR="00156FB3" w:rsidRDefault="00156FB3" w:rsidP="00156FB3"/>
          <w:p w:rsidR="00156FB3" w:rsidRDefault="00156FB3" w:rsidP="00156FB3">
            <w:r>
              <w:t>.fa-caravan:before {</w:t>
            </w:r>
          </w:p>
          <w:p w:rsidR="00156FB3" w:rsidRDefault="00156FB3" w:rsidP="00156FB3">
            <w:r>
              <w:t xml:space="preserve">    content: "\f8ff";</w:t>
            </w:r>
          </w:p>
          <w:p w:rsidR="00156FB3" w:rsidRDefault="00156FB3" w:rsidP="00156FB3">
            <w:r>
              <w:t>}</w:t>
            </w:r>
          </w:p>
          <w:p w:rsidR="00156FB3" w:rsidRDefault="00156FB3" w:rsidP="00156FB3"/>
          <w:p w:rsidR="00156FB3" w:rsidRDefault="00156FB3" w:rsidP="00156FB3">
            <w:r>
              <w:t>.fa-caret-down:before {</w:t>
            </w:r>
          </w:p>
          <w:p w:rsidR="00156FB3" w:rsidRDefault="00156FB3" w:rsidP="00156FB3">
            <w:r>
              <w:t xml:space="preserve">    content: "\f0d7";</w:t>
            </w:r>
          </w:p>
          <w:p w:rsidR="00156FB3" w:rsidRDefault="00156FB3" w:rsidP="00156FB3">
            <w:r>
              <w:t>}</w:t>
            </w:r>
          </w:p>
          <w:p w:rsidR="00156FB3" w:rsidRDefault="00156FB3" w:rsidP="00156FB3"/>
          <w:p w:rsidR="00156FB3" w:rsidRDefault="00156FB3" w:rsidP="00156FB3">
            <w:r>
              <w:t>.fa-caret-left:before {</w:t>
            </w:r>
          </w:p>
          <w:p w:rsidR="00156FB3" w:rsidRDefault="00156FB3" w:rsidP="00156FB3">
            <w:r>
              <w:t xml:space="preserve">    content: "\f0d9";</w:t>
            </w:r>
          </w:p>
          <w:p w:rsidR="00156FB3" w:rsidRDefault="00156FB3" w:rsidP="00156FB3">
            <w:r>
              <w:t>}</w:t>
            </w:r>
          </w:p>
          <w:p w:rsidR="00156FB3" w:rsidRDefault="00156FB3" w:rsidP="00156FB3"/>
          <w:p w:rsidR="00156FB3" w:rsidRDefault="00156FB3" w:rsidP="00156FB3">
            <w:r>
              <w:t>.fa-caret-right:before {</w:t>
            </w:r>
          </w:p>
          <w:p w:rsidR="00156FB3" w:rsidRDefault="00156FB3" w:rsidP="00156FB3">
            <w:r>
              <w:t xml:space="preserve">    content: "\f0da";</w:t>
            </w:r>
          </w:p>
          <w:p w:rsidR="00156FB3" w:rsidRDefault="00156FB3" w:rsidP="00156FB3">
            <w:r>
              <w:t>}</w:t>
            </w:r>
          </w:p>
          <w:p w:rsidR="00156FB3" w:rsidRDefault="00156FB3" w:rsidP="00156FB3"/>
          <w:p w:rsidR="00156FB3" w:rsidRDefault="00156FB3" w:rsidP="00156FB3">
            <w:r>
              <w:t>.fa-caret-square-down:before {</w:t>
            </w:r>
          </w:p>
          <w:p w:rsidR="00156FB3" w:rsidRDefault="00156FB3" w:rsidP="00156FB3">
            <w:r>
              <w:t xml:space="preserve">    content: "\f150";</w:t>
            </w:r>
          </w:p>
          <w:p w:rsidR="00156FB3" w:rsidRDefault="00156FB3" w:rsidP="00156FB3">
            <w:r>
              <w:t>}</w:t>
            </w:r>
          </w:p>
          <w:p w:rsidR="00156FB3" w:rsidRDefault="00156FB3" w:rsidP="00156FB3"/>
          <w:p w:rsidR="00156FB3" w:rsidRDefault="00156FB3" w:rsidP="00156FB3">
            <w:r>
              <w:t>.fa-caret-square-left:before {</w:t>
            </w:r>
          </w:p>
          <w:p w:rsidR="00156FB3" w:rsidRDefault="00156FB3" w:rsidP="00156FB3">
            <w:r>
              <w:t xml:space="preserve">    content: "\f191";</w:t>
            </w:r>
          </w:p>
          <w:p w:rsidR="00156FB3" w:rsidRDefault="00156FB3" w:rsidP="00156FB3">
            <w:r>
              <w:t>}</w:t>
            </w:r>
          </w:p>
          <w:p w:rsidR="00156FB3" w:rsidRDefault="00156FB3" w:rsidP="00156FB3"/>
          <w:p w:rsidR="00156FB3" w:rsidRDefault="00156FB3" w:rsidP="00156FB3">
            <w:r>
              <w:t>.fa-caret-square-right:before {</w:t>
            </w:r>
          </w:p>
          <w:p w:rsidR="00156FB3" w:rsidRDefault="00156FB3" w:rsidP="00156FB3">
            <w:r>
              <w:t xml:space="preserve">    content: "\f152";</w:t>
            </w:r>
          </w:p>
          <w:p w:rsidR="00156FB3" w:rsidRDefault="00156FB3" w:rsidP="00156FB3">
            <w:r>
              <w:t>}</w:t>
            </w:r>
          </w:p>
          <w:p w:rsidR="00156FB3" w:rsidRDefault="00156FB3" w:rsidP="00156FB3"/>
          <w:p w:rsidR="00156FB3" w:rsidRDefault="00156FB3" w:rsidP="00156FB3">
            <w:r>
              <w:t>.fa-caret-square-up:before {</w:t>
            </w:r>
          </w:p>
          <w:p w:rsidR="00156FB3" w:rsidRDefault="00156FB3" w:rsidP="00156FB3">
            <w:r>
              <w:t xml:space="preserve">    content: "\f151";</w:t>
            </w:r>
          </w:p>
          <w:p w:rsidR="00156FB3" w:rsidRDefault="00156FB3" w:rsidP="00156FB3">
            <w:r>
              <w:t>}</w:t>
            </w:r>
          </w:p>
          <w:p w:rsidR="00156FB3" w:rsidRDefault="00156FB3" w:rsidP="00156FB3"/>
          <w:p w:rsidR="00156FB3" w:rsidRDefault="00156FB3" w:rsidP="00156FB3">
            <w:r>
              <w:t>.fa-caret-up:before {</w:t>
            </w:r>
          </w:p>
          <w:p w:rsidR="00156FB3" w:rsidRDefault="00156FB3" w:rsidP="00156FB3">
            <w:r>
              <w:t xml:space="preserve">    content: "\f0d8";</w:t>
            </w:r>
          </w:p>
          <w:p w:rsidR="00156FB3" w:rsidRDefault="00156FB3" w:rsidP="00156FB3">
            <w:r>
              <w:t>}</w:t>
            </w:r>
          </w:p>
          <w:p w:rsidR="00156FB3" w:rsidRDefault="00156FB3" w:rsidP="00156FB3"/>
          <w:p w:rsidR="00156FB3" w:rsidRDefault="00156FB3" w:rsidP="00156FB3">
            <w:r>
              <w:t>.fa-carrot:before {</w:t>
            </w:r>
          </w:p>
          <w:p w:rsidR="00156FB3" w:rsidRDefault="00156FB3" w:rsidP="00156FB3">
            <w:r>
              <w:t xml:space="preserve">    content: "\f787";</w:t>
            </w:r>
          </w:p>
          <w:p w:rsidR="00156FB3" w:rsidRDefault="00156FB3" w:rsidP="00156FB3">
            <w:r>
              <w:t>}</w:t>
            </w:r>
          </w:p>
          <w:p w:rsidR="00156FB3" w:rsidRDefault="00156FB3" w:rsidP="00156FB3"/>
          <w:p w:rsidR="00156FB3" w:rsidRDefault="00156FB3" w:rsidP="00156FB3">
            <w:r>
              <w:t>.fa-cart-arrow-down:before {</w:t>
            </w:r>
          </w:p>
          <w:p w:rsidR="00156FB3" w:rsidRDefault="00156FB3" w:rsidP="00156FB3">
            <w:r>
              <w:t xml:space="preserve">    content: "\f218";</w:t>
            </w:r>
          </w:p>
          <w:p w:rsidR="00156FB3" w:rsidRDefault="00156FB3" w:rsidP="00156FB3">
            <w:r>
              <w:t>}</w:t>
            </w:r>
          </w:p>
          <w:p w:rsidR="00156FB3" w:rsidRDefault="00156FB3" w:rsidP="00156FB3"/>
          <w:p w:rsidR="00156FB3" w:rsidRDefault="00156FB3" w:rsidP="00156FB3">
            <w:r>
              <w:t>.fa-cart-plus:before {</w:t>
            </w:r>
          </w:p>
          <w:p w:rsidR="00156FB3" w:rsidRDefault="00156FB3" w:rsidP="00156FB3">
            <w:r>
              <w:lastRenderedPageBreak/>
              <w:t xml:space="preserve">    content: "\f217";</w:t>
            </w:r>
          </w:p>
          <w:p w:rsidR="00156FB3" w:rsidRDefault="00156FB3" w:rsidP="00156FB3">
            <w:r>
              <w:t>}</w:t>
            </w:r>
          </w:p>
          <w:p w:rsidR="00156FB3" w:rsidRDefault="00156FB3" w:rsidP="00156FB3"/>
          <w:p w:rsidR="00156FB3" w:rsidRDefault="00156FB3" w:rsidP="00156FB3">
            <w:r>
              <w:t>.fa-cash-register:before {</w:t>
            </w:r>
          </w:p>
          <w:p w:rsidR="00156FB3" w:rsidRDefault="00156FB3" w:rsidP="00156FB3">
            <w:r>
              <w:t xml:space="preserve">    content: "\f788";</w:t>
            </w:r>
          </w:p>
          <w:p w:rsidR="00156FB3" w:rsidRDefault="00156FB3" w:rsidP="00156FB3">
            <w:r>
              <w:t>}</w:t>
            </w:r>
          </w:p>
          <w:p w:rsidR="00156FB3" w:rsidRDefault="00156FB3" w:rsidP="00156FB3"/>
          <w:p w:rsidR="00156FB3" w:rsidRDefault="00156FB3" w:rsidP="00156FB3">
            <w:r>
              <w:t>.fa-cat:before {</w:t>
            </w:r>
          </w:p>
          <w:p w:rsidR="00156FB3" w:rsidRDefault="00156FB3" w:rsidP="00156FB3">
            <w:r>
              <w:t xml:space="preserve">    content: "\f6be";</w:t>
            </w:r>
          </w:p>
          <w:p w:rsidR="00156FB3" w:rsidRDefault="00156FB3" w:rsidP="00156FB3">
            <w:r>
              <w:t>}</w:t>
            </w:r>
          </w:p>
          <w:p w:rsidR="00156FB3" w:rsidRDefault="00156FB3" w:rsidP="00156FB3"/>
          <w:p w:rsidR="00156FB3" w:rsidRDefault="00156FB3" w:rsidP="00156FB3">
            <w:r>
              <w:t>.fa-cc-amazon-pay:before {</w:t>
            </w:r>
          </w:p>
          <w:p w:rsidR="00156FB3" w:rsidRDefault="00156FB3" w:rsidP="00156FB3">
            <w:r>
              <w:t xml:space="preserve">    content: "\f42d";</w:t>
            </w:r>
          </w:p>
          <w:p w:rsidR="00156FB3" w:rsidRDefault="00156FB3" w:rsidP="00156FB3">
            <w:r>
              <w:t>}</w:t>
            </w:r>
          </w:p>
          <w:p w:rsidR="00156FB3" w:rsidRDefault="00156FB3" w:rsidP="00156FB3"/>
          <w:p w:rsidR="00156FB3" w:rsidRDefault="00156FB3" w:rsidP="00156FB3">
            <w:r>
              <w:t>.fa-cc-amex:before {</w:t>
            </w:r>
          </w:p>
          <w:p w:rsidR="00156FB3" w:rsidRDefault="00156FB3" w:rsidP="00156FB3">
            <w:r>
              <w:t xml:space="preserve">    content: "\f1f3";</w:t>
            </w:r>
          </w:p>
          <w:p w:rsidR="00156FB3" w:rsidRDefault="00156FB3" w:rsidP="00156FB3">
            <w:r>
              <w:t>}</w:t>
            </w:r>
          </w:p>
          <w:p w:rsidR="00156FB3" w:rsidRDefault="00156FB3" w:rsidP="00156FB3"/>
          <w:p w:rsidR="00156FB3" w:rsidRDefault="00156FB3" w:rsidP="00156FB3">
            <w:r>
              <w:t>.fa-cc-apple-pay:before {</w:t>
            </w:r>
          </w:p>
          <w:p w:rsidR="00156FB3" w:rsidRDefault="00156FB3" w:rsidP="00156FB3">
            <w:r>
              <w:t xml:space="preserve">    content: "\f416";</w:t>
            </w:r>
          </w:p>
          <w:p w:rsidR="00156FB3" w:rsidRDefault="00156FB3" w:rsidP="00156FB3">
            <w:r>
              <w:t>}</w:t>
            </w:r>
          </w:p>
          <w:p w:rsidR="00156FB3" w:rsidRDefault="00156FB3" w:rsidP="00156FB3"/>
          <w:p w:rsidR="00156FB3" w:rsidRDefault="00156FB3" w:rsidP="00156FB3">
            <w:r>
              <w:t>.fa-cc-diners-club:before {</w:t>
            </w:r>
          </w:p>
          <w:p w:rsidR="00156FB3" w:rsidRDefault="00156FB3" w:rsidP="00156FB3">
            <w:r>
              <w:t xml:space="preserve">    content: "\f24c";</w:t>
            </w:r>
          </w:p>
          <w:p w:rsidR="00156FB3" w:rsidRDefault="00156FB3" w:rsidP="00156FB3">
            <w:r>
              <w:t>}</w:t>
            </w:r>
          </w:p>
          <w:p w:rsidR="00156FB3" w:rsidRDefault="00156FB3" w:rsidP="00156FB3"/>
          <w:p w:rsidR="00156FB3" w:rsidRDefault="00156FB3" w:rsidP="00156FB3">
            <w:r>
              <w:t>.fa-cc-discover:before {</w:t>
            </w:r>
          </w:p>
          <w:p w:rsidR="00156FB3" w:rsidRDefault="00156FB3" w:rsidP="00156FB3">
            <w:r>
              <w:t xml:space="preserve">    content: "\f1f2";</w:t>
            </w:r>
          </w:p>
          <w:p w:rsidR="00156FB3" w:rsidRDefault="00156FB3" w:rsidP="00156FB3">
            <w:r>
              <w:t>}</w:t>
            </w:r>
          </w:p>
          <w:p w:rsidR="00156FB3" w:rsidRDefault="00156FB3" w:rsidP="00156FB3"/>
          <w:p w:rsidR="00156FB3" w:rsidRDefault="00156FB3" w:rsidP="00156FB3">
            <w:r>
              <w:t>.fa-cc-jcb:before {</w:t>
            </w:r>
          </w:p>
          <w:p w:rsidR="00156FB3" w:rsidRDefault="00156FB3" w:rsidP="00156FB3">
            <w:r>
              <w:t xml:space="preserve">    content: "\f24b";</w:t>
            </w:r>
          </w:p>
          <w:p w:rsidR="00156FB3" w:rsidRDefault="00156FB3" w:rsidP="00156FB3">
            <w:r>
              <w:t>}</w:t>
            </w:r>
          </w:p>
          <w:p w:rsidR="00156FB3" w:rsidRDefault="00156FB3" w:rsidP="00156FB3"/>
          <w:p w:rsidR="00156FB3" w:rsidRDefault="00156FB3" w:rsidP="00156FB3">
            <w:r>
              <w:t>.fa-cc-mastercard:before {</w:t>
            </w:r>
          </w:p>
          <w:p w:rsidR="00156FB3" w:rsidRDefault="00156FB3" w:rsidP="00156FB3">
            <w:r>
              <w:t xml:space="preserve">    content: "\f1f1";</w:t>
            </w:r>
          </w:p>
          <w:p w:rsidR="00156FB3" w:rsidRDefault="00156FB3" w:rsidP="00156FB3">
            <w:r>
              <w:t>}</w:t>
            </w:r>
          </w:p>
          <w:p w:rsidR="00156FB3" w:rsidRDefault="00156FB3" w:rsidP="00156FB3"/>
          <w:p w:rsidR="00156FB3" w:rsidRDefault="00156FB3" w:rsidP="00156FB3">
            <w:r>
              <w:t>.fa-cc-paypal:before {</w:t>
            </w:r>
          </w:p>
          <w:p w:rsidR="00156FB3" w:rsidRDefault="00156FB3" w:rsidP="00156FB3">
            <w:r>
              <w:t xml:space="preserve">    content: "\f1f4";</w:t>
            </w:r>
          </w:p>
          <w:p w:rsidR="00156FB3" w:rsidRDefault="00156FB3" w:rsidP="00156FB3">
            <w:r>
              <w:t>}</w:t>
            </w:r>
          </w:p>
          <w:p w:rsidR="00156FB3" w:rsidRDefault="00156FB3" w:rsidP="00156FB3"/>
          <w:p w:rsidR="00156FB3" w:rsidRDefault="00156FB3" w:rsidP="00156FB3">
            <w:r>
              <w:t>.fa-cc-stripe:before {</w:t>
            </w:r>
          </w:p>
          <w:p w:rsidR="00156FB3" w:rsidRDefault="00156FB3" w:rsidP="00156FB3">
            <w:r>
              <w:t xml:space="preserve">    content: "\f1f5";</w:t>
            </w:r>
          </w:p>
          <w:p w:rsidR="00156FB3" w:rsidRDefault="00156FB3" w:rsidP="00156FB3">
            <w:r>
              <w:t>}</w:t>
            </w:r>
          </w:p>
          <w:p w:rsidR="00156FB3" w:rsidRDefault="00156FB3" w:rsidP="00156FB3"/>
          <w:p w:rsidR="00156FB3" w:rsidRDefault="00156FB3" w:rsidP="00156FB3">
            <w:r>
              <w:t>.fa-cc-visa:before {</w:t>
            </w:r>
          </w:p>
          <w:p w:rsidR="00156FB3" w:rsidRDefault="00156FB3" w:rsidP="00156FB3">
            <w:r>
              <w:lastRenderedPageBreak/>
              <w:t xml:space="preserve">    content: "\f1f0";</w:t>
            </w:r>
          </w:p>
          <w:p w:rsidR="00156FB3" w:rsidRDefault="00156FB3" w:rsidP="00156FB3">
            <w:r>
              <w:t>}</w:t>
            </w:r>
          </w:p>
          <w:p w:rsidR="00156FB3" w:rsidRDefault="00156FB3" w:rsidP="00156FB3"/>
          <w:p w:rsidR="00156FB3" w:rsidRDefault="00156FB3" w:rsidP="00156FB3">
            <w:r>
              <w:t>.fa-centercode:before {</w:t>
            </w:r>
          </w:p>
          <w:p w:rsidR="00156FB3" w:rsidRDefault="00156FB3" w:rsidP="00156FB3">
            <w:r>
              <w:t xml:space="preserve">    content: "\f380";</w:t>
            </w:r>
          </w:p>
          <w:p w:rsidR="00156FB3" w:rsidRDefault="00156FB3" w:rsidP="00156FB3">
            <w:r>
              <w:t>}</w:t>
            </w:r>
          </w:p>
          <w:p w:rsidR="00156FB3" w:rsidRDefault="00156FB3" w:rsidP="00156FB3"/>
          <w:p w:rsidR="00156FB3" w:rsidRDefault="00156FB3" w:rsidP="00156FB3">
            <w:r>
              <w:t>.fa-centos:before {</w:t>
            </w:r>
          </w:p>
          <w:p w:rsidR="00156FB3" w:rsidRDefault="00156FB3" w:rsidP="00156FB3">
            <w:r>
              <w:t xml:space="preserve">    content: "\f789";</w:t>
            </w:r>
          </w:p>
          <w:p w:rsidR="00156FB3" w:rsidRDefault="00156FB3" w:rsidP="00156FB3">
            <w:r>
              <w:t>}</w:t>
            </w:r>
          </w:p>
          <w:p w:rsidR="00156FB3" w:rsidRDefault="00156FB3" w:rsidP="00156FB3"/>
          <w:p w:rsidR="00156FB3" w:rsidRDefault="00156FB3" w:rsidP="00156FB3">
            <w:r>
              <w:t>.fa-certificate:before {</w:t>
            </w:r>
          </w:p>
          <w:p w:rsidR="00156FB3" w:rsidRDefault="00156FB3" w:rsidP="00156FB3">
            <w:r>
              <w:t xml:space="preserve">    content: "\f0a3";</w:t>
            </w:r>
          </w:p>
          <w:p w:rsidR="00156FB3" w:rsidRDefault="00156FB3" w:rsidP="00156FB3">
            <w:r>
              <w:t>}</w:t>
            </w:r>
          </w:p>
          <w:p w:rsidR="00156FB3" w:rsidRDefault="00156FB3" w:rsidP="00156FB3"/>
          <w:p w:rsidR="00156FB3" w:rsidRDefault="00156FB3" w:rsidP="00156FB3">
            <w:r>
              <w:t>.fa-chair:before {</w:t>
            </w:r>
          </w:p>
          <w:p w:rsidR="00156FB3" w:rsidRDefault="00156FB3" w:rsidP="00156FB3">
            <w:r>
              <w:t xml:space="preserve">    content: "\f6c0";</w:t>
            </w:r>
          </w:p>
          <w:p w:rsidR="00156FB3" w:rsidRDefault="00156FB3" w:rsidP="00156FB3">
            <w:r>
              <w:t>}</w:t>
            </w:r>
          </w:p>
          <w:p w:rsidR="00156FB3" w:rsidRDefault="00156FB3" w:rsidP="00156FB3"/>
          <w:p w:rsidR="00156FB3" w:rsidRDefault="00156FB3" w:rsidP="00156FB3">
            <w:r>
              <w:t>.fa-chalkboard:before {</w:t>
            </w:r>
          </w:p>
          <w:p w:rsidR="00156FB3" w:rsidRDefault="00156FB3" w:rsidP="00156FB3">
            <w:r>
              <w:t xml:space="preserve">    content: "\f51b";</w:t>
            </w:r>
          </w:p>
          <w:p w:rsidR="00156FB3" w:rsidRDefault="00156FB3" w:rsidP="00156FB3">
            <w:r>
              <w:t>}</w:t>
            </w:r>
          </w:p>
          <w:p w:rsidR="00156FB3" w:rsidRDefault="00156FB3" w:rsidP="00156FB3"/>
          <w:p w:rsidR="00156FB3" w:rsidRDefault="00156FB3" w:rsidP="00156FB3">
            <w:r>
              <w:t>.fa-chalkboard-teacher:before {</w:t>
            </w:r>
          </w:p>
          <w:p w:rsidR="00156FB3" w:rsidRDefault="00156FB3" w:rsidP="00156FB3">
            <w:r>
              <w:t xml:space="preserve">    content: "\f51c";</w:t>
            </w:r>
          </w:p>
          <w:p w:rsidR="00156FB3" w:rsidRDefault="00156FB3" w:rsidP="00156FB3">
            <w:r>
              <w:t>}</w:t>
            </w:r>
          </w:p>
          <w:p w:rsidR="00156FB3" w:rsidRDefault="00156FB3" w:rsidP="00156FB3"/>
          <w:p w:rsidR="00156FB3" w:rsidRDefault="00156FB3" w:rsidP="00156FB3">
            <w:r>
              <w:t>.fa-charging-station:before {</w:t>
            </w:r>
          </w:p>
          <w:p w:rsidR="00156FB3" w:rsidRDefault="00156FB3" w:rsidP="00156FB3">
            <w:r>
              <w:t xml:space="preserve">    content: "\f5e7";</w:t>
            </w:r>
          </w:p>
          <w:p w:rsidR="00156FB3" w:rsidRDefault="00156FB3" w:rsidP="00156FB3">
            <w:r>
              <w:t>}</w:t>
            </w:r>
          </w:p>
          <w:p w:rsidR="00156FB3" w:rsidRDefault="00156FB3" w:rsidP="00156FB3"/>
          <w:p w:rsidR="00156FB3" w:rsidRDefault="00156FB3" w:rsidP="00156FB3">
            <w:r>
              <w:t>.fa-chart-area:before {</w:t>
            </w:r>
          </w:p>
          <w:p w:rsidR="00156FB3" w:rsidRDefault="00156FB3" w:rsidP="00156FB3">
            <w:r>
              <w:t xml:space="preserve">    content: "\f1fe";</w:t>
            </w:r>
          </w:p>
          <w:p w:rsidR="00156FB3" w:rsidRDefault="00156FB3" w:rsidP="00156FB3">
            <w:r>
              <w:t>}</w:t>
            </w:r>
          </w:p>
          <w:p w:rsidR="00156FB3" w:rsidRDefault="00156FB3" w:rsidP="00156FB3"/>
          <w:p w:rsidR="00156FB3" w:rsidRDefault="00156FB3" w:rsidP="00156FB3">
            <w:r>
              <w:t>.fa-chart-bar:before {</w:t>
            </w:r>
          </w:p>
          <w:p w:rsidR="00156FB3" w:rsidRDefault="00156FB3" w:rsidP="00156FB3">
            <w:r>
              <w:t xml:space="preserve">    content: "\f080";</w:t>
            </w:r>
          </w:p>
          <w:p w:rsidR="00156FB3" w:rsidRDefault="00156FB3" w:rsidP="00156FB3">
            <w:r>
              <w:t>}</w:t>
            </w:r>
          </w:p>
          <w:p w:rsidR="00156FB3" w:rsidRDefault="00156FB3" w:rsidP="00156FB3"/>
          <w:p w:rsidR="00156FB3" w:rsidRDefault="00156FB3" w:rsidP="00156FB3">
            <w:r>
              <w:t>.fa-chart-line:before {</w:t>
            </w:r>
          </w:p>
          <w:p w:rsidR="00156FB3" w:rsidRDefault="00156FB3" w:rsidP="00156FB3">
            <w:r>
              <w:t xml:space="preserve">    content: "\f201";</w:t>
            </w:r>
          </w:p>
          <w:p w:rsidR="00156FB3" w:rsidRDefault="00156FB3" w:rsidP="00156FB3">
            <w:r>
              <w:t>}</w:t>
            </w:r>
          </w:p>
          <w:p w:rsidR="00156FB3" w:rsidRDefault="00156FB3" w:rsidP="00156FB3"/>
          <w:p w:rsidR="00156FB3" w:rsidRDefault="00156FB3" w:rsidP="00156FB3">
            <w:r>
              <w:t>.fa-chart-pie:before {</w:t>
            </w:r>
          </w:p>
          <w:p w:rsidR="00156FB3" w:rsidRDefault="00156FB3" w:rsidP="00156FB3">
            <w:r>
              <w:t xml:space="preserve">    content: "\f200";</w:t>
            </w:r>
          </w:p>
          <w:p w:rsidR="00156FB3" w:rsidRDefault="00156FB3" w:rsidP="00156FB3">
            <w:r>
              <w:t>}</w:t>
            </w:r>
          </w:p>
          <w:p w:rsidR="00156FB3" w:rsidRDefault="00156FB3" w:rsidP="00156FB3"/>
          <w:p w:rsidR="00156FB3" w:rsidRDefault="00156FB3" w:rsidP="00156FB3">
            <w:r>
              <w:t>.fa-check:before {</w:t>
            </w:r>
          </w:p>
          <w:p w:rsidR="00156FB3" w:rsidRDefault="00156FB3" w:rsidP="00156FB3">
            <w:r>
              <w:lastRenderedPageBreak/>
              <w:t xml:space="preserve">    content: "\f00c";</w:t>
            </w:r>
          </w:p>
          <w:p w:rsidR="00156FB3" w:rsidRDefault="00156FB3" w:rsidP="00156FB3">
            <w:r>
              <w:t>}</w:t>
            </w:r>
          </w:p>
          <w:p w:rsidR="00156FB3" w:rsidRDefault="00156FB3" w:rsidP="00156FB3"/>
          <w:p w:rsidR="00156FB3" w:rsidRDefault="00156FB3" w:rsidP="00156FB3">
            <w:r>
              <w:t>.fa-check-circle:before {</w:t>
            </w:r>
          </w:p>
          <w:p w:rsidR="00156FB3" w:rsidRDefault="00156FB3" w:rsidP="00156FB3">
            <w:r>
              <w:t xml:space="preserve">    content: "\f058";</w:t>
            </w:r>
          </w:p>
          <w:p w:rsidR="00156FB3" w:rsidRDefault="00156FB3" w:rsidP="00156FB3">
            <w:r>
              <w:t>}</w:t>
            </w:r>
          </w:p>
          <w:p w:rsidR="00156FB3" w:rsidRDefault="00156FB3" w:rsidP="00156FB3"/>
          <w:p w:rsidR="00156FB3" w:rsidRDefault="00156FB3" w:rsidP="00156FB3">
            <w:r>
              <w:t>.fa-check-double:before {</w:t>
            </w:r>
          </w:p>
          <w:p w:rsidR="00156FB3" w:rsidRDefault="00156FB3" w:rsidP="00156FB3">
            <w:r>
              <w:t xml:space="preserve">    content: "\f560";</w:t>
            </w:r>
          </w:p>
          <w:p w:rsidR="00156FB3" w:rsidRDefault="00156FB3" w:rsidP="00156FB3">
            <w:r>
              <w:t>}</w:t>
            </w:r>
          </w:p>
          <w:p w:rsidR="00156FB3" w:rsidRDefault="00156FB3" w:rsidP="00156FB3"/>
          <w:p w:rsidR="00156FB3" w:rsidRDefault="00156FB3" w:rsidP="00156FB3">
            <w:r>
              <w:t>.fa-check-square:before {</w:t>
            </w:r>
          </w:p>
          <w:p w:rsidR="00156FB3" w:rsidRDefault="00156FB3" w:rsidP="00156FB3">
            <w:r>
              <w:t xml:space="preserve">    content: "\f14a";</w:t>
            </w:r>
          </w:p>
          <w:p w:rsidR="00156FB3" w:rsidRDefault="00156FB3" w:rsidP="00156FB3">
            <w:r>
              <w:t>}</w:t>
            </w:r>
          </w:p>
          <w:p w:rsidR="00156FB3" w:rsidRDefault="00156FB3" w:rsidP="00156FB3"/>
          <w:p w:rsidR="00156FB3" w:rsidRDefault="00156FB3" w:rsidP="00156FB3">
            <w:r>
              <w:t>.fa-cheese:before {</w:t>
            </w:r>
          </w:p>
          <w:p w:rsidR="00156FB3" w:rsidRDefault="00156FB3" w:rsidP="00156FB3">
            <w:r>
              <w:t xml:space="preserve">    content: "\f7ef";</w:t>
            </w:r>
          </w:p>
          <w:p w:rsidR="00156FB3" w:rsidRDefault="00156FB3" w:rsidP="00156FB3">
            <w:r>
              <w:t>}</w:t>
            </w:r>
          </w:p>
          <w:p w:rsidR="00156FB3" w:rsidRDefault="00156FB3" w:rsidP="00156FB3"/>
          <w:p w:rsidR="00156FB3" w:rsidRDefault="00156FB3" w:rsidP="00156FB3">
            <w:r>
              <w:t>.fa-chess:before {</w:t>
            </w:r>
          </w:p>
          <w:p w:rsidR="00156FB3" w:rsidRDefault="00156FB3" w:rsidP="00156FB3">
            <w:r>
              <w:t xml:space="preserve">    content: "\f439";</w:t>
            </w:r>
          </w:p>
          <w:p w:rsidR="00156FB3" w:rsidRDefault="00156FB3" w:rsidP="00156FB3">
            <w:r>
              <w:t>}</w:t>
            </w:r>
          </w:p>
          <w:p w:rsidR="00156FB3" w:rsidRDefault="00156FB3" w:rsidP="00156FB3"/>
          <w:p w:rsidR="00156FB3" w:rsidRDefault="00156FB3" w:rsidP="00156FB3">
            <w:r>
              <w:t>.fa-chess-bishop:before {</w:t>
            </w:r>
          </w:p>
          <w:p w:rsidR="00156FB3" w:rsidRDefault="00156FB3" w:rsidP="00156FB3">
            <w:r>
              <w:t xml:space="preserve">    content: "\f43a";</w:t>
            </w:r>
          </w:p>
          <w:p w:rsidR="00156FB3" w:rsidRDefault="00156FB3" w:rsidP="00156FB3">
            <w:r>
              <w:t>}</w:t>
            </w:r>
          </w:p>
          <w:p w:rsidR="00156FB3" w:rsidRDefault="00156FB3" w:rsidP="00156FB3"/>
          <w:p w:rsidR="00156FB3" w:rsidRDefault="00156FB3" w:rsidP="00156FB3">
            <w:r>
              <w:t>.fa-chess-board:before {</w:t>
            </w:r>
          </w:p>
          <w:p w:rsidR="00156FB3" w:rsidRDefault="00156FB3" w:rsidP="00156FB3">
            <w:r>
              <w:t xml:space="preserve">    content: "\f43c";</w:t>
            </w:r>
          </w:p>
          <w:p w:rsidR="00156FB3" w:rsidRDefault="00156FB3" w:rsidP="00156FB3">
            <w:r>
              <w:t>}</w:t>
            </w:r>
          </w:p>
          <w:p w:rsidR="00156FB3" w:rsidRDefault="00156FB3" w:rsidP="00156FB3"/>
          <w:p w:rsidR="00156FB3" w:rsidRDefault="00156FB3" w:rsidP="00156FB3">
            <w:r>
              <w:t>.fa-chess-king:before {</w:t>
            </w:r>
          </w:p>
          <w:p w:rsidR="00156FB3" w:rsidRDefault="00156FB3" w:rsidP="00156FB3">
            <w:r>
              <w:t xml:space="preserve">    content: "\f43f";</w:t>
            </w:r>
          </w:p>
          <w:p w:rsidR="00156FB3" w:rsidRDefault="00156FB3" w:rsidP="00156FB3">
            <w:r>
              <w:t>}</w:t>
            </w:r>
          </w:p>
          <w:p w:rsidR="00156FB3" w:rsidRDefault="00156FB3" w:rsidP="00156FB3"/>
          <w:p w:rsidR="00156FB3" w:rsidRDefault="00156FB3" w:rsidP="00156FB3">
            <w:r>
              <w:t>.fa-chess-knight:before {</w:t>
            </w:r>
          </w:p>
          <w:p w:rsidR="00156FB3" w:rsidRDefault="00156FB3" w:rsidP="00156FB3">
            <w:r>
              <w:t xml:space="preserve">    content: "\f441";</w:t>
            </w:r>
          </w:p>
          <w:p w:rsidR="00156FB3" w:rsidRDefault="00156FB3" w:rsidP="00156FB3">
            <w:r>
              <w:t>}</w:t>
            </w:r>
          </w:p>
          <w:p w:rsidR="00156FB3" w:rsidRDefault="00156FB3" w:rsidP="00156FB3"/>
          <w:p w:rsidR="00156FB3" w:rsidRDefault="00156FB3" w:rsidP="00156FB3">
            <w:r>
              <w:t>.fa-chess-pawn:before {</w:t>
            </w:r>
          </w:p>
          <w:p w:rsidR="00156FB3" w:rsidRDefault="00156FB3" w:rsidP="00156FB3">
            <w:r>
              <w:t xml:space="preserve">    content: "\f443";</w:t>
            </w:r>
          </w:p>
          <w:p w:rsidR="00156FB3" w:rsidRDefault="00156FB3" w:rsidP="00156FB3">
            <w:r>
              <w:t>}</w:t>
            </w:r>
          </w:p>
          <w:p w:rsidR="00156FB3" w:rsidRDefault="00156FB3" w:rsidP="00156FB3"/>
          <w:p w:rsidR="00156FB3" w:rsidRDefault="00156FB3" w:rsidP="00156FB3">
            <w:r>
              <w:t>.fa-chess-queen:before {</w:t>
            </w:r>
          </w:p>
          <w:p w:rsidR="00156FB3" w:rsidRDefault="00156FB3" w:rsidP="00156FB3">
            <w:r>
              <w:t xml:space="preserve">    content: "\f445";</w:t>
            </w:r>
          </w:p>
          <w:p w:rsidR="00156FB3" w:rsidRDefault="00156FB3" w:rsidP="00156FB3">
            <w:r>
              <w:t>}</w:t>
            </w:r>
          </w:p>
          <w:p w:rsidR="00156FB3" w:rsidRDefault="00156FB3" w:rsidP="00156FB3"/>
          <w:p w:rsidR="00156FB3" w:rsidRDefault="00156FB3" w:rsidP="00156FB3">
            <w:r>
              <w:t>.fa-chess-rook:before {</w:t>
            </w:r>
          </w:p>
          <w:p w:rsidR="00156FB3" w:rsidRDefault="00156FB3" w:rsidP="00156FB3">
            <w:r>
              <w:lastRenderedPageBreak/>
              <w:t xml:space="preserve">    content: "\f447";</w:t>
            </w:r>
          </w:p>
          <w:p w:rsidR="00156FB3" w:rsidRDefault="00156FB3" w:rsidP="00156FB3">
            <w:r>
              <w:t>}</w:t>
            </w:r>
          </w:p>
          <w:p w:rsidR="00156FB3" w:rsidRDefault="00156FB3" w:rsidP="00156FB3"/>
          <w:p w:rsidR="00156FB3" w:rsidRDefault="00156FB3" w:rsidP="00156FB3">
            <w:r>
              <w:t>.fa-chevron-circle-down:before {</w:t>
            </w:r>
          </w:p>
          <w:p w:rsidR="00156FB3" w:rsidRDefault="00156FB3" w:rsidP="00156FB3">
            <w:r>
              <w:t xml:space="preserve">    content: "\f13a";</w:t>
            </w:r>
          </w:p>
          <w:p w:rsidR="00156FB3" w:rsidRDefault="00156FB3" w:rsidP="00156FB3">
            <w:r>
              <w:t>}</w:t>
            </w:r>
          </w:p>
          <w:p w:rsidR="00156FB3" w:rsidRDefault="00156FB3" w:rsidP="00156FB3"/>
          <w:p w:rsidR="00156FB3" w:rsidRDefault="00156FB3" w:rsidP="00156FB3">
            <w:r>
              <w:t>.fa-chevron-circle-left:before {</w:t>
            </w:r>
          </w:p>
          <w:p w:rsidR="00156FB3" w:rsidRDefault="00156FB3" w:rsidP="00156FB3">
            <w:r>
              <w:t xml:space="preserve">    content: "\f137";</w:t>
            </w:r>
          </w:p>
          <w:p w:rsidR="00156FB3" w:rsidRDefault="00156FB3" w:rsidP="00156FB3">
            <w:r>
              <w:t>}</w:t>
            </w:r>
          </w:p>
          <w:p w:rsidR="00156FB3" w:rsidRDefault="00156FB3" w:rsidP="00156FB3"/>
          <w:p w:rsidR="00156FB3" w:rsidRDefault="00156FB3" w:rsidP="00156FB3">
            <w:r>
              <w:t>.fa-chevron-circle-right:before {</w:t>
            </w:r>
          </w:p>
          <w:p w:rsidR="00156FB3" w:rsidRDefault="00156FB3" w:rsidP="00156FB3">
            <w:r>
              <w:t xml:space="preserve">    content: "\f138";</w:t>
            </w:r>
          </w:p>
          <w:p w:rsidR="00156FB3" w:rsidRDefault="00156FB3" w:rsidP="00156FB3">
            <w:r>
              <w:t>}</w:t>
            </w:r>
          </w:p>
          <w:p w:rsidR="00156FB3" w:rsidRDefault="00156FB3" w:rsidP="00156FB3"/>
          <w:p w:rsidR="00156FB3" w:rsidRDefault="00156FB3" w:rsidP="00156FB3">
            <w:r>
              <w:t>.fa-chevron-circle-up:before {</w:t>
            </w:r>
          </w:p>
          <w:p w:rsidR="00156FB3" w:rsidRDefault="00156FB3" w:rsidP="00156FB3">
            <w:r>
              <w:t xml:space="preserve">    content: "\f139";</w:t>
            </w:r>
          </w:p>
          <w:p w:rsidR="00156FB3" w:rsidRDefault="00156FB3" w:rsidP="00156FB3">
            <w:r>
              <w:t>}</w:t>
            </w:r>
          </w:p>
          <w:p w:rsidR="00156FB3" w:rsidRDefault="00156FB3" w:rsidP="00156FB3"/>
          <w:p w:rsidR="00156FB3" w:rsidRDefault="00156FB3" w:rsidP="00156FB3">
            <w:r>
              <w:t>.fa-chevron-down:before {</w:t>
            </w:r>
          </w:p>
          <w:p w:rsidR="00156FB3" w:rsidRDefault="00156FB3" w:rsidP="00156FB3">
            <w:r>
              <w:t xml:space="preserve">    content: "\f078";</w:t>
            </w:r>
          </w:p>
          <w:p w:rsidR="00156FB3" w:rsidRDefault="00156FB3" w:rsidP="00156FB3">
            <w:r>
              <w:t>}</w:t>
            </w:r>
          </w:p>
          <w:p w:rsidR="00156FB3" w:rsidRDefault="00156FB3" w:rsidP="00156FB3"/>
          <w:p w:rsidR="00156FB3" w:rsidRDefault="00156FB3" w:rsidP="00156FB3">
            <w:r>
              <w:t>.fa-chevron-left:before {</w:t>
            </w:r>
          </w:p>
          <w:p w:rsidR="00156FB3" w:rsidRDefault="00156FB3" w:rsidP="00156FB3">
            <w:r>
              <w:t xml:space="preserve">    content: "\f053";</w:t>
            </w:r>
          </w:p>
          <w:p w:rsidR="00156FB3" w:rsidRDefault="00156FB3" w:rsidP="00156FB3">
            <w:r>
              <w:t>}</w:t>
            </w:r>
          </w:p>
          <w:p w:rsidR="00156FB3" w:rsidRDefault="00156FB3" w:rsidP="00156FB3"/>
          <w:p w:rsidR="00156FB3" w:rsidRDefault="00156FB3" w:rsidP="00156FB3">
            <w:r>
              <w:t>.fa-chevron-right:before {</w:t>
            </w:r>
          </w:p>
          <w:p w:rsidR="00156FB3" w:rsidRDefault="00156FB3" w:rsidP="00156FB3">
            <w:r>
              <w:t xml:space="preserve">    content: "\f054";</w:t>
            </w:r>
          </w:p>
          <w:p w:rsidR="00156FB3" w:rsidRDefault="00156FB3" w:rsidP="00156FB3">
            <w:r>
              <w:t>}</w:t>
            </w:r>
          </w:p>
          <w:p w:rsidR="00156FB3" w:rsidRDefault="00156FB3" w:rsidP="00156FB3"/>
          <w:p w:rsidR="00156FB3" w:rsidRDefault="00156FB3" w:rsidP="00156FB3">
            <w:r>
              <w:t>.fa-chevron-up:before {</w:t>
            </w:r>
          </w:p>
          <w:p w:rsidR="00156FB3" w:rsidRDefault="00156FB3" w:rsidP="00156FB3">
            <w:r>
              <w:t xml:space="preserve">    content: "\f077";</w:t>
            </w:r>
          </w:p>
          <w:p w:rsidR="00156FB3" w:rsidRDefault="00156FB3" w:rsidP="00156FB3">
            <w:r>
              <w:t>}</w:t>
            </w:r>
          </w:p>
          <w:p w:rsidR="00156FB3" w:rsidRDefault="00156FB3" w:rsidP="00156FB3"/>
          <w:p w:rsidR="00156FB3" w:rsidRDefault="00156FB3" w:rsidP="00156FB3">
            <w:r>
              <w:t>.fa-child:before {</w:t>
            </w:r>
          </w:p>
          <w:p w:rsidR="00156FB3" w:rsidRDefault="00156FB3" w:rsidP="00156FB3">
            <w:r>
              <w:t xml:space="preserve">    content: "\f1ae";</w:t>
            </w:r>
          </w:p>
          <w:p w:rsidR="00156FB3" w:rsidRDefault="00156FB3" w:rsidP="00156FB3">
            <w:r>
              <w:t>}</w:t>
            </w:r>
          </w:p>
          <w:p w:rsidR="00156FB3" w:rsidRDefault="00156FB3" w:rsidP="00156FB3"/>
          <w:p w:rsidR="00156FB3" w:rsidRDefault="00156FB3" w:rsidP="00156FB3">
            <w:r>
              <w:t>.fa-chrome:before {</w:t>
            </w:r>
          </w:p>
          <w:p w:rsidR="00156FB3" w:rsidRDefault="00156FB3" w:rsidP="00156FB3">
            <w:r>
              <w:t xml:space="preserve">    content: "\f268";</w:t>
            </w:r>
          </w:p>
          <w:p w:rsidR="00156FB3" w:rsidRDefault="00156FB3" w:rsidP="00156FB3">
            <w:r>
              <w:t>}</w:t>
            </w:r>
          </w:p>
          <w:p w:rsidR="00156FB3" w:rsidRDefault="00156FB3" w:rsidP="00156FB3"/>
          <w:p w:rsidR="00156FB3" w:rsidRDefault="00156FB3" w:rsidP="00156FB3">
            <w:r>
              <w:t>.fa-chromecast:before {</w:t>
            </w:r>
          </w:p>
          <w:p w:rsidR="00156FB3" w:rsidRDefault="00156FB3" w:rsidP="00156FB3">
            <w:r>
              <w:t xml:space="preserve">    content: "\f838";</w:t>
            </w:r>
          </w:p>
          <w:p w:rsidR="00156FB3" w:rsidRDefault="00156FB3" w:rsidP="00156FB3">
            <w:r>
              <w:t>}</w:t>
            </w:r>
          </w:p>
          <w:p w:rsidR="00156FB3" w:rsidRDefault="00156FB3" w:rsidP="00156FB3"/>
          <w:p w:rsidR="00156FB3" w:rsidRDefault="00156FB3" w:rsidP="00156FB3">
            <w:r>
              <w:t>.fa-church:before {</w:t>
            </w:r>
          </w:p>
          <w:p w:rsidR="00156FB3" w:rsidRDefault="00156FB3" w:rsidP="00156FB3">
            <w:r>
              <w:lastRenderedPageBreak/>
              <w:t xml:space="preserve">    content: "\f51d";</w:t>
            </w:r>
          </w:p>
          <w:p w:rsidR="00156FB3" w:rsidRDefault="00156FB3" w:rsidP="00156FB3">
            <w:r>
              <w:t>}</w:t>
            </w:r>
          </w:p>
          <w:p w:rsidR="00156FB3" w:rsidRDefault="00156FB3" w:rsidP="00156FB3"/>
          <w:p w:rsidR="00156FB3" w:rsidRDefault="00156FB3" w:rsidP="00156FB3">
            <w:r>
              <w:t>.fa-circle:before {</w:t>
            </w:r>
          </w:p>
          <w:p w:rsidR="00156FB3" w:rsidRDefault="00156FB3" w:rsidP="00156FB3">
            <w:r>
              <w:t xml:space="preserve">    content: "\f111";</w:t>
            </w:r>
          </w:p>
          <w:p w:rsidR="00156FB3" w:rsidRDefault="00156FB3" w:rsidP="00156FB3">
            <w:r>
              <w:t>}</w:t>
            </w:r>
          </w:p>
          <w:p w:rsidR="00156FB3" w:rsidRDefault="00156FB3" w:rsidP="00156FB3"/>
          <w:p w:rsidR="00156FB3" w:rsidRDefault="00156FB3" w:rsidP="00156FB3">
            <w:r>
              <w:t>.fa-circle-notch:before {</w:t>
            </w:r>
          </w:p>
          <w:p w:rsidR="00156FB3" w:rsidRDefault="00156FB3" w:rsidP="00156FB3">
            <w:r>
              <w:t xml:space="preserve">    content: "\f1ce";</w:t>
            </w:r>
          </w:p>
          <w:p w:rsidR="00156FB3" w:rsidRDefault="00156FB3" w:rsidP="00156FB3">
            <w:r>
              <w:t>}</w:t>
            </w:r>
          </w:p>
          <w:p w:rsidR="00156FB3" w:rsidRDefault="00156FB3" w:rsidP="00156FB3"/>
          <w:p w:rsidR="00156FB3" w:rsidRDefault="00156FB3" w:rsidP="00156FB3">
            <w:r>
              <w:t>.fa-city:before {</w:t>
            </w:r>
          </w:p>
          <w:p w:rsidR="00156FB3" w:rsidRDefault="00156FB3" w:rsidP="00156FB3">
            <w:r>
              <w:t xml:space="preserve">    content: "\f64f";</w:t>
            </w:r>
          </w:p>
          <w:p w:rsidR="00156FB3" w:rsidRDefault="00156FB3" w:rsidP="00156FB3">
            <w:r>
              <w:t>}</w:t>
            </w:r>
          </w:p>
          <w:p w:rsidR="00156FB3" w:rsidRDefault="00156FB3" w:rsidP="00156FB3"/>
          <w:p w:rsidR="00156FB3" w:rsidRDefault="00156FB3" w:rsidP="00156FB3">
            <w:r>
              <w:t>.fa-clinic-medical:before {</w:t>
            </w:r>
          </w:p>
          <w:p w:rsidR="00156FB3" w:rsidRDefault="00156FB3" w:rsidP="00156FB3">
            <w:r>
              <w:t xml:space="preserve">    content: "\f7f2";</w:t>
            </w:r>
          </w:p>
          <w:p w:rsidR="00156FB3" w:rsidRDefault="00156FB3" w:rsidP="00156FB3">
            <w:r>
              <w:t>}</w:t>
            </w:r>
          </w:p>
          <w:p w:rsidR="00156FB3" w:rsidRDefault="00156FB3" w:rsidP="00156FB3"/>
          <w:p w:rsidR="00156FB3" w:rsidRDefault="00156FB3" w:rsidP="00156FB3">
            <w:r>
              <w:t>.fa-clipboard:before {</w:t>
            </w:r>
          </w:p>
          <w:p w:rsidR="00156FB3" w:rsidRDefault="00156FB3" w:rsidP="00156FB3">
            <w:r>
              <w:t xml:space="preserve">    content: "\f328";</w:t>
            </w:r>
          </w:p>
          <w:p w:rsidR="00156FB3" w:rsidRDefault="00156FB3" w:rsidP="00156FB3">
            <w:r>
              <w:t>}</w:t>
            </w:r>
          </w:p>
          <w:p w:rsidR="00156FB3" w:rsidRDefault="00156FB3" w:rsidP="00156FB3"/>
          <w:p w:rsidR="00156FB3" w:rsidRDefault="00156FB3" w:rsidP="00156FB3">
            <w:r>
              <w:t>.fa-clipboard-check:before {</w:t>
            </w:r>
          </w:p>
          <w:p w:rsidR="00156FB3" w:rsidRDefault="00156FB3" w:rsidP="00156FB3">
            <w:r>
              <w:t xml:space="preserve">    content: "\f46c";</w:t>
            </w:r>
          </w:p>
          <w:p w:rsidR="00156FB3" w:rsidRDefault="00156FB3" w:rsidP="00156FB3">
            <w:r>
              <w:t>}</w:t>
            </w:r>
          </w:p>
          <w:p w:rsidR="00156FB3" w:rsidRDefault="00156FB3" w:rsidP="00156FB3"/>
          <w:p w:rsidR="00156FB3" w:rsidRDefault="00156FB3" w:rsidP="00156FB3">
            <w:r>
              <w:t>.fa-clipboard-list:before {</w:t>
            </w:r>
          </w:p>
          <w:p w:rsidR="00156FB3" w:rsidRDefault="00156FB3" w:rsidP="00156FB3">
            <w:r>
              <w:t xml:space="preserve">    content: "\f46d";</w:t>
            </w:r>
          </w:p>
          <w:p w:rsidR="00156FB3" w:rsidRDefault="00156FB3" w:rsidP="00156FB3">
            <w:r>
              <w:t>}</w:t>
            </w:r>
          </w:p>
          <w:p w:rsidR="00156FB3" w:rsidRDefault="00156FB3" w:rsidP="00156FB3"/>
          <w:p w:rsidR="00156FB3" w:rsidRDefault="00156FB3" w:rsidP="00156FB3">
            <w:r>
              <w:t>.fa-clock:before {</w:t>
            </w:r>
          </w:p>
          <w:p w:rsidR="00156FB3" w:rsidRDefault="00156FB3" w:rsidP="00156FB3">
            <w:r>
              <w:t xml:space="preserve">    content: "\f017";</w:t>
            </w:r>
          </w:p>
          <w:p w:rsidR="00156FB3" w:rsidRDefault="00156FB3" w:rsidP="00156FB3">
            <w:r>
              <w:t>}</w:t>
            </w:r>
          </w:p>
          <w:p w:rsidR="00156FB3" w:rsidRDefault="00156FB3" w:rsidP="00156FB3"/>
          <w:p w:rsidR="00156FB3" w:rsidRDefault="00156FB3" w:rsidP="00156FB3">
            <w:r>
              <w:t>.fa-clone:before {</w:t>
            </w:r>
          </w:p>
          <w:p w:rsidR="00156FB3" w:rsidRDefault="00156FB3" w:rsidP="00156FB3">
            <w:r>
              <w:t xml:space="preserve">    content: "\f24d";</w:t>
            </w:r>
          </w:p>
          <w:p w:rsidR="00156FB3" w:rsidRDefault="00156FB3" w:rsidP="00156FB3">
            <w:r>
              <w:t>}</w:t>
            </w:r>
          </w:p>
          <w:p w:rsidR="00156FB3" w:rsidRDefault="00156FB3" w:rsidP="00156FB3"/>
          <w:p w:rsidR="00156FB3" w:rsidRDefault="00156FB3" w:rsidP="00156FB3">
            <w:r>
              <w:t>.fa-closed-captioning:before {</w:t>
            </w:r>
          </w:p>
          <w:p w:rsidR="00156FB3" w:rsidRDefault="00156FB3" w:rsidP="00156FB3">
            <w:r>
              <w:t xml:space="preserve">    content: "\f20a";</w:t>
            </w:r>
          </w:p>
          <w:p w:rsidR="00156FB3" w:rsidRDefault="00156FB3" w:rsidP="00156FB3">
            <w:r>
              <w:t>}</w:t>
            </w:r>
          </w:p>
          <w:p w:rsidR="00156FB3" w:rsidRDefault="00156FB3" w:rsidP="00156FB3"/>
          <w:p w:rsidR="00156FB3" w:rsidRDefault="00156FB3" w:rsidP="00156FB3">
            <w:r>
              <w:t>.fa-cloud:before {</w:t>
            </w:r>
          </w:p>
          <w:p w:rsidR="00156FB3" w:rsidRDefault="00156FB3" w:rsidP="00156FB3">
            <w:r>
              <w:t xml:space="preserve">    content: "\f0c2";</w:t>
            </w:r>
          </w:p>
          <w:p w:rsidR="00156FB3" w:rsidRDefault="00156FB3" w:rsidP="00156FB3">
            <w:r>
              <w:t>}</w:t>
            </w:r>
          </w:p>
          <w:p w:rsidR="00156FB3" w:rsidRDefault="00156FB3" w:rsidP="00156FB3"/>
          <w:p w:rsidR="00156FB3" w:rsidRDefault="00156FB3" w:rsidP="00156FB3">
            <w:r>
              <w:t>.fa-cloud-download-alt:before {</w:t>
            </w:r>
          </w:p>
          <w:p w:rsidR="00156FB3" w:rsidRDefault="00156FB3" w:rsidP="00156FB3">
            <w:r>
              <w:lastRenderedPageBreak/>
              <w:t xml:space="preserve">    content: "\f381";</w:t>
            </w:r>
          </w:p>
          <w:p w:rsidR="00156FB3" w:rsidRDefault="00156FB3" w:rsidP="00156FB3">
            <w:r>
              <w:t>}</w:t>
            </w:r>
          </w:p>
          <w:p w:rsidR="00156FB3" w:rsidRDefault="00156FB3" w:rsidP="00156FB3"/>
          <w:p w:rsidR="00156FB3" w:rsidRDefault="00156FB3" w:rsidP="00156FB3">
            <w:r>
              <w:t>.fa-cloud-meatball:before {</w:t>
            </w:r>
          </w:p>
          <w:p w:rsidR="00156FB3" w:rsidRDefault="00156FB3" w:rsidP="00156FB3">
            <w:r>
              <w:t xml:space="preserve">    content: "\f73b";</w:t>
            </w:r>
          </w:p>
          <w:p w:rsidR="00156FB3" w:rsidRDefault="00156FB3" w:rsidP="00156FB3">
            <w:r>
              <w:t>}</w:t>
            </w:r>
          </w:p>
          <w:p w:rsidR="00156FB3" w:rsidRDefault="00156FB3" w:rsidP="00156FB3"/>
          <w:p w:rsidR="00156FB3" w:rsidRDefault="00156FB3" w:rsidP="00156FB3">
            <w:r>
              <w:t>.fa-cloud-moon:before {</w:t>
            </w:r>
          </w:p>
          <w:p w:rsidR="00156FB3" w:rsidRDefault="00156FB3" w:rsidP="00156FB3">
            <w:r>
              <w:t xml:space="preserve">    content: "\f6c3";</w:t>
            </w:r>
          </w:p>
          <w:p w:rsidR="00156FB3" w:rsidRDefault="00156FB3" w:rsidP="00156FB3">
            <w:r>
              <w:t>}</w:t>
            </w:r>
          </w:p>
          <w:p w:rsidR="00156FB3" w:rsidRDefault="00156FB3" w:rsidP="00156FB3"/>
          <w:p w:rsidR="00156FB3" w:rsidRDefault="00156FB3" w:rsidP="00156FB3">
            <w:r>
              <w:t>.fa-cloud-moon-rain:before {</w:t>
            </w:r>
          </w:p>
          <w:p w:rsidR="00156FB3" w:rsidRDefault="00156FB3" w:rsidP="00156FB3">
            <w:r>
              <w:t xml:space="preserve">    content: "\f73c";</w:t>
            </w:r>
          </w:p>
          <w:p w:rsidR="00156FB3" w:rsidRDefault="00156FB3" w:rsidP="00156FB3">
            <w:r>
              <w:t>}</w:t>
            </w:r>
          </w:p>
          <w:p w:rsidR="00156FB3" w:rsidRDefault="00156FB3" w:rsidP="00156FB3"/>
          <w:p w:rsidR="00156FB3" w:rsidRDefault="00156FB3" w:rsidP="00156FB3">
            <w:r>
              <w:t>.fa-cloud-rain:before {</w:t>
            </w:r>
          </w:p>
          <w:p w:rsidR="00156FB3" w:rsidRDefault="00156FB3" w:rsidP="00156FB3">
            <w:r>
              <w:t xml:space="preserve">    content: "\f73d";</w:t>
            </w:r>
          </w:p>
          <w:p w:rsidR="00156FB3" w:rsidRDefault="00156FB3" w:rsidP="00156FB3">
            <w:r>
              <w:t>}</w:t>
            </w:r>
          </w:p>
          <w:p w:rsidR="00156FB3" w:rsidRDefault="00156FB3" w:rsidP="00156FB3"/>
          <w:p w:rsidR="00156FB3" w:rsidRDefault="00156FB3" w:rsidP="00156FB3">
            <w:r>
              <w:t>.fa-cloud-showers-heavy:before {</w:t>
            </w:r>
          </w:p>
          <w:p w:rsidR="00156FB3" w:rsidRDefault="00156FB3" w:rsidP="00156FB3">
            <w:r>
              <w:t xml:space="preserve">    content: "\f740";</w:t>
            </w:r>
          </w:p>
          <w:p w:rsidR="00156FB3" w:rsidRDefault="00156FB3" w:rsidP="00156FB3">
            <w:r>
              <w:t>}</w:t>
            </w:r>
          </w:p>
          <w:p w:rsidR="00156FB3" w:rsidRDefault="00156FB3" w:rsidP="00156FB3"/>
          <w:p w:rsidR="00156FB3" w:rsidRDefault="00156FB3" w:rsidP="00156FB3">
            <w:r>
              <w:t>.fa-cloud-sun:before {</w:t>
            </w:r>
          </w:p>
          <w:p w:rsidR="00156FB3" w:rsidRDefault="00156FB3" w:rsidP="00156FB3">
            <w:r>
              <w:t xml:space="preserve">    content: "\f6c4";</w:t>
            </w:r>
          </w:p>
          <w:p w:rsidR="00156FB3" w:rsidRDefault="00156FB3" w:rsidP="00156FB3">
            <w:r>
              <w:t>}</w:t>
            </w:r>
          </w:p>
          <w:p w:rsidR="00156FB3" w:rsidRDefault="00156FB3" w:rsidP="00156FB3"/>
          <w:p w:rsidR="00156FB3" w:rsidRDefault="00156FB3" w:rsidP="00156FB3">
            <w:r>
              <w:t>.fa-cloud-sun-rain:before {</w:t>
            </w:r>
          </w:p>
          <w:p w:rsidR="00156FB3" w:rsidRDefault="00156FB3" w:rsidP="00156FB3">
            <w:r>
              <w:t xml:space="preserve">    content: "\f743";</w:t>
            </w:r>
          </w:p>
          <w:p w:rsidR="00156FB3" w:rsidRDefault="00156FB3" w:rsidP="00156FB3">
            <w:r>
              <w:t>}</w:t>
            </w:r>
          </w:p>
          <w:p w:rsidR="00156FB3" w:rsidRDefault="00156FB3" w:rsidP="00156FB3"/>
          <w:p w:rsidR="00156FB3" w:rsidRDefault="00156FB3" w:rsidP="00156FB3">
            <w:r>
              <w:t>.fa-cloud-upload-alt:before {</w:t>
            </w:r>
          </w:p>
          <w:p w:rsidR="00156FB3" w:rsidRDefault="00156FB3" w:rsidP="00156FB3">
            <w:r>
              <w:t xml:space="preserve">    content: "\f382";</w:t>
            </w:r>
          </w:p>
          <w:p w:rsidR="00156FB3" w:rsidRDefault="00156FB3" w:rsidP="00156FB3">
            <w:r>
              <w:t>}</w:t>
            </w:r>
          </w:p>
          <w:p w:rsidR="00156FB3" w:rsidRDefault="00156FB3" w:rsidP="00156FB3"/>
          <w:p w:rsidR="00156FB3" w:rsidRDefault="00156FB3" w:rsidP="00156FB3">
            <w:r>
              <w:t>.fa-cloudscale:before {</w:t>
            </w:r>
          </w:p>
          <w:p w:rsidR="00156FB3" w:rsidRDefault="00156FB3" w:rsidP="00156FB3">
            <w:r>
              <w:t xml:space="preserve">    content: "\f383";</w:t>
            </w:r>
          </w:p>
          <w:p w:rsidR="00156FB3" w:rsidRDefault="00156FB3" w:rsidP="00156FB3">
            <w:r>
              <w:t>}</w:t>
            </w:r>
          </w:p>
          <w:p w:rsidR="00156FB3" w:rsidRDefault="00156FB3" w:rsidP="00156FB3"/>
          <w:p w:rsidR="00156FB3" w:rsidRDefault="00156FB3" w:rsidP="00156FB3">
            <w:r>
              <w:t>.fa-cloudsmith:before {</w:t>
            </w:r>
          </w:p>
          <w:p w:rsidR="00156FB3" w:rsidRDefault="00156FB3" w:rsidP="00156FB3">
            <w:r>
              <w:t xml:space="preserve">    content: "\f384";</w:t>
            </w:r>
          </w:p>
          <w:p w:rsidR="00156FB3" w:rsidRDefault="00156FB3" w:rsidP="00156FB3">
            <w:r>
              <w:t>}</w:t>
            </w:r>
          </w:p>
          <w:p w:rsidR="00156FB3" w:rsidRDefault="00156FB3" w:rsidP="00156FB3"/>
          <w:p w:rsidR="00156FB3" w:rsidRDefault="00156FB3" w:rsidP="00156FB3">
            <w:r>
              <w:t>.fa-cloudversify:before {</w:t>
            </w:r>
          </w:p>
          <w:p w:rsidR="00156FB3" w:rsidRDefault="00156FB3" w:rsidP="00156FB3">
            <w:r>
              <w:t xml:space="preserve">    content: "\f385";</w:t>
            </w:r>
          </w:p>
          <w:p w:rsidR="00156FB3" w:rsidRDefault="00156FB3" w:rsidP="00156FB3">
            <w:r>
              <w:t>}</w:t>
            </w:r>
          </w:p>
          <w:p w:rsidR="00156FB3" w:rsidRDefault="00156FB3" w:rsidP="00156FB3"/>
          <w:p w:rsidR="00156FB3" w:rsidRDefault="00156FB3" w:rsidP="00156FB3">
            <w:r>
              <w:t>.fa-cocktail:before {</w:t>
            </w:r>
          </w:p>
          <w:p w:rsidR="00156FB3" w:rsidRDefault="00156FB3" w:rsidP="00156FB3">
            <w:r>
              <w:lastRenderedPageBreak/>
              <w:t xml:space="preserve">    content: "\f561";</w:t>
            </w:r>
          </w:p>
          <w:p w:rsidR="00156FB3" w:rsidRDefault="00156FB3" w:rsidP="00156FB3">
            <w:r>
              <w:t>}</w:t>
            </w:r>
          </w:p>
          <w:p w:rsidR="00156FB3" w:rsidRDefault="00156FB3" w:rsidP="00156FB3"/>
          <w:p w:rsidR="00156FB3" w:rsidRDefault="00156FB3" w:rsidP="00156FB3">
            <w:r>
              <w:t>.fa-code:before {</w:t>
            </w:r>
          </w:p>
          <w:p w:rsidR="00156FB3" w:rsidRDefault="00156FB3" w:rsidP="00156FB3">
            <w:r>
              <w:t xml:space="preserve">    content: "\f121";</w:t>
            </w:r>
          </w:p>
          <w:p w:rsidR="00156FB3" w:rsidRDefault="00156FB3" w:rsidP="00156FB3">
            <w:r>
              <w:t>}</w:t>
            </w:r>
          </w:p>
          <w:p w:rsidR="00156FB3" w:rsidRDefault="00156FB3" w:rsidP="00156FB3"/>
          <w:p w:rsidR="00156FB3" w:rsidRDefault="00156FB3" w:rsidP="00156FB3">
            <w:r>
              <w:t>.fa-code-branch:before {</w:t>
            </w:r>
          </w:p>
          <w:p w:rsidR="00156FB3" w:rsidRDefault="00156FB3" w:rsidP="00156FB3">
            <w:r>
              <w:t xml:space="preserve">    content: "\f126";</w:t>
            </w:r>
          </w:p>
          <w:p w:rsidR="00156FB3" w:rsidRDefault="00156FB3" w:rsidP="00156FB3">
            <w:r>
              <w:t>}</w:t>
            </w:r>
          </w:p>
          <w:p w:rsidR="00156FB3" w:rsidRDefault="00156FB3" w:rsidP="00156FB3"/>
          <w:p w:rsidR="00156FB3" w:rsidRDefault="00156FB3" w:rsidP="00156FB3">
            <w:r>
              <w:t>.fa-codepen:before {</w:t>
            </w:r>
          </w:p>
          <w:p w:rsidR="00156FB3" w:rsidRDefault="00156FB3" w:rsidP="00156FB3">
            <w:r>
              <w:t xml:space="preserve">    content: "\f1cb";</w:t>
            </w:r>
          </w:p>
          <w:p w:rsidR="00156FB3" w:rsidRDefault="00156FB3" w:rsidP="00156FB3">
            <w:r>
              <w:t>}</w:t>
            </w:r>
          </w:p>
          <w:p w:rsidR="00156FB3" w:rsidRDefault="00156FB3" w:rsidP="00156FB3"/>
          <w:p w:rsidR="00156FB3" w:rsidRDefault="00156FB3" w:rsidP="00156FB3">
            <w:r>
              <w:t>.fa-codiepie:before {</w:t>
            </w:r>
          </w:p>
          <w:p w:rsidR="00156FB3" w:rsidRDefault="00156FB3" w:rsidP="00156FB3">
            <w:r>
              <w:t xml:space="preserve">    content: "\f284";</w:t>
            </w:r>
          </w:p>
          <w:p w:rsidR="00156FB3" w:rsidRDefault="00156FB3" w:rsidP="00156FB3">
            <w:r>
              <w:t>}</w:t>
            </w:r>
          </w:p>
          <w:p w:rsidR="00156FB3" w:rsidRDefault="00156FB3" w:rsidP="00156FB3"/>
          <w:p w:rsidR="00156FB3" w:rsidRDefault="00156FB3" w:rsidP="00156FB3">
            <w:r>
              <w:t>.fa-coffee:before {</w:t>
            </w:r>
          </w:p>
          <w:p w:rsidR="00156FB3" w:rsidRDefault="00156FB3" w:rsidP="00156FB3">
            <w:r>
              <w:t xml:space="preserve">    content: "\f0f4";</w:t>
            </w:r>
          </w:p>
          <w:p w:rsidR="00156FB3" w:rsidRDefault="00156FB3" w:rsidP="00156FB3">
            <w:r>
              <w:t>}</w:t>
            </w:r>
          </w:p>
          <w:p w:rsidR="00156FB3" w:rsidRDefault="00156FB3" w:rsidP="00156FB3"/>
          <w:p w:rsidR="00156FB3" w:rsidRDefault="00156FB3" w:rsidP="00156FB3">
            <w:r>
              <w:t>.fa-cog:before {</w:t>
            </w:r>
          </w:p>
          <w:p w:rsidR="00156FB3" w:rsidRDefault="00156FB3" w:rsidP="00156FB3">
            <w:r>
              <w:t xml:space="preserve">    content: "\f013";</w:t>
            </w:r>
          </w:p>
          <w:p w:rsidR="00156FB3" w:rsidRDefault="00156FB3" w:rsidP="00156FB3">
            <w:r>
              <w:t>}</w:t>
            </w:r>
          </w:p>
          <w:p w:rsidR="00156FB3" w:rsidRDefault="00156FB3" w:rsidP="00156FB3"/>
          <w:p w:rsidR="00156FB3" w:rsidRDefault="00156FB3" w:rsidP="00156FB3">
            <w:r>
              <w:t>.fa-cogs:before {</w:t>
            </w:r>
          </w:p>
          <w:p w:rsidR="00156FB3" w:rsidRDefault="00156FB3" w:rsidP="00156FB3">
            <w:r>
              <w:t xml:space="preserve">    content: "\f085";</w:t>
            </w:r>
          </w:p>
          <w:p w:rsidR="00156FB3" w:rsidRDefault="00156FB3" w:rsidP="00156FB3">
            <w:r>
              <w:t>}</w:t>
            </w:r>
          </w:p>
          <w:p w:rsidR="00156FB3" w:rsidRDefault="00156FB3" w:rsidP="00156FB3"/>
          <w:p w:rsidR="00156FB3" w:rsidRDefault="00156FB3" w:rsidP="00156FB3">
            <w:r>
              <w:t>.fa-coins:before {</w:t>
            </w:r>
          </w:p>
          <w:p w:rsidR="00156FB3" w:rsidRDefault="00156FB3" w:rsidP="00156FB3">
            <w:r>
              <w:t xml:space="preserve">    content: "\f51e";</w:t>
            </w:r>
          </w:p>
          <w:p w:rsidR="00156FB3" w:rsidRDefault="00156FB3" w:rsidP="00156FB3">
            <w:r>
              <w:t>}</w:t>
            </w:r>
          </w:p>
          <w:p w:rsidR="00156FB3" w:rsidRDefault="00156FB3" w:rsidP="00156FB3"/>
          <w:p w:rsidR="00156FB3" w:rsidRDefault="00156FB3" w:rsidP="00156FB3">
            <w:r>
              <w:t>.fa-columns:before {</w:t>
            </w:r>
          </w:p>
          <w:p w:rsidR="00156FB3" w:rsidRDefault="00156FB3" w:rsidP="00156FB3">
            <w:r>
              <w:t xml:space="preserve">    content: "\f0db";</w:t>
            </w:r>
          </w:p>
          <w:p w:rsidR="00156FB3" w:rsidRDefault="00156FB3" w:rsidP="00156FB3">
            <w:r>
              <w:t>}</w:t>
            </w:r>
          </w:p>
          <w:p w:rsidR="00156FB3" w:rsidRDefault="00156FB3" w:rsidP="00156FB3"/>
          <w:p w:rsidR="00156FB3" w:rsidRDefault="00156FB3" w:rsidP="00156FB3">
            <w:r>
              <w:t>.fa-comment:before {</w:t>
            </w:r>
          </w:p>
          <w:p w:rsidR="00156FB3" w:rsidRDefault="00156FB3" w:rsidP="00156FB3">
            <w:r>
              <w:t xml:space="preserve">    content: "\f075";</w:t>
            </w:r>
          </w:p>
          <w:p w:rsidR="00156FB3" w:rsidRDefault="00156FB3" w:rsidP="00156FB3">
            <w:r>
              <w:t>}</w:t>
            </w:r>
          </w:p>
          <w:p w:rsidR="00156FB3" w:rsidRDefault="00156FB3" w:rsidP="00156FB3"/>
          <w:p w:rsidR="00156FB3" w:rsidRDefault="00156FB3" w:rsidP="00156FB3">
            <w:r>
              <w:t>.fa-comment-alt:before {</w:t>
            </w:r>
          </w:p>
          <w:p w:rsidR="00156FB3" w:rsidRDefault="00156FB3" w:rsidP="00156FB3">
            <w:r>
              <w:t xml:space="preserve">    content: "\f27a";</w:t>
            </w:r>
          </w:p>
          <w:p w:rsidR="00156FB3" w:rsidRDefault="00156FB3" w:rsidP="00156FB3">
            <w:r>
              <w:t>}</w:t>
            </w:r>
          </w:p>
          <w:p w:rsidR="00156FB3" w:rsidRDefault="00156FB3" w:rsidP="00156FB3"/>
          <w:p w:rsidR="00156FB3" w:rsidRDefault="00156FB3" w:rsidP="00156FB3">
            <w:r>
              <w:t>.fa-comment-dollar:before {</w:t>
            </w:r>
          </w:p>
          <w:p w:rsidR="00156FB3" w:rsidRDefault="00156FB3" w:rsidP="00156FB3">
            <w:r>
              <w:lastRenderedPageBreak/>
              <w:t xml:space="preserve">    content: "\f651";</w:t>
            </w:r>
          </w:p>
          <w:p w:rsidR="00156FB3" w:rsidRDefault="00156FB3" w:rsidP="00156FB3">
            <w:r>
              <w:t>}</w:t>
            </w:r>
          </w:p>
          <w:p w:rsidR="00156FB3" w:rsidRDefault="00156FB3" w:rsidP="00156FB3"/>
          <w:p w:rsidR="00156FB3" w:rsidRDefault="00156FB3" w:rsidP="00156FB3">
            <w:r>
              <w:t>.fa-comment-dots:before {</w:t>
            </w:r>
          </w:p>
          <w:p w:rsidR="00156FB3" w:rsidRDefault="00156FB3" w:rsidP="00156FB3">
            <w:r>
              <w:t xml:space="preserve">    content: "\f4ad";</w:t>
            </w:r>
          </w:p>
          <w:p w:rsidR="00156FB3" w:rsidRDefault="00156FB3" w:rsidP="00156FB3">
            <w:r>
              <w:t>}</w:t>
            </w:r>
          </w:p>
          <w:p w:rsidR="00156FB3" w:rsidRDefault="00156FB3" w:rsidP="00156FB3"/>
          <w:p w:rsidR="00156FB3" w:rsidRDefault="00156FB3" w:rsidP="00156FB3">
            <w:r>
              <w:t>.fa-comment-medical:before {</w:t>
            </w:r>
          </w:p>
          <w:p w:rsidR="00156FB3" w:rsidRDefault="00156FB3" w:rsidP="00156FB3">
            <w:r>
              <w:t xml:space="preserve">    content: "\f7f5";</w:t>
            </w:r>
          </w:p>
          <w:p w:rsidR="00156FB3" w:rsidRDefault="00156FB3" w:rsidP="00156FB3">
            <w:r>
              <w:t>}</w:t>
            </w:r>
          </w:p>
          <w:p w:rsidR="00156FB3" w:rsidRDefault="00156FB3" w:rsidP="00156FB3"/>
          <w:p w:rsidR="00156FB3" w:rsidRDefault="00156FB3" w:rsidP="00156FB3">
            <w:r>
              <w:t>.fa-comment-slash:before {</w:t>
            </w:r>
          </w:p>
          <w:p w:rsidR="00156FB3" w:rsidRDefault="00156FB3" w:rsidP="00156FB3">
            <w:r>
              <w:t xml:space="preserve">    content: "\f4b3";</w:t>
            </w:r>
          </w:p>
          <w:p w:rsidR="00156FB3" w:rsidRDefault="00156FB3" w:rsidP="00156FB3">
            <w:r>
              <w:t>}</w:t>
            </w:r>
          </w:p>
          <w:p w:rsidR="00156FB3" w:rsidRDefault="00156FB3" w:rsidP="00156FB3"/>
          <w:p w:rsidR="00156FB3" w:rsidRDefault="00156FB3" w:rsidP="00156FB3">
            <w:r>
              <w:t>.fa-comments:before {</w:t>
            </w:r>
          </w:p>
          <w:p w:rsidR="00156FB3" w:rsidRDefault="00156FB3" w:rsidP="00156FB3">
            <w:r>
              <w:t xml:space="preserve">    content: "\f086";</w:t>
            </w:r>
          </w:p>
          <w:p w:rsidR="00156FB3" w:rsidRDefault="00156FB3" w:rsidP="00156FB3">
            <w:r>
              <w:t>}</w:t>
            </w:r>
          </w:p>
          <w:p w:rsidR="00156FB3" w:rsidRDefault="00156FB3" w:rsidP="00156FB3"/>
          <w:p w:rsidR="00156FB3" w:rsidRDefault="00156FB3" w:rsidP="00156FB3">
            <w:r>
              <w:t>.fa-comments-dollar:before {</w:t>
            </w:r>
          </w:p>
          <w:p w:rsidR="00156FB3" w:rsidRDefault="00156FB3" w:rsidP="00156FB3">
            <w:r>
              <w:t xml:space="preserve">    content: "\f653";</w:t>
            </w:r>
          </w:p>
          <w:p w:rsidR="00156FB3" w:rsidRDefault="00156FB3" w:rsidP="00156FB3">
            <w:r>
              <w:t>}</w:t>
            </w:r>
          </w:p>
          <w:p w:rsidR="00156FB3" w:rsidRDefault="00156FB3" w:rsidP="00156FB3"/>
          <w:p w:rsidR="00156FB3" w:rsidRDefault="00156FB3" w:rsidP="00156FB3">
            <w:r>
              <w:t>.fa-compact-disc:before {</w:t>
            </w:r>
          </w:p>
          <w:p w:rsidR="00156FB3" w:rsidRDefault="00156FB3" w:rsidP="00156FB3">
            <w:r>
              <w:t xml:space="preserve">    content: "\f51f";</w:t>
            </w:r>
          </w:p>
          <w:p w:rsidR="00156FB3" w:rsidRDefault="00156FB3" w:rsidP="00156FB3">
            <w:r>
              <w:t>}</w:t>
            </w:r>
          </w:p>
          <w:p w:rsidR="00156FB3" w:rsidRDefault="00156FB3" w:rsidP="00156FB3"/>
          <w:p w:rsidR="00156FB3" w:rsidRDefault="00156FB3" w:rsidP="00156FB3">
            <w:r>
              <w:t>.fa-compass:before {</w:t>
            </w:r>
          </w:p>
          <w:p w:rsidR="00156FB3" w:rsidRDefault="00156FB3" w:rsidP="00156FB3">
            <w:r>
              <w:t xml:space="preserve">    content: "\f14e";</w:t>
            </w:r>
          </w:p>
          <w:p w:rsidR="00156FB3" w:rsidRDefault="00156FB3" w:rsidP="00156FB3">
            <w:r>
              <w:t>}</w:t>
            </w:r>
          </w:p>
          <w:p w:rsidR="00156FB3" w:rsidRDefault="00156FB3" w:rsidP="00156FB3"/>
          <w:p w:rsidR="00156FB3" w:rsidRDefault="00156FB3" w:rsidP="00156FB3">
            <w:r>
              <w:t>.fa-compress:before {</w:t>
            </w:r>
          </w:p>
          <w:p w:rsidR="00156FB3" w:rsidRDefault="00156FB3" w:rsidP="00156FB3">
            <w:r>
              <w:t xml:space="preserve">    content: "\f066";</w:t>
            </w:r>
          </w:p>
          <w:p w:rsidR="00156FB3" w:rsidRDefault="00156FB3" w:rsidP="00156FB3">
            <w:r>
              <w:t>}</w:t>
            </w:r>
          </w:p>
          <w:p w:rsidR="00156FB3" w:rsidRDefault="00156FB3" w:rsidP="00156FB3"/>
          <w:p w:rsidR="00156FB3" w:rsidRDefault="00156FB3" w:rsidP="00156FB3">
            <w:r>
              <w:t>.fa-compress-alt:before {</w:t>
            </w:r>
          </w:p>
          <w:p w:rsidR="00156FB3" w:rsidRDefault="00156FB3" w:rsidP="00156FB3">
            <w:r>
              <w:t xml:space="preserve">    content: "\f422";</w:t>
            </w:r>
          </w:p>
          <w:p w:rsidR="00156FB3" w:rsidRDefault="00156FB3" w:rsidP="00156FB3">
            <w:r>
              <w:t>}</w:t>
            </w:r>
          </w:p>
          <w:p w:rsidR="00156FB3" w:rsidRDefault="00156FB3" w:rsidP="00156FB3"/>
          <w:p w:rsidR="00156FB3" w:rsidRDefault="00156FB3" w:rsidP="00156FB3">
            <w:r>
              <w:t>.fa-compress-arrows-alt:before {</w:t>
            </w:r>
          </w:p>
          <w:p w:rsidR="00156FB3" w:rsidRDefault="00156FB3" w:rsidP="00156FB3">
            <w:r>
              <w:t xml:space="preserve">    content: "\f78c";</w:t>
            </w:r>
          </w:p>
          <w:p w:rsidR="00156FB3" w:rsidRDefault="00156FB3" w:rsidP="00156FB3">
            <w:r>
              <w:t>}</w:t>
            </w:r>
          </w:p>
          <w:p w:rsidR="00156FB3" w:rsidRDefault="00156FB3" w:rsidP="00156FB3"/>
          <w:p w:rsidR="00156FB3" w:rsidRDefault="00156FB3" w:rsidP="00156FB3">
            <w:r>
              <w:t>.fa-concierge-bell:before {</w:t>
            </w:r>
          </w:p>
          <w:p w:rsidR="00156FB3" w:rsidRDefault="00156FB3" w:rsidP="00156FB3">
            <w:r>
              <w:t xml:space="preserve">    content: "\f562";</w:t>
            </w:r>
          </w:p>
          <w:p w:rsidR="00156FB3" w:rsidRDefault="00156FB3" w:rsidP="00156FB3">
            <w:r>
              <w:t>}</w:t>
            </w:r>
          </w:p>
          <w:p w:rsidR="00156FB3" w:rsidRDefault="00156FB3" w:rsidP="00156FB3"/>
          <w:p w:rsidR="00156FB3" w:rsidRDefault="00156FB3" w:rsidP="00156FB3">
            <w:r>
              <w:t>.fa-confluence:before {</w:t>
            </w:r>
          </w:p>
          <w:p w:rsidR="00156FB3" w:rsidRDefault="00156FB3" w:rsidP="00156FB3">
            <w:r>
              <w:lastRenderedPageBreak/>
              <w:t xml:space="preserve">    content: "\f78d";</w:t>
            </w:r>
          </w:p>
          <w:p w:rsidR="00156FB3" w:rsidRDefault="00156FB3" w:rsidP="00156FB3">
            <w:r>
              <w:t>}</w:t>
            </w:r>
          </w:p>
          <w:p w:rsidR="00156FB3" w:rsidRDefault="00156FB3" w:rsidP="00156FB3"/>
          <w:p w:rsidR="00156FB3" w:rsidRDefault="00156FB3" w:rsidP="00156FB3">
            <w:r>
              <w:t>.fa-connectdevelop:before {</w:t>
            </w:r>
          </w:p>
          <w:p w:rsidR="00156FB3" w:rsidRDefault="00156FB3" w:rsidP="00156FB3">
            <w:r>
              <w:t xml:space="preserve">    content: "\f20e";</w:t>
            </w:r>
          </w:p>
          <w:p w:rsidR="00156FB3" w:rsidRDefault="00156FB3" w:rsidP="00156FB3">
            <w:r>
              <w:t>}</w:t>
            </w:r>
          </w:p>
          <w:p w:rsidR="00156FB3" w:rsidRDefault="00156FB3" w:rsidP="00156FB3"/>
          <w:p w:rsidR="00156FB3" w:rsidRDefault="00156FB3" w:rsidP="00156FB3">
            <w:r>
              <w:t>.fa-contao:before {</w:t>
            </w:r>
          </w:p>
          <w:p w:rsidR="00156FB3" w:rsidRDefault="00156FB3" w:rsidP="00156FB3">
            <w:r>
              <w:t xml:space="preserve">    content: "\f26d";</w:t>
            </w:r>
          </w:p>
          <w:p w:rsidR="00156FB3" w:rsidRDefault="00156FB3" w:rsidP="00156FB3">
            <w:r>
              <w:t>}</w:t>
            </w:r>
          </w:p>
          <w:p w:rsidR="00156FB3" w:rsidRDefault="00156FB3" w:rsidP="00156FB3"/>
          <w:p w:rsidR="00156FB3" w:rsidRDefault="00156FB3" w:rsidP="00156FB3">
            <w:r>
              <w:t>.fa-cookie:before {</w:t>
            </w:r>
          </w:p>
          <w:p w:rsidR="00156FB3" w:rsidRDefault="00156FB3" w:rsidP="00156FB3">
            <w:r>
              <w:t xml:space="preserve">    content: "\f563";</w:t>
            </w:r>
          </w:p>
          <w:p w:rsidR="00156FB3" w:rsidRDefault="00156FB3" w:rsidP="00156FB3">
            <w:r>
              <w:t>}</w:t>
            </w:r>
          </w:p>
          <w:p w:rsidR="00156FB3" w:rsidRDefault="00156FB3" w:rsidP="00156FB3"/>
          <w:p w:rsidR="00156FB3" w:rsidRDefault="00156FB3" w:rsidP="00156FB3">
            <w:r>
              <w:t>.fa-cookie-bite:before {</w:t>
            </w:r>
          </w:p>
          <w:p w:rsidR="00156FB3" w:rsidRDefault="00156FB3" w:rsidP="00156FB3">
            <w:r>
              <w:t xml:space="preserve">    content: "\f564";</w:t>
            </w:r>
          </w:p>
          <w:p w:rsidR="00156FB3" w:rsidRDefault="00156FB3" w:rsidP="00156FB3">
            <w:r>
              <w:t>}</w:t>
            </w:r>
          </w:p>
          <w:p w:rsidR="00156FB3" w:rsidRDefault="00156FB3" w:rsidP="00156FB3"/>
          <w:p w:rsidR="00156FB3" w:rsidRDefault="00156FB3" w:rsidP="00156FB3">
            <w:r>
              <w:t>.fa-copy:before {</w:t>
            </w:r>
          </w:p>
          <w:p w:rsidR="00156FB3" w:rsidRDefault="00156FB3" w:rsidP="00156FB3">
            <w:r>
              <w:t xml:space="preserve">    content: "\f0c5";</w:t>
            </w:r>
          </w:p>
          <w:p w:rsidR="00156FB3" w:rsidRDefault="00156FB3" w:rsidP="00156FB3">
            <w:r>
              <w:t>}</w:t>
            </w:r>
          </w:p>
          <w:p w:rsidR="00156FB3" w:rsidRDefault="00156FB3" w:rsidP="00156FB3"/>
          <w:p w:rsidR="00156FB3" w:rsidRDefault="00156FB3" w:rsidP="00156FB3">
            <w:r>
              <w:t>.fa-copyright:before {</w:t>
            </w:r>
          </w:p>
          <w:p w:rsidR="00156FB3" w:rsidRDefault="00156FB3" w:rsidP="00156FB3">
            <w:r>
              <w:t xml:space="preserve">    content: "\f1f9";</w:t>
            </w:r>
          </w:p>
          <w:p w:rsidR="00156FB3" w:rsidRDefault="00156FB3" w:rsidP="00156FB3">
            <w:r>
              <w:t>}</w:t>
            </w:r>
          </w:p>
          <w:p w:rsidR="00156FB3" w:rsidRDefault="00156FB3" w:rsidP="00156FB3"/>
          <w:p w:rsidR="00156FB3" w:rsidRDefault="00156FB3" w:rsidP="00156FB3">
            <w:r>
              <w:t>.fa-cotton-bureau:before {</w:t>
            </w:r>
          </w:p>
          <w:p w:rsidR="00156FB3" w:rsidRDefault="00156FB3" w:rsidP="00156FB3">
            <w:r>
              <w:t xml:space="preserve">    content: "\f89e";</w:t>
            </w:r>
          </w:p>
          <w:p w:rsidR="00156FB3" w:rsidRDefault="00156FB3" w:rsidP="00156FB3">
            <w:r>
              <w:t>}</w:t>
            </w:r>
          </w:p>
          <w:p w:rsidR="00156FB3" w:rsidRDefault="00156FB3" w:rsidP="00156FB3"/>
          <w:p w:rsidR="00156FB3" w:rsidRDefault="00156FB3" w:rsidP="00156FB3">
            <w:r>
              <w:t>.fa-couch:before {</w:t>
            </w:r>
          </w:p>
          <w:p w:rsidR="00156FB3" w:rsidRDefault="00156FB3" w:rsidP="00156FB3">
            <w:r>
              <w:t xml:space="preserve">    content: "\f4b8";</w:t>
            </w:r>
          </w:p>
          <w:p w:rsidR="00156FB3" w:rsidRDefault="00156FB3" w:rsidP="00156FB3">
            <w:r>
              <w:t>}</w:t>
            </w:r>
          </w:p>
          <w:p w:rsidR="00156FB3" w:rsidRDefault="00156FB3" w:rsidP="00156FB3"/>
          <w:p w:rsidR="00156FB3" w:rsidRDefault="00156FB3" w:rsidP="00156FB3">
            <w:r>
              <w:t>.fa-cpanel:before {</w:t>
            </w:r>
          </w:p>
          <w:p w:rsidR="00156FB3" w:rsidRDefault="00156FB3" w:rsidP="00156FB3">
            <w:r>
              <w:t xml:space="preserve">    content: "\f388";</w:t>
            </w:r>
          </w:p>
          <w:p w:rsidR="00156FB3" w:rsidRDefault="00156FB3" w:rsidP="00156FB3">
            <w:r>
              <w:t>}</w:t>
            </w:r>
          </w:p>
          <w:p w:rsidR="00156FB3" w:rsidRDefault="00156FB3" w:rsidP="00156FB3"/>
          <w:p w:rsidR="00156FB3" w:rsidRDefault="00156FB3" w:rsidP="00156FB3">
            <w:r>
              <w:t>.fa-creative-commons:before {</w:t>
            </w:r>
          </w:p>
          <w:p w:rsidR="00156FB3" w:rsidRDefault="00156FB3" w:rsidP="00156FB3">
            <w:r>
              <w:t xml:space="preserve">    content: "\f25e";</w:t>
            </w:r>
          </w:p>
          <w:p w:rsidR="00156FB3" w:rsidRDefault="00156FB3" w:rsidP="00156FB3">
            <w:r>
              <w:t>}</w:t>
            </w:r>
          </w:p>
          <w:p w:rsidR="00156FB3" w:rsidRDefault="00156FB3" w:rsidP="00156FB3"/>
          <w:p w:rsidR="00156FB3" w:rsidRDefault="00156FB3" w:rsidP="00156FB3">
            <w:r>
              <w:t>.fa-creative-commons-by:before {</w:t>
            </w:r>
          </w:p>
          <w:p w:rsidR="00156FB3" w:rsidRDefault="00156FB3" w:rsidP="00156FB3">
            <w:r>
              <w:t xml:space="preserve">    content: "\f4e7";</w:t>
            </w:r>
          </w:p>
          <w:p w:rsidR="00156FB3" w:rsidRDefault="00156FB3" w:rsidP="00156FB3">
            <w:r>
              <w:t>}</w:t>
            </w:r>
          </w:p>
          <w:p w:rsidR="00156FB3" w:rsidRDefault="00156FB3" w:rsidP="00156FB3"/>
          <w:p w:rsidR="00156FB3" w:rsidRDefault="00156FB3" w:rsidP="00156FB3">
            <w:r>
              <w:t>.fa-creative-commons-nc:before {</w:t>
            </w:r>
          </w:p>
          <w:p w:rsidR="00156FB3" w:rsidRDefault="00156FB3" w:rsidP="00156FB3">
            <w:r>
              <w:lastRenderedPageBreak/>
              <w:t xml:space="preserve">    content: "\f4e8";</w:t>
            </w:r>
          </w:p>
          <w:p w:rsidR="00156FB3" w:rsidRDefault="00156FB3" w:rsidP="00156FB3">
            <w:r>
              <w:t>}</w:t>
            </w:r>
          </w:p>
          <w:p w:rsidR="00156FB3" w:rsidRDefault="00156FB3" w:rsidP="00156FB3"/>
          <w:p w:rsidR="00156FB3" w:rsidRDefault="00156FB3" w:rsidP="00156FB3">
            <w:r>
              <w:t>.fa-creative-commons-nc-eu:before {</w:t>
            </w:r>
          </w:p>
          <w:p w:rsidR="00156FB3" w:rsidRDefault="00156FB3" w:rsidP="00156FB3">
            <w:r>
              <w:t xml:space="preserve">    content: "\f4e9";</w:t>
            </w:r>
          </w:p>
          <w:p w:rsidR="00156FB3" w:rsidRDefault="00156FB3" w:rsidP="00156FB3">
            <w:r>
              <w:t>}</w:t>
            </w:r>
          </w:p>
          <w:p w:rsidR="00156FB3" w:rsidRDefault="00156FB3" w:rsidP="00156FB3"/>
          <w:p w:rsidR="00156FB3" w:rsidRDefault="00156FB3" w:rsidP="00156FB3">
            <w:r>
              <w:t>.fa-creative-commons-nc-jp:before {</w:t>
            </w:r>
          </w:p>
          <w:p w:rsidR="00156FB3" w:rsidRDefault="00156FB3" w:rsidP="00156FB3">
            <w:r>
              <w:t xml:space="preserve">    content: "\f4ea";</w:t>
            </w:r>
          </w:p>
          <w:p w:rsidR="00156FB3" w:rsidRDefault="00156FB3" w:rsidP="00156FB3">
            <w:r>
              <w:t>}</w:t>
            </w:r>
          </w:p>
          <w:p w:rsidR="00156FB3" w:rsidRDefault="00156FB3" w:rsidP="00156FB3"/>
          <w:p w:rsidR="00156FB3" w:rsidRDefault="00156FB3" w:rsidP="00156FB3">
            <w:r>
              <w:t>.fa-creative-commons-nd:before {</w:t>
            </w:r>
          </w:p>
          <w:p w:rsidR="00156FB3" w:rsidRDefault="00156FB3" w:rsidP="00156FB3">
            <w:r>
              <w:t xml:space="preserve">    content: "\f4eb";</w:t>
            </w:r>
          </w:p>
          <w:p w:rsidR="00156FB3" w:rsidRDefault="00156FB3" w:rsidP="00156FB3">
            <w:r>
              <w:t>}</w:t>
            </w:r>
          </w:p>
          <w:p w:rsidR="00156FB3" w:rsidRDefault="00156FB3" w:rsidP="00156FB3"/>
          <w:p w:rsidR="00156FB3" w:rsidRDefault="00156FB3" w:rsidP="00156FB3">
            <w:r>
              <w:t>.fa-creative-commons-pd:before {</w:t>
            </w:r>
          </w:p>
          <w:p w:rsidR="00156FB3" w:rsidRDefault="00156FB3" w:rsidP="00156FB3">
            <w:r>
              <w:t xml:space="preserve">    content: "\f4ec";</w:t>
            </w:r>
          </w:p>
          <w:p w:rsidR="00156FB3" w:rsidRDefault="00156FB3" w:rsidP="00156FB3">
            <w:r>
              <w:t>}</w:t>
            </w:r>
          </w:p>
          <w:p w:rsidR="00156FB3" w:rsidRDefault="00156FB3" w:rsidP="00156FB3"/>
          <w:p w:rsidR="00156FB3" w:rsidRDefault="00156FB3" w:rsidP="00156FB3">
            <w:r>
              <w:t>.fa-creative-commons-pd-alt:before {</w:t>
            </w:r>
          </w:p>
          <w:p w:rsidR="00156FB3" w:rsidRDefault="00156FB3" w:rsidP="00156FB3">
            <w:r>
              <w:t xml:space="preserve">    content: "\f4ed";</w:t>
            </w:r>
          </w:p>
          <w:p w:rsidR="00156FB3" w:rsidRDefault="00156FB3" w:rsidP="00156FB3">
            <w:r>
              <w:t>}</w:t>
            </w:r>
          </w:p>
          <w:p w:rsidR="00156FB3" w:rsidRDefault="00156FB3" w:rsidP="00156FB3"/>
          <w:p w:rsidR="00156FB3" w:rsidRDefault="00156FB3" w:rsidP="00156FB3">
            <w:r>
              <w:t>.fa-creative-commons-remix:before {</w:t>
            </w:r>
          </w:p>
          <w:p w:rsidR="00156FB3" w:rsidRDefault="00156FB3" w:rsidP="00156FB3">
            <w:r>
              <w:t xml:space="preserve">    content: "\f4ee";</w:t>
            </w:r>
          </w:p>
          <w:p w:rsidR="00156FB3" w:rsidRDefault="00156FB3" w:rsidP="00156FB3">
            <w:r>
              <w:t>}</w:t>
            </w:r>
          </w:p>
          <w:p w:rsidR="00156FB3" w:rsidRDefault="00156FB3" w:rsidP="00156FB3"/>
          <w:p w:rsidR="00156FB3" w:rsidRDefault="00156FB3" w:rsidP="00156FB3">
            <w:r>
              <w:t>.fa-creative-commons-sa:before {</w:t>
            </w:r>
          </w:p>
          <w:p w:rsidR="00156FB3" w:rsidRDefault="00156FB3" w:rsidP="00156FB3">
            <w:r>
              <w:t xml:space="preserve">    content: "\f4ef";</w:t>
            </w:r>
          </w:p>
          <w:p w:rsidR="00156FB3" w:rsidRDefault="00156FB3" w:rsidP="00156FB3">
            <w:r>
              <w:t>}</w:t>
            </w:r>
          </w:p>
          <w:p w:rsidR="00156FB3" w:rsidRDefault="00156FB3" w:rsidP="00156FB3"/>
          <w:p w:rsidR="00156FB3" w:rsidRDefault="00156FB3" w:rsidP="00156FB3">
            <w:r>
              <w:t>.fa-creative-commons-sampling:before {</w:t>
            </w:r>
          </w:p>
          <w:p w:rsidR="00156FB3" w:rsidRDefault="00156FB3" w:rsidP="00156FB3">
            <w:r>
              <w:t xml:space="preserve">    content: "\f4f0";</w:t>
            </w:r>
          </w:p>
          <w:p w:rsidR="00156FB3" w:rsidRDefault="00156FB3" w:rsidP="00156FB3">
            <w:r>
              <w:t>}</w:t>
            </w:r>
          </w:p>
          <w:p w:rsidR="00156FB3" w:rsidRDefault="00156FB3" w:rsidP="00156FB3"/>
          <w:p w:rsidR="00156FB3" w:rsidRDefault="00156FB3" w:rsidP="00156FB3">
            <w:r>
              <w:t>.fa-creative-commons-sampling-plus:before {</w:t>
            </w:r>
          </w:p>
          <w:p w:rsidR="00156FB3" w:rsidRDefault="00156FB3" w:rsidP="00156FB3">
            <w:r>
              <w:t xml:space="preserve">    content: "\f4f1";</w:t>
            </w:r>
          </w:p>
          <w:p w:rsidR="00156FB3" w:rsidRDefault="00156FB3" w:rsidP="00156FB3">
            <w:r>
              <w:t>}</w:t>
            </w:r>
          </w:p>
          <w:p w:rsidR="00156FB3" w:rsidRDefault="00156FB3" w:rsidP="00156FB3"/>
          <w:p w:rsidR="00156FB3" w:rsidRDefault="00156FB3" w:rsidP="00156FB3">
            <w:r>
              <w:t>.fa-creative-commons-share:before {</w:t>
            </w:r>
          </w:p>
          <w:p w:rsidR="00156FB3" w:rsidRDefault="00156FB3" w:rsidP="00156FB3">
            <w:r>
              <w:t xml:space="preserve">    content: "\f4f2";</w:t>
            </w:r>
          </w:p>
          <w:p w:rsidR="00156FB3" w:rsidRDefault="00156FB3" w:rsidP="00156FB3">
            <w:r>
              <w:t>}</w:t>
            </w:r>
          </w:p>
          <w:p w:rsidR="00156FB3" w:rsidRDefault="00156FB3" w:rsidP="00156FB3"/>
          <w:p w:rsidR="00156FB3" w:rsidRDefault="00156FB3" w:rsidP="00156FB3">
            <w:r>
              <w:t>.fa-creative-commons-zero:before {</w:t>
            </w:r>
          </w:p>
          <w:p w:rsidR="00156FB3" w:rsidRDefault="00156FB3" w:rsidP="00156FB3">
            <w:r>
              <w:t xml:space="preserve">    content: "\f4f3";</w:t>
            </w:r>
          </w:p>
          <w:p w:rsidR="00156FB3" w:rsidRDefault="00156FB3" w:rsidP="00156FB3">
            <w:r>
              <w:t>}</w:t>
            </w:r>
          </w:p>
          <w:p w:rsidR="00156FB3" w:rsidRDefault="00156FB3" w:rsidP="00156FB3"/>
          <w:p w:rsidR="00156FB3" w:rsidRDefault="00156FB3" w:rsidP="00156FB3">
            <w:r>
              <w:t>.fa-credit-card:before {</w:t>
            </w:r>
          </w:p>
          <w:p w:rsidR="00156FB3" w:rsidRDefault="00156FB3" w:rsidP="00156FB3">
            <w:r>
              <w:lastRenderedPageBreak/>
              <w:t xml:space="preserve">    content: "\f09d";</w:t>
            </w:r>
          </w:p>
          <w:p w:rsidR="00156FB3" w:rsidRDefault="00156FB3" w:rsidP="00156FB3">
            <w:r>
              <w:t>}</w:t>
            </w:r>
          </w:p>
          <w:p w:rsidR="00156FB3" w:rsidRDefault="00156FB3" w:rsidP="00156FB3"/>
          <w:p w:rsidR="00156FB3" w:rsidRDefault="00156FB3" w:rsidP="00156FB3">
            <w:r>
              <w:t>.fa-critical-role:before {</w:t>
            </w:r>
          </w:p>
          <w:p w:rsidR="00156FB3" w:rsidRDefault="00156FB3" w:rsidP="00156FB3">
            <w:r>
              <w:t xml:space="preserve">    content: "\f6c9";</w:t>
            </w:r>
          </w:p>
          <w:p w:rsidR="00156FB3" w:rsidRDefault="00156FB3" w:rsidP="00156FB3">
            <w:r>
              <w:t>}</w:t>
            </w:r>
          </w:p>
          <w:p w:rsidR="00156FB3" w:rsidRDefault="00156FB3" w:rsidP="00156FB3"/>
          <w:p w:rsidR="00156FB3" w:rsidRDefault="00156FB3" w:rsidP="00156FB3">
            <w:r>
              <w:t>.fa-crop:before {</w:t>
            </w:r>
          </w:p>
          <w:p w:rsidR="00156FB3" w:rsidRDefault="00156FB3" w:rsidP="00156FB3">
            <w:r>
              <w:t xml:space="preserve">    content: "\f125";</w:t>
            </w:r>
          </w:p>
          <w:p w:rsidR="00156FB3" w:rsidRDefault="00156FB3" w:rsidP="00156FB3">
            <w:r>
              <w:t>}</w:t>
            </w:r>
          </w:p>
          <w:p w:rsidR="00156FB3" w:rsidRDefault="00156FB3" w:rsidP="00156FB3"/>
          <w:p w:rsidR="00156FB3" w:rsidRDefault="00156FB3" w:rsidP="00156FB3">
            <w:r>
              <w:t>.fa-crop-alt:before {</w:t>
            </w:r>
          </w:p>
          <w:p w:rsidR="00156FB3" w:rsidRDefault="00156FB3" w:rsidP="00156FB3">
            <w:r>
              <w:t xml:space="preserve">    content: "\f565";</w:t>
            </w:r>
          </w:p>
          <w:p w:rsidR="00156FB3" w:rsidRDefault="00156FB3" w:rsidP="00156FB3">
            <w:r>
              <w:t>}</w:t>
            </w:r>
          </w:p>
          <w:p w:rsidR="00156FB3" w:rsidRDefault="00156FB3" w:rsidP="00156FB3"/>
          <w:p w:rsidR="00156FB3" w:rsidRDefault="00156FB3" w:rsidP="00156FB3">
            <w:r>
              <w:t>.fa-cross:before {</w:t>
            </w:r>
          </w:p>
          <w:p w:rsidR="00156FB3" w:rsidRDefault="00156FB3" w:rsidP="00156FB3">
            <w:r>
              <w:t xml:space="preserve">    content: "\f654";</w:t>
            </w:r>
          </w:p>
          <w:p w:rsidR="00156FB3" w:rsidRDefault="00156FB3" w:rsidP="00156FB3">
            <w:r>
              <w:t>}</w:t>
            </w:r>
          </w:p>
          <w:p w:rsidR="00156FB3" w:rsidRDefault="00156FB3" w:rsidP="00156FB3"/>
          <w:p w:rsidR="00156FB3" w:rsidRDefault="00156FB3" w:rsidP="00156FB3">
            <w:r>
              <w:t>.fa-crosshairs:before {</w:t>
            </w:r>
          </w:p>
          <w:p w:rsidR="00156FB3" w:rsidRDefault="00156FB3" w:rsidP="00156FB3">
            <w:r>
              <w:t xml:space="preserve">    content: "\f05b";</w:t>
            </w:r>
          </w:p>
          <w:p w:rsidR="00156FB3" w:rsidRDefault="00156FB3" w:rsidP="00156FB3">
            <w:r>
              <w:t>}</w:t>
            </w:r>
          </w:p>
          <w:p w:rsidR="00156FB3" w:rsidRDefault="00156FB3" w:rsidP="00156FB3"/>
          <w:p w:rsidR="00156FB3" w:rsidRDefault="00156FB3" w:rsidP="00156FB3">
            <w:r>
              <w:t>.fa-crow:before {</w:t>
            </w:r>
          </w:p>
          <w:p w:rsidR="00156FB3" w:rsidRDefault="00156FB3" w:rsidP="00156FB3">
            <w:r>
              <w:t xml:space="preserve">    content: "\f520";</w:t>
            </w:r>
          </w:p>
          <w:p w:rsidR="00156FB3" w:rsidRDefault="00156FB3" w:rsidP="00156FB3">
            <w:r>
              <w:t>}</w:t>
            </w:r>
          </w:p>
          <w:p w:rsidR="00156FB3" w:rsidRDefault="00156FB3" w:rsidP="00156FB3"/>
          <w:p w:rsidR="00156FB3" w:rsidRDefault="00156FB3" w:rsidP="00156FB3">
            <w:r>
              <w:t>.fa-crown:before {</w:t>
            </w:r>
          </w:p>
          <w:p w:rsidR="00156FB3" w:rsidRDefault="00156FB3" w:rsidP="00156FB3">
            <w:r>
              <w:t xml:space="preserve">    content: "\f521";</w:t>
            </w:r>
          </w:p>
          <w:p w:rsidR="00156FB3" w:rsidRDefault="00156FB3" w:rsidP="00156FB3">
            <w:r>
              <w:t>}</w:t>
            </w:r>
          </w:p>
          <w:p w:rsidR="00156FB3" w:rsidRDefault="00156FB3" w:rsidP="00156FB3"/>
          <w:p w:rsidR="00156FB3" w:rsidRDefault="00156FB3" w:rsidP="00156FB3">
            <w:r>
              <w:t>.fa-crutch:before {</w:t>
            </w:r>
          </w:p>
          <w:p w:rsidR="00156FB3" w:rsidRDefault="00156FB3" w:rsidP="00156FB3">
            <w:r>
              <w:t xml:space="preserve">    content: "\f7f7";</w:t>
            </w:r>
          </w:p>
          <w:p w:rsidR="00156FB3" w:rsidRDefault="00156FB3" w:rsidP="00156FB3">
            <w:r>
              <w:t>}</w:t>
            </w:r>
          </w:p>
          <w:p w:rsidR="00156FB3" w:rsidRDefault="00156FB3" w:rsidP="00156FB3"/>
          <w:p w:rsidR="00156FB3" w:rsidRDefault="00156FB3" w:rsidP="00156FB3">
            <w:r>
              <w:t>.fa-css3:before {</w:t>
            </w:r>
          </w:p>
          <w:p w:rsidR="00156FB3" w:rsidRDefault="00156FB3" w:rsidP="00156FB3">
            <w:r>
              <w:t xml:space="preserve">    content: "\f13c";</w:t>
            </w:r>
          </w:p>
          <w:p w:rsidR="00156FB3" w:rsidRDefault="00156FB3" w:rsidP="00156FB3">
            <w:r>
              <w:t>}</w:t>
            </w:r>
          </w:p>
          <w:p w:rsidR="00156FB3" w:rsidRDefault="00156FB3" w:rsidP="00156FB3"/>
          <w:p w:rsidR="00156FB3" w:rsidRDefault="00156FB3" w:rsidP="00156FB3">
            <w:r>
              <w:t>.fa-css3-alt:before {</w:t>
            </w:r>
          </w:p>
          <w:p w:rsidR="00156FB3" w:rsidRDefault="00156FB3" w:rsidP="00156FB3">
            <w:r>
              <w:t xml:space="preserve">    content: "\f38b";</w:t>
            </w:r>
          </w:p>
          <w:p w:rsidR="00156FB3" w:rsidRDefault="00156FB3" w:rsidP="00156FB3">
            <w:r>
              <w:t>}</w:t>
            </w:r>
          </w:p>
          <w:p w:rsidR="00156FB3" w:rsidRDefault="00156FB3" w:rsidP="00156FB3"/>
          <w:p w:rsidR="00156FB3" w:rsidRDefault="00156FB3" w:rsidP="00156FB3">
            <w:r>
              <w:t>.fa-cube:before {</w:t>
            </w:r>
          </w:p>
          <w:p w:rsidR="00156FB3" w:rsidRDefault="00156FB3" w:rsidP="00156FB3">
            <w:r>
              <w:t xml:space="preserve">    content: "\f1b2";</w:t>
            </w:r>
          </w:p>
          <w:p w:rsidR="00156FB3" w:rsidRDefault="00156FB3" w:rsidP="00156FB3">
            <w:r>
              <w:t>}</w:t>
            </w:r>
          </w:p>
          <w:p w:rsidR="00156FB3" w:rsidRDefault="00156FB3" w:rsidP="00156FB3"/>
          <w:p w:rsidR="00156FB3" w:rsidRDefault="00156FB3" w:rsidP="00156FB3">
            <w:r>
              <w:t>.fa-cubes:before {</w:t>
            </w:r>
          </w:p>
          <w:p w:rsidR="00156FB3" w:rsidRDefault="00156FB3" w:rsidP="00156FB3">
            <w:r>
              <w:lastRenderedPageBreak/>
              <w:t xml:space="preserve">    content: "\f1b3";</w:t>
            </w:r>
          </w:p>
          <w:p w:rsidR="00156FB3" w:rsidRDefault="00156FB3" w:rsidP="00156FB3">
            <w:r>
              <w:t>}</w:t>
            </w:r>
          </w:p>
          <w:p w:rsidR="00156FB3" w:rsidRDefault="00156FB3" w:rsidP="00156FB3"/>
          <w:p w:rsidR="00156FB3" w:rsidRDefault="00156FB3" w:rsidP="00156FB3">
            <w:r>
              <w:t>.fa-cut:before {</w:t>
            </w:r>
          </w:p>
          <w:p w:rsidR="00156FB3" w:rsidRDefault="00156FB3" w:rsidP="00156FB3">
            <w:r>
              <w:t xml:space="preserve">    content: "\f0c4";</w:t>
            </w:r>
          </w:p>
          <w:p w:rsidR="00156FB3" w:rsidRDefault="00156FB3" w:rsidP="00156FB3">
            <w:r>
              <w:t>}</w:t>
            </w:r>
          </w:p>
          <w:p w:rsidR="00156FB3" w:rsidRDefault="00156FB3" w:rsidP="00156FB3"/>
          <w:p w:rsidR="00156FB3" w:rsidRDefault="00156FB3" w:rsidP="00156FB3">
            <w:r>
              <w:t>.fa-cuttlefish:before {</w:t>
            </w:r>
          </w:p>
          <w:p w:rsidR="00156FB3" w:rsidRDefault="00156FB3" w:rsidP="00156FB3">
            <w:r>
              <w:t xml:space="preserve">    content: "\f38c";</w:t>
            </w:r>
          </w:p>
          <w:p w:rsidR="00156FB3" w:rsidRDefault="00156FB3" w:rsidP="00156FB3">
            <w:r>
              <w:t>}</w:t>
            </w:r>
          </w:p>
          <w:p w:rsidR="00156FB3" w:rsidRDefault="00156FB3" w:rsidP="00156FB3"/>
          <w:p w:rsidR="00156FB3" w:rsidRDefault="00156FB3" w:rsidP="00156FB3">
            <w:r>
              <w:t>.fa-d-and-d:before {</w:t>
            </w:r>
          </w:p>
          <w:p w:rsidR="00156FB3" w:rsidRDefault="00156FB3" w:rsidP="00156FB3">
            <w:r>
              <w:t xml:space="preserve">    content: "\f38d";</w:t>
            </w:r>
          </w:p>
          <w:p w:rsidR="00156FB3" w:rsidRDefault="00156FB3" w:rsidP="00156FB3">
            <w:r>
              <w:t>}</w:t>
            </w:r>
          </w:p>
          <w:p w:rsidR="00156FB3" w:rsidRDefault="00156FB3" w:rsidP="00156FB3"/>
          <w:p w:rsidR="00156FB3" w:rsidRDefault="00156FB3" w:rsidP="00156FB3">
            <w:r>
              <w:t>.fa-d-and-d-beyond:before {</w:t>
            </w:r>
          </w:p>
          <w:p w:rsidR="00156FB3" w:rsidRDefault="00156FB3" w:rsidP="00156FB3">
            <w:r>
              <w:t xml:space="preserve">    content: "\f6ca";</w:t>
            </w:r>
          </w:p>
          <w:p w:rsidR="00156FB3" w:rsidRDefault="00156FB3" w:rsidP="00156FB3">
            <w:r>
              <w:t>}</w:t>
            </w:r>
          </w:p>
          <w:p w:rsidR="00156FB3" w:rsidRDefault="00156FB3" w:rsidP="00156FB3"/>
          <w:p w:rsidR="00156FB3" w:rsidRDefault="00156FB3" w:rsidP="00156FB3">
            <w:r>
              <w:t>.fa-dailymotion:before {</w:t>
            </w:r>
          </w:p>
          <w:p w:rsidR="00156FB3" w:rsidRDefault="00156FB3" w:rsidP="00156FB3">
            <w:r>
              <w:t xml:space="preserve">    content: "\f952";</w:t>
            </w:r>
          </w:p>
          <w:p w:rsidR="00156FB3" w:rsidRDefault="00156FB3" w:rsidP="00156FB3">
            <w:r>
              <w:t>}</w:t>
            </w:r>
          </w:p>
          <w:p w:rsidR="00156FB3" w:rsidRDefault="00156FB3" w:rsidP="00156FB3"/>
          <w:p w:rsidR="00156FB3" w:rsidRDefault="00156FB3" w:rsidP="00156FB3">
            <w:r>
              <w:t>.fa-dashcube:before {</w:t>
            </w:r>
          </w:p>
          <w:p w:rsidR="00156FB3" w:rsidRDefault="00156FB3" w:rsidP="00156FB3">
            <w:r>
              <w:t xml:space="preserve">    content: "\f210";</w:t>
            </w:r>
          </w:p>
          <w:p w:rsidR="00156FB3" w:rsidRDefault="00156FB3" w:rsidP="00156FB3">
            <w:r>
              <w:t>}</w:t>
            </w:r>
          </w:p>
          <w:p w:rsidR="00156FB3" w:rsidRDefault="00156FB3" w:rsidP="00156FB3"/>
          <w:p w:rsidR="00156FB3" w:rsidRDefault="00156FB3" w:rsidP="00156FB3">
            <w:r>
              <w:t>.fa-database:before {</w:t>
            </w:r>
          </w:p>
          <w:p w:rsidR="00156FB3" w:rsidRDefault="00156FB3" w:rsidP="00156FB3">
            <w:r>
              <w:t xml:space="preserve">    content: "\f1c0";</w:t>
            </w:r>
          </w:p>
          <w:p w:rsidR="00156FB3" w:rsidRDefault="00156FB3" w:rsidP="00156FB3">
            <w:r>
              <w:t>}</w:t>
            </w:r>
          </w:p>
          <w:p w:rsidR="00156FB3" w:rsidRDefault="00156FB3" w:rsidP="00156FB3"/>
          <w:p w:rsidR="00156FB3" w:rsidRDefault="00156FB3" w:rsidP="00156FB3">
            <w:r>
              <w:t>.fa-deaf:before {</w:t>
            </w:r>
          </w:p>
          <w:p w:rsidR="00156FB3" w:rsidRDefault="00156FB3" w:rsidP="00156FB3">
            <w:r>
              <w:t xml:space="preserve">    content: "\f2a4";</w:t>
            </w:r>
          </w:p>
          <w:p w:rsidR="00156FB3" w:rsidRDefault="00156FB3" w:rsidP="00156FB3">
            <w:r>
              <w:t>}</w:t>
            </w:r>
          </w:p>
          <w:p w:rsidR="00156FB3" w:rsidRDefault="00156FB3" w:rsidP="00156FB3"/>
          <w:p w:rsidR="00156FB3" w:rsidRDefault="00156FB3" w:rsidP="00156FB3">
            <w:r>
              <w:t>.fa-delicious:before {</w:t>
            </w:r>
          </w:p>
          <w:p w:rsidR="00156FB3" w:rsidRDefault="00156FB3" w:rsidP="00156FB3">
            <w:r>
              <w:t xml:space="preserve">    content: "\f1a5";</w:t>
            </w:r>
          </w:p>
          <w:p w:rsidR="00156FB3" w:rsidRDefault="00156FB3" w:rsidP="00156FB3">
            <w:r>
              <w:t>}</w:t>
            </w:r>
          </w:p>
          <w:p w:rsidR="00156FB3" w:rsidRDefault="00156FB3" w:rsidP="00156FB3"/>
          <w:p w:rsidR="00156FB3" w:rsidRDefault="00156FB3" w:rsidP="00156FB3">
            <w:r>
              <w:t>.fa-democrat:before {</w:t>
            </w:r>
          </w:p>
          <w:p w:rsidR="00156FB3" w:rsidRDefault="00156FB3" w:rsidP="00156FB3">
            <w:r>
              <w:t xml:space="preserve">    content: "\f747";</w:t>
            </w:r>
          </w:p>
          <w:p w:rsidR="00156FB3" w:rsidRDefault="00156FB3" w:rsidP="00156FB3">
            <w:r>
              <w:t>}</w:t>
            </w:r>
          </w:p>
          <w:p w:rsidR="00156FB3" w:rsidRDefault="00156FB3" w:rsidP="00156FB3"/>
          <w:p w:rsidR="00156FB3" w:rsidRDefault="00156FB3" w:rsidP="00156FB3">
            <w:r>
              <w:t>.fa-deploydog:before {</w:t>
            </w:r>
          </w:p>
          <w:p w:rsidR="00156FB3" w:rsidRDefault="00156FB3" w:rsidP="00156FB3">
            <w:r>
              <w:t xml:space="preserve">    content: "\f38e";</w:t>
            </w:r>
          </w:p>
          <w:p w:rsidR="00156FB3" w:rsidRDefault="00156FB3" w:rsidP="00156FB3">
            <w:r>
              <w:t>}</w:t>
            </w:r>
          </w:p>
          <w:p w:rsidR="00156FB3" w:rsidRDefault="00156FB3" w:rsidP="00156FB3"/>
          <w:p w:rsidR="00156FB3" w:rsidRDefault="00156FB3" w:rsidP="00156FB3">
            <w:r>
              <w:t>.fa-deskpro:before {</w:t>
            </w:r>
          </w:p>
          <w:p w:rsidR="00156FB3" w:rsidRDefault="00156FB3" w:rsidP="00156FB3">
            <w:r>
              <w:lastRenderedPageBreak/>
              <w:t xml:space="preserve">    content: "\f38f";</w:t>
            </w:r>
          </w:p>
          <w:p w:rsidR="00156FB3" w:rsidRDefault="00156FB3" w:rsidP="00156FB3">
            <w:r>
              <w:t>}</w:t>
            </w:r>
          </w:p>
          <w:p w:rsidR="00156FB3" w:rsidRDefault="00156FB3" w:rsidP="00156FB3"/>
          <w:p w:rsidR="00156FB3" w:rsidRDefault="00156FB3" w:rsidP="00156FB3">
            <w:r>
              <w:t>.fa-desktop:before {</w:t>
            </w:r>
          </w:p>
          <w:p w:rsidR="00156FB3" w:rsidRDefault="00156FB3" w:rsidP="00156FB3">
            <w:r>
              <w:t xml:space="preserve">    content: "\f108";</w:t>
            </w:r>
          </w:p>
          <w:p w:rsidR="00156FB3" w:rsidRDefault="00156FB3" w:rsidP="00156FB3">
            <w:r>
              <w:t>}</w:t>
            </w:r>
          </w:p>
          <w:p w:rsidR="00156FB3" w:rsidRDefault="00156FB3" w:rsidP="00156FB3"/>
          <w:p w:rsidR="00156FB3" w:rsidRDefault="00156FB3" w:rsidP="00156FB3">
            <w:r>
              <w:t>.fa-dev:before {</w:t>
            </w:r>
          </w:p>
          <w:p w:rsidR="00156FB3" w:rsidRDefault="00156FB3" w:rsidP="00156FB3">
            <w:r>
              <w:t xml:space="preserve">    content: "\f6cc";</w:t>
            </w:r>
          </w:p>
          <w:p w:rsidR="00156FB3" w:rsidRDefault="00156FB3" w:rsidP="00156FB3">
            <w:r>
              <w:t>}</w:t>
            </w:r>
          </w:p>
          <w:p w:rsidR="00156FB3" w:rsidRDefault="00156FB3" w:rsidP="00156FB3"/>
          <w:p w:rsidR="00156FB3" w:rsidRDefault="00156FB3" w:rsidP="00156FB3">
            <w:r>
              <w:t>.fa-deviantart:before {</w:t>
            </w:r>
          </w:p>
          <w:p w:rsidR="00156FB3" w:rsidRDefault="00156FB3" w:rsidP="00156FB3">
            <w:r>
              <w:t xml:space="preserve">    content: "\f1bd";</w:t>
            </w:r>
          </w:p>
          <w:p w:rsidR="00156FB3" w:rsidRDefault="00156FB3" w:rsidP="00156FB3">
            <w:r>
              <w:t>}</w:t>
            </w:r>
          </w:p>
          <w:p w:rsidR="00156FB3" w:rsidRDefault="00156FB3" w:rsidP="00156FB3"/>
          <w:p w:rsidR="00156FB3" w:rsidRDefault="00156FB3" w:rsidP="00156FB3">
            <w:r>
              <w:t>.fa-dharmachakra:before {</w:t>
            </w:r>
          </w:p>
          <w:p w:rsidR="00156FB3" w:rsidRDefault="00156FB3" w:rsidP="00156FB3">
            <w:r>
              <w:t xml:space="preserve">    content: "\f655";</w:t>
            </w:r>
          </w:p>
          <w:p w:rsidR="00156FB3" w:rsidRDefault="00156FB3" w:rsidP="00156FB3">
            <w:r>
              <w:t>}</w:t>
            </w:r>
          </w:p>
          <w:p w:rsidR="00156FB3" w:rsidRDefault="00156FB3" w:rsidP="00156FB3"/>
          <w:p w:rsidR="00156FB3" w:rsidRDefault="00156FB3" w:rsidP="00156FB3">
            <w:r>
              <w:t>.fa-dhl:before {</w:t>
            </w:r>
          </w:p>
          <w:p w:rsidR="00156FB3" w:rsidRDefault="00156FB3" w:rsidP="00156FB3">
            <w:r>
              <w:t xml:space="preserve">    content: "\f790";</w:t>
            </w:r>
          </w:p>
          <w:p w:rsidR="00156FB3" w:rsidRDefault="00156FB3" w:rsidP="00156FB3">
            <w:r>
              <w:t>}</w:t>
            </w:r>
          </w:p>
          <w:p w:rsidR="00156FB3" w:rsidRDefault="00156FB3" w:rsidP="00156FB3"/>
          <w:p w:rsidR="00156FB3" w:rsidRDefault="00156FB3" w:rsidP="00156FB3">
            <w:r>
              <w:t>.fa-diagnoses:before {</w:t>
            </w:r>
          </w:p>
          <w:p w:rsidR="00156FB3" w:rsidRDefault="00156FB3" w:rsidP="00156FB3">
            <w:r>
              <w:t xml:space="preserve">    content: "\f470";</w:t>
            </w:r>
          </w:p>
          <w:p w:rsidR="00156FB3" w:rsidRDefault="00156FB3" w:rsidP="00156FB3">
            <w:r>
              <w:t>}</w:t>
            </w:r>
          </w:p>
          <w:p w:rsidR="00156FB3" w:rsidRDefault="00156FB3" w:rsidP="00156FB3"/>
          <w:p w:rsidR="00156FB3" w:rsidRDefault="00156FB3" w:rsidP="00156FB3">
            <w:r>
              <w:t>.fa-diaspora:before {</w:t>
            </w:r>
          </w:p>
          <w:p w:rsidR="00156FB3" w:rsidRDefault="00156FB3" w:rsidP="00156FB3">
            <w:r>
              <w:t xml:space="preserve">    content: "\f791";</w:t>
            </w:r>
          </w:p>
          <w:p w:rsidR="00156FB3" w:rsidRDefault="00156FB3" w:rsidP="00156FB3">
            <w:r>
              <w:t>}</w:t>
            </w:r>
          </w:p>
          <w:p w:rsidR="00156FB3" w:rsidRDefault="00156FB3" w:rsidP="00156FB3"/>
          <w:p w:rsidR="00156FB3" w:rsidRDefault="00156FB3" w:rsidP="00156FB3">
            <w:r>
              <w:t>.fa-dice:before {</w:t>
            </w:r>
          </w:p>
          <w:p w:rsidR="00156FB3" w:rsidRDefault="00156FB3" w:rsidP="00156FB3">
            <w:r>
              <w:t xml:space="preserve">    content: "\f522";</w:t>
            </w:r>
          </w:p>
          <w:p w:rsidR="00156FB3" w:rsidRDefault="00156FB3" w:rsidP="00156FB3">
            <w:r>
              <w:t>}</w:t>
            </w:r>
          </w:p>
          <w:p w:rsidR="00156FB3" w:rsidRDefault="00156FB3" w:rsidP="00156FB3"/>
          <w:p w:rsidR="00156FB3" w:rsidRDefault="00156FB3" w:rsidP="00156FB3">
            <w:r>
              <w:t>.fa-dice-d20:before {</w:t>
            </w:r>
          </w:p>
          <w:p w:rsidR="00156FB3" w:rsidRDefault="00156FB3" w:rsidP="00156FB3">
            <w:r>
              <w:t xml:space="preserve">    content: "\f6cf";</w:t>
            </w:r>
          </w:p>
          <w:p w:rsidR="00156FB3" w:rsidRDefault="00156FB3" w:rsidP="00156FB3">
            <w:r>
              <w:t>}</w:t>
            </w:r>
          </w:p>
          <w:p w:rsidR="00156FB3" w:rsidRDefault="00156FB3" w:rsidP="00156FB3"/>
          <w:p w:rsidR="00156FB3" w:rsidRDefault="00156FB3" w:rsidP="00156FB3">
            <w:r>
              <w:t>.fa-dice-d6:before {</w:t>
            </w:r>
          </w:p>
          <w:p w:rsidR="00156FB3" w:rsidRDefault="00156FB3" w:rsidP="00156FB3">
            <w:r>
              <w:t xml:space="preserve">    content: "\f6d1";</w:t>
            </w:r>
          </w:p>
          <w:p w:rsidR="00156FB3" w:rsidRDefault="00156FB3" w:rsidP="00156FB3">
            <w:r>
              <w:t>}</w:t>
            </w:r>
          </w:p>
          <w:p w:rsidR="00156FB3" w:rsidRDefault="00156FB3" w:rsidP="00156FB3"/>
          <w:p w:rsidR="00156FB3" w:rsidRDefault="00156FB3" w:rsidP="00156FB3">
            <w:r>
              <w:t>.fa-dice-five:before {</w:t>
            </w:r>
          </w:p>
          <w:p w:rsidR="00156FB3" w:rsidRDefault="00156FB3" w:rsidP="00156FB3">
            <w:r>
              <w:t xml:space="preserve">    content: "\f523";</w:t>
            </w:r>
          </w:p>
          <w:p w:rsidR="00156FB3" w:rsidRDefault="00156FB3" w:rsidP="00156FB3">
            <w:r>
              <w:t>}</w:t>
            </w:r>
          </w:p>
          <w:p w:rsidR="00156FB3" w:rsidRDefault="00156FB3" w:rsidP="00156FB3"/>
          <w:p w:rsidR="00156FB3" w:rsidRDefault="00156FB3" w:rsidP="00156FB3">
            <w:r>
              <w:t>.fa-dice-four:before {</w:t>
            </w:r>
          </w:p>
          <w:p w:rsidR="00156FB3" w:rsidRDefault="00156FB3" w:rsidP="00156FB3">
            <w:r>
              <w:lastRenderedPageBreak/>
              <w:t xml:space="preserve">    content: "\f524";</w:t>
            </w:r>
          </w:p>
          <w:p w:rsidR="00156FB3" w:rsidRDefault="00156FB3" w:rsidP="00156FB3">
            <w:r>
              <w:t>}</w:t>
            </w:r>
          </w:p>
          <w:p w:rsidR="00156FB3" w:rsidRDefault="00156FB3" w:rsidP="00156FB3"/>
          <w:p w:rsidR="00156FB3" w:rsidRDefault="00156FB3" w:rsidP="00156FB3">
            <w:r>
              <w:t>.fa-dice-one:before {</w:t>
            </w:r>
          </w:p>
          <w:p w:rsidR="00156FB3" w:rsidRDefault="00156FB3" w:rsidP="00156FB3">
            <w:r>
              <w:t xml:space="preserve">    content: "\f525";</w:t>
            </w:r>
          </w:p>
          <w:p w:rsidR="00156FB3" w:rsidRDefault="00156FB3" w:rsidP="00156FB3">
            <w:r>
              <w:t>}</w:t>
            </w:r>
          </w:p>
          <w:p w:rsidR="00156FB3" w:rsidRDefault="00156FB3" w:rsidP="00156FB3"/>
          <w:p w:rsidR="00156FB3" w:rsidRDefault="00156FB3" w:rsidP="00156FB3">
            <w:r>
              <w:t>.fa-dice-six:before {</w:t>
            </w:r>
          </w:p>
          <w:p w:rsidR="00156FB3" w:rsidRDefault="00156FB3" w:rsidP="00156FB3">
            <w:r>
              <w:t xml:space="preserve">    content: "\f526";</w:t>
            </w:r>
          </w:p>
          <w:p w:rsidR="00156FB3" w:rsidRDefault="00156FB3" w:rsidP="00156FB3">
            <w:r>
              <w:t>}</w:t>
            </w:r>
          </w:p>
          <w:p w:rsidR="00156FB3" w:rsidRDefault="00156FB3" w:rsidP="00156FB3"/>
          <w:p w:rsidR="00156FB3" w:rsidRDefault="00156FB3" w:rsidP="00156FB3">
            <w:r>
              <w:t>.fa-dice-three:before {</w:t>
            </w:r>
          </w:p>
          <w:p w:rsidR="00156FB3" w:rsidRDefault="00156FB3" w:rsidP="00156FB3">
            <w:r>
              <w:t xml:space="preserve">    content: "\f527";</w:t>
            </w:r>
          </w:p>
          <w:p w:rsidR="00156FB3" w:rsidRDefault="00156FB3" w:rsidP="00156FB3">
            <w:r>
              <w:t>}</w:t>
            </w:r>
          </w:p>
          <w:p w:rsidR="00156FB3" w:rsidRDefault="00156FB3" w:rsidP="00156FB3"/>
          <w:p w:rsidR="00156FB3" w:rsidRDefault="00156FB3" w:rsidP="00156FB3">
            <w:r>
              <w:t>.fa-dice-two:before {</w:t>
            </w:r>
          </w:p>
          <w:p w:rsidR="00156FB3" w:rsidRDefault="00156FB3" w:rsidP="00156FB3">
            <w:r>
              <w:t xml:space="preserve">    content: "\f528";</w:t>
            </w:r>
          </w:p>
          <w:p w:rsidR="00156FB3" w:rsidRDefault="00156FB3" w:rsidP="00156FB3">
            <w:r>
              <w:t>}</w:t>
            </w:r>
          </w:p>
          <w:p w:rsidR="00156FB3" w:rsidRDefault="00156FB3" w:rsidP="00156FB3"/>
          <w:p w:rsidR="00156FB3" w:rsidRDefault="00156FB3" w:rsidP="00156FB3">
            <w:r>
              <w:t>.fa-digg:before {</w:t>
            </w:r>
          </w:p>
          <w:p w:rsidR="00156FB3" w:rsidRDefault="00156FB3" w:rsidP="00156FB3">
            <w:r>
              <w:t xml:space="preserve">    content: "\f1a6";</w:t>
            </w:r>
          </w:p>
          <w:p w:rsidR="00156FB3" w:rsidRDefault="00156FB3" w:rsidP="00156FB3">
            <w:r>
              <w:t>}</w:t>
            </w:r>
          </w:p>
          <w:p w:rsidR="00156FB3" w:rsidRDefault="00156FB3" w:rsidP="00156FB3"/>
          <w:p w:rsidR="00156FB3" w:rsidRDefault="00156FB3" w:rsidP="00156FB3">
            <w:r>
              <w:t>.fa-digital-ocean:before {</w:t>
            </w:r>
          </w:p>
          <w:p w:rsidR="00156FB3" w:rsidRDefault="00156FB3" w:rsidP="00156FB3">
            <w:r>
              <w:t xml:space="preserve">    content: "\f391";</w:t>
            </w:r>
          </w:p>
          <w:p w:rsidR="00156FB3" w:rsidRDefault="00156FB3" w:rsidP="00156FB3">
            <w:r>
              <w:t>}</w:t>
            </w:r>
          </w:p>
          <w:p w:rsidR="00156FB3" w:rsidRDefault="00156FB3" w:rsidP="00156FB3"/>
          <w:p w:rsidR="00156FB3" w:rsidRDefault="00156FB3" w:rsidP="00156FB3">
            <w:r>
              <w:t>.fa-digital-tachograph:before {</w:t>
            </w:r>
          </w:p>
          <w:p w:rsidR="00156FB3" w:rsidRDefault="00156FB3" w:rsidP="00156FB3">
            <w:r>
              <w:t xml:space="preserve">    content: "\f566";</w:t>
            </w:r>
          </w:p>
          <w:p w:rsidR="00156FB3" w:rsidRDefault="00156FB3" w:rsidP="00156FB3">
            <w:r>
              <w:t>}</w:t>
            </w:r>
          </w:p>
          <w:p w:rsidR="00156FB3" w:rsidRDefault="00156FB3" w:rsidP="00156FB3"/>
          <w:p w:rsidR="00156FB3" w:rsidRDefault="00156FB3" w:rsidP="00156FB3">
            <w:r>
              <w:t>.fa-directions:before {</w:t>
            </w:r>
          </w:p>
          <w:p w:rsidR="00156FB3" w:rsidRDefault="00156FB3" w:rsidP="00156FB3">
            <w:r>
              <w:t xml:space="preserve">    content: "\f5eb";</w:t>
            </w:r>
          </w:p>
          <w:p w:rsidR="00156FB3" w:rsidRDefault="00156FB3" w:rsidP="00156FB3">
            <w:r>
              <w:t>}</w:t>
            </w:r>
          </w:p>
          <w:p w:rsidR="00156FB3" w:rsidRDefault="00156FB3" w:rsidP="00156FB3"/>
          <w:p w:rsidR="00156FB3" w:rsidRDefault="00156FB3" w:rsidP="00156FB3">
            <w:r>
              <w:t>.fa-discord:before {</w:t>
            </w:r>
          </w:p>
          <w:p w:rsidR="00156FB3" w:rsidRDefault="00156FB3" w:rsidP="00156FB3">
            <w:r>
              <w:t xml:space="preserve">    content: "\f392";</w:t>
            </w:r>
          </w:p>
          <w:p w:rsidR="00156FB3" w:rsidRDefault="00156FB3" w:rsidP="00156FB3">
            <w:r>
              <w:t>}</w:t>
            </w:r>
          </w:p>
          <w:p w:rsidR="00156FB3" w:rsidRDefault="00156FB3" w:rsidP="00156FB3"/>
          <w:p w:rsidR="00156FB3" w:rsidRDefault="00156FB3" w:rsidP="00156FB3">
            <w:r>
              <w:t>.fa-discourse:before {</w:t>
            </w:r>
          </w:p>
          <w:p w:rsidR="00156FB3" w:rsidRDefault="00156FB3" w:rsidP="00156FB3">
            <w:r>
              <w:t xml:space="preserve">    content: "\f393";</w:t>
            </w:r>
          </w:p>
          <w:p w:rsidR="00156FB3" w:rsidRDefault="00156FB3" w:rsidP="00156FB3">
            <w:r>
              <w:t>}</w:t>
            </w:r>
          </w:p>
          <w:p w:rsidR="00156FB3" w:rsidRDefault="00156FB3" w:rsidP="00156FB3"/>
          <w:p w:rsidR="00156FB3" w:rsidRDefault="00156FB3" w:rsidP="00156FB3">
            <w:r>
              <w:t>.fa-disease:before {</w:t>
            </w:r>
          </w:p>
          <w:p w:rsidR="00156FB3" w:rsidRDefault="00156FB3" w:rsidP="00156FB3">
            <w:r>
              <w:t xml:space="preserve">    content: "\f7fa";</w:t>
            </w:r>
          </w:p>
          <w:p w:rsidR="00156FB3" w:rsidRDefault="00156FB3" w:rsidP="00156FB3">
            <w:r>
              <w:t>}</w:t>
            </w:r>
          </w:p>
          <w:p w:rsidR="00156FB3" w:rsidRDefault="00156FB3" w:rsidP="00156FB3"/>
          <w:p w:rsidR="00156FB3" w:rsidRDefault="00156FB3" w:rsidP="00156FB3">
            <w:r>
              <w:t>.fa-divide:before {</w:t>
            </w:r>
          </w:p>
          <w:p w:rsidR="00156FB3" w:rsidRDefault="00156FB3" w:rsidP="00156FB3">
            <w:r>
              <w:lastRenderedPageBreak/>
              <w:t xml:space="preserve">    content: "\f529";</w:t>
            </w:r>
          </w:p>
          <w:p w:rsidR="00156FB3" w:rsidRDefault="00156FB3" w:rsidP="00156FB3">
            <w:r>
              <w:t>}</w:t>
            </w:r>
          </w:p>
          <w:p w:rsidR="00156FB3" w:rsidRDefault="00156FB3" w:rsidP="00156FB3"/>
          <w:p w:rsidR="00156FB3" w:rsidRDefault="00156FB3" w:rsidP="00156FB3">
            <w:r>
              <w:t>.fa-dizzy:before {</w:t>
            </w:r>
          </w:p>
          <w:p w:rsidR="00156FB3" w:rsidRDefault="00156FB3" w:rsidP="00156FB3">
            <w:r>
              <w:t xml:space="preserve">    content: "\f567";</w:t>
            </w:r>
          </w:p>
          <w:p w:rsidR="00156FB3" w:rsidRDefault="00156FB3" w:rsidP="00156FB3">
            <w:r>
              <w:t>}</w:t>
            </w:r>
          </w:p>
          <w:p w:rsidR="00156FB3" w:rsidRDefault="00156FB3" w:rsidP="00156FB3"/>
          <w:p w:rsidR="00156FB3" w:rsidRDefault="00156FB3" w:rsidP="00156FB3">
            <w:r>
              <w:t>.fa-dna:before {</w:t>
            </w:r>
          </w:p>
          <w:p w:rsidR="00156FB3" w:rsidRDefault="00156FB3" w:rsidP="00156FB3">
            <w:r>
              <w:t xml:space="preserve">    content: "\f471";</w:t>
            </w:r>
          </w:p>
          <w:p w:rsidR="00156FB3" w:rsidRDefault="00156FB3" w:rsidP="00156FB3">
            <w:r>
              <w:t>}</w:t>
            </w:r>
          </w:p>
          <w:p w:rsidR="00156FB3" w:rsidRDefault="00156FB3" w:rsidP="00156FB3"/>
          <w:p w:rsidR="00156FB3" w:rsidRDefault="00156FB3" w:rsidP="00156FB3">
            <w:r>
              <w:t>.fa-dochub:before {</w:t>
            </w:r>
          </w:p>
          <w:p w:rsidR="00156FB3" w:rsidRDefault="00156FB3" w:rsidP="00156FB3">
            <w:r>
              <w:t xml:space="preserve">    content: "\f394";</w:t>
            </w:r>
          </w:p>
          <w:p w:rsidR="00156FB3" w:rsidRDefault="00156FB3" w:rsidP="00156FB3">
            <w:r>
              <w:t>}</w:t>
            </w:r>
          </w:p>
          <w:p w:rsidR="00156FB3" w:rsidRDefault="00156FB3" w:rsidP="00156FB3"/>
          <w:p w:rsidR="00156FB3" w:rsidRDefault="00156FB3" w:rsidP="00156FB3">
            <w:r>
              <w:t>.fa-docker:before {</w:t>
            </w:r>
          </w:p>
          <w:p w:rsidR="00156FB3" w:rsidRDefault="00156FB3" w:rsidP="00156FB3">
            <w:r>
              <w:t xml:space="preserve">    content: "\f395";</w:t>
            </w:r>
          </w:p>
          <w:p w:rsidR="00156FB3" w:rsidRDefault="00156FB3" w:rsidP="00156FB3">
            <w:r>
              <w:t>}</w:t>
            </w:r>
          </w:p>
          <w:p w:rsidR="00156FB3" w:rsidRDefault="00156FB3" w:rsidP="00156FB3"/>
          <w:p w:rsidR="00156FB3" w:rsidRDefault="00156FB3" w:rsidP="00156FB3">
            <w:r>
              <w:t>.fa-dog:before {</w:t>
            </w:r>
          </w:p>
          <w:p w:rsidR="00156FB3" w:rsidRDefault="00156FB3" w:rsidP="00156FB3">
            <w:r>
              <w:t xml:space="preserve">    content: "\f6d3";</w:t>
            </w:r>
          </w:p>
          <w:p w:rsidR="00156FB3" w:rsidRDefault="00156FB3" w:rsidP="00156FB3">
            <w:r>
              <w:t>}</w:t>
            </w:r>
          </w:p>
          <w:p w:rsidR="00156FB3" w:rsidRDefault="00156FB3" w:rsidP="00156FB3"/>
          <w:p w:rsidR="00156FB3" w:rsidRDefault="00156FB3" w:rsidP="00156FB3">
            <w:r>
              <w:t>.fa-dollar-sign:before {</w:t>
            </w:r>
          </w:p>
          <w:p w:rsidR="00156FB3" w:rsidRDefault="00156FB3" w:rsidP="00156FB3">
            <w:r>
              <w:t xml:space="preserve">    content: "\f155";</w:t>
            </w:r>
          </w:p>
          <w:p w:rsidR="00156FB3" w:rsidRDefault="00156FB3" w:rsidP="00156FB3">
            <w:r>
              <w:t>}</w:t>
            </w:r>
          </w:p>
          <w:p w:rsidR="00156FB3" w:rsidRDefault="00156FB3" w:rsidP="00156FB3"/>
          <w:p w:rsidR="00156FB3" w:rsidRDefault="00156FB3" w:rsidP="00156FB3">
            <w:r>
              <w:t>.fa-dolly:before {</w:t>
            </w:r>
          </w:p>
          <w:p w:rsidR="00156FB3" w:rsidRDefault="00156FB3" w:rsidP="00156FB3">
            <w:r>
              <w:t xml:space="preserve">    content: "\f472";</w:t>
            </w:r>
          </w:p>
          <w:p w:rsidR="00156FB3" w:rsidRDefault="00156FB3" w:rsidP="00156FB3">
            <w:r>
              <w:t>}</w:t>
            </w:r>
          </w:p>
          <w:p w:rsidR="00156FB3" w:rsidRDefault="00156FB3" w:rsidP="00156FB3"/>
          <w:p w:rsidR="00156FB3" w:rsidRDefault="00156FB3" w:rsidP="00156FB3">
            <w:r>
              <w:t>.fa-dolly-flatbed:before {</w:t>
            </w:r>
          </w:p>
          <w:p w:rsidR="00156FB3" w:rsidRDefault="00156FB3" w:rsidP="00156FB3">
            <w:r>
              <w:t xml:space="preserve">    content: "\f474";</w:t>
            </w:r>
          </w:p>
          <w:p w:rsidR="00156FB3" w:rsidRDefault="00156FB3" w:rsidP="00156FB3">
            <w:r>
              <w:t>}</w:t>
            </w:r>
          </w:p>
          <w:p w:rsidR="00156FB3" w:rsidRDefault="00156FB3" w:rsidP="00156FB3"/>
          <w:p w:rsidR="00156FB3" w:rsidRDefault="00156FB3" w:rsidP="00156FB3">
            <w:r>
              <w:t>.fa-donate:before {</w:t>
            </w:r>
          </w:p>
          <w:p w:rsidR="00156FB3" w:rsidRDefault="00156FB3" w:rsidP="00156FB3">
            <w:r>
              <w:t xml:space="preserve">    content: "\f4b9";</w:t>
            </w:r>
          </w:p>
          <w:p w:rsidR="00156FB3" w:rsidRDefault="00156FB3" w:rsidP="00156FB3">
            <w:r>
              <w:t>}</w:t>
            </w:r>
          </w:p>
          <w:p w:rsidR="00156FB3" w:rsidRDefault="00156FB3" w:rsidP="00156FB3"/>
          <w:p w:rsidR="00156FB3" w:rsidRDefault="00156FB3" w:rsidP="00156FB3">
            <w:r>
              <w:t>.fa-door-closed:before {</w:t>
            </w:r>
          </w:p>
          <w:p w:rsidR="00156FB3" w:rsidRDefault="00156FB3" w:rsidP="00156FB3">
            <w:r>
              <w:t xml:space="preserve">    content: "\f52a";</w:t>
            </w:r>
          </w:p>
          <w:p w:rsidR="00156FB3" w:rsidRDefault="00156FB3" w:rsidP="00156FB3">
            <w:r>
              <w:t>}</w:t>
            </w:r>
          </w:p>
          <w:p w:rsidR="00156FB3" w:rsidRDefault="00156FB3" w:rsidP="00156FB3"/>
          <w:p w:rsidR="00156FB3" w:rsidRDefault="00156FB3" w:rsidP="00156FB3">
            <w:r>
              <w:t>.fa-door-open:before {</w:t>
            </w:r>
          </w:p>
          <w:p w:rsidR="00156FB3" w:rsidRDefault="00156FB3" w:rsidP="00156FB3">
            <w:r>
              <w:t xml:space="preserve">    content: "\f52b";</w:t>
            </w:r>
          </w:p>
          <w:p w:rsidR="00156FB3" w:rsidRDefault="00156FB3" w:rsidP="00156FB3">
            <w:r>
              <w:t>}</w:t>
            </w:r>
          </w:p>
          <w:p w:rsidR="00156FB3" w:rsidRDefault="00156FB3" w:rsidP="00156FB3"/>
          <w:p w:rsidR="00156FB3" w:rsidRDefault="00156FB3" w:rsidP="00156FB3">
            <w:r>
              <w:t>.fa-dot-circle:before {</w:t>
            </w:r>
          </w:p>
          <w:p w:rsidR="00156FB3" w:rsidRDefault="00156FB3" w:rsidP="00156FB3">
            <w:r>
              <w:lastRenderedPageBreak/>
              <w:t xml:space="preserve">    content: "\f192";</w:t>
            </w:r>
          </w:p>
          <w:p w:rsidR="00156FB3" w:rsidRDefault="00156FB3" w:rsidP="00156FB3">
            <w:r>
              <w:t>}</w:t>
            </w:r>
          </w:p>
          <w:p w:rsidR="00156FB3" w:rsidRDefault="00156FB3" w:rsidP="00156FB3"/>
          <w:p w:rsidR="00156FB3" w:rsidRDefault="00156FB3" w:rsidP="00156FB3">
            <w:r>
              <w:t>.fa-dove:before {</w:t>
            </w:r>
          </w:p>
          <w:p w:rsidR="00156FB3" w:rsidRDefault="00156FB3" w:rsidP="00156FB3">
            <w:r>
              <w:t xml:space="preserve">    content: "\f4ba";</w:t>
            </w:r>
          </w:p>
          <w:p w:rsidR="00156FB3" w:rsidRDefault="00156FB3" w:rsidP="00156FB3">
            <w:r>
              <w:t>}</w:t>
            </w:r>
          </w:p>
          <w:p w:rsidR="00156FB3" w:rsidRDefault="00156FB3" w:rsidP="00156FB3"/>
          <w:p w:rsidR="00156FB3" w:rsidRDefault="00156FB3" w:rsidP="00156FB3">
            <w:r>
              <w:t>.fa-download:before {</w:t>
            </w:r>
          </w:p>
          <w:p w:rsidR="00156FB3" w:rsidRDefault="00156FB3" w:rsidP="00156FB3">
            <w:r>
              <w:t xml:space="preserve">    content: "\f019";</w:t>
            </w:r>
          </w:p>
          <w:p w:rsidR="00156FB3" w:rsidRDefault="00156FB3" w:rsidP="00156FB3">
            <w:r>
              <w:t>}</w:t>
            </w:r>
          </w:p>
          <w:p w:rsidR="00156FB3" w:rsidRDefault="00156FB3" w:rsidP="00156FB3"/>
          <w:p w:rsidR="00156FB3" w:rsidRDefault="00156FB3" w:rsidP="00156FB3">
            <w:r>
              <w:t>.fa-draft2digital:before {</w:t>
            </w:r>
          </w:p>
          <w:p w:rsidR="00156FB3" w:rsidRDefault="00156FB3" w:rsidP="00156FB3">
            <w:r>
              <w:t xml:space="preserve">    content: "\f396";</w:t>
            </w:r>
          </w:p>
          <w:p w:rsidR="00156FB3" w:rsidRDefault="00156FB3" w:rsidP="00156FB3">
            <w:r>
              <w:t>}</w:t>
            </w:r>
          </w:p>
          <w:p w:rsidR="00156FB3" w:rsidRDefault="00156FB3" w:rsidP="00156FB3"/>
          <w:p w:rsidR="00156FB3" w:rsidRDefault="00156FB3" w:rsidP="00156FB3">
            <w:r>
              <w:t>.fa-drafting-compass:before {</w:t>
            </w:r>
          </w:p>
          <w:p w:rsidR="00156FB3" w:rsidRDefault="00156FB3" w:rsidP="00156FB3">
            <w:r>
              <w:t xml:space="preserve">    content: "\f568";</w:t>
            </w:r>
          </w:p>
          <w:p w:rsidR="00156FB3" w:rsidRDefault="00156FB3" w:rsidP="00156FB3">
            <w:r>
              <w:t>}</w:t>
            </w:r>
          </w:p>
          <w:p w:rsidR="00156FB3" w:rsidRDefault="00156FB3" w:rsidP="00156FB3"/>
          <w:p w:rsidR="00156FB3" w:rsidRDefault="00156FB3" w:rsidP="00156FB3">
            <w:r>
              <w:t>.fa-dragon:before {</w:t>
            </w:r>
          </w:p>
          <w:p w:rsidR="00156FB3" w:rsidRDefault="00156FB3" w:rsidP="00156FB3">
            <w:r>
              <w:t xml:space="preserve">    content: "\f6d5";</w:t>
            </w:r>
          </w:p>
          <w:p w:rsidR="00156FB3" w:rsidRDefault="00156FB3" w:rsidP="00156FB3">
            <w:r>
              <w:t>}</w:t>
            </w:r>
          </w:p>
          <w:p w:rsidR="00156FB3" w:rsidRDefault="00156FB3" w:rsidP="00156FB3"/>
          <w:p w:rsidR="00156FB3" w:rsidRDefault="00156FB3" w:rsidP="00156FB3">
            <w:r>
              <w:t>.fa-draw-polygon:before {</w:t>
            </w:r>
          </w:p>
          <w:p w:rsidR="00156FB3" w:rsidRDefault="00156FB3" w:rsidP="00156FB3">
            <w:r>
              <w:t xml:space="preserve">    content: "\f5ee";</w:t>
            </w:r>
          </w:p>
          <w:p w:rsidR="00156FB3" w:rsidRDefault="00156FB3" w:rsidP="00156FB3">
            <w:r>
              <w:t>}</w:t>
            </w:r>
          </w:p>
          <w:p w:rsidR="00156FB3" w:rsidRDefault="00156FB3" w:rsidP="00156FB3"/>
          <w:p w:rsidR="00156FB3" w:rsidRDefault="00156FB3" w:rsidP="00156FB3">
            <w:r>
              <w:t>.fa-dribbble:before {</w:t>
            </w:r>
          </w:p>
          <w:p w:rsidR="00156FB3" w:rsidRDefault="00156FB3" w:rsidP="00156FB3">
            <w:r>
              <w:t xml:space="preserve">    content: "\f17d";</w:t>
            </w:r>
          </w:p>
          <w:p w:rsidR="00156FB3" w:rsidRDefault="00156FB3" w:rsidP="00156FB3">
            <w:r>
              <w:t>}</w:t>
            </w:r>
          </w:p>
          <w:p w:rsidR="00156FB3" w:rsidRDefault="00156FB3" w:rsidP="00156FB3"/>
          <w:p w:rsidR="00156FB3" w:rsidRDefault="00156FB3" w:rsidP="00156FB3">
            <w:r>
              <w:t>.fa-dribbble-square:before {</w:t>
            </w:r>
          </w:p>
          <w:p w:rsidR="00156FB3" w:rsidRDefault="00156FB3" w:rsidP="00156FB3">
            <w:r>
              <w:t xml:space="preserve">    content: "\f397";</w:t>
            </w:r>
          </w:p>
          <w:p w:rsidR="00156FB3" w:rsidRDefault="00156FB3" w:rsidP="00156FB3">
            <w:r>
              <w:t>}</w:t>
            </w:r>
          </w:p>
          <w:p w:rsidR="00156FB3" w:rsidRDefault="00156FB3" w:rsidP="00156FB3"/>
          <w:p w:rsidR="00156FB3" w:rsidRDefault="00156FB3" w:rsidP="00156FB3">
            <w:r>
              <w:t>.fa-dropbox:before {</w:t>
            </w:r>
          </w:p>
          <w:p w:rsidR="00156FB3" w:rsidRDefault="00156FB3" w:rsidP="00156FB3">
            <w:r>
              <w:t xml:space="preserve">    content: "\f16b";</w:t>
            </w:r>
          </w:p>
          <w:p w:rsidR="00156FB3" w:rsidRDefault="00156FB3" w:rsidP="00156FB3">
            <w:r>
              <w:t>}</w:t>
            </w:r>
          </w:p>
          <w:p w:rsidR="00156FB3" w:rsidRDefault="00156FB3" w:rsidP="00156FB3"/>
          <w:p w:rsidR="00156FB3" w:rsidRDefault="00156FB3" w:rsidP="00156FB3">
            <w:r>
              <w:t>.fa-drum:before {</w:t>
            </w:r>
          </w:p>
          <w:p w:rsidR="00156FB3" w:rsidRDefault="00156FB3" w:rsidP="00156FB3">
            <w:r>
              <w:t xml:space="preserve">    content: "\f569";</w:t>
            </w:r>
          </w:p>
          <w:p w:rsidR="00156FB3" w:rsidRDefault="00156FB3" w:rsidP="00156FB3">
            <w:r>
              <w:t>}</w:t>
            </w:r>
          </w:p>
          <w:p w:rsidR="00156FB3" w:rsidRDefault="00156FB3" w:rsidP="00156FB3"/>
          <w:p w:rsidR="00156FB3" w:rsidRDefault="00156FB3" w:rsidP="00156FB3">
            <w:r>
              <w:t>.fa-drum-steelpan:before {</w:t>
            </w:r>
          </w:p>
          <w:p w:rsidR="00156FB3" w:rsidRDefault="00156FB3" w:rsidP="00156FB3">
            <w:r>
              <w:t xml:space="preserve">    content: "\f56a";</w:t>
            </w:r>
          </w:p>
          <w:p w:rsidR="00156FB3" w:rsidRDefault="00156FB3" w:rsidP="00156FB3">
            <w:r>
              <w:t>}</w:t>
            </w:r>
          </w:p>
          <w:p w:rsidR="00156FB3" w:rsidRDefault="00156FB3" w:rsidP="00156FB3"/>
          <w:p w:rsidR="00156FB3" w:rsidRDefault="00156FB3" w:rsidP="00156FB3">
            <w:r>
              <w:t>.fa-drumstick-bite:before {</w:t>
            </w:r>
          </w:p>
          <w:p w:rsidR="00156FB3" w:rsidRDefault="00156FB3" w:rsidP="00156FB3">
            <w:r>
              <w:lastRenderedPageBreak/>
              <w:t xml:space="preserve">    content: "\f6d7";</w:t>
            </w:r>
          </w:p>
          <w:p w:rsidR="00156FB3" w:rsidRDefault="00156FB3" w:rsidP="00156FB3">
            <w:r>
              <w:t>}</w:t>
            </w:r>
          </w:p>
          <w:p w:rsidR="00156FB3" w:rsidRDefault="00156FB3" w:rsidP="00156FB3"/>
          <w:p w:rsidR="00156FB3" w:rsidRDefault="00156FB3" w:rsidP="00156FB3">
            <w:r>
              <w:t>.fa-drupal:before {</w:t>
            </w:r>
          </w:p>
          <w:p w:rsidR="00156FB3" w:rsidRDefault="00156FB3" w:rsidP="00156FB3">
            <w:r>
              <w:t xml:space="preserve">    content: "\f1a9";</w:t>
            </w:r>
          </w:p>
          <w:p w:rsidR="00156FB3" w:rsidRDefault="00156FB3" w:rsidP="00156FB3">
            <w:r>
              <w:t>}</w:t>
            </w:r>
          </w:p>
          <w:p w:rsidR="00156FB3" w:rsidRDefault="00156FB3" w:rsidP="00156FB3"/>
          <w:p w:rsidR="00156FB3" w:rsidRDefault="00156FB3" w:rsidP="00156FB3">
            <w:r>
              <w:t>.fa-dumbbell:before {</w:t>
            </w:r>
          </w:p>
          <w:p w:rsidR="00156FB3" w:rsidRDefault="00156FB3" w:rsidP="00156FB3">
            <w:r>
              <w:t xml:space="preserve">    content: "\f44b";</w:t>
            </w:r>
          </w:p>
          <w:p w:rsidR="00156FB3" w:rsidRDefault="00156FB3" w:rsidP="00156FB3">
            <w:r>
              <w:t>}</w:t>
            </w:r>
          </w:p>
          <w:p w:rsidR="00156FB3" w:rsidRDefault="00156FB3" w:rsidP="00156FB3"/>
          <w:p w:rsidR="00156FB3" w:rsidRDefault="00156FB3" w:rsidP="00156FB3">
            <w:r>
              <w:t>.fa-dumpster:before {</w:t>
            </w:r>
          </w:p>
          <w:p w:rsidR="00156FB3" w:rsidRDefault="00156FB3" w:rsidP="00156FB3">
            <w:r>
              <w:t xml:space="preserve">    content: "\f793";</w:t>
            </w:r>
          </w:p>
          <w:p w:rsidR="00156FB3" w:rsidRDefault="00156FB3" w:rsidP="00156FB3">
            <w:r>
              <w:t>}</w:t>
            </w:r>
          </w:p>
          <w:p w:rsidR="00156FB3" w:rsidRDefault="00156FB3" w:rsidP="00156FB3"/>
          <w:p w:rsidR="00156FB3" w:rsidRDefault="00156FB3" w:rsidP="00156FB3">
            <w:r>
              <w:t>.fa-dumpster-fire:before {</w:t>
            </w:r>
          </w:p>
          <w:p w:rsidR="00156FB3" w:rsidRDefault="00156FB3" w:rsidP="00156FB3">
            <w:r>
              <w:t xml:space="preserve">    content: "\f794";</w:t>
            </w:r>
          </w:p>
          <w:p w:rsidR="00156FB3" w:rsidRDefault="00156FB3" w:rsidP="00156FB3">
            <w:r>
              <w:t>}</w:t>
            </w:r>
          </w:p>
          <w:p w:rsidR="00156FB3" w:rsidRDefault="00156FB3" w:rsidP="00156FB3"/>
          <w:p w:rsidR="00156FB3" w:rsidRDefault="00156FB3" w:rsidP="00156FB3">
            <w:r>
              <w:t>.fa-dungeon:before {</w:t>
            </w:r>
          </w:p>
          <w:p w:rsidR="00156FB3" w:rsidRDefault="00156FB3" w:rsidP="00156FB3">
            <w:r>
              <w:t xml:space="preserve">    content: "\f6d9";</w:t>
            </w:r>
          </w:p>
          <w:p w:rsidR="00156FB3" w:rsidRDefault="00156FB3" w:rsidP="00156FB3">
            <w:r>
              <w:t>}</w:t>
            </w:r>
          </w:p>
          <w:p w:rsidR="00156FB3" w:rsidRDefault="00156FB3" w:rsidP="00156FB3"/>
          <w:p w:rsidR="00156FB3" w:rsidRDefault="00156FB3" w:rsidP="00156FB3">
            <w:r>
              <w:t>.fa-dyalog:before {</w:t>
            </w:r>
          </w:p>
          <w:p w:rsidR="00156FB3" w:rsidRDefault="00156FB3" w:rsidP="00156FB3">
            <w:r>
              <w:t xml:space="preserve">    content: "\f399";</w:t>
            </w:r>
          </w:p>
          <w:p w:rsidR="00156FB3" w:rsidRDefault="00156FB3" w:rsidP="00156FB3">
            <w:r>
              <w:t>}</w:t>
            </w:r>
          </w:p>
          <w:p w:rsidR="00156FB3" w:rsidRDefault="00156FB3" w:rsidP="00156FB3"/>
          <w:p w:rsidR="00156FB3" w:rsidRDefault="00156FB3" w:rsidP="00156FB3">
            <w:r>
              <w:t>.fa-earlybirds:before {</w:t>
            </w:r>
          </w:p>
          <w:p w:rsidR="00156FB3" w:rsidRDefault="00156FB3" w:rsidP="00156FB3">
            <w:r>
              <w:t xml:space="preserve">    content: "\f39a";</w:t>
            </w:r>
          </w:p>
          <w:p w:rsidR="00156FB3" w:rsidRDefault="00156FB3" w:rsidP="00156FB3">
            <w:r>
              <w:t>}</w:t>
            </w:r>
          </w:p>
          <w:p w:rsidR="00156FB3" w:rsidRDefault="00156FB3" w:rsidP="00156FB3"/>
          <w:p w:rsidR="00156FB3" w:rsidRDefault="00156FB3" w:rsidP="00156FB3">
            <w:r>
              <w:t>.fa-ebay:before {</w:t>
            </w:r>
          </w:p>
          <w:p w:rsidR="00156FB3" w:rsidRDefault="00156FB3" w:rsidP="00156FB3">
            <w:r>
              <w:t xml:space="preserve">    content: "\f4f4";</w:t>
            </w:r>
          </w:p>
          <w:p w:rsidR="00156FB3" w:rsidRDefault="00156FB3" w:rsidP="00156FB3">
            <w:r>
              <w:t>}</w:t>
            </w:r>
          </w:p>
          <w:p w:rsidR="00156FB3" w:rsidRDefault="00156FB3" w:rsidP="00156FB3"/>
          <w:p w:rsidR="00156FB3" w:rsidRDefault="00156FB3" w:rsidP="00156FB3">
            <w:r>
              <w:t>.fa-edge:before {</w:t>
            </w:r>
          </w:p>
          <w:p w:rsidR="00156FB3" w:rsidRDefault="00156FB3" w:rsidP="00156FB3">
            <w:r>
              <w:t xml:space="preserve">    content: "\f282";</w:t>
            </w:r>
          </w:p>
          <w:p w:rsidR="00156FB3" w:rsidRDefault="00156FB3" w:rsidP="00156FB3">
            <w:r>
              <w:t>}</w:t>
            </w:r>
          </w:p>
          <w:p w:rsidR="00156FB3" w:rsidRDefault="00156FB3" w:rsidP="00156FB3"/>
          <w:p w:rsidR="00156FB3" w:rsidRDefault="00156FB3" w:rsidP="00156FB3">
            <w:r>
              <w:t>.fa-edit:before {</w:t>
            </w:r>
          </w:p>
          <w:p w:rsidR="00156FB3" w:rsidRDefault="00156FB3" w:rsidP="00156FB3">
            <w:r>
              <w:t xml:space="preserve">    content: "\f044";</w:t>
            </w:r>
          </w:p>
          <w:p w:rsidR="00156FB3" w:rsidRDefault="00156FB3" w:rsidP="00156FB3">
            <w:r>
              <w:t>}</w:t>
            </w:r>
          </w:p>
          <w:p w:rsidR="00156FB3" w:rsidRDefault="00156FB3" w:rsidP="00156FB3"/>
          <w:p w:rsidR="00156FB3" w:rsidRDefault="00156FB3" w:rsidP="00156FB3">
            <w:r>
              <w:t>.fa-egg:before {</w:t>
            </w:r>
          </w:p>
          <w:p w:rsidR="00156FB3" w:rsidRDefault="00156FB3" w:rsidP="00156FB3">
            <w:r>
              <w:t xml:space="preserve">    content: "\f7fb";</w:t>
            </w:r>
          </w:p>
          <w:p w:rsidR="00156FB3" w:rsidRDefault="00156FB3" w:rsidP="00156FB3">
            <w:r>
              <w:t>}</w:t>
            </w:r>
          </w:p>
          <w:p w:rsidR="00156FB3" w:rsidRDefault="00156FB3" w:rsidP="00156FB3"/>
          <w:p w:rsidR="00156FB3" w:rsidRDefault="00156FB3" w:rsidP="00156FB3">
            <w:r>
              <w:t>.fa-eject:before {</w:t>
            </w:r>
          </w:p>
          <w:p w:rsidR="00156FB3" w:rsidRDefault="00156FB3" w:rsidP="00156FB3">
            <w:r>
              <w:lastRenderedPageBreak/>
              <w:t xml:space="preserve">    content: "\f052";</w:t>
            </w:r>
          </w:p>
          <w:p w:rsidR="00156FB3" w:rsidRDefault="00156FB3" w:rsidP="00156FB3">
            <w:r>
              <w:t>}</w:t>
            </w:r>
          </w:p>
          <w:p w:rsidR="00156FB3" w:rsidRDefault="00156FB3" w:rsidP="00156FB3"/>
          <w:p w:rsidR="00156FB3" w:rsidRDefault="00156FB3" w:rsidP="00156FB3">
            <w:r>
              <w:t>.fa-elementor:before {</w:t>
            </w:r>
          </w:p>
          <w:p w:rsidR="00156FB3" w:rsidRDefault="00156FB3" w:rsidP="00156FB3">
            <w:r>
              <w:t xml:space="preserve">    content: "\f430";</w:t>
            </w:r>
          </w:p>
          <w:p w:rsidR="00156FB3" w:rsidRDefault="00156FB3" w:rsidP="00156FB3">
            <w:r>
              <w:t>}</w:t>
            </w:r>
          </w:p>
          <w:p w:rsidR="00156FB3" w:rsidRDefault="00156FB3" w:rsidP="00156FB3"/>
          <w:p w:rsidR="00156FB3" w:rsidRDefault="00156FB3" w:rsidP="00156FB3">
            <w:r>
              <w:t>.fa-ellipsis-h:before {</w:t>
            </w:r>
          </w:p>
          <w:p w:rsidR="00156FB3" w:rsidRDefault="00156FB3" w:rsidP="00156FB3">
            <w:r>
              <w:t xml:space="preserve">    content: "\f141";</w:t>
            </w:r>
          </w:p>
          <w:p w:rsidR="00156FB3" w:rsidRDefault="00156FB3" w:rsidP="00156FB3">
            <w:r>
              <w:t>}</w:t>
            </w:r>
          </w:p>
          <w:p w:rsidR="00156FB3" w:rsidRDefault="00156FB3" w:rsidP="00156FB3"/>
          <w:p w:rsidR="00156FB3" w:rsidRDefault="00156FB3" w:rsidP="00156FB3">
            <w:r>
              <w:t>.fa-ellipsis-v:before {</w:t>
            </w:r>
          </w:p>
          <w:p w:rsidR="00156FB3" w:rsidRDefault="00156FB3" w:rsidP="00156FB3">
            <w:r>
              <w:t xml:space="preserve">    content: "\f142";</w:t>
            </w:r>
          </w:p>
          <w:p w:rsidR="00156FB3" w:rsidRDefault="00156FB3" w:rsidP="00156FB3">
            <w:r>
              <w:t>}</w:t>
            </w:r>
          </w:p>
          <w:p w:rsidR="00156FB3" w:rsidRDefault="00156FB3" w:rsidP="00156FB3"/>
          <w:p w:rsidR="00156FB3" w:rsidRDefault="00156FB3" w:rsidP="00156FB3">
            <w:r>
              <w:t>.fa-ello:before {</w:t>
            </w:r>
          </w:p>
          <w:p w:rsidR="00156FB3" w:rsidRDefault="00156FB3" w:rsidP="00156FB3">
            <w:r>
              <w:t xml:space="preserve">    content: "\f5f1";</w:t>
            </w:r>
          </w:p>
          <w:p w:rsidR="00156FB3" w:rsidRDefault="00156FB3" w:rsidP="00156FB3">
            <w:r>
              <w:t>}</w:t>
            </w:r>
          </w:p>
          <w:p w:rsidR="00156FB3" w:rsidRDefault="00156FB3" w:rsidP="00156FB3"/>
          <w:p w:rsidR="00156FB3" w:rsidRDefault="00156FB3" w:rsidP="00156FB3">
            <w:r>
              <w:t>.fa-ember:before {</w:t>
            </w:r>
          </w:p>
          <w:p w:rsidR="00156FB3" w:rsidRDefault="00156FB3" w:rsidP="00156FB3">
            <w:r>
              <w:t xml:space="preserve">    content: "\f423";</w:t>
            </w:r>
          </w:p>
          <w:p w:rsidR="00156FB3" w:rsidRDefault="00156FB3" w:rsidP="00156FB3">
            <w:r>
              <w:t>}</w:t>
            </w:r>
          </w:p>
          <w:p w:rsidR="00156FB3" w:rsidRDefault="00156FB3" w:rsidP="00156FB3"/>
          <w:p w:rsidR="00156FB3" w:rsidRDefault="00156FB3" w:rsidP="00156FB3">
            <w:r>
              <w:t>.fa-empire:before {</w:t>
            </w:r>
          </w:p>
          <w:p w:rsidR="00156FB3" w:rsidRDefault="00156FB3" w:rsidP="00156FB3">
            <w:r>
              <w:t xml:space="preserve">    content: "\f1d1";</w:t>
            </w:r>
          </w:p>
          <w:p w:rsidR="00156FB3" w:rsidRDefault="00156FB3" w:rsidP="00156FB3">
            <w:r>
              <w:t>}</w:t>
            </w:r>
          </w:p>
          <w:p w:rsidR="00156FB3" w:rsidRDefault="00156FB3" w:rsidP="00156FB3"/>
          <w:p w:rsidR="00156FB3" w:rsidRDefault="00156FB3" w:rsidP="00156FB3">
            <w:r>
              <w:t>.fa-envelope:before {</w:t>
            </w:r>
          </w:p>
          <w:p w:rsidR="00156FB3" w:rsidRDefault="00156FB3" w:rsidP="00156FB3">
            <w:r>
              <w:t xml:space="preserve">    content: "\f0e0";</w:t>
            </w:r>
          </w:p>
          <w:p w:rsidR="00156FB3" w:rsidRDefault="00156FB3" w:rsidP="00156FB3">
            <w:r>
              <w:t>}</w:t>
            </w:r>
          </w:p>
          <w:p w:rsidR="00156FB3" w:rsidRDefault="00156FB3" w:rsidP="00156FB3"/>
          <w:p w:rsidR="00156FB3" w:rsidRDefault="00156FB3" w:rsidP="00156FB3">
            <w:r>
              <w:t>.fa-envelope-open:before {</w:t>
            </w:r>
          </w:p>
          <w:p w:rsidR="00156FB3" w:rsidRDefault="00156FB3" w:rsidP="00156FB3">
            <w:r>
              <w:t xml:space="preserve">    content: "\f2b6";</w:t>
            </w:r>
          </w:p>
          <w:p w:rsidR="00156FB3" w:rsidRDefault="00156FB3" w:rsidP="00156FB3">
            <w:r>
              <w:t>}</w:t>
            </w:r>
          </w:p>
          <w:p w:rsidR="00156FB3" w:rsidRDefault="00156FB3" w:rsidP="00156FB3"/>
          <w:p w:rsidR="00156FB3" w:rsidRDefault="00156FB3" w:rsidP="00156FB3">
            <w:r>
              <w:t>.fa-envelope-open-text:before {</w:t>
            </w:r>
          </w:p>
          <w:p w:rsidR="00156FB3" w:rsidRDefault="00156FB3" w:rsidP="00156FB3">
            <w:r>
              <w:t xml:space="preserve">    content: "\f658";</w:t>
            </w:r>
          </w:p>
          <w:p w:rsidR="00156FB3" w:rsidRDefault="00156FB3" w:rsidP="00156FB3">
            <w:r>
              <w:t>}</w:t>
            </w:r>
          </w:p>
          <w:p w:rsidR="00156FB3" w:rsidRDefault="00156FB3" w:rsidP="00156FB3"/>
          <w:p w:rsidR="00156FB3" w:rsidRDefault="00156FB3" w:rsidP="00156FB3">
            <w:r>
              <w:t>.fa-envelope-square:before {</w:t>
            </w:r>
          </w:p>
          <w:p w:rsidR="00156FB3" w:rsidRDefault="00156FB3" w:rsidP="00156FB3">
            <w:r>
              <w:t xml:space="preserve">    content: "\f199";</w:t>
            </w:r>
          </w:p>
          <w:p w:rsidR="00156FB3" w:rsidRDefault="00156FB3" w:rsidP="00156FB3">
            <w:r>
              <w:t>}</w:t>
            </w:r>
          </w:p>
          <w:p w:rsidR="00156FB3" w:rsidRDefault="00156FB3" w:rsidP="00156FB3"/>
          <w:p w:rsidR="00156FB3" w:rsidRDefault="00156FB3" w:rsidP="00156FB3">
            <w:r>
              <w:t>.fa-envira:before {</w:t>
            </w:r>
          </w:p>
          <w:p w:rsidR="00156FB3" w:rsidRDefault="00156FB3" w:rsidP="00156FB3">
            <w:r>
              <w:t xml:space="preserve">    content: "\f299";</w:t>
            </w:r>
          </w:p>
          <w:p w:rsidR="00156FB3" w:rsidRDefault="00156FB3" w:rsidP="00156FB3">
            <w:r>
              <w:t>}</w:t>
            </w:r>
          </w:p>
          <w:p w:rsidR="00156FB3" w:rsidRDefault="00156FB3" w:rsidP="00156FB3"/>
          <w:p w:rsidR="00156FB3" w:rsidRDefault="00156FB3" w:rsidP="00156FB3">
            <w:r>
              <w:t>.fa-equals:before {</w:t>
            </w:r>
          </w:p>
          <w:p w:rsidR="00156FB3" w:rsidRDefault="00156FB3" w:rsidP="00156FB3">
            <w:r>
              <w:lastRenderedPageBreak/>
              <w:t xml:space="preserve">    content: "\f52c";</w:t>
            </w:r>
          </w:p>
          <w:p w:rsidR="00156FB3" w:rsidRDefault="00156FB3" w:rsidP="00156FB3">
            <w:r>
              <w:t>}</w:t>
            </w:r>
          </w:p>
          <w:p w:rsidR="00156FB3" w:rsidRDefault="00156FB3" w:rsidP="00156FB3"/>
          <w:p w:rsidR="00156FB3" w:rsidRDefault="00156FB3" w:rsidP="00156FB3">
            <w:r>
              <w:t>.fa-eraser:before {</w:t>
            </w:r>
          </w:p>
          <w:p w:rsidR="00156FB3" w:rsidRDefault="00156FB3" w:rsidP="00156FB3">
            <w:r>
              <w:t xml:space="preserve">    content: "\f12d";</w:t>
            </w:r>
          </w:p>
          <w:p w:rsidR="00156FB3" w:rsidRDefault="00156FB3" w:rsidP="00156FB3">
            <w:r>
              <w:t>}</w:t>
            </w:r>
          </w:p>
          <w:p w:rsidR="00156FB3" w:rsidRDefault="00156FB3" w:rsidP="00156FB3"/>
          <w:p w:rsidR="00156FB3" w:rsidRDefault="00156FB3" w:rsidP="00156FB3">
            <w:r>
              <w:t>.fa-erlang:before {</w:t>
            </w:r>
          </w:p>
          <w:p w:rsidR="00156FB3" w:rsidRDefault="00156FB3" w:rsidP="00156FB3">
            <w:r>
              <w:t xml:space="preserve">    content: "\f39d";</w:t>
            </w:r>
          </w:p>
          <w:p w:rsidR="00156FB3" w:rsidRDefault="00156FB3" w:rsidP="00156FB3">
            <w:r>
              <w:t>}</w:t>
            </w:r>
          </w:p>
          <w:p w:rsidR="00156FB3" w:rsidRDefault="00156FB3" w:rsidP="00156FB3"/>
          <w:p w:rsidR="00156FB3" w:rsidRDefault="00156FB3" w:rsidP="00156FB3">
            <w:r>
              <w:t>.fa-ethereum:before {</w:t>
            </w:r>
          </w:p>
          <w:p w:rsidR="00156FB3" w:rsidRDefault="00156FB3" w:rsidP="00156FB3">
            <w:r>
              <w:t xml:space="preserve">    content: "\f42e";</w:t>
            </w:r>
          </w:p>
          <w:p w:rsidR="00156FB3" w:rsidRDefault="00156FB3" w:rsidP="00156FB3">
            <w:r>
              <w:t>}</w:t>
            </w:r>
          </w:p>
          <w:p w:rsidR="00156FB3" w:rsidRDefault="00156FB3" w:rsidP="00156FB3"/>
          <w:p w:rsidR="00156FB3" w:rsidRDefault="00156FB3" w:rsidP="00156FB3">
            <w:r>
              <w:t>.fa-ethernet:before {</w:t>
            </w:r>
          </w:p>
          <w:p w:rsidR="00156FB3" w:rsidRDefault="00156FB3" w:rsidP="00156FB3">
            <w:r>
              <w:t xml:space="preserve">    content: "\f796";</w:t>
            </w:r>
          </w:p>
          <w:p w:rsidR="00156FB3" w:rsidRDefault="00156FB3" w:rsidP="00156FB3">
            <w:r>
              <w:t>}</w:t>
            </w:r>
          </w:p>
          <w:p w:rsidR="00156FB3" w:rsidRDefault="00156FB3" w:rsidP="00156FB3"/>
          <w:p w:rsidR="00156FB3" w:rsidRDefault="00156FB3" w:rsidP="00156FB3">
            <w:r>
              <w:t>.fa-etsy:before {</w:t>
            </w:r>
          </w:p>
          <w:p w:rsidR="00156FB3" w:rsidRDefault="00156FB3" w:rsidP="00156FB3">
            <w:r>
              <w:t xml:space="preserve">    content: "\f2d7";</w:t>
            </w:r>
          </w:p>
          <w:p w:rsidR="00156FB3" w:rsidRDefault="00156FB3" w:rsidP="00156FB3">
            <w:r>
              <w:t>}</w:t>
            </w:r>
          </w:p>
          <w:p w:rsidR="00156FB3" w:rsidRDefault="00156FB3" w:rsidP="00156FB3"/>
          <w:p w:rsidR="00156FB3" w:rsidRDefault="00156FB3" w:rsidP="00156FB3">
            <w:r>
              <w:t>.fa-euro-sign:before {</w:t>
            </w:r>
          </w:p>
          <w:p w:rsidR="00156FB3" w:rsidRDefault="00156FB3" w:rsidP="00156FB3">
            <w:r>
              <w:t xml:space="preserve">    content: "\f153";</w:t>
            </w:r>
          </w:p>
          <w:p w:rsidR="00156FB3" w:rsidRDefault="00156FB3" w:rsidP="00156FB3">
            <w:r>
              <w:t>}</w:t>
            </w:r>
          </w:p>
          <w:p w:rsidR="00156FB3" w:rsidRDefault="00156FB3" w:rsidP="00156FB3"/>
          <w:p w:rsidR="00156FB3" w:rsidRDefault="00156FB3" w:rsidP="00156FB3">
            <w:r>
              <w:t>.fa-evernote:before {</w:t>
            </w:r>
          </w:p>
          <w:p w:rsidR="00156FB3" w:rsidRDefault="00156FB3" w:rsidP="00156FB3">
            <w:r>
              <w:t xml:space="preserve">    content: "\f839";</w:t>
            </w:r>
          </w:p>
          <w:p w:rsidR="00156FB3" w:rsidRDefault="00156FB3" w:rsidP="00156FB3">
            <w:r>
              <w:t>}</w:t>
            </w:r>
          </w:p>
          <w:p w:rsidR="00156FB3" w:rsidRDefault="00156FB3" w:rsidP="00156FB3"/>
          <w:p w:rsidR="00156FB3" w:rsidRDefault="00156FB3" w:rsidP="00156FB3">
            <w:r>
              <w:t>.fa-exchange-alt:before {</w:t>
            </w:r>
          </w:p>
          <w:p w:rsidR="00156FB3" w:rsidRDefault="00156FB3" w:rsidP="00156FB3">
            <w:r>
              <w:t xml:space="preserve">    content: "\f362";</w:t>
            </w:r>
          </w:p>
          <w:p w:rsidR="00156FB3" w:rsidRDefault="00156FB3" w:rsidP="00156FB3">
            <w:r>
              <w:t>}</w:t>
            </w:r>
          </w:p>
          <w:p w:rsidR="00156FB3" w:rsidRDefault="00156FB3" w:rsidP="00156FB3"/>
          <w:p w:rsidR="00156FB3" w:rsidRDefault="00156FB3" w:rsidP="00156FB3">
            <w:r>
              <w:t>.fa-exclamation:before {</w:t>
            </w:r>
          </w:p>
          <w:p w:rsidR="00156FB3" w:rsidRDefault="00156FB3" w:rsidP="00156FB3">
            <w:r>
              <w:t xml:space="preserve">    content: "\f12a";</w:t>
            </w:r>
          </w:p>
          <w:p w:rsidR="00156FB3" w:rsidRDefault="00156FB3" w:rsidP="00156FB3">
            <w:r>
              <w:t>}</w:t>
            </w:r>
          </w:p>
          <w:p w:rsidR="00156FB3" w:rsidRDefault="00156FB3" w:rsidP="00156FB3"/>
          <w:p w:rsidR="00156FB3" w:rsidRDefault="00156FB3" w:rsidP="00156FB3">
            <w:r>
              <w:t>.fa-exclamation-circle:before {</w:t>
            </w:r>
          </w:p>
          <w:p w:rsidR="00156FB3" w:rsidRDefault="00156FB3" w:rsidP="00156FB3">
            <w:r>
              <w:t xml:space="preserve">    content: "\f06a";</w:t>
            </w:r>
          </w:p>
          <w:p w:rsidR="00156FB3" w:rsidRDefault="00156FB3" w:rsidP="00156FB3">
            <w:r>
              <w:t>}</w:t>
            </w:r>
          </w:p>
          <w:p w:rsidR="00156FB3" w:rsidRDefault="00156FB3" w:rsidP="00156FB3"/>
          <w:p w:rsidR="00156FB3" w:rsidRDefault="00156FB3" w:rsidP="00156FB3">
            <w:r>
              <w:t>.fa-exclamation-triangle:before {</w:t>
            </w:r>
          </w:p>
          <w:p w:rsidR="00156FB3" w:rsidRDefault="00156FB3" w:rsidP="00156FB3">
            <w:r>
              <w:t xml:space="preserve">    content: "\f071";</w:t>
            </w:r>
          </w:p>
          <w:p w:rsidR="00156FB3" w:rsidRDefault="00156FB3" w:rsidP="00156FB3">
            <w:r>
              <w:t>}</w:t>
            </w:r>
          </w:p>
          <w:p w:rsidR="00156FB3" w:rsidRDefault="00156FB3" w:rsidP="00156FB3"/>
          <w:p w:rsidR="00156FB3" w:rsidRDefault="00156FB3" w:rsidP="00156FB3">
            <w:r>
              <w:t>.fa-expand:before {</w:t>
            </w:r>
          </w:p>
          <w:p w:rsidR="00156FB3" w:rsidRDefault="00156FB3" w:rsidP="00156FB3">
            <w:r>
              <w:lastRenderedPageBreak/>
              <w:t xml:space="preserve">    content: "\f065";</w:t>
            </w:r>
          </w:p>
          <w:p w:rsidR="00156FB3" w:rsidRDefault="00156FB3" w:rsidP="00156FB3">
            <w:r>
              <w:t>}</w:t>
            </w:r>
          </w:p>
          <w:p w:rsidR="00156FB3" w:rsidRDefault="00156FB3" w:rsidP="00156FB3"/>
          <w:p w:rsidR="00156FB3" w:rsidRDefault="00156FB3" w:rsidP="00156FB3">
            <w:r>
              <w:t>.fa-expand-alt:before {</w:t>
            </w:r>
          </w:p>
          <w:p w:rsidR="00156FB3" w:rsidRDefault="00156FB3" w:rsidP="00156FB3">
            <w:r>
              <w:t xml:space="preserve">    content: "\f424";</w:t>
            </w:r>
          </w:p>
          <w:p w:rsidR="00156FB3" w:rsidRDefault="00156FB3" w:rsidP="00156FB3">
            <w:r>
              <w:t>}</w:t>
            </w:r>
          </w:p>
          <w:p w:rsidR="00156FB3" w:rsidRDefault="00156FB3" w:rsidP="00156FB3"/>
          <w:p w:rsidR="00156FB3" w:rsidRDefault="00156FB3" w:rsidP="00156FB3">
            <w:r>
              <w:t>.fa-expand-arrows-alt:before {</w:t>
            </w:r>
          </w:p>
          <w:p w:rsidR="00156FB3" w:rsidRDefault="00156FB3" w:rsidP="00156FB3">
            <w:r>
              <w:t xml:space="preserve">    content: "\f31e";</w:t>
            </w:r>
          </w:p>
          <w:p w:rsidR="00156FB3" w:rsidRDefault="00156FB3" w:rsidP="00156FB3">
            <w:r>
              <w:t>}</w:t>
            </w:r>
          </w:p>
          <w:p w:rsidR="00156FB3" w:rsidRDefault="00156FB3" w:rsidP="00156FB3"/>
          <w:p w:rsidR="00156FB3" w:rsidRDefault="00156FB3" w:rsidP="00156FB3">
            <w:r>
              <w:t>.fa-expeditedssl:before {</w:t>
            </w:r>
          </w:p>
          <w:p w:rsidR="00156FB3" w:rsidRDefault="00156FB3" w:rsidP="00156FB3">
            <w:r>
              <w:t xml:space="preserve">    content: "\f23e";</w:t>
            </w:r>
          </w:p>
          <w:p w:rsidR="00156FB3" w:rsidRDefault="00156FB3" w:rsidP="00156FB3">
            <w:r>
              <w:t>}</w:t>
            </w:r>
          </w:p>
          <w:p w:rsidR="00156FB3" w:rsidRDefault="00156FB3" w:rsidP="00156FB3"/>
          <w:p w:rsidR="00156FB3" w:rsidRDefault="00156FB3" w:rsidP="00156FB3">
            <w:r>
              <w:t>.fa-external-link-alt:before {</w:t>
            </w:r>
          </w:p>
          <w:p w:rsidR="00156FB3" w:rsidRDefault="00156FB3" w:rsidP="00156FB3">
            <w:r>
              <w:t xml:space="preserve">    content: "\f35d";</w:t>
            </w:r>
          </w:p>
          <w:p w:rsidR="00156FB3" w:rsidRDefault="00156FB3" w:rsidP="00156FB3">
            <w:r>
              <w:t>}</w:t>
            </w:r>
          </w:p>
          <w:p w:rsidR="00156FB3" w:rsidRDefault="00156FB3" w:rsidP="00156FB3"/>
          <w:p w:rsidR="00156FB3" w:rsidRDefault="00156FB3" w:rsidP="00156FB3">
            <w:r>
              <w:t>.fa-external-link-square-alt:before {</w:t>
            </w:r>
          </w:p>
          <w:p w:rsidR="00156FB3" w:rsidRDefault="00156FB3" w:rsidP="00156FB3">
            <w:r>
              <w:t xml:space="preserve">    content: "\f360";</w:t>
            </w:r>
          </w:p>
          <w:p w:rsidR="00156FB3" w:rsidRDefault="00156FB3" w:rsidP="00156FB3">
            <w:r>
              <w:t>}</w:t>
            </w:r>
          </w:p>
          <w:p w:rsidR="00156FB3" w:rsidRDefault="00156FB3" w:rsidP="00156FB3"/>
          <w:p w:rsidR="00156FB3" w:rsidRDefault="00156FB3" w:rsidP="00156FB3">
            <w:r>
              <w:t>.fa-eye:before {</w:t>
            </w:r>
          </w:p>
          <w:p w:rsidR="00156FB3" w:rsidRDefault="00156FB3" w:rsidP="00156FB3">
            <w:r>
              <w:t xml:space="preserve">    content: "\f06e";</w:t>
            </w:r>
          </w:p>
          <w:p w:rsidR="00156FB3" w:rsidRDefault="00156FB3" w:rsidP="00156FB3">
            <w:r>
              <w:t>}</w:t>
            </w:r>
          </w:p>
          <w:p w:rsidR="00156FB3" w:rsidRDefault="00156FB3" w:rsidP="00156FB3"/>
          <w:p w:rsidR="00156FB3" w:rsidRDefault="00156FB3" w:rsidP="00156FB3">
            <w:r>
              <w:t>.fa-eye-dropper:before {</w:t>
            </w:r>
          </w:p>
          <w:p w:rsidR="00156FB3" w:rsidRDefault="00156FB3" w:rsidP="00156FB3">
            <w:r>
              <w:t xml:space="preserve">    content: "\f1fb";</w:t>
            </w:r>
          </w:p>
          <w:p w:rsidR="00156FB3" w:rsidRDefault="00156FB3" w:rsidP="00156FB3">
            <w:r>
              <w:t>}</w:t>
            </w:r>
          </w:p>
          <w:p w:rsidR="00156FB3" w:rsidRDefault="00156FB3" w:rsidP="00156FB3"/>
          <w:p w:rsidR="00156FB3" w:rsidRDefault="00156FB3" w:rsidP="00156FB3">
            <w:r>
              <w:t>.fa-eye-slash:before {</w:t>
            </w:r>
          </w:p>
          <w:p w:rsidR="00156FB3" w:rsidRDefault="00156FB3" w:rsidP="00156FB3">
            <w:r>
              <w:t xml:space="preserve">    content: "\f070";</w:t>
            </w:r>
          </w:p>
          <w:p w:rsidR="00156FB3" w:rsidRDefault="00156FB3" w:rsidP="00156FB3">
            <w:r>
              <w:t>}</w:t>
            </w:r>
          </w:p>
          <w:p w:rsidR="00156FB3" w:rsidRDefault="00156FB3" w:rsidP="00156FB3"/>
          <w:p w:rsidR="00156FB3" w:rsidRDefault="00156FB3" w:rsidP="00156FB3">
            <w:r>
              <w:t>.fa-facebook:before {</w:t>
            </w:r>
          </w:p>
          <w:p w:rsidR="00156FB3" w:rsidRDefault="00156FB3" w:rsidP="00156FB3">
            <w:r>
              <w:t xml:space="preserve">    content: "\f09a";</w:t>
            </w:r>
          </w:p>
          <w:p w:rsidR="00156FB3" w:rsidRDefault="00156FB3" w:rsidP="00156FB3">
            <w:r>
              <w:t>}</w:t>
            </w:r>
          </w:p>
          <w:p w:rsidR="00156FB3" w:rsidRDefault="00156FB3" w:rsidP="00156FB3"/>
          <w:p w:rsidR="00156FB3" w:rsidRDefault="00156FB3" w:rsidP="00156FB3">
            <w:r>
              <w:t>.fa-facebook-f:before {</w:t>
            </w:r>
          </w:p>
          <w:p w:rsidR="00156FB3" w:rsidRDefault="00156FB3" w:rsidP="00156FB3">
            <w:r>
              <w:t xml:space="preserve">    content: "\f39e";</w:t>
            </w:r>
          </w:p>
          <w:p w:rsidR="00156FB3" w:rsidRDefault="00156FB3" w:rsidP="00156FB3">
            <w:r>
              <w:t>}</w:t>
            </w:r>
          </w:p>
          <w:p w:rsidR="00156FB3" w:rsidRDefault="00156FB3" w:rsidP="00156FB3"/>
          <w:p w:rsidR="00156FB3" w:rsidRDefault="00156FB3" w:rsidP="00156FB3">
            <w:r>
              <w:t>.fa-facebook-messenger:before {</w:t>
            </w:r>
          </w:p>
          <w:p w:rsidR="00156FB3" w:rsidRDefault="00156FB3" w:rsidP="00156FB3">
            <w:r>
              <w:t xml:space="preserve">    content: "\f39f";</w:t>
            </w:r>
          </w:p>
          <w:p w:rsidR="00156FB3" w:rsidRDefault="00156FB3" w:rsidP="00156FB3">
            <w:r>
              <w:t>}</w:t>
            </w:r>
          </w:p>
          <w:p w:rsidR="00156FB3" w:rsidRDefault="00156FB3" w:rsidP="00156FB3"/>
          <w:p w:rsidR="00156FB3" w:rsidRDefault="00156FB3" w:rsidP="00156FB3">
            <w:r>
              <w:t>.fa-facebook-square:before {</w:t>
            </w:r>
          </w:p>
          <w:p w:rsidR="00156FB3" w:rsidRDefault="00156FB3" w:rsidP="00156FB3">
            <w:r>
              <w:lastRenderedPageBreak/>
              <w:t xml:space="preserve">    content: "\f082";</w:t>
            </w:r>
          </w:p>
          <w:p w:rsidR="00156FB3" w:rsidRDefault="00156FB3" w:rsidP="00156FB3">
            <w:r>
              <w:t>}</w:t>
            </w:r>
          </w:p>
          <w:p w:rsidR="00156FB3" w:rsidRDefault="00156FB3" w:rsidP="00156FB3"/>
          <w:p w:rsidR="00156FB3" w:rsidRDefault="00156FB3" w:rsidP="00156FB3">
            <w:r>
              <w:t>.fa-fan:before {</w:t>
            </w:r>
          </w:p>
          <w:p w:rsidR="00156FB3" w:rsidRDefault="00156FB3" w:rsidP="00156FB3">
            <w:r>
              <w:t xml:space="preserve">    content: "\f863";</w:t>
            </w:r>
          </w:p>
          <w:p w:rsidR="00156FB3" w:rsidRDefault="00156FB3" w:rsidP="00156FB3">
            <w:r>
              <w:t>}</w:t>
            </w:r>
          </w:p>
          <w:p w:rsidR="00156FB3" w:rsidRDefault="00156FB3" w:rsidP="00156FB3"/>
          <w:p w:rsidR="00156FB3" w:rsidRDefault="00156FB3" w:rsidP="00156FB3">
            <w:r>
              <w:t>.fa-fantasy-flight-games:before {</w:t>
            </w:r>
          </w:p>
          <w:p w:rsidR="00156FB3" w:rsidRDefault="00156FB3" w:rsidP="00156FB3">
            <w:r>
              <w:t xml:space="preserve">    content: "\f6dc";</w:t>
            </w:r>
          </w:p>
          <w:p w:rsidR="00156FB3" w:rsidRDefault="00156FB3" w:rsidP="00156FB3">
            <w:r>
              <w:t>}</w:t>
            </w:r>
          </w:p>
          <w:p w:rsidR="00156FB3" w:rsidRDefault="00156FB3" w:rsidP="00156FB3"/>
          <w:p w:rsidR="00156FB3" w:rsidRDefault="00156FB3" w:rsidP="00156FB3">
            <w:r>
              <w:t>.fa-fast-backward:before {</w:t>
            </w:r>
          </w:p>
          <w:p w:rsidR="00156FB3" w:rsidRDefault="00156FB3" w:rsidP="00156FB3">
            <w:r>
              <w:t xml:space="preserve">    content: "\f049";</w:t>
            </w:r>
          </w:p>
          <w:p w:rsidR="00156FB3" w:rsidRDefault="00156FB3" w:rsidP="00156FB3">
            <w:r>
              <w:t>}</w:t>
            </w:r>
          </w:p>
          <w:p w:rsidR="00156FB3" w:rsidRDefault="00156FB3" w:rsidP="00156FB3"/>
          <w:p w:rsidR="00156FB3" w:rsidRDefault="00156FB3" w:rsidP="00156FB3">
            <w:r>
              <w:t>.fa-fast-forward:before {</w:t>
            </w:r>
          </w:p>
          <w:p w:rsidR="00156FB3" w:rsidRDefault="00156FB3" w:rsidP="00156FB3">
            <w:r>
              <w:t xml:space="preserve">    content: "\f050";</w:t>
            </w:r>
          </w:p>
          <w:p w:rsidR="00156FB3" w:rsidRDefault="00156FB3" w:rsidP="00156FB3">
            <w:r>
              <w:t>}</w:t>
            </w:r>
          </w:p>
          <w:p w:rsidR="00156FB3" w:rsidRDefault="00156FB3" w:rsidP="00156FB3"/>
          <w:p w:rsidR="00156FB3" w:rsidRDefault="00156FB3" w:rsidP="00156FB3">
            <w:r>
              <w:t>.fa-faucet:before {</w:t>
            </w:r>
          </w:p>
          <w:p w:rsidR="00156FB3" w:rsidRDefault="00156FB3" w:rsidP="00156FB3">
            <w:r>
              <w:t xml:space="preserve">    content: "\f905";</w:t>
            </w:r>
          </w:p>
          <w:p w:rsidR="00156FB3" w:rsidRDefault="00156FB3" w:rsidP="00156FB3">
            <w:r>
              <w:t>}</w:t>
            </w:r>
          </w:p>
          <w:p w:rsidR="00156FB3" w:rsidRDefault="00156FB3" w:rsidP="00156FB3"/>
          <w:p w:rsidR="00156FB3" w:rsidRDefault="00156FB3" w:rsidP="00156FB3">
            <w:r>
              <w:t>.fa-fax:before {</w:t>
            </w:r>
          </w:p>
          <w:p w:rsidR="00156FB3" w:rsidRDefault="00156FB3" w:rsidP="00156FB3">
            <w:r>
              <w:t xml:space="preserve">    content: "\f1ac";</w:t>
            </w:r>
          </w:p>
          <w:p w:rsidR="00156FB3" w:rsidRDefault="00156FB3" w:rsidP="00156FB3">
            <w:r>
              <w:t>}</w:t>
            </w:r>
          </w:p>
          <w:p w:rsidR="00156FB3" w:rsidRDefault="00156FB3" w:rsidP="00156FB3"/>
          <w:p w:rsidR="00156FB3" w:rsidRDefault="00156FB3" w:rsidP="00156FB3">
            <w:r>
              <w:t>.fa-feather:before {</w:t>
            </w:r>
          </w:p>
          <w:p w:rsidR="00156FB3" w:rsidRDefault="00156FB3" w:rsidP="00156FB3">
            <w:r>
              <w:t xml:space="preserve">    content: "\f52d";</w:t>
            </w:r>
          </w:p>
          <w:p w:rsidR="00156FB3" w:rsidRDefault="00156FB3" w:rsidP="00156FB3">
            <w:r>
              <w:t>}</w:t>
            </w:r>
          </w:p>
          <w:p w:rsidR="00156FB3" w:rsidRDefault="00156FB3" w:rsidP="00156FB3"/>
          <w:p w:rsidR="00156FB3" w:rsidRDefault="00156FB3" w:rsidP="00156FB3">
            <w:r>
              <w:t>.fa-feather-alt:before {</w:t>
            </w:r>
          </w:p>
          <w:p w:rsidR="00156FB3" w:rsidRDefault="00156FB3" w:rsidP="00156FB3">
            <w:r>
              <w:t xml:space="preserve">    content: "\f56b";</w:t>
            </w:r>
          </w:p>
          <w:p w:rsidR="00156FB3" w:rsidRDefault="00156FB3" w:rsidP="00156FB3">
            <w:r>
              <w:t>}</w:t>
            </w:r>
          </w:p>
          <w:p w:rsidR="00156FB3" w:rsidRDefault="00156FB3" w:rsidP="00156FB3"/>
          <w:p w:rsidR="00156FB3" w:rsidRDefault="00156FB3" w:rsidP="00156FB3">
            <w:r>
              <w:t>.fa-fedex:before {</w:t>
            </w:r>
          </w:p>
          <w:p w:rsidR="00156FB3" w:rsidRDefault="00156FB3" w:rsidP="00156FB3">
            <w:r>
              <w:t xml:space="preserve">    content: "\f797";</w:t>
            </w:r>
          </w:p>
          <w:p w:rsidR="00156FB3" w:rsidRDefault="00156FB3" w:rsidP="00156FB3">
            <w:r>
              <w:t>}</w:t>
            </w:r>
          </w:p>
          <w:p w:rsidR="00156FB3" w:rsidRDefault="00156FB3" w:rsidP="00156FB3"/>
          <w:p w:rsidR="00156FB3" w:rsidRDefault="00156FB3" w:rsidP="00156FB3">
            <w:r>
              <w:t>.fa-fedora:before {</w:t>
            </w:r>
          </w:p>
          <w:p w:rsidR="00156FB3" w:rsidRDefault="00156FB3" w:rsidP="00156FB3">
            <w:r>
              <w:t xml:space="preserve">    content: "\f798";</w:t>
            </w:r>
          </w:p>
          <w:p w:rsidR="00156FB3" w:rsidRDefault="00156FB3" w:rsidP="00156FB3">
            <w:r>
              <w:t>}</w:t>
            </w:r>
          </w:p>
          <w:p w:rsidR="00156FB3" w:rsidRDefault="00156FB3" w:rsidP="00156FB3"/>
          <w:p w:rsidR="00156FB3" w:rsidRDefault="00156FB3" w:rsidP="00156FB3">
            <w:r>
              <w:t>.fa-female:before {</w:t>
            </w:r>
          </w:p>
          <w:p w:rsidR="00156FB3" w:rsidRDefault="00156FB3" w:rsidP="00156FB3">
            <w:r>
              <w:t xml:space="preserve">    content: "\f182";</w:t>
            </w:r>
          </w:p>
          <w:p w:rsidR="00156FB3" w:rsidRDefault="00156FB3" w:rsidP="00156FB3">
            <w:r>
              <w:t>}</w:t>
            </w:r>
          </w:p>
          <w:p w:rsidR="00156FB3" w:rsidRDefault="00156FB3" w:rsidP="00156FB3"/>
          <w:p w:rsidR="00156FB3" w:rsidRDefault="00156FB3" w:rsidP="00156FB3">
            <w:r>
              <w:t>.fa-fighter-jet:before {</w:t>
            </w:r>
          </w:p>
          <w:p w:rsidR="00156FB3" w:rsidRDefault="00156FB3" w:rsidP="00156FB3">
            <w:r>
              <w:lastRenderedPageBreak/>
              <w:t xml:space="preserve">    content: "\f0fb";</w:t>
            </w:r>
          </w:p>
          <w:p w:rsidR="00156FB3" w:rsidRDefault="00156FB3" w:rsidP="00156FB3">
            <w:r>
              <w:t>}</w:t>
            </w:r>
          </w:p>
          <w:p w:rsidR="00156FB3" w:rsidRDefault="00156FB3" w:rsidP="00156FB3"/>
          <w:p w:rsidR="00156FB3" w:rsidRDefault="00156FB3" w:rsidP="00156FB3">
            <w:r>
              <w:t>.fa-figma:before {</w:t>
            </w:r>
          </w:p>
          <w:p w:rsidR="00156FB3" w:rsidRDefault="00156FB3" w:rsidP="00156FB3">
            <w:r>
              <w:t xml:space="preserve">    content: "\f799";</w:t>
            </w:r>
          </w:p>
          <w:p w:rsidR="00156FB3" w:rsidRDefault="00156FB3" w:rsidP="00156FB3">
            <w:r>
              <w:t>}</w:t>
            </w:r>
          </w:p>
          <w:p w:rsidR="00156FB3" w:rsidRDefault="00156FB3" w:rsidP="00156FB3"/>
          <w:p w:rsidR="00156FB3" w:rsidRDefault="00156FB3" w:rsidP="00156FB3">
            <w:r>
              <w:t>.fa-file:before {</w:t>
            </w:r>
          </w:p>
          <w:p w:rsidR="00156FB3" w:rsidRDefault="00156FB3" w:rsidP="00156FB3">
            <w:r>
              <w:t xml:space="preserve">    content: "\f15b";</w:t>
            </w:r>
          </w:p>
          <w:p w:rsidR="00156FB3" w:rsidRDefault="00156FB3" w:rsidP="00156FB3">
            <w:r>
              <w:t>}</w:t>
            </w:r>
          </w:p>
          <w:p w:rsidR="00156FB3" w:rsidRDefault="00156FB3" w:rsidP="00156FB3"/>
          <w:p w:rsidR="00156FB3" w:rsidRDefault="00156FB3" w:rsidP="00156FB3">
            <w:r>
              <w:t>.fa-file-alt:before {</w:t>
            </w:r>
          </w:p>
          <w:p w:rsidR="00156FB3" w:rsidRDefault="00156FB3" w:rsidP="00156FB3">
            <w:r>
              <w:t xml:space="preserve">    content: "\f15c";</w:t>
            </w:r>
          </w:p>
          <w:p w:rsidR="00156FB3" w:rsidRDefault="00156FB3" w:rsidP="00156FB3">
            <w:r>
              <w:t>}</w:t>
            </w:r>
          </w:p>
          <w:p w:rsidR="00156FB3" w:rsidRDefault="00156FB3" w:rsidP="00156FB3"/>
          <w:p w:rsidR="00156FB3" w:rsidRDefault="00156FB3" w:rsidP="00156FB3">
            <w:r>
              <w:t>.fa-file-archive:before {</w:t>
            </w:r>
          </w:p>
          <w:p w:rsidR="00156FB3" w:rsidRDefault="00156FB3" w:rsidP="00156FB3">
            <w:r>
              <w:t xml:space="preserve">    content: "\f1c6";</w:t>
            </w:r>
          </w:p>
          <w:p w:rsidR="00156FB3" w:rsidRDefault="00156FB3" w:rsidP="00156FB3">
            <w:r>
              <w:t>}</w:t>
            </w:r>
          </w:p>
          <w:p w:rsidR="00156FB3" w:rsidRDefault="00156FB3" w:rsidP="00156FB3"/>
          <w:p w:rsidR="00156FB3" w:rsidRDefault="00156FB3" w:rsidP="00156FB3">
            <w:r>
              <w:t>.fa-file-audio:before {</w:t>
            </w:r>
          </w:p>
          <w:p w:rsidR="00156FB3" w:rsidRDefault="00156FB3" w:rsidP="00156FB3">
            <w:r>
              <w:t xml:space="preserve">    content: "\f1c7";</w:t>
            </w:r>
          </w:p>
          <w:p w:rsidR="00156FB3" w:rsidRDefault="00156FB3" w:rsidP="00156FB3">
            <w:r>
              <w:t>}</w:t>
            </w:r>
          </w:p>
          <w:p w:rsidR="00156FB3" w:rsidRDefault="00156FB3" w:rsidP="00156FB3"/>
          <w:p w:rsidR="00156FB3" w:rsidRDefault="00156FB3" w:rsidP="00156FB3">
            <w:r>
              <w:t>.fa-file-code:before {</w:t>
            </w:r>
          </w:p>
          <w:p w:rsidR="00156FB3" w:rsidRDefault="00156FB3" w:rsidP="00156FB3">
            <w:r>
              <w:t xml:space="preserve">    content: "\f1c9";</w:t>
            </w:r>
          </w:p>
          <w:p w:rsidR="00156FB3" w:rsidRDefault="00156FB3" w:rsidP="00156FB3">
            <w:r>
              <w:t>}</w:t>
            </w:r>
          </w:p>
          <w:p w:rsidR="00156FB3" w:rsidRDefault="00156FB3" w:rsidP="00156FB3"/>
          <w:p w:rsidR="00156FB3" w:rsidRDefault="00156FB3" w:rsidP="00156FB3">
            <w:r>
              <w:t>.fa-file-contract:before {</w:t>
            </w:r>
          </w:p>
          <w:p w:rsidR="00156FB3" w:rsidRDefault="00156FB3" w:rsidP="00156FB3">
            <w:r>
              <w:t xml:space="preserve">    content: "\f56c";</w:t>
            </w:r>
          </w:p>
          <w:p w:rsidR="00156FB3" w:rsidRDefault="00156FB3" w:rsidP="00156FB3">
            <w:r>
              <w:t>}</w:t>
            </w:r>
          </w:p>
          <w:p w:rsidR="00156FB3" w:rsidRDefault="00156FB3" w:rsidP="00156FB3"/>
          <w:p w:rsidR="00156FB3" w:rsidRDefault="00156FB3" w:rsidP="00156FB3">
            <w:r>
              <w:t>.fa-file-csv:before {</w:t>
            </w:r>
          </w:p>
          <w:p w:rsidR="00156FB3" w:rsidRDefault="00156FB3" w:rsidP="00156FB3">
            <w:r>
              <w:t xml:space="preserve">    content: "\f6dd";</w:t>
            </w:r>
          </w:p>
          <w:p w:rsidR="00156FB3" w:rsidRDefault="00156FB3" w:rsidP="00156FB3">
            <w:r>
              <w:t>}</w:t>
            </w:r>
          </w:p>
          <w:p w:rsidR="00156FB3" w:rsidRDefault="00156FB3" w:rsidP="00156FB3"/>
          <w:p w:rsidR="00156FB3" w:rsidRDefault="00156FB3" w:rsidP="00156FB3">
            <w:r>
              <w:t>.fa-file-download:before {</w:t>
            </w:r>
          </w:p>
          <w:p w:rsidR="00156FB3" w:rsidRDefault="00156FB3" w:rsidP="00156FB3">
            <w:r>
              <w:t xml:space="preserve">    content: "\f56d";</w:t>
            </w:r>
          </w:p>
          <w:p w:rsidR="00156FB3" w:rsidRDefault="00156FB3" w:rsidP="00156FB3">
            <w:r>
              <w:t>}</w:t>
            </w:r>
          </w:p>
          <w:p w:rsidR="00156FB3" w:rsidRDefault="00156FB3" w:rsidP="00156FB3"/>
          <w:p w:rsidR="00156FB3" w:rsidRDefault="00156FB3" w:rsidP="00156FB3">
            <w:r>
              <w:t>.fa-file-excel:before {</w:t>
            </w:r>
          </w:p>
          <w:p w:rsidR="00156FB3" w:rsidRDefault="00156FB3" w:rsidP="00156FB3">
            <w:r>
              <w:t xml:space="preserve">    content: "\f1c3";</w:t>
            </w:r>
          </w:p>
          <w:p w:rsidR="00156FB3" w:rsidRDefault="00156FB3" w:rsidP="00156FB3">
            <w:r>
              <w:t>}</w:t>
            </w:r>
          </w:p>
          <w:p w:rsidR="00156FB3" w:rsidRDefault="00156FB3" w:rsidP="00156FB3"/>
          <w:p w:rsidR="00156FB3" w:rsidRDefault="00156FB3" w:rsidP="00156FB3">
            <w:r>
              <w:t>.fa-file-export:before {</w:t>
            </w:r>
          </w:p>
          <w:p w:rsidR="00156FB3" w:rsidRDefault="00156FB3" w:rsidP="00156FB3">
            <w:r>
              <w:t xml:space="preserve">    content: "\f56e";</w:t>
            </w:r>
          </w:p>
          <w:p w:rsidR="00156FB3" w:rsidRDefault="00156FB3" w:rsidP="00156FB3">
            <w:r>
              <w:t>}</w:t>
            </w:r>
          </w:p>
          <w:p w:rsidR="00156FB3" w:rsidRDefault="00156FB3" w:rsidP="00156FB3"/>
          <w:p w:rsidR="00156FB3" w:rsidRDefault="00156FB3" w:rsidP="00156FB3">
            <w:r>
              <w:t>.fa-file-image:before {</w:t>
            </w:r>
          </w:p>
          <w:p w:rsidR="00156FB3" w:rsidRDefault="00156FB3" w:rsidP="00156FB3">
            <w:r>
              <w:lastRenderedPageBreak/>
              <w:t xml:space="preserve">    content: "\f1c5";</w:t>
            </w:r>
          </w:p>
          <w:p w:rsidR="00156FB3" w:rsidRDefault="00156FB3" w:rsidP="00156FB3">
            <w:r>
              <w:t>}</w:t>
            </w:r>
          </w:p>
          <w:p w:rsidR="00156FB3" w:rsidRDefault="00156FB3" w:rsidP="00156FB3"/>
          <w:p w:rsidR="00156FB3" w:rsidRDefault="00156FB3" w:rsidP="00156FB3">
            <w:r>
              <w:t>.fa-file-import:before {</w:t>
            </w:r>
          </w:p>
          <w:p w:rsidR="00156FB3" w:rsidRDefault="00156FB3" w:rsidP="00156FB3">
            <w:r>
              <w:t xml:space="preserve">    content: "\f56f";</w:t>
            </w:r>
          </w:p>
          <w:p w:rsidR="00156FB3" w:rsidRDefault="00156FB3" w:rsidP="00156FB3">
            <w:r>
              <w:t>}</w:t>
            </w:r>
          </w:p>
          <w:p w:rsidR="00156FB3" w:rsidRDefault="00156FB3" w:rsidP="00156FB3"/>
          <w:p w:rsidR="00156FB3" w:rsidRDefault="00156FB3" w:rsidP="00156FB3">
            <w:r>
              <w:t>.fa-file-invoice:before {</w:t>
            </w:r>
          </w:p>
          <w:p w:rsidR="00156FB3" w:rsidRDefault="00156FB3" w:rsidP="00156FB3">
            <w:r>
              <w:t xml:space="preserve">    content: "\f570";</w:t>
            </w:r>
          </w:p>
          <w:p w:rsidR="00156FB3" w:rsidRDefault="00156FB3" w:rsidP="00156FB3">
            <w:r>
              <w:t>}</w:t>
            </w:r>
          </w:p>
          <w:p w:rsidR="00156FB3" w:rsidRDefault="00156FB3" w:rsidP="00156FB3"/>
          <w:p w:rsidR="00156FB3" w:rsidRDefault="00156FB3" w:rsidP="00156FB3">
            <w:r>
              <w:t>.fa-file-invoice-dollar:before {</w:t>
            </w:r>
          </w:p>
          <w:p w:rsidR="00156FB3" w:rsidRDefault="00156FB3" w:rsidP="00156FB3">
            <w:r>
              <w:t xml:space="preserve">    content: "\f571";</w:t>
            </w:r>
          </w:p>
          <w:p w:rsidR="00156FB3" w:rsidRDefault="00156FB3" w:rsidP="00156FB3">
            <w:r>
              <w:t>}</w:t>
            </w:r>
          </w:p>
          <w:p w:rsidR="00156FB3" w:rsidRDefault="00156FB3" w:rsidP="00156FB3"/>
          <w:p w:rsidR="00156FB3" w:rsidRDefault="00156FB3" w:rsidP="00156FB3">
            <w:r>
              <w:t>.fa-file-medical:before {</w:t>
            </w:r>
          </w:p>
          <w:p w:rsidR="00156FB3" w:rsidRDefault="00156FB3" w:rsidP="00156FB3">
            <w:r>
              <w:t xml:space="preserve">    content: "\f477";</w:t>
            </w:r>
          </w:p>
          <w:p w:rsidR="00156FB3" w:rsidRDefault="00156FB3" w:rsidP="00156FB3">
            <w:r>
              <w:t>}</w:t>
            </w:r>
          </w:p>
          <w:p w:rsidR="00156FB3" w:rsidRDefault="00156FB3" w:rsidP="00156FB3"/>
          <w:p w:rsidR="00156FB3" w:rsidRDefault="00156FB3" w:rsidP="00156FB3">
            <w:r>
              <w:t>.fa-file-medical-alt:before {</w:t>
            </w:r>
          </w:p>
          <w:p w:rsidR="00156FB3" w:rsidRDefault="00156FB3" w:rsidP="00156FB3">
            <w:r>
              <w:t xml:space="preserve">    content: "\f478";</w:t>
            </w:r>
          </w:p>
          <w:p w:rsidR="00156FB3" w:rsidRDefault="00156FB3" w:rsidP="00156FB3">
            <w:r>
              <w:t>}</w:t>
            </w:r>
          </w:p>
          <w:p w:rsidR="00156FB3" w:rsidRDefault="00156FB3" w:rsidP="00156FB3"/>
          <w:p w:rsidR="00156FB3" w:rsidRDefault="00156FB3" w:rsidP="00156FB3">
            <w:r>
              <w:t>.fa-file-pdf:before {</w:t>
            </w:r>
          </w:p>
          <w:p w:rsidR="00156FB3" w:rsidRDefault="00156FB3" w:rsidP="00156FB3">
            <w:r>
              <w:t xml:space="preserve">    content: "\f1c1";</w:t>
            </w:r>
          </w:p>
          <w:p w:rsidR="00156FB3" w:rsidRDefault="00156FB3" w:rsidP="00156FB3">
            <w:r>
              <w:t>}</w:t>
            </w:r>
          </w:p>
          <w:p w:rsidR="00156FB3" w:rsidRDefault="00156FB3" w:rsidP="00156FB3"/>
          <w:p w:rsidR="00156FB3" w:rsidRDefault="00156FB3" w:rsidP="00156FB3">
            <w:r>
              <w:t>.fa-file-powerpoint:before {</w:t>
            </w:r>
          </w:p>
          <w:p w:rsidR="00156FB3" w:rsidRDefault="00156FB3" w:rsidP="00156FB3">
            <w:r>
              <w:t xml:space="preserve">    content: "\f1c4";</w:t>
            </w:r>
          </w:p>
          <w:p w:rsidR="00156FB3" w:rsidRDefault="00156FB3" w:rsidP="00156FB3">
            <w:r>
              <w:t>}</w:t>
            </w:r>
          </w:p>
          <w:p w:rsidR="00156FB3" w:rsidRDefault="00156FB3" w:rsidP="00156FB3"/>
          <w:p w:rsidR="00156FB3" w:rsidRDefault="00156FB3" w:rsidP="00156FB3">
            <w:r>
              <w:t>.fa-file-prescription:before {</w:t>
            </w:r>
          </w:p>
          <w:p w:rsidR="00156FB3" w:rsidRDefault="00156FB3" w:rsidP="00156FB3">
            <w:r>
              <w:t xml:space="preserve">    content: "\f572";</w:t>
            </w:r>
          </w:p>
          <w:p w:rsidR="00156FB3" w:rsidRDefault="00156FB3" w:rsidP="00156FB3">
            <w:r>
              <w:t>}</w:t>
            </w:r>
          </w:p>
          <w:p w:rsidR="00156FB3" w:rsidRDefault="00156FB3" w:rsidP="00156FB3"/>
          <w:p w:rsidR="00156FB3" w:rsidRDefault="00156FB3" w:rsidP="00156FB3">
            <w:r>
              <w:t>.fa-file-signature:before {</w:t>
            </w:r>
          </w:p>
          <w:p w:rsidR="00156FB3" w:rsidRDefault="00156FB3" w:rsidP="00156FB3">
            <w:r>
              <w:t xml:space="preserve">    content: "\f573";</w:t>
            </w:r>
          </w:p>
          <w:p w:rsidR="00156FB3" w:rsidRDefault="00156FB3" w:rsidP="00156FB3">
            <w:r>
              <w:t>}</w:t>
            </w:r>
          </w:p>
          <w:p w:rsidR="00156FB3" w:rsidRDefault="00156FB3" w:rsidP="00156FB3"/>
          <w:p w:rsidR="00156FB3" w:rsidRDefault="00156FB3" w:rsidP="00156FB3">
            <w:r>
              <w:t>.fa-file-upload:before {</w:t>
            </w:r>
          </w:p>
          <w:p w:rsidR="00156FB3" w:rsidRDefault="00156FB3" w:rsidP="00156FB3">
            <w:r>
              <w:t xml:space="preserve">    content: "\f574";</w:t>
            </w:r>
          </w:p>
          <w:p w:rsidR="00156FB3" w:rsidRDefault="00156FB3" w:rsidP="00156FB3">
            <w:r>
              <w:t>}</w:t>
            </w:r>
          </w:p>
          <w:p w:rsidR="00156FB3" w:rsidRDefault="00156FB3" w:rsidP="00156FB3"/>
          <w:p w:rsidR="00156FB3" w:rsidRDefault="00156FB3" w:rsidP="00156FB3">
            <w:r>
              <w:t>.fa-file-video:before {</w:t>
            </w:r>
          </w:p>
          <w:p w:rsidR="00156FB3" w:rsidRDefault="00156FB3" w:rsidP="00156FB3">
            <w:r>
              <w:t xml:space="preserve">    content: "\f1c8";</w:t>
            </w:r>
          </w:p>
          <w:p w:rsidR="00156FB3" w:rsidRDefault="00156FB3" w:rsidP="00156FB3">
            <w:r>
              <w:t>}</w:t>
            </w:r>
          </w:p>
          <w:p w:rsidR="00156FB3" w:rsidRDefault="00156FB3" w:rsidP="00156FB3"/>
          <w:p w:rsidR="00156FB3" w:rsidRDefault="00156FB3" w:rsidP="00156FB3">
            <w:r>
              <w:t>.fa-file-word:before {</w:t>
            </w:r>
          </w:p>
          <w:p w:rsidR="00156FB3" w:rsidRDefault="00156FB3" w:rsidP="00156FB3">
            <w:r>
              <w:lastRenderedPageBreak/>
              <w:t xml:space="preserve">    content: "\f1c2";</w:t>
            </w:r>
          </w:p>
          <w:p w:rsidR="00156FB3" w:rsidRDefault="00156FB3" w:rsidP="00156FB3">
            <w:r>
              <w:t>}</w:t>
            </w:r>
          </w:p>
          <w:p w:rsidR="00156FB3" w:rsidRDefault="00156FB3" w:rsidP="00156FB3"/>
          <w:p w:rsidR="00156FB3" w:rsidRDefault="00156FB3" w:rsidP="00156FB3">
            <w:r>
              <w:t>.fa-fill:before {</w:t>
            </w:r>
          </w:p>
          <w:p w:rsidR="00156FB3" w:rsidRDefault="00156FB3" w:rsidP="00156FB3">
            <w:r>
              <w:t xml:space="preserve">    content: "\f575";</w:t>
            </w:r>
          </w:p>
          <w:p w:rsidR="00156FB3" w:rsidRDefault="00156FB3" w:rsidP="00156FB3">
            <w:r>
              <w:t>}</w:t>
            </w:r>
          </w:p>
          <w:p w:rsidR="00156FB3" w:rsidRDefault="00156FB3" w:rsidP="00156FB3"/>
          <w:p w:rsidR="00156FB3" w:rsidRDefault="00156FB3" w:rsidP="00156FB3">
            <w:r>
              <w:t>.fa-fill-drip:before {</w:t>
            </w:r>
          </w:p>
          <w:p w:rsidR="00156FB3" w:rsidRDefault="00156FB3" w:rsidP="00156FB3">
            <w:r>
              <w:t xml:space="preserve">    content: "\f576";</w:t>
            </w:r>
          </w:p>
          <w:p w:rsidR="00156FB3" w:rsidRDefault="00156FB3" w:rsidP="00156FB3">
            <w:r>
              <w:t>}</w:t>
            </w:r>
          </w:p>
          <w:p w:rsidR="00156FB3" w:rsidRDefault="00156FB3" w:rsidP="00156FB3"/>
          <w:p w:rsidR="00156FB3" w:rsidRDefault="00156FB3" w:rsidP="00156FB3">
            <w:r>
              <w:t>.fa-film:before {</w:t>
            </w:r>
          </w:p>
          <w:p w:rsidR="00156FB3" w:rsidRDefault="00156FB3" w:rsidP="00156FB3">
            <w:r>
              <w:t xml:space="preserve">    content: "\f008";</w:t>
            </w:r>
          </w:p>
          <w:p w:rsidR="00156FB3" w:rsidRDefault="00156FB3" w:rsidP="00156FB3">
            <w:r>
              <w:t>}</w:t>
            </w:r>
          </w:p>
          <w:p w:rsidR="00156FB3" w:rsidRDefault="00156FB3" w:rsidP="00156FB3"/>
          <w:p w:rsidR="00156FB3" w:rsidRDefault="00156FB3" w:rsidP="00156FB3">
            <w:r>
              <w:t>.fa-filter:before {</w:t>
            </w:r>
          </w:p>
          <w:p w:rsidR="00156FB3" w:rsidRDefault="00156FB3" w:rsidP="00156FB3">
            <w:r>
              <w:t xml:space="preserve">    content: "\f0b0";</w:t>
            </w:r>
          </w:p>
          <w:p w:rsidR="00156FB3" w:rsidRDefault="00156FB3" w:rsidP="00156FB3">
            <w:r>
              <w:t>}</w:t>
            </w:r>
          </w:p>
          <w:p w:rsidR="00156FB3" w:rsidRDefault="00156FB3" w:rsidP="00156FB3"/>
          <w:p w:rsidR="00156FB3" w:rsidRDefault="00156FB3" w:rsidP="00156FB3">
            <w:r>
              <w:t>.fa-fingerprint:before {</w:t>
            </w:r>
          </w:p>
          <w:p w:rsidR="00156FB3" w:rsidRDefault="00156FB3" w:rsidP="00156FB3">
            <w:r>
              <w:t xml:space="preserve">    content: "\f577";</w:t>
            </w:r>
          </w:p>
          <w:p w:rsidR="00156FB3" w:rsidRDefault="00156FB3" w:rsidP="00156FB3">
            <w:r>
              <w:t>}</w:t>
            </w:r>
          </w:p>
          <w:p w:rsidR="00156FB3" w:rsidRDefault="00156FB3" w:rsidP="00156FB3"/>
          <w:p w:rsidR="00156FB3" w:rsidRDefault="00156FB3" w:rsidP="00156FB3">
            <w:r>
              <w:t>.fa-fire:before {</w:t>
            </w:r>
          </w:p>
          <w:p w:rsidR="00156FB3" w:rsidRDefault="00156FB3" w:rsidP="00156FB3">
            <w:r>
              <w:t xml:space="preserve">    content: "\f06d";</w:t>
            </w:r>
          </w:p>
          <w:p w:rsidR="00156FB3" w:rsidRDefault="00156FB3" w:rsidP="00156FB3">
            <w:r>
              <w:t>}</w:t>
            </w:r>
          </w:p>
          <w:p w:rsidR="00156FB3" w:rsidRDefault="00156FB3" w:rsidP="00156FB3"/>
          <w:p w:rsidR="00156FB3" w:rsidRDefault="00156FB3" w:rsidP="00156FB3">
            <w:r>
              <w:t>.fa-fire-alt:before {</w:t>
            </w:r>
          </w:p>
          <w:p w:rsidR="00156FB3" w:rsidRDefault="00156FB3" w:rsidP="00156FB3">
            <w:r>
              <w:t xml:space="preserve">    content: "\f7e4";</w:t>
            </w:r>
          </w:p>
          <w:p w:rsidR="00156FB3" w:rsidRDefault="00156FB3" w:rsidP="00156FB3">
            <w:r>
              <w:t>}</w:t>
            </w:r>
          </w:p>
          <w:p w:rsidR="00156FB3" w:rsidRDefault="00156FB3" w:rsidP="00156FB3"/>
          <w:p w:rsidR="00156FB3" w:rsidRDefault="00156FB3" w:rsidP="00156FB3">
            <w:r>
              <w:t>.fa-fire-extinguisher:before {</w:t>
            </w:r>
          </w:p>
          <w:p w:rsidR="00156FB3" w:rsidRDefault="00156FB3" w:rsidP="00156FB3">
            <w:r>
              <w:t xml:space="preserve">    content: "\f134";</w:t>
            </w:r>
          </w:p>
          <w:p w:rsidR="00156FB3" w:rsidRDefault="00156FB3" w:rsidP="00156FB3">
            <w:r>
              <w:t>}</w:t>
            </w:r>
          </w:p>
          <w:p w:rsidR="00156FB3" w:rsidRDefault="00156FB3" w:rsidP="00156FB3"/>
          <w:p w:rsidR="00156FB3" w:rsidRDefault="00156FB3" w:rsidP="00156FB3">
            <w:r>
              <w:t>.fa-firefox:before {</w:t>
            </w:r>
          </w:p>
          <w:p w:rsidR="00156FB3" w:rsidRDefault="00156FB3" w:rsidP="00156FB3">
            <w:r>
              <w:t xml:space="preserve">    content: "\f269";</w:t>
            </w:r>
          </w:p>
          <w:p w:rsidR="00156FB3" w:rsidRDefault="00156FB3" w:rsidP="00156FB3">
            <w:r>
              <w:t>}</w:t>
            </w:r>
          </w:p>
          <w:p w:rsidR="00156FB3" w:rsidRDefault="00156FB3" w:rsidP="00156FB3"/>
          <w:p w:rsidR="00156FB3" w:rsidRDefault="00156FB3" w:rsidP="00156FB3">
            <w:r>
              <w:t>.fa-firefox-browser:before {</w:t>
            </w:r>
          </w:p>
          <w:p w:rsidR="00156FB3" w:rsidRDefault="00156FB3" w:rsidP="00156FB3">
            <w:r>
              <w:t xml:space="preserve">    content: "\f907";</w:t>
            </w:r>
          </w:p>
          <w:p w:rsidR="00156FB3" w:rsidRDefault="00156FB3" w:rsidP="00156FB3">
            <w:r>
              <w:t>}</w:t>
            </w:r>
          </w:p>
          <w:p w:rsidR="00156FB3" w:rsidRDefault="00156FB3" w:rsidP="00156FB3"/>
          <w:p w:rsidR="00156FB3" w:rsidRDefault="00156FB3" w:rsidP="00156FB3">
            <w:r>
              <w:t>.fa-first-aid:before {</w:t>
            </w:r>
          </w:p>
          <w:p w:rsidR="00156FB3" w:rsidRDefault="00156FB3" w:rsidP="00156FB3">
            <w:r>
              <w:t xml:space="preserve">    content: "\f479";</w:t>
            </w:r>
          </w:p>
          <w:p w:rsidR="00156FB3" w:rsidRDefault="00156FB3" w:rsidP="00156FB3">
            <w:r>
              <w:t>}</w:t>
            </w:r>
          </w:p>
          <w:p w:rsidR="00156FB3" w:rsidRDefault="00156FB3" w:rsidP="00156FB3"/>
          <w:p w:rsidR="00156FB3" w:rsidRDefault="00156FB3" w:rsidP="00156FB3">
            <w:r>
              <w:t>.fa-first-order:before {</w:t>
            </w:r>
          </w:p>
          <w:p w:rsidR="00156FB3" w:rsidRDefault="00156FB3" w:rsidP="00156FB3">
            <w:r>
              <w:lastRenderedPageBreak/>
              <w:t xml:space="preserve">    content: "\f2b0";</w:t>
            </w:r>
          </w:p>
          <w:p w:rsidR="00156FB3" w:rsidRDefault="00156FB3" w:rsidP="00156FB3">
            <w:r>
              <w:t>}</w:t>
            </w:r>
          </w:p>
          <w:p w:rsidR="00156FB3" w:rsidRDefault="00156FB3" w:rsidP="00156FB3"/>
          <w:p w:rsidR="00156FB3" w:rsidRDefault="00156FB3" w:rsidP="00156FB3">
            <w:r>
              <w:t>.fa-first-order-alt:before {</w:t>
            </w:r>
          </w:p>
          <w:p w:rsidR="00156FB3" w:rsidRDefault="00156FB3" w:rsidP="00156FB3">
            <w:r>
              <w:t xml:space="preserve">    content: "\f50a";</w:t>
            </w:r>
          </w:p>
          <w:p w:rsidR="00156FB3" w:rsidRDefault="00156FB3" w:rsidP="00156FB3">
            <w:r>
              <w:t>}</w:t>
            </w:r>
          </w:p>
          <w:p w:rsidR="00156FB3" w:rsidRDefault="00156FB3" w:rsidP="00156FB3"/>
          <w:p w:rsidR="00156FB3" w:rsidRDefault="00156FB3" w:rsidP="00156FB3">
            <w:r>
              <w:t>.fa-firstdraft:before {</w:t>
            </w:r>
          </w:p>
          <w:p w:rsidR="00156FB3" w:rsidRDefault="00156FB3" w:rsidP="00156FB3">
            <w:r>
              <w:t xml:space="preserve">    content: "\f3a1";</w:t>
            </w:r>
          </w:p>
          <w:p w:rsidR="00156FB3" w:rsidRDefault="00156FB3" w:rsidP="00156FB3">
            <w:r>
              <w:t>}</w:t>
            </w:r>
          </w:p>
          <w:p w:rsidR="00156FB3" w:rsidRDefault="00156FB3" w:rsidP="00156FB3"/>
          <w:p w:rsidR="00156FB3" w:rsidRDefault="00156FB3" w:rsidP="00156FB3">
            <w:r>
              <w:t>.fa-fish:before {</w:t>
            </w:r>
          </w:p>
          <w:p w:rsidR="00156FB3" w:rsidRDefault="00156FB3" w:rsidP="00156FB3">
            <w:r>
              <w:t xml:space="preserve">    content: "\f578";</w:t>
            </w:r>
          </w:p>
          <w:p w:rsidR="00156FB3" w:rsidRDefault="00156FB3" w:rsidP="00156FB3">
            <w:r>
              <w:t>}</w:t>
            </w:r>
          </w:p>
          <w:p w:rsidR="00156FB3" w:rsidRDefault="00156FB3" w:rsidP="00156FB3"/>
          <w:p w:rsidR="00156FB3" w:rsidRDefault="00156FB3" w:rsidP="00156FB3">
            <w:r>
              <w:t>.fa-fist-raised:before {</w:t>
            </w:r>
          </w:p>
          <w:p w:rsidR="00156FB3" w:rsidRDefault="00156FB3" w:rsidP="00156FB3">
            <w:r>
              <w:t xml:space="preserve">    content: "\f6de";</w:t>
            </w:r>
          </w:p>
          <w:p w:rsidR="00156FB3" w:rsidRDefault="00156FB3" w:rsidP="00156FB3">
            <w:r>
              <w:t>}</w:t>
            </w:r>
          </w:p>
          <w:p w:rsidR="00156FB3" w:rsidRDefault="00156FB3" w:rsidP="00156FB3"/>
          <w:p w:rsidR="00156FB3" w:rsidRDefault="00156FB3" w:rsidP="00156FB3">
            <w:r>
              <w:t>.fa-flag:before {</w:t>
            </w:r>
          </w:p>
          <w:p w:rsidR="00156FB3" w:rsidRDefault="00156FB3" w:rsidP="00156FB3">
            <w:r>
              <w:t xml:space="preserve">    content: "\f024";</w:t>
            </w:r>
          </w:p>
          <w:p w:rsidR="00156FB3" w:rsidRDefault="00156FB3" w:rsidP="00156FB3">
            <w:r>
              <w:t>}</w:t>
            </w:r>
          </w:p>
          <w:p w:rsidR="00156FB3" w:rsidRDefault="00156FB3" w:rsidP="00156FB3"/>
          <w:p w:rsidR="00156FB3" w:rsidRDefault="00156FB3" w:rsidP="00156FB3">
            <w:r>
              <w:t>.fa-flag-checkered:before {</w:t>
            </w:r>
          </w:p>
          <w:p w:rsidR="00156FB3" w:rsidRDefault="00156FB3" w:rsidP="00156FB3">
            <w:r>
              <w:t xml:space="preserve">    content: "\f11e";</w:t>
            </w:r>
          </w:p>
          <w:p w:rsidR="00156FB3" w:rsidRDefault="00156FB3" w:rsidP="00156FB3">
            <w:r>
              <w:t>}</w:t>
            </w:r>
          </w:p>
          <w:p w:rsidR="00156FB3" w:rsidRDefault="00156FB3" w:rsidP="00156FB3"/>
          <w:p w:rsidR="00156FB3" w:rsidRDefault="00156FB3" w:rsidP="00156FB3">
            <w:r>
              <w:t>.fa-flag-usa:before {</w:t>
            </w:r>
          </w:p>
          <w:p w:rsidR="00156FB3" w:rsidRDefault="00156FB3" w:rsidP="00156FB3">
            <w:r>
              <w:t xml:space="preserve">    content: "\f74d";</w:t>
            </w:r>
          </w:p>
          <w:p w:rsidR="00156FB3" w:rsidRDefault="00156FB3" w:rsidP="00156FB3">
            <w:r>
              <w:t>}</w:t>
            </w:r>
          </w:p>
          <w:p w:rsidR="00156FB3" w:rsidRDefault="00156FB3" w:rsidP="00156FB3"/>
          <w:p w:rsidR="00156FB3" w:rsidRDefault="00156FB3" w:rsidP="00156FB3">
            <w:r>
              <w:t>.fa-flask:before {</w:t>
            </w:r>
          </w:p>
          <w:p w:rsidR="00156FB3" w:rsidRDefault="00156FB3" w:rsidP="00156FB3">
            <w:r>
              <w:t xml:space="preserve">    content: "\f0c3";</w:t>
            </w:r>
          </w:p>
          <w:p w:rsidR="00156FB3" w:rsidRDefault="00156FB3" w:rsidP="00156FB3">
            <w:r>
              <w:t>}</w:t>
            </w:r>
          </w:p>
          <w:p w:rsidR="00156FB3" w:rsidRDefault="00156FB3" w:rsidP="00156FB3"/>
          <w:p w:rsidR="00156FB3" w:rsidRDefault="00156FB3" w:rsidP="00156FB3">
            <w:r>
              <w:t>.fa-flickr:before {</w:t>
            </w:r>
          </w:p>
          <w:p w:rsidR="00156FB3" w:rsidRDefault="00156FB3" w:rsidP="00156FB3">
            <w:r>
              <w:t xml:space="preserve">    content: "\f16e";</w:t>
            </w:r>
          </w:p>
          <w:p w:rsidR="00156FB3" w:rsidRDefault="00156FB3" w:rsidP="00156FB3">
            <w:r>
              <w:t>}</w:t>
            </w:r>
          </w:p>
          <w:p w:rsidR="00156FB3" w:rsidRDefault="00156FB3" w:rsidP="00156FB3"/>
          <w:p w:rsidR="00156FB3" w:rsidRDefault="00156FB3" w:rsidP="00156FB3">
            <w:r>
              <w:t>.fa-flipboard:before {</w:t>
            </w:r>
          </w:p>
          <w:p w:rsidR="00156FB3" w:rsidRDefault="00156FB3" w:rsidP="00156FB3">
            <w:r>
              <w:t xml:space="preserve">    content: "\f44d";</w:t>
            </w:r>
          </w:p>
          <w:p w:rsidR="00156FB3" w:rsidRDefault="00156FB3" w:rsidP="00156FB3">
            <w:r>
              <w:t>}</w:t>
            </w:r>
          </w:p>
          <w:p w:rsidR="00156FB3" w:rsidRDefault="00156FB3" w:rsidP="00156FB3"/>
          <w:p w:rsidR="00156FB3" w:rsidRDefault="00156FB3" w:rsidP="00156FB3">
            <w:r>
              <w:t>.fa-flushed:before {</w:t>
            </w:r>
          </w:p>
          <w:p w:rsidR="00156FB3" w:rsidRDefault="00156FB3" w:rsidP="00156FB3">
            <w:r>
              <w:t xml:space="preserve">    content: "\f579";</w:t>
            </w:r>
          </w:p>
          <w:p w:rsidR="00156FB3" w:rsidRDefault="00156FB3" w:rsidP="00156FB3">
            <w:r>
              <w:t>}</w:t>
            </w:r>
          </w:p>
          <w:p w:rsidR="00156FB3" w:rsidRDefault="00156FB3" w:rsidP="00156FB3"/>
          <w:p w:rsidR="00156FB3" w:rsidRDefault="00156FB3" w:rsidP="00156FB3">
            <w:r>
              <w:t>.fa-fly:before {</w:t>
            </w:r>
          </w:p>
          <w:p w:rsidR="00156FB3" w:rsidRDefault="00156FB3" w:rsidP="00156FB3">
            <w:r>
              <w:lastRenderedPageBreak/>
              <w:t xml:space="preserve">    content: "\f417";</w:t>
            </w:r>
          </w:p>
          <w:p w:rsidR="00156FB3" w:rsidRDefault="00156FB3" w:rsidP="00156FB3">
            <w:r>
              <w:t>}</w:t>
            </w:r>
          </w:p>
          <w:p w:rsidR="00156FB3" w:rsidRDefault="00156FB3" w:rsidP="00156FB3"/>
          <w:p w:rsidR="00156FB3" w:rsidRDefault="00156FB3" w:rsidP="00156FB3">
            <w:r>
              <w:t>.fa-folder:before {</w:t>
            </w:r>
          </w:p>
          <w:p w:rsidR="00156FB3" w:rsidRDefault="00156FB3" w:rsidP="00156FB3">
            <w:r>
              <w:t xml:space="preserve">    content: "\f07b";</w:t>
            </w:r>
          </w:p>
          <w:p w:rsidR="00156FB3" w:rsidRDefault="00156FB3" w:rsidP="00156FB3">
            <w:r>
              <w:t>}</w:t>
            </w:r>
          </w:p>
          <w:p w:rsidR="00156FB3" w:rsidRDefault="00156FB3" w:rsidP="00156FB3"/>
          <w:p w:rsidR="00156FB3" w:rsidRDefault="00156FB3" w:rsidP="00156FB3">
            <w:r>
              <w:t>.fa-folder-minus:before {</w:t>
            </w:r>
          </w:p>
          <w:p w:rsidR="00156FB3" w:rsidRDefault="00156FB3" w:rsidP="00156FB3">
            <w:r>
              <w:t xml:space="preserve">    content: "\f65d";</w:t>
            </w:r>
          </w:p>
          <w:p w:rsidR="00156FB3" w:rsidRDefault="00156FB3" w:rsidP="00156FB3">
            <w:r>
              <w:t>}</w:t>
            </w:r>
          </w:p>
          <w:p w:rsidR="00156FB3" w:rsidRDefault="00156FB3" w:rsidP="00156FB3"/>
          <w:p w:rsidR="00156FB3" w:rsidRDefault="00156FB3" w:rsidP="00156FB3">
            <w:r>
              <w:t>.fa-folder-open:before {</w:t>
            </w:r>
          </w:p>
          <w:p w:rsidR="00156FB3" w:rsidRDefault="00156FB3" w:rsidP="00156FB3">
            <w:r>
              <w:t xml:space="preserve">    content: "\f07c";</w:t>
            </w:r>
          </w:p>
          <w:p w:rsidR="00156FB3" w:rsidRDefault="00156FB3" w:rsidP="00156FB3">
            <w:r>
              <w:t>}</w:t>
            </w:r>
          </w:p>
          <w:p w:rsidR="00156FB3" w:rsidRDefault="00156FB3" w:rsidP="00156FB3"/>
          <w:p w:rsidR="00156FB3" w:rsidRDefault="00156FB3" w:rsidP="00156FB3">
            <w:r>
              <w:t>.fa-folder-plus:before {</w:t>
            </w:r>
          </w:p>
          <w:p w:rsidR="00156FB3" w:rsidRDefault="00156FB3" w:rsidP="00156FB3">
            <w:r>
              <w:t xml:space="preserve">    content: "\f65e";</w:t>
            </w:r>
          </w:p>
          <w:p w:rsidR="00156FB3" w:rsidRDefault="00156FB3" w:rsidP="00156FB3">
            <w:r>
              <w:t>}</w:t>
            </w:r>
          </w:p>
          <w:p w:rsidR="00156FB3" w:rsidRDefault="00156FB3" w:rsidP="00156FB3"/>
          <w:p w:rsidR="00156FB3" w:rsidRDefault="00156FB3" w:rsidP="00156FB3">
            <w:r>
              <w:t>.fa-font:before {</w:t>
            </w:r>
          </w:p>
          <w:p w:rsidR="00156FB3" w:rsidRDefault="00156FB3" w:rsidP="00156FB3">
            <w:r>
              <w:t xml:space="preserve">    content: "\f031";</w:t>
            </w:r>
          </w:p>
          <w:p w:rsidR="00156FB3" w:rsidRDefault="00156FB3" w:rsidP="00156FB3">
            <w:r>
              <w:t>}</w:t>
            </w:r>
          </w:p>
          <w:p w:rsidR="00156FB3" w:rsidRDefault="00156FB3" w:rsidP="00156FB3"/>
          <w:p w:rsidR="00156FB3" w:rsidRDefault="00156FB3" w:rsidP="00156FB3">
            <w:r>
              <w:t>.fa-font-awesome:before {</w:t>
            </w:r>
          </w:p>
          <w:p w:rsidR="00156FB3" w:rsidRDefault="00156FB3" w:rsidP="00156FB3">
            <w:r>
              <w:t xml:space="preserve">    content: "\f2b4";</w:t>
            </w:r>
          </w:p>
          <w:p w:rsidR="00156FB3" w:rsidRDefault="00156FB3" w:rsidP="00156FB3">
            <w:r>
              <w:t>}</w:t>
            </w:r>
          </w:p>
          <w:p w:rsidR="00156FB3" w:rsidRDefault="00156FB3" w:rsidP="00156FB3"/>
          <w:p w:rsidR="00156FB3" w:rsidRDefault="00156FB3" w:rsidP="00156FB3">
            <w:r>
              <w:t>.fa-font-awesome-alt:before {</w:t>
            </w:r>
          </w:p>
          <w:p w:rsidR="00156FB3" w:rsidRDefault="00156FB3" w:rsidP="00156FB3">
            <w:r>
              <w:t xml:space="preserve">    content: "\f35c";</w:t>
            </w:r>
          </w:p>
          <w:p w:rsidR="00156FB3" w:rsidRDefault="00156FB3" w:rsidP="00156FB3">
            <w:r>
              <w:t>}</w:t>
            </w:r>
          </w:p>
          <w:p w:rsidR="00156FB3" w:rsidRDefault="00156FB3" w:rsidP="00156FB3"/>
          <w:p w:rsidR="00156FB3" w:rsidRDefault="00156FB3" w:rsidP="00156FB3">
            <w:r>
              <w:t>.fa-font-awesome-flag:before {</w:t>
            </w:r>
          </w:p>
          <w:p w:rsidR="00156FB3" w:rsidRDefault="00156FB3" w:rsidP="00156FB3">
            <w:r>
              <w:t xml:space="preserve">    content: "\f425";</w:t>
            </w:r>
          </w:p>
          <w:p w:rsidR="00156FB3" w:rsidRDefault="00156FB3" w:rsidP="00156FB3">
            <w:r>
              <w:t>}</w:t>
            </w:r>
          </w:p>
          <w:p w:rsidR="00156FB3" w:rsidRDefault="00156FB3" w:rsidP="00156FB3"/>
          <w:p w:rsidR="00156FB3" w:rsidRDefault="00156FB3" w:rsidP="00156FB3">
            <w:r>
              <w:t>.fa-font-awesome-logo-full:before {</w:t>
            </w:r>
          </w:p>
          <w:p w:rsidR="00156FB3" w:rsidRDefault="00156FB3" w:rsidP="00156FB3">
            <w:r>
              <w:t xml:space="preserve">    content: "\f4e6";</w:t>
            </w:r>
          </w:p>
          <w:p w:rsidR="00156FB3" w:rsidRDefault="00156FB3" w:rsidP="00156FB3">
            <w:r>
              <w:t>}</w:t>
            </w:r>
          </w:p>
          <w:p w:rsidR="00156FB3" w:rsidRDefault="00156FB3" w:rsidP="00156FB3"/>
          <w:p w:rsidR="00156FB3" w:rsidRDefault="00156FB3" w:rsidP="00156FB3">
            <w:r>
              <w:t>.fa-fonticons:before {</w:t>
            </w:r>
          </w:p>
          <w:p w:rsidR="00156FB3" w:rsidRDefault="00156FB3" w:rsidP="00156FB3">
            <w:r>
              <w:t xml:space="preserve">    content: "\f280";</w:t>
            </w:r>
          </w:p>
          <w:p w:rsidR="00156FB3" w:rsidRDefault="00156FB3" w:rsidP="00156FB3">
            <w:r>
              <w:t>}</w:t>
            </w:r>
          </w:p>
          <w:p w:rsidR="00156FB3" w:rsidRDefault="00156FB3" w:rsidP="00156FB3"/>
          <w:p w:rsidR="00156FB3" w:rsidRDefault="00156FB3" w:rsidP="00156FB3">
            <w:r>
              <w:t>.fa-fonticons-fi:before {</w:t>
            </w:r>
          </w:p>
          <w:p w:rsidR="00156FB3" w:rsidRDefault="00156FB3" w:rsidP="00156FB3">
            <w:r>
              <w:t xml:space="preserve">    content: "\f3a2";</w:t>
            </w:r>
          </w:p>
          <w:p w:rsidR="00156FB3" w:rsidRDefault="00156FB3" w:rsidP="00156FB3">
            <w:r>
              <w:t>}</w:t>
            </w:r>
          </w:p>
          <w:p w:rsidR="00156FB3" w:rsidRDefault="00156FB3" w:rsidP="00156FB3"/>
          <w:p w:rsidR="00156FB3" w:rsidRDefault="00156FB3" w:rsidP="00156FB3">
            <w:r>
              <w:t>.fa-football-ball:before {</w:t>
            </w:r>
          </w:p>
          <w:p w:rsidR="00156FB3" w:rsidRDefault="00156FB3" w:rsidP="00156FB3">
            <w:r>
              <w:lastRenderedPageBreak/>
              <w:t xml:space="preserve">    content: "\f44e";</w:t>
            </w:r>
          </w:p>
          <w:p w:rsidR="00156FB3" w:rsidRDefault="00156FB3" w:rsidP="00156FB3">
            <w:r>
              <w:t>}</w:t>
            </w:r>
          </w:p>
          <w:p w:rsidR="00156FB3" w:rsidRDefault="00156FB3" w:rsidP="00156FB3"/>
          <w:p w:rsidR="00156FB3" w:rsidRDefault="00156FB3" w:rsidP="00156FB3">
            <w:r>
              <w:t>.fa-fort-awesome:before {</w:t>
            </w:r>
          </w:p>
          <w:p w:rsidR="00156FB3" w:rsidRDefault="00156FB3" w:rsidP="00156FB3">
            <w:r>
              <w:t xml:space="preserve">    content: "\f286";</w:t>
            </w:r>
          </w:p>
          <w:p w:rsidR="00156FB3" w:rsidRDefault="00156FB3" w:rsidP="00156FB3">
            <w:r>
              <w:t>}</w:t>
            </w:r>
          </w:p>
          <w:p w:rsidR="00156FB3" w:rsidRDefault="00156FB3" w:rsidP="00156FB3"/>
          <w:p w:rsidR="00156FB3" w:rsidRDefault="00156FB3" w:rsidP="00156FB3">
            <w:r>
              <w:t>.fa-fort-awesome-alt:before {</w:t>
            </w:r>
          </w:p>
          <w:p w:rsidR="00156FB3" w:rsidRDefault="00156FB3" w:rsidP="00156FB3">
            <w:r>
              <w:t xml:space="preserve">    content: "\f3a3";</w:t>
            </w:r>
          </w:p>
          <w:p w:rsidR="00156FB3" w:rsidRDefault="00156FB3" w:rsidP="00156FB3">
            <w:r>
              <w:t>}</w:t>
            </w:r>
          </w:p>
          <w:p w:rsidR="00156FB3" w:rsidRDefault="00156FB3" w:rsidP="00156FB3"/>
          <w:p w:rsidR="00156FB3" w:rsidRDefault="00156FB3" w:rsidP="00156FB3">
            <w:r>
              <w:t>.fa-forumbee:before {</w:t>
            </w:r>
          </w:p>
          <w:p w:rsidR="00156FB3" w:rsidRDefault="00156FB3" w:rsidP="00156FB3">
            <w:r>
              <w:t xml:space="preserve">    content: "\f211";</w:t>
            </w:r>
          </w:p>
          <w:p w:rsidR="00156FB3" w:rsidRDefault="00156FB3" w:rsidP="00156FB3">
            <w:r>
              <w:t>}</w:t>
            </w:r>
          </w:p>
          <w:p w:rsidR="00156FB3" w:rsidRDefault="00156FB3" w:rsidP="00156FB3"/>
          <w:p w:rsidR="00156FB3" w:rsidRDefault="00156FB3" w:rsidP="00156FB3">
            <w:r>
              <w:t>.fa-forward:before {</w:t>
            </w:r>
          </w:p>
          <w:p w:rsidR="00156FB3" w:rsidRDefault="00156FB3" w:rsidP="00156FB3">
            <w:r>
              <w:t xml:space="preserve">    content: "\f04e";</w:t>
            </w:r>
          </w:p>
          <w:p w:rsidR="00156FB3" w:rsidRDefault="00156FB3" w:rsidP="00156FB3">
            <w:r>
              <w:t>}</w:t>
            </w:r>
          </w:p>
          <w:p w:rsidR="00156FB3" w:rsidRDefault="00156FB3" w:rsidP="00156FB3"/>
          <w:p w:rsidR="00156FB3" w:rsidRDefault="00156FB3" w:rsidP="00156FB3">
            <w:r>
              <w:t>.fa-foursquare:before {</w:t>
            </w:r>
          </w:p>
          <w:p w:rsidR="00156FB3" w:rsidRDefault="00156FB3" w:rsidP="00156FB3">
            <w:r>
              <w:t xml:space="preserve">    content: "\f180";</w:t>
            </w:r>
          </w:p>
          <w:p w:rsidR="00156FB3" w:rsidRDefault="00156FB3" w:rsidP="00156FB3">
            <w:r>
              <w:t>}</w:t>
            </w:r>
          </w:p>
          <w:p w:rsidR="00156FB3" w:rsidRDefault="00156FB3" w:rsidP="00156FB3"/>
          <w:p w:rsidR="00156FB3" w:rsidRDefault="00156FB3" w:rsidP="00156FB3">
            <w:r>
              <w:t>.fa-free-code-camp:before {</w:t>
            </w:r>
          </w:p>
          <w:p w:rsidR="00156FB3" w:rsidRDefault="00156FB3" w:rsidP="00156FB3">
            <w:r>
              <w:t xml:space="preserve">    content: "\f2c5";</w:t>
            </w:r>
          </w:p>
          <w:p w:rsidR="00156FB3" w:rsidRDefault="00156FB3" w:rsidP="00156FB3">
            <w:r>
              <w:t>}</w:t>
            </w:r>
          </w:p>
          <w:p w:rsidR="00156FB3" w:rsidRDefault="00156FB3" w:rsidP="00156FB3"/>
          <w:p w:rsidR="00156FB3" w:rsidRDefault="00156FB3" w:rsidP="00156FB3">
            <w:r>
              <w:t>.fa-freebsd:before {</w:t>
            </w:r>
          </w:p>
          <w:p w:rsidR="00156FB3" w:rsidRDefault="00156FB3" w:rsidP="00156FB3">
            <w:r>
              <w:t xml:space="preserve">    content: "\f3a4";</w:t>
            </w:r>
          </w:p>
          <w:p w:rsidR="00156FB3" w:rsidRDefault="00156FB3" w:rsidP="00156FB3">
            <w:r>
              <w:t>}</w:t>
            </w:r>
          </w:p>
          <w:p w:rsidR="00156FB3" w:rsidRDefault="00156FB3" w:rsidP="00156FB3"/>
          <w:p w:rsidR="00156FB3" w:rsidRDefault="00156FB3" w:rsidP="00156FB3">
            <w:r>
              <w:t>.fa-frog:before {</w:t>
            </w:r>
          </w:p>
          <w:p w:rsidR="00156FB3" w:rsidRDefault="00156FB3" w:rsidP="00156FB3">
            <w:r>
              <w:t xml:space="preserve">    content: "\f52e";</w:t>
            </w:r>
          </w:p>
          <w:p w:rsidR="00156FB3" w:rsidRDefault="00156FB3" w:rsidP="00156FB3">
            <w:r>
              <w:t>}</w:t>
            </w:r>
          </w:p>
          <w:p w:rsidR="00156FB3" w:rsidRDefault="00156FB3" w:rsidP="00156FB3"/>
          <w:p w:rsidR="00156FB3" w:rsidRDefault="00156FB3" w:rsidP="00156FB3">
            <w:r>
              <w:t>.fa-frown:before {</w:t>
            </w:r>
          </w:p>
          <w:p w:rsidR="00156FB3" w:rsidRDefault="00156FB3" w:rsidP="00156FB3">
            <w:r>
              <w:t xml:space="preserve">    content: "\f119";</w:t>
            </w:r>
          </w:p>
          <w:p w:rsidR="00156FB3" w:rsidRDefault="00156FB3" w:rsidP="00156FB3">
            <w:r>
              <w:t>}</w:t>
            </w:r>
          </w:p>
          <w:p w:rsidR="00156FB3" w:rsidRDefault="00156FB3" w:rsidP="00156FB3"/>
          <w:p w:rsidR="00156FB3" w:rsidRDefault="00156FB3" w:rsidP="00156FB3">
            <w:r>
              <w:t>.fa-frown-open:before {</w:t>
            </w:r>
          </w:p>
          <w:p w:rsidR="00156FB3" w:rsidRDefault="00156FB3" w:rsidP="00156FB3">
            <w:r>
              <w:t xml:space="preserve">    content: "\f57a";</w:t>
            </w:r>
          </w:p>
          <w:p w:rsidR="00156FB3" w:rsidRDefault="00156FB3" w:rsidP="00156FB3">
            <w:r>
              <w:t>}</w:t>
            </w:r>
          </w:p>
          <w:p w:rsidR="00156FB3" w:rsidRDefault="00156FB3" w:rsidP="00156FB3"/>
          <w:p w:rsidR="00156FB3" w:rsidRDefault="00156FB3" w:rsidP="00156FB3">
            <w:r>
              <w:t>.fa-fulcrum:before {</w:t>
            </w:r>
          </w:p>
          <w:p w:rsidR="00156FB3" w:rsidRDefault="00156FB3" w:rsidP="00156FB3">
            <w:r>
              <w:t xml:space="preserve">    content: "\f50b";</w:t>
            </w:r>
          </w:p>
          <w:p w:rsidR="00156FB3" w:rsidRDefault="00156FB3" w:rsidP="00156FB3">
            <w:r>
              <w:t>}</w:t>
            </w:r>
          </w:p>
          <w:p w:rsidR="00156FB3" w:rsidRDefault="00156FB3" w:rsidP="00156FB3"/>
          <w:p w:rsidR="00156FB3" w:rsidRDefault="00156FB3" w:rsidP="00156FB3">
            <w:r>
              <w:t>.fa-funnel-dollar:before {</w:t>
            </w:r>
          </w:p>
          <w:p w:rsidR="00156FB3" w:rsidRDefault="00156FB3" w:rsidP="00156FB3">
            <w:r>
              <w:lastRenderedPageBreak/>
              <w:t xml:space="preserve">    content: "\f662";</w:t>
            </w:r>
          </w:p>
          <w:p w:rsidR="00156FB3" w:rsidRDefault="00156FB3" w:rsidP="00156FB3">
            <w:r>
              <w:t>}</w:t>
            </w:r>
          </w:p>
          <w:p w:rsidR="00156FB3" w:rsidRDefault="00156FB3" w:rsidP="00156FB3"/>
          <w:p w:rsidR="00156FB3" w:rsidRDefault="00156FB3" w:rsidP="00156FB3">
            <w:r>
              <w:t>.fa-futbol:before {</w:t>
            </w:r>
          </w:p>
          <w:p w:rsidR="00156FB3" w:rsidRDefault="00156FB3" w:rsidP="00156FB3">
            <w:r>
              <w:t xml:space="preserve">    content: "\f1e3";</w:t>
            </w:r>
          </w:p>
          <w:p w:rsidR="00156FB3" w:rsidRDefault="00156FB3" w:rsidP="00156FB3">
            <w:r>
              <w:t>}</w:t>
            </w:r>
          </w:p>
          <w:p w:rsidR="00156FB3" w:rsidRDefault="00156FB3" w:rsidP="00156FB3"/>
          <w:p w:rsidR="00156FB3" w:rsidRDefault="00156FB3" w:rsidP="00156FB3">
            <w:r>
              <w:t>.fa-galactic-republic:before {</w:t>
            </w:r>
          </w:p>
          <w:p w:rsidR="00156FB3" w:rsidRDefault="00156FB3" w:rsidP="00156FB3">
            <w:r>
              <w:t xml:space="preserve">    content: "\f50c";</w:t>
            </w:r>
          </w:p>
          <w:p w:rsidR="00156FB3" w:rsidRDefault="00156FB3" w:rsidP="00156FB3">
            <w:r>
              <w:t>}</w:t>
            </w:r>
          </w:p>
          <w:p w:rsidR="00156FB3" w:rsidRDefault="00156FB3" w:rsidP="00156FB3"/>
          <w:p w:rsidR="00156FB3" w:rsidRDefault="00156FB3" w:rsidP="00156FB3">
            <w:r>
              <w:t>.fa-galactic-senate:before {</w:t>
            </w:r>
          </w:p>
          <w:p w:rsidR="00156FB3" w:rsidRDefault="00156FB3" w:rsidP="00156FB3">
            <w:r>
              <w:t xml:space="preserve">    content: "\f50d";</w:t>
            </w:r>
          </w:p>
          <w:p w:rsidR="00156FB3" w:rsidRDefault="00156FB3" w:rsidP="00156FB3">
            <w:r>
              <w:t>}</w:t>
            </w:r>
          </w:p>
          <w:p w:rsidR="00156FB3" w:rsidRDefault="00156FB3" w:rsidP="00156FB3"/>
          <w:p w:rsidR="00156FB3" w:rsidRDefault="00156FB3" w:rsidP="00156FB3">
            <w:r>
              <w:t>.fa-gamepad:before {</w:t>
            </w:r>
          </w:p>
          <w:p w:rsidR="00156FB3" w:rsidRDefault="00156FB3" w:rsidP="00156FB3">
            <w:r>
              <w:t xml:space="preserve">    content: "\f11b";</w:t>
            </w:r>
          </w:p>
          <w:p w:rsidR="00156FB3" w:rsidRDefault="00156FB3" w:rsidP="00156FB3">
            <w:r>
              <w:t>}</w:t>
            </w:r>
          </w:p>
          <w:p w:rsidR="00156FB3" w:rsidRDefault="00156FB3" w:rsidP="00156FB3"/>
          <w:p w:rsidR="00156FB3" w:rsidRDefault="00156FB3" w:rsidP="00156FB3">
            <w:r>
              <w:t>.fa-gas-pump:before {</w:t>
            </w:r>
          </w:p>
          <w:p w:rsidR="00156FB3" w:rsidRDefault="00156FB3" w:rsidP="00156FB3">
            <w:r>
              <w:t xml:space="preserve">    content: "\f52f";</w:t>
            </w:r>
          </w:p>
          <w:p w:rsidR="00156FB3" w:rsidRDefault="00156FB3" w:rsidP="00156FB3">
            <w:r>
              <w:t>}</w:t>
            </w:r>
          </w:p>
          <w:p w:rsidR="00156FB3" w:rsidRDefault="00156FB3" w:rsidP="00156FB3"/>
          <w:p w:rsidR="00156FB3" w:rsidRDefault="00156FB3" w:rsidP="00156FB3">
            <w:r>
              <w:t>.fa-gavel:before {</w:t>
            </w:r>
          </w:p>
          <w:p w:rsidR="00156FB3" w:rsidRDefault="00156FB3" w:rsidP="00156FB3">
            <w:r>
              <w:t xml:space="preserve">    content: "\f0e3";</w:t>
            </w:r>
          </w:p>
          <w:p w:rsidR="00156FB3" w:rsidRDefault="00156FB3" w:rsidP="00156FB3">
            <w:r>
              <w:t>}</w:t>
            </w:r>
          </w:p>
          <w:p w:rsidR="00156FB3" w:rsidRDefault="00156FB3" w:rsidP="00156FB3"/>
          <w:p w:rsidR="00156FB3" w:rsidRDefault="00156FB3" w:rsidP="00156FB3">
            <w:r>
              <w:t>.fa-gem:before {</w:t>
            </w:r>
          </w:p>
          <w:p w:rsidR="00156FB3" w:rsidRDefault="00156FB3" w:rsidP="00156FB3">
            <w:r>
              <w:t xml:space="preserve">    content: "\f3a5";</w:t>
            </w:r>
          </w:p>
          <w:p w:rsidR="00156FB3" w:rsidRDefault="00156FB3" w:rsidP="00156FB3">
            <w:r>
              <w:t>}</w:t>
            </w:r>
          </w:p>
          <w:p w:rsidR="00156FB3" w:rsidRDefault="00156FB3" w:rsidP="00156FB3"/>
          <w:p w:rsidR="00156FB3" w:rsidRDefault="00156FB3" w:rsidP="00156FB3">
            <w:r>
              <w:t>.fa-genderless:before {</w:t>
            </w:r>
          </w:p>
          <w:p w:rsidR="00156FB3" w:rsidRDefault="00156FB3" w:rsidP="00156FB3">
            <w:r>
              <w:t xml:space="preserve">    content: "\f22d";</w:t>
            </w:r>
          </w:p>
          <w:p w:rsidR="00156FB3" w:rsidRDefault="00156FB3" w:rsidP="00156FB3">
            <w:r>
              <w:t>}</w:t>
            </w:r>
          </w:p>
          <w:p w:rsidR="00156FB3" w:rsidRDefault="00156FB3" w:rsidP="00156FB3"/>
          <w:p w:rsidR="00156FB3" w:rsidRDefault="00156FB3" w:rsidP="00156FB3">
            <w:r>
              <w:t>.fa-get-pocket:before {</w:t>
            </w:r>
          </w:p>
          <w:p w:rsidR="00156FB3" w:rsidRDefault="00156FB3" w:rsidP="00156FB3">
            <w:r>
              <w:t xml:space="preserve">    content: "\f265";</w:t>
            </w:r>
          </w:p>
          <w:p w:rsidR="00156FB3" w:rsidRDefault="00156FB3" w:rsidP="00156FB3">
            <w:r>
              <w:t>}</w:t>
            </w:r>
          </w:p>
          <w:p w:rsidR="00156FB3" w:rsidRDefault="00156FB3" w:rsidP="00156FB3"/>
          <w:p w:rsidR="00156FB3" w:rsidRDefault="00156FB3" w:rsidP="00156FB3">
            <w:r>
              <w:t>.fa-gg:before {</w:t>
            </w:r>
          </w:p>
          <w:p w:rsidR="00156FB3" w:rsidRDefault="00156FB3" w:rsidP="00156FB3">
            <w:r>
              <w:t xml:space="preserve">    content: "\f260";</w:t>
            </w:r>
          </w:p>
          <w:p w:rsidR="00156FB3" w:rsidRDefault="00156FB3" w:rsidP="00156FB3">
            <w:r>
              <w:t>}</w:t>
            </w:r>
          </w:p>
          <w:p w:rsidR="00156FB3" w:rsidRDefault="00156FB3" w:rsidP="00156FB3"/>
          <w:p w:rsidR="00156FB3" w:rsidRDefault="00156FB3" w:rsidP="00156FB3">
            <w:r>
              <w:t>.fa-gg-circle:before {</w:t>
            </w:r>
          </w:p>
          <w:p w:rsidR="00156FB3" w:rsidRDefault="00156FB3" w:rsidP="00156FB3">
            <w:r>
              <w:t xml:space="preserve">    content: "\f261";</w:t>
            </w:r>
          </w:p>
          <w:p w:rsidR="00156FB3" w:rsidRDefault="00156FB3" w:rsidP="00156FB3">
            <w:r>
              <w:t>}</w:t>
            </w:r>
          </w:p>
          <w:p w:rsidR="00156FB3" w:rsidRDefault="00156FB3" w:rsidP="00156FB3"/>
          <w:p w:rsidR="00156FB3" w:rsidRDefault="00156FB3" w:rsidP="00156FB3">
            <w:r>
              <w:t>.fa-ghost:before {</w:t>
            </w:r>
          </w:p>
          <w:p w:rsidR="00156FB3" w:rsidRDefault="00156FB3" w:rsidP="00156FB3">
            <w:r>
              <w:lastRenderedPageBreak/>
              <w:t xml:space="preserve">    content: "\f6e2";</w:t>
            </w:r>
          </w:p>
          <w:p w:rsidR="00156FB3" w:rsidRDefault="00156FB3" w:rsidP="00156FB3">
            <w:r>
              <w:t>}</w:t>
            </w:r>
          </w:p>
          <w:p w:rsidR="00156FB3" w:rsidRDefault="00156FB3" w:rsidP="00156FB3"/>
          <w:p w:rsidR="00156FB3" w:rsidRDefault="00156FB3" w:rsidP="00156FB3">
            <w:r>
              <w:t>.fa-gift:before {</w:t>
            </w:r>
          </w:p>
          <w:p w:rsidR="00156FB3" w:rsidRDefault="00156FB3" w:rsidP="00156FB3">
            <w:r>
              <w:t xml:space="preserve">    content: "\f06b";</w:t>
            </w:r>
          </w:p>
          <w:p w:rsidR="00156FB3" w:rsidRDefault="00156FB3" w:rsidP="00156FB3">
            <w:r>
              <w:t>}</w:t>
            </w:r>
          </w:p>
          <w:p w:rsidR="00156FB3" w:rsidRDefault="00156FB3" w:rsidP="00156FB3"/>
          <w:p w:rsidR="00156FB3" w:rsidRDefault="00156FB3" w:rsidP="00156FB3">
            <w:r>
              <w:t>.fa-gifts:before {</w:t>
            </w:r>
          </w:p>
          <w:p w:rsidR="00156FB3" w:rsidRDefault="00156FB3" w:rsidP="00156FB3">
            <w:r>
              <w:t xml:space="preserve">    content: "\f79c";</w:t>
            </w:r>
          </w:p>
          <w:p w:rsidR="00156FB3" w:rsidRDefault="00156FB3" w:rsidP="00156FB3">
            <w:r>
              <w:t>}</w:t>
            </w:r>
          </w:p>
          <w:p w:rsidR="00156FB3" w:rsidRDefault="00156FB3" w:rsidP="00156FB3"/>
          <w:p w:rsidR="00156FB3" w:rsidRDefault="00156FB3" w:rsidP="00156FB3">
            <w:r>
              <w:t>.fa-git:before {</w:t>
            </w:r>
          </w:p>
          <w:p w:rsidR="00156FB3" w:rsidRDefault="00156FB3" w:rsidP="00156FB3">
            <w:r>
              <w:t xml:space="preserve">    content: "\f1d3";</w:t>
            </w:r>
          </w:p>
          <w:p w:rsidR="00156FB3" w:rsidRDefault="00156FB3" w:rsidP="00156FB3">
            <w:r>
              <w:t>}</w:t>
            </w:r>
          </w:p>
          <w:p w:rsidR="00156FB3" w:rsidRDefault="00156FB3" w:rsidP="00156FB3"/>
          <w:p w:rsidR="00156FB3" w:rsidRDefault="00156FB3" w:rsidP="00156FB3">
            <w:r>
              <w:t>.fa-git-alt:before {</w:t>
            </w:r>
          </w:p>
          <w:p w:rsidR="00156FB3" w:rsidRDefault="00156FB3" w:rsidP="00156FB3">
            <w:r>
              <w:t xml:space="preserve">    content: "\f841";</w:t>
            </w:r>
          </w:p>
          <w:p w:rsidR="00156FB3" w:rsidRDefault="00156FB3" w:rsidP="00156FB3">
            <w:r>
              <w:t>}</w:t>
            </w:r>
          </w:p>
          <w:p w:rsidR="00156FB3" w:rsidRDefault="00156FB3" w:rsidP="00156FB3"/>
          <w:p w:rsidR="00156FB3" w:rsidRDefault="00156FB3" w:rsidP="00156FB3">
            <w:r>
              <w:t>.fa-git-square:before {</w:t>
            </w:r>
          </w:p>
          <w:p w:rsidR="00156FB3" w:rsidRDefault="00156FB3" w:rsidP="00156FB3">
            <w:r>
              <w:t xml:space="preserve">    content: "\f1d2";</w:t>
            </w:r>
          </w:p>
          <w:p w:rsidR="00156FB3" w:rsidRDefault="00156FB3" w:rsidP="00156FB3">
            <w:r>
              <w:t>}</w:t>
            </w:r>
          </w:p>
          <w:p w:rsidR="00156FB3" w:rsidRDefault="00156FB3" w:rsidP="00156FB3"/>
          <w:p w:rsidR="00156FB3" w:rsidRDefault="00156FB3" w:rsidP="00156FB3">
            <w:r>
              <w:t>.fa-github:before {</w:t>
            </w:r>
          </w:p>
          <w:p w:rsidR="00156FB3" w:rsidRDefault="00156FB3" w:rsidP="00156FB3">
            <w:r>
              <w:t xml:space="preserve">    content: "\f09b";</w:t>
            </w:r>
          </w:p>
          <w:p w:rsidR="00156FB3" w:rsidRDefault="00156FB3" w:rsidP="00156FB3">
            <w:r>
              <w:t>}</w:t>
            </w:r>
          </w:p>
          <w:p w:rsidR="00156FB3" w:rsidRDefault="00156FB3" w:rsidP="00156FB3"/>
          <w:p w:rsidR="00156FB3" w:rsidRDefault="00156FB3" w:rsidP="00156FB3">
            <w:r>
              <w:t>.fa-github-alt:before {</w:t>
            </w:r>
          </w:p>
          <w:p w:rsidR="00156FB3" w:rsidRDefault="00156FB3" w:rsidP="00156FB3">
            <w:r>
              <w:t xml:space="preserve">    content: "\f113";</w:t>
            </w:r>
          </w:p>
          <w:p w:rsidR="00156FB3" w:rsidRDefault="00156FB3" w:rsidP="00156FB3">
            <w:r>
              <w:t>}</w:t>
            </w:r>
          </w:p>
          <w:p w:rsidR="00156FB3" w:rsidRDefault="00156FB3" w:rsidP="00156FB3"/>
          <w:p w:rsidR="00156FB3" w:rsidRDefault="00156FB3" w:rsidP="00156FB3">
            <w:r>
              <w:t>.fa-github-square:before {</w:t>
            </w:r>
          </w:p>
          <w:p w:rsidR="00156FB3" w:rsidRDefault="00156FB3" w:rsidP="00156FB3">
            <w:r>
              <w:t xml:space="preserve">    content: "\f092";</w:t>
            </w:r>
          </w:p>
          <w:p w:rsidR="00156FB3" w:rsidRDefault="00156FB3" w:rsidP="00156FB3">
            <w:r>
              <w:t>}</w:t>
            </w:r>
          </w:p>
          <w:p w:rsidR="00156FB3" w:rsidRDefault="00156FB3" w:rsidP="00156FB3"/>
          <w:p w:rsidR="00156FB3" w:rsidRDefault="00156FB3" w:rsidP="00156FB3">
            <w:r>
              <w:t>.fa-gitkraken:before {</w:t>
            </w:r>
          </w:p>
          <w:p w:rsidR="00156FB3" w:rsidRDefault="00156FB3" w:rsidP="00156FB3">
            <w:r>
              <w:t xml:space="preserve">    content: "\f3a6";</w:t>
            </w:r>
          </w:p>
          <w:p w:rsidR="00156FB3" w:rsidRDefault="00156FB3" w:rsidP="00156FB3">
            <w:r>
              <w:t>}</w:t>
            </w:r>
          </w:p>
          <w:p w:rsidR="00156FB3" w:rsidRDefault="00156FB3" w:rsidP="00156FB3"/>
          <w:p w:rsidR="00156FB3" w:rsidRDefault="00156FB3" w:rsidP="00156FB3">
            <w:r>
              <w:t>.fa-gitlab:before {</w:t>
            </w:r>
          </w:p>
          <w:p w:rsidR="00156FB3" w:rsidRDefault="00156FB3" w:rsidP="00156FB3">
            <w:r>
              <w:t xml:space="preserve">    content: "\f296";</w:t>
            </w:r>
          </w:p>
          <w:p w:rsidR="00156FB3" w:rsidRDefault="00156FB3" w:rsidP="00156FB3">
            <w:r>
              <w:t>}</w:t>
            </w:r>
          </w:p>
          <w:p w:rsidR="00156FB3" w:rsidRDefault="00156FB3" w:rsidP="00156FB3"/>
          <w:p w:rsidR="00156FB3" w:rsidRDefault="00156FB3" w:rsidP="00156FB3">
            <w:r>
              <w:t>.fa-gitter:before {</w:t>
            </w:r>
          </w:p>
          <w:p w:rsidR="00156FB3" w:rsidRDefault="00156FB3" w:rsidP="00156FB3">
            <w:r>
              <w:t xml:space="preserve">    content: "\f426";</w:t>
            </w:r>
          </w:p>
          <w:p w:rsidR="00156FB3" w:rsidRDefault="00156FB3" w:rsidP="00156FB3">
            <w:r>
              <w:t>}</w:t>
            </w:r>
          </w:p>
          <w:p w:rsidR="00156FB3" w:rsidRDefault="00156FB3" w:rsidP="00156FB3"/>
          <w:p w:rsidR="00156FB3" w:rsidRDefault="00156FB3" w:rsidP="00156FB3">
            <w:r>
              <w:t>.fa-glass-cheers:before {</w:t>
            </w:r>
          </w:p>
          <w:p w:rsidR="00156FB3" w:rsidRDefault="00156FB3" w:rsidP="00156FB3">
            <w:r>
              <w:lastRenderedPageBreak/>
              <w:t xml:space="preserve">    content: "\f79f";</w:t>
            </w:r>
          </w:p>
          <w:p w:rsidR="00156FB3" w:rsidRDefault="00156FB3" w:rsidP="00156FB3">
            <w:r>
              <w:t>}</w:t>
            </w:r>
          </w:p>
          <w:p w:rsidR="00156FB3" w:rsidRDefault="00156FB3" w:rsidP="00156FB3"/>
          <w:p w:rsidR="00156FB3" w:rsidRDefault="00156FB3" w:rsidP="00156FB3">
            <w:r>
              <w:t>.fa-glass-martini:before {</w:t>
            </w:r>
          </w:p>
          <w:p w:rsidR="00156FB3" w:rsidRDefault="00156FB3" w:rsidP="00156FB3">
            <w:r>
              <w:t xml:space="preserve">    content: "\f000";</w:t>
            </w:r>
          </w:p>
          <w:p w:rsidR="00156FB3" w:rsidRDefault="00156FB3" w:rsidP="00156FB3">
            <w:r>
              <w:t>}</w:t>
            </w:r>
          </w:p>
          <w:p w:rsidR="00156FB3" w:rsidRDefault="00156FB3" w:rsidP="00156FB3"/>
          <w:p w:rsidR="00156FB3" w:rsidRDefault="00156FB3" w:rsidP="00156FB3">
            <w:r>
              <w:t>.fa-glass-martini-alt:before {</w:t>
            </w:r>
          </w:p>
          <w:p w:rsidR="00156FB3" w:rsidRDefault="00156FB3" w:rsidP="00156FB3">
            <w:r>
              <w:t xml:space="preserve">    content: "\f57b";</w:t>
            </w:r>
          </w:p>
          <w:p w:rsidR="00156FB3" w:rsidRDefault="00156FB3" w:rsidP="00156FB3">
            <w:r>
              <w:t>}</w:t>
            </w:r>
          </w:p>
          <w:p w:rsidR="00156FB3" w:rsidRDefault="00156FB3" w:rsidP="00156FB3"/>
          <w:p w:rsidR="00156FB3" w:rsidRDefault="00156FB3" w:rsidP="00156FB3">
            <w:r>
              <w:t>.fa-glass-whiskey:before {</w:t>
            </w:r>
          </w:p>
          <w:p w:rsidR="00156FB3" w:rsidRDefault="00156FB3" w:rsidP="00156FB3">
            <w:r>
              <w:t xml:space="preserve">    content: "\f7a0";</w:t>
            </w:r>
          </w:p>
          <w:p w:rsidR="00156FB3" w:rsidRDefault="00156FB3" w:rsidP="00156FB3">
            <w:r>
              <w:t>}</w:t>
            </w:r>
          </w:p>
          <w:p w:rsidR="00156FB3" w:rsidRDefault="00156FB3" w:rsidP="00156FB3"/>
          <w:p w:rsidR="00156FB3" w:rsidRDefault="00156FB3" w:rsidP="00156FB3">
            <w:r>
              <w:t>.fa-glasses:before {</w:t>
            </w:r>
          </w:p>
          <w:p w:rsidR="00156FB3" w:rsidRDefault="00156FB3" w:rsidP="00156FB3">
            <w:r>
              <w:t xml:space="preserve">    content: "\f530";</w:t>
            </w:r>
          </w:p>
          <w:p w:rsidR="00156FB3" w:rsidRDefault="00156FB3" w:rsidP="00156FB3">
            <w:r>
              <w:t>}</w:t>
            </w:r>
          </w:p>
          <w:p w:rsidR="00156FB3" w:rsidRDefault="00156FB3" w:rsidP="00156FB3"/>
          <w:p w:rsidR="00156FB3" w:rsidRDefault="00156FB3" w:rsidP="00156FB3">
            <w:r>
              <w:t>.fa-glide:before {</w:t>
            </w:r>
          </w:p>
          <w:p w:rsidR="00156FB3" w:rsidRDefault="00156FB3" w:rsidP="00156FB3">
            <w:r>
              <w:t xml:space="preserve">    content: "\f2a5";</w:t>
            </w:r>
          </w:p>
          <w:p w:rsidR="00156FB3" w:rsidRDefault="00156FB3" w:rsidP="00156FB3">
            <w:r>
              <w:t>}</w:t>
            </w:r>
          </w:p>
          <w:p w:rsidR="00156FB3" w:rsidRDefault="00156FB3" w:rsidP="00156FB3"/>
          <w:p w:rsidR="00156FB3" w:rsidRDefault="00156FB3" w:rsidP="00156FB3">
            <w:r>
              <w:t>.fa-glide-g:before {</w:t>
            </w:r>
          </w:p>
          <w:p w:rsidR="00156FB3" w:rsidRDefault="00156FB3" w:rsidP="00156FB3">
            <w:r>
              <w:t xml:space="preserve">    content: "\f2a6";</w:t>
            </w:r>
          </w:p>
          <w:p w:rsidR="00156FB3" w:rsidRDefault="00156FB3" w:rsidP="00156FB3">
            <w:r>
              <w:t>}</w:t>
            </w:r>
          </w:p>
          <w:p w:rsidR="00156FB3" w:rsidRDefault="00156FB3" w:rsidP="00156FB3"/>
          <w:p w:rsidR="00156FB3" w:rsidRDefault="00156FB3" w:rsidP="00156FB3">
            <w:r>
              <w:t>.fa-globe:before {</w:t>
            </w:r>
          </w:p>
          <w:p w:rsidR="00156FB3" w:rsidRDefault="00156FB3" w:rsidP="00156FB3">
            <w:r>
              <w:t xml:space="preserve">    content: "\f0ac";</w:t>
            </w:r>
          </w:p>
          <w:p w:rsidR="00156FB3" w:rsidRDefault="00156FB3" w:rsidP="00156FB3">
            <w:r>
              <w:t>}</w:t>
            </w:r>
          </w:p>
          <w:p w:rsidR="00156FB3" w:rsidRDefault="00156FB3" w:rsidP="00156FB3"/>
          <w:p w:rsidR="00156FB3" w:rsidRDefault="00156FB3" w:rsidP="00156FB3">
            <w:r>
              <w:t>.fa-globe-africa:before {</w:t>
            </w:r>
          </w:p>
          <w:p w:rsidR="00156FB3" w:rsidRDefault="00156FB3" w:rsidP="00156FB3">
            <w:r>
              <w:t xml:space="preserve">    content: "\f57c";</w:t>
            </w:r>
          </w:p>
          <w:p w:rsidR="00156FB3" w:rsidRDefault="00156FB3" w:rsidP="00156FB3">
            <w:r>
              <w:t>}</w:t>
            </w:r>
          </w:p>
          <w:p w:rsidR="00156FB3" w:rsidRDefault="00156FB3" w:rsidP="00156FB3"/>
          <w:p w:rsidR="00156FB3" w:rsidRDefault="00156FB3" w:rsidP="00156FB3">
            <w:r>
              <w:t>.fa-globe-americas:before {</w:t>
            </w:r>
          </w:p>
          <w:p w:rsidR="00156FB3" w:rsidRDefault="00156FB3" w:rsidP="00156FB3">
            <w:r>
              <w:t xml:space="preserve">    content: "\f57d";</w:t>
            </w:r>
          </w:p>
          <w:p w:rsidR="00156FB3" w:rsidRDefault="00156FB3" w:rsidP="00156FB3">
            <w:r>
              <w:t>}</w:t>
            </w:r>
          </w:p>
          <w:p w:rsidR="00156FB3" w:rsidRDefault="00156FB3" w:rsidP="00156FB3"/>
          <w:p w:rsidR="00156FB3" w:rsidRDefault="00156FB3" w:rsidP="00156FB3">
            <w:r>
              <w:t>.fa-globe-asia:before {</w:t>
            </w:r>
          </w:p>
          <w:p w:rsidR="00156FB3" w:rsidRDefault="00156FB3" w:rsidP="00156FB3">
            <w:r>
              <w:t xml:space="preserve">    content: "\f57e";</w:t>
            </w:r>
          </w:p>
          <w:p w:rsidR="00156FB3" w:rsidRDefault="00156FB3" w:rsidP="00156FB3">
            <w:r>
              <w:t>}</w:t>
            </w:r>
          </w:p>
          <w:p w:rsidR="00156FB3" w:rsidRDefault="00156FB3" w:rsidP="00156FB3"/>
          <w:p w:rsidR="00156FB3" w:rsidRDefault="00156FB3" w:rsidP="00156FB3">
            <w:r>
              <w:t>.fa-globe-europe:before {</w:t>
            </w:r>
          </w:p>
          <w:p w:rsidR="00156FB3" w:rsidRDefault="00156FB3" w:rsidP="00156FB3">
            <w:r>
              <w:t xml:space="preserve">    content: "\f7a2";</w:t>
            </w:r>
          </w:p>
          <w:p w:rsidR="00156FB3" w:rsidRDefault="00156FB3" w:rsidP="00156FB3">
            <w:r>
              <w:t>}</w:t>
            </w:r>
          </w:p>
          <w:p w:rsidR="00156FB3" w:rsidRDefault="00156FB3" w:rsidP="00156FB3"/>
          <w:p w:rsidR="00156FB3" w:rsidRDefault="00156FB3" w:rsidP="00156FB3">
            <w:r>
              <w:t>.fa-gofore:before {</w:t>
            </w:r>
          </w:p>
          <w:p w:rsidR="00156FB3" w:rsidRDefault="00156FB3" w:rsidP="00156FB3">
            <w:r>
              <w:lastRenderedPageBreak/>
              <w:t xml:space="preserve">    content: "\f3a7";</w:t>
            </w:r>
          </w:p>
          <w:p w:rsidR="00156FB3" w:rsidRDefault="00156FB3" w:rsidP="00156FB3">
            <w:r>
              <w:t>}</w:t>
            </w:r>
          </w:p>
          <w:p w:rsidR="00156FB3" w:rsidRDefault="00156FB3" w:rsidP="00156FB3"/>
          <w:p w:rsidR="00156FB3" w:rsidRDefault="00156FB3" w:rsidP="00156FB3">
            <w:r>
              <w:t>.fa-golf-ball:before {</w:t>
            </w:r>
          </w:p>
          <w:p w:rsidR="00156FB3" w:rsidRDefault="00156FB3" w:rsidP="00156FB3">
            <w:r>
              <w:t xml:space="preserve">    content: "\f450";</w:t>
            </w:r>
          </w:p>
          <w:p w:rsidR="00156FB3" w:rsidRDefault="00156FB3" w:rsidP="00156FB3">
            <w:r>
              <w:t>}</w:t>
            </w:r>
          </w:p>
          <w:p w:rsidR="00156FB3" w:rsidRDefault="00156FB3" w:rsidP="00156FB3"/>
          <w:p w:rsidR="00156FB3" w:rsidRDefault="00156FB3" w:rsidP="00156FB3">
            <w:r>
              <w:t>.fa-goodreads:before {</w:t>
            </w:r>
          </w:p>
          <w:p w:rsidR="00156FB3" w:rsidRDefault="00156FB3" w:rsidP="00156FB3">
            <w:r>
              <w:t xml:space="preserve">    content: "\f3a8";</w:t>
            </w:r>
          </w:p>
          <w:p w:rsidR="00156FB3" w:rsidRDefault="00156FB3" w:rsidP="00156FB3">
            <w:r>
              <w:t>}</w:t>
            </w:r>
          </w:p>
          <w:p w:rsidR="00156FB3" w:rsidRDefault="00156FB3" w:rsidP="00156FB3"/>
          <w:p w:rsidR="00156FB3" w:rsidRDefault="00156FB3" w:rsidP="00156FB3">
            <w:r>
              <w:t>.fa-goodreads-g:before {</w:t>
            </w:r>
          </w:p>
          <w:p w:rsidR="00156FB3" w:rsidRDefault="00156FB3" w:rsidP="00156FB3">
            <w:r>
              <w:t xml:space="preserve">    content: "\f3a9";</w:t>
            </w:r>
          </w:p>
          <w:p w:rsidR="00156FB3" w:rsidRDefault="00156FB3" w:rsidP="00156FB3">
            <w:r>
              <w:t>}</w:t>
            </w:r>
          </w:p>
          <w:p w:rsidR="00156FB3" w:rsidRDefault="00156FB3" w:rsidP="00156FB3"/>
          <w:p w:rsidR="00156FB3" w:rsidRDefault="00156FB3" w:rsidP="00156FB3">
            <w:r>
              <w:t>.fa-google:before {</w:t>
            </w:r>
          </w:p>
          <w:p w:rsidR="00156FB3" w:rsidRDefault="00156FB3" w:rsidP="00156FB3">
            <w:r>
              <w:t xml:space="preserve">    content: "\f1a0";</w:t>
            </w:r>
          </w:p>
          <w:p w:rsidR="00156FB3" w:rsidRDefault="00156FB3" w:rsidP="00156FB3">
            <w:r>
              <w:t>}</w:t>
            </w:r>
          </w:p>
          <w:p w:rsidR="00156FB3" w:rsidRDefault="00156FB3" w:rsidP="00156FB3"/>
          <w:p w:rsidR="00156FB3" w:rsidRDefault="00156FB3" w:rsidP="00156FB3">
            <w:r>
              <w:t>.fa-google-drive:before {</w:t>
            </w:r>
          </w:p>
          <w:p w:rsidR="00156FB3" w:rsidRDefault="00156FB3" w:rsidP="00156FB3">
            <w:r>
              <w:t xml:space="preserve">    content: "\f3aa";</w:t>
            </w:r>
          </w:p>
          <w:p w:rsidR="00156FB3" w:rsidRDefault="00156FB3" w:rsidP="00156FB3">
            <w:r>
              <w:t>}</w:t>
            </w:r>
          </w:p>
          <w:p w:rsidR="00156FB3" w:rsidRDefault="00156FB3" w:rsidP="00156FB3"/>
          <w:p w:rsidR="00156FB3" w:rsidRDefault="00156FB3" w:rsidP="00156FB3">
            <w:r>
              <w:t>.fa-google-play:before {</w:t>
            </w:r>
          </w:p>
          <w:p w:rsidR="00156FB3" w:rsidRDefault="00156FB3" w:rsidP="00156FB3">
            <w:r>
              <w:t xml:space="preserve">    content: "\f3ab";</w:t>
            </w:r>
          </w:p>
          <w:p w:rsidR="00156FB3" w:rsidRDefault="00156FB3" w:rsidP="00156FB3">
            <w:r>
              <w:t>}</w:t>
            </w:r>
          </w:p>
          <w:p w:rsidR="00156FB3" w:rsidRDefault="00156FB3" w:rsidP="00156FB3"/>
          <w:p w:rsidR="00156FB3" w:rsidRDefault="00156FB3" w:rsidP="00156FB3">
            <w:r>
              <w:t>.fa-google-plus:before {</w:t>
            </w:r>
          </w:p>
          <w:p w:rsidR="00156FB3" w:rsidRDefault="00156FB3" w:rsidP="00156FB3">
            <w:r>
              <w:t xml:space="preserve">    content: "\f2b3";</w:t>
            </w:r>
          </w:p>
          <w:p w:rsidR="00156FB3" w:rsidRDefault="00156FB3" w:rsidP="00156FB3">
            <w:r>
              <w:t>}</w:t>
            </w:r>
          </w:p>
          <w:p w:rsidR="00156FB3" w:rsidRDefault="00156FB3" w:rsidP="00156FB3"/>
          <w:p w:rsidR="00156FB3" w:rsidRDefault="00156FB3" w:rsidP="00156FB3">
            <w:r>
              <w:t>.fa-google-plus-g:before {</w:t>
            </w:r>
          </w:p>
          <w:p w:rsidR="00156FB3" w:rsidRDefault="00156FB3" w:rsidP="00156FB3">
            <w:r>
              <w:t xml:space="preserve">    content: "\f0d5";</w:t>
            </w:r>
          </w:p>
          <w:p w:rsidR="00156FB3" w:rsidRDefault="00156FB3" w:rsidP="00156FB3">
            <w:r>
              <w:t>}</w:t>
            </w:r>
          </w:p>
          <w:p w:rsidR="00156FB3" w:rsidRDefault="00156FB3" w:rsidP="00156FB3"/>
          <w:p w:rsidR="00156FB3" w:rsidRDefault="00156FB3" w:rsidP="00156FB3">
            <w:r>
              <w:t>.fa-google-plus-square:before {</w:t>
            </w:r>
          </w:p>
          <w:p w:rsidR="00156FB3" w:rsidRDefault="00156FB3" w:rsidP="00156FB3">
            <w:r>
              <w:t xml:space="preserve">    content: "\f0d4";</w:t>
            </w:r>
          </w:p>
          <w:p w:rsidR="00156FB3" w:rsidRDefault="00156FB3" w:rsidP="00156FB3">
            <w:r>
              <w:t>}</w:t>
            </w:r>
          </w:p>
          <w:p w:rsidR="00156FB3" w:rsidRDefault="00156FB3" w:rsidP="00156FB3"/>
          <w:p w:rsidR="00156FB3" w:rsidRDefault="00156FB3" w:rsidP="00156FB3">
            <w:r>
              <w:t>.fa-google-wallet:before {</w:t>
            </w:r>
          </w:p>
          <w:p w:rsidR="00156FB3" w:rsidRDefault="00156FB3" w:rsidP="00156FB3">
            <w:r>
              <w:t xml:space="preserve">    content: "\f1ee";</w:t>
            </w:r>
          </w:p>
          <w:p w:rsidR="00156FB3" w:rsidRDefault="00156FB3" w:rsidP="00156FB3">
            <w:r>
              <w:t>}</w:t>
            </w:r>
          </w:p>
          <w:p w:rsidR="00156FB3" w:rsidRDefault="00156FB3" w:rsidP="00156FB3"/>
          <w:p w:rsidR="00156FB3" w:rsidRDefault="00156FB3" w:rsidP="00156FB3">
            <w:r>
              <w:t>.fa-gopuram:before {</w:t>
            </w:r>
          </w:p>
          <w:p w:rsidR="00156FB3" w:rsidRDefault="00156FB3" w:rsidP="00156FB3">
            <w:r>
              <w:t xml:space="preserve">    content: "\f664";</w:t>
            </w:r>
          </w:p>
          <w:p w:rsidR="00156FB3" w:rsidRDefault="00156FB3" w:rsidP="00156FB3">
            <w:r>
              <w:t>}</w:t>
            </w:r>
          </w:p>
          <w:p w:rsidR="00156FB3" w:rsidRDefault="00156FB3" w:rsidP="00156FB3"/>
          <w:p w:rsidR="00156FB3" w:rsidRDefault="00156FB3" w:rsidP="00156FB3">
            <w:r>
              <w:t>.fa-graduation-cap:before {</w:t>
            </w:r>
          </w:p>
          <w:p w:rsidR="00156FB3" w:rsidRDefault="00156FB3" w:rsidP="00156FB3">
            <w:r>
              <w:lastRenderedPageBreak/>
              <w:t xml:space="preserve">    content: "\f19d";</w:t>
            </w:r>
          </w:p>
          <w:p w:rsidR="00156FB3" w:rsidRDefault="00156FB3" w:rsidP="00156FB3">
            <w:r>
              <w:t>}</w:t>
            </w:r>
          </w:p>
          <w:p w:rsidR="00156FB3" w:rsidRDefault="00156FB3" w:rsidP="00156FB3"/>
          <w:p w:rsidR="00156FB3" w:rsidRDefault="00156FB3" w:rsidP="00156FB3">
            <w:r>
              <w:t>.fa-gratipay:before {</w:t>
            </w:r>
          </w:p>
          <w:p w:rsidR="00156FB3" w:rsidRDefault="00156FB3" w:rsidP="00156FB3">
            <w:r>
              <w:t xml:space="preserve">    content: "\f184";</w:t>
            </w:r>
          </w:p>
          <w:p w:rsidR="00156FB3" w:rsidRDefault="00156FB3" w:rsidP="00156FB3">
            <w:r>
              <w:t>}</w:t>
            </w:r>
          </w:p>
          <w:p w:rsidR="00156FB3" w:rsidRDefault="00156FB3" w:rsidP="00156FB3"/>
          <w:p w:rsidR="00156FB3" w:rsidRDefault="00156FB3" w:rsidP="00156FB3">
            <w:r>
              <w:t>.fa-grav:before {</w:t>
            </w:r>
          </w:p>
          <w:p w:rsidR="00156FB3" w:rsidRDefault="00156FB3" w:rsidP="00156FB3">
            <w:r>
              <w:t xml:space="preserve">    content: "\f2d6";</w:t>
            </w:r>
          </w:p>
          <w:p w:rsidR="00156FB3" w:rsidRDefault="00156FB3" w:rsidP="00156FB3">
            <w:r>
              <w:t>}</w:t>
            </w:r>
          </w:p>
          <w:p w:rsidR="00156FB3" w:rsidRDefault="00156FB3" w:rsidP="00156FB3"/>
          <w:p w:rsidR="00156FB3" w:rsidRDefault="00156FB3" w:rsidP="00156FB3">
            <w:r>
              <w:t>.fa-greater-than:before {</w:t>
            </w:r>
          </w:p>
          <w:p w:rsidR="00156FB3" w:rsidRDefault="00156FB3" w:rsidP="00156FB3">
            <w:r>
              <w:t xml:space="preserve">    content: "\f531";</w:t>
            </w:r>
          </w:p>
          <w:p w:rsidR="00156FB3" w:rsidRDefault="00156FB3" w:rsidP="00156FB3">
            <w:r>
              <w:t>}</w:t>
            </w:r>
          </w:p>
          <w:p w:rsidR="00156FB3" w:rsidRDefault="00156FB3" w:rsidP="00156FB3"/>
          <w:p w:rsidR="00156FB3" w:rsidRDefault="00156FB3" w:rsidP="00156FB3">
            <w:r>
              <w:t>.fa-greater-than-equal:before {</w:t>
            </w:r>
          </w:p>
          <w:p w:rsidR="00156FB3" w:rsidRDefault="00156FB3" w:rsidP="00156FB3">
            <w:r>
              <w:t xml:space="preserve">    content: "\f532";</w:t>
            </w:r>
          </w:p>
          <w:p w:rsidR="00156FB3" w:rsidRDefault="00156FB3" w:rsidP="00156FB3">
            <w:r>
              <w:t>}</w:t>
            </w:r>
          </w:p>
          <w:p w:rsidR="00156FB3" w:rsidRDefault="00156FB3" w:rsidP="00156FB3"/>
          <w:p w:rsidR="00156FB3" w:rsidRDefault="00156FB3" w:rsidP="00156FB3">
            <w:r>
              <w:t>.fa-grimace:before {</w:t>
            </w:r>
          </w:p>
          <w:p w:rsidR="00156FB3" w:rsidRDefault="00156FB3" w:rsidP="00156FB3">
            <w:r>
              <w:t xml:space="preserve">    content: "\f57f";</w:t>
            </w:r>
          </w:p>
          <w:p w:rsidR="00156FB3" w:rsidRDefault="00156FB3" w:rsidP="00156FB3">
            <w:r>
              <w:t>}</w:t>
            </w:r>
          </w:p>
          <w:p w:rsidR="00156FB3" w:rsidRDefault="00156FB3" w:rsidP="00156FB3"/>
          <w:p w:rsidR="00156FB3" w:rsidRDefault="00156FB3" w:rsidP="00156FB3">
            <w:r>
              <w:t>.fa-grin:before {</w:t>
            </w:r>
          </w:p>
          <w:p w:rsidR="00156FB3" w:rsidRDefault="00156FB3" w:rsidP="00156FB3">
            <w:r>
              <w:t xml:space="preserve">    content: "\f580";</w:t>
            </w:r>
          </w:p>
          <w:p w:rsidR="00156FB3" w:rsidRDefault="00156FB3" w:rsidP="00156FB3">
            <w:r>
              <w:t>}</w:t>
            </w:r>
          </w:p>
          <w:p w:rsidR="00156FB3" w:rsidRDefault="00156FB3" w:rsidP="00156FB3"/>
          <w:p w:rsidR="00156FB3" w:rsidRDefault="00156FB3" w:rsidP="00156FB3">
            <w:r>
              <w:t>.fa-grin-alt:before {</w:t>
            </w:r>
          </w:p>
          <w:p w:rsidR="00156FB3" w:rsidRDefault="00156FB3" w:rsidP="00156FB3">
            <w:r>
              <w:t xml:space="preserve">    content: "\f581";</w:t>
            </w:r>
          </w:p>
          <w:p w:rsidR="00156FB3" w:rsidRDefault="00156FB3" w:rsidP="00156FB3">
            <w:r>
              <w:t>}</w:t>
            </w:r>
          </w:p>
          <w:p w:rsidR="00156FB3" w:rsidRDefault="00156FB3" w:rsidP="00156FB3"/>
          <w:p w:rsidR="00156FB3" w:rsidRDefault="00156FB3" w:rsidP="00156FB3">
            <w:r>
              <w:t>.fa-grin-beam:before {</w:t>
            </w:r>
          </w:p>
          <w:p w:rsidR="00156FB3" w:rsidRDefault="00156FB3" w:rsidP="00156FB3">
            <w:r>
              <w:t xml:space="preserve">    content: "\f582";</w:t>
            </w:r>
          </w:p>
          <w:p w:rsidR="00156FB3" w:rsidRDefault="00156FB3" w:rsidP="00156FB3">
            <w:r>
              <w:t>}</w:t>
            </w:r>
          </w:p>
          <w:p w:rsidR="00156FB3" w:rsidRDefault="00156FB3" w:rsidP="00156FB3"/>
          <w:p w:rsidR="00156FB3" w:rsidRDefault="00156FB3" w:rsidP="00156FB3">
            <w:r>
              <w:t>.fa-grin-beam-sweat:before {</w:t>
            </w:r>
          </w:p>
          <w:p w:rsidR="00156FB3" w:rsidRDefault="00156FB3" w:rsidP="00156FB3">
            <w:r>
              <w:t xml:space="preserve">    content: "\f583";</w:t>
            </w:r>
          </w:p>
          <w:p w:rsidR="00156FB3" w:rsidRDefault="00156FB3" w:rsidP="00156FB3">
            <w:r>
              <w:t>}</w:t>
            </w:r>
          </w:p>
          <w:p w:rsidR="00156FB3" w:rsidRDefault="00156FB3" w:rsidP="00156FB3"/>
          <w:p w:rsidR="00156FB3" w:rsidRDefault="00156FB3" w:rsidP="00156FB3">
            <w:r>
              <w:t>.fa-grin-hearts:before {</w:t>
            </w:r>
          </w:p>
          <w:p w:rsidR="00156FB3" w:rsidRDefault="00156FB3" w:rsidP="00156FB3">
            <w:r>
              <w:t xml:space="preserve">    content: "\f584";</w:t>
            </w:r>
          </w:p>
          <w:p w:rsidR="00156FB3" w:rsidRDefault="00156FB3" w:rsidP="00156FB3">
            <w:r>
              <w:t>}</w:t>
            </w:r>
          </w:p>
          <w:p w:rsidR="00156FB3" w:rsidRDefault="00156FB3" w:rsidP="00156FB3"/>
          <w:p w:rsidR="00156FB3" w:rsidRDefault="00156FB3" w:rsidP="00156FB3">
            <w:r>
              <w:t>.fa-grin-squint:before {</w:t>
            </w:r>
          </w:p>
          <w:p w:rsidR="00156FB3" w:rsidRDefault="00156FB3" w:rsidP="00156FB3">
            <w:r>
              <w:t xml:space="preserve">    content: "\f585";</w:t>
            </w:r>
          </w:p>
          <w:p w:rsidR="00156FB3" w:rsidRDefault="00156FB3" w:rsidP="00156FB3">
            <w:r>
              <w:t>}</w:t>
            </w:r>
          </w:p>
          <w:p w:rsidR="00156FB3" w:rsidRDefault="00156FB3" w:rsidP="00156FB3"/>
          <w:p w:rsidR="00156FB3" w:rsidRDefault="00156FB3" w:rsidP="00156FB3">
            <w:r>
              <w:t>.fa-grin-squint-tears:before {</w:t>
            </w:r>
          </w:p>
          <w:p w:rsidR="00156FB3" w:rsidRDefault="00156FB3" w:rsidP="00156FB3">
            <w:r>
              <w:lastRenderedPageBreak/>
              <w:t xml:space="preserve">    content: "\f586";</w:t>
            </w:r>
          </w:p>
          <w:p w:rsidR="00156FB3" w:rsidRDefault="00156FB3" w:rsidP="00156FB3">
            <w:r>
              <w:t>}</w:t>
            </w:r>
          </w:p>
          <w:p w:rsidR="00156FB3" w:rsidRDefault="00156FB3" w:rsidP="00156FB3"/>
          <w:p w:rsidR="00156FB3" w:rsidRDefault="00156FB3" w:rsidP="00156FB3">
            <w:r>
              <w:t>.fa-grin-stars:before {</w:t>
            </w:r>
          </w:p>
          <w:p w:rsidR="00156FB3" w:rsidRDefault="00156FB3" w:rsidP="00156FB3">
            <w:r>
              <w:t xml:space="preserve">    content: "\f587";</w:t>
            </w:r>
          </w:p>
          <w:p w:rsidR="00156FB3" w:rsidRDefault="00156FB3" w:rsidP="00156FB3">
            <w:r>
              <w:t>}</w:t>
            </w:r>
          </w:p>
          <w:p w:rsidR="00156FB3" w:rsidRDefault="00156FB3" w:rsidP="00156FB3"/>
          <w:p w:rsidR="00156FB3" w:rsidRDefault="00156FB3" w:rsidP="00156FB3">
            <w:r>
              <w:t>.fa-grin-tears:before {</w:t>
            </w:r>
          </w:p>
          <w:p w:rsidR="00156FB3" w:rsidRDefault="00156FB3" w:rsidP="00156FB3">
            <w:r>
              <w:t xml:space="preserve">    content: "\f588";</w:t>
            </w:r>
          </w:p>
          <w:p w:rsidR="00156FB3" w:rsidRDefault="00156FB3" w:rsidP="00156FB3">
            <w:r>
              <w:t>}</w:t>
            </w:r>
          </w:p>
          <w:p w:rsidR="00156FB3" w:rsidRDefault="00156FB3" w:rsidP="00156FB3"/>
          <w:p w:rsidR="00156FB3" w:rsidRDefault="00156FB3" w:rsidP="00156FB3">
            <w:r>
              <w:t>.fa-grin-tongue:before {</w:t>
            </w:r>
          </w:p>
          <w:p w:rsidR="00156FB3" w:rsidRDefault="00156FB3" w:rsidP="00156FB3">
            <w:r>
              <w:t xml:space="preserve">    content: "\f589";</w:t>
            </w:r>
          </w:p>
          <w:p w:rsidR="00156FB3" w:rsidRDefault="00156FB3" w:rsidP="00156FB3">
            <w:r>
              <w:t>}</w:t>
            </w:r>
          </w:p>
          <w:p w:rsidR="00156FB3" w:rsidRDefault="00156FB3" w:rsidP="00156FB3"/>
          <w:p w:rsidR="00156FB3" w:rsidRDefault="00156FB3" w:rsidP="00156FB3">
            <w:r>
              <w:t>.fa-grin-tongue-squint:before {</w:t>
            </w:r>
          </w:p>
          <w:p w:rsidR="00156FB3" w:rsidRDefault="00156FB3" w:rsidP="00156FB3">
            <w:r>
              <w:t xml:space="preserve">    content: "\f58a";</w:t>
            </w:r>
          </w:p>
          <w:p w:rsidR="00156FB3" w:rsidRDefault="00156FB3" w:rsidP="00156FB3">
            <w:r>
              <w:t>}</w:t>
            </w:r>
          </w:p>
          <w:p w:rsidR="00156FB3" w:rsidRDefault="00156FB3" w:rsidP="00156FB3"/>
          <w:p w:rsidR="00156FB3" w:rsidRDefault="00156FB3" w:rsidP="00156FB3">
            <w:r>
              <w:t>.fa-grin-tongue-wink:before {</w:t>
            </w:r>
          </w:p>
          <w:p w:rsidR="00156FB3" w:rsidRDefault="00156FB3" w:rsidP="00156FB3">
            <w:r>
              <w:t xml:space="preserve">    content: "\f58b";</w:t>
            </w:r>
          </w:p>
          <w:p w:rsidR="00156FB3" w:rsidRDefault="00156FB3" w:rsidP="00156FB3">
            <w:r>
              <w:t>}</w:t>
            </w:r>
          </w:p>
          <w:p w:rsidR="00156FB3" w:rsidRDefault="00156FB3" w:rsidP="00156FB3"/>
          <w:p w:rsidR="00156FB3" w:rsidRDefault="00156FB3" w:rsidP="00156FB3">
            <w:r>
              <w:t>.fa-grin-wink:before {</w:t>
            </w:r>
          </w:p>
          <w:p w:rsidR="00156FB3" w:rsidRDefault="00156FB3" w:rsidP="00156FB3">
            <w:r>
              <w:t xml:space="preserve">    content: "\f58c";</w:t>
            </w:r>
          </w:p>
          <w:p w:rsidR="00156FB3" w:rsidRDefault="00156FB3" w:rsidP="00156FB3">
            <w:r>
              <w:t>}</w:t>
            </w:r>
          </w:p>
          <w:p w:rsidR="00156FB3" w:rsidRDefault="00156FB3" w:rsidP="00156FB3"/>
          <w:p w:rsidR="00156FB3" w:rsidRDefault="00156FB3" w:rsidP="00156FB3">
            <w:r>
              <w:t>.fa-grip-horizontal:before {</w:t>
            </w:r>
          </w:p>
          <w:p w:rsidR="00156FB3" w:rsidRDefault="00156FB3" w:rsidP="00156FB3">
            <w:r>
              <w:t xml:space="preserve">    content: "\f58d";</w:t>
            </w:r>
          </w:p>
          <w:p w:rsidR="00156FB3" w:rsidRDefault="00156FB3" w:rsidP="00156FB3">
            <w:r>
              <w:t>}</w:t>
            </w:r>
          </w:p>
          <w:p w:rsidR="00156FB3" w:rsidRDefault="00156FB3" w:rsidP="00156FB3"/>
          <w:p w:rsidR="00156FB3" w:rsidRDefault="00156FB3" w:rsidP="00156FB3">
            <w:r>
              <w:t>.fa-grip-lines:before {</w:t>
            </w:r>
          </w:p>
          <w:p w:rsidR="00156FB3" w:rsidRDefault="00156FB3" w:rsidP="00156FB3">
            <w:r>
              <w:t xml:space="preserve">    content: "\f7a4";</w:t>
            </w:r>
          </w:p>
          <w:p w:rsidR="00156FB3" w:rsidRDefault="00156FB3" w:rsidP="00156FB3">
            <w:r>
              <w:t>}</w:t>
            </w:r>
          </w:p>
          <w:p w:rsidR="00156FB3" w:rsidRDefault="00156FB3" w:rsidP="00156FB3"/>
          <w:p w:rsidR="00156FB3" w:rsidRDefault="00156FB3" w:rsidP="00156FB3">
            <w:r>
              <w:t>.fa-grip-lines-vertical:before {</w:t>
            </w:r>
          </w:p>
          <w:p w:rsidR="00156FB3" w:rsidRDefault="00156FB3" w:rsidP="00156FB3">
            <w:r>
              <w:t xml:space="preserve">    content: "\f7a5";</w:t>
            </w:r>
          </w:p>
          <w:p w:rsidR="00156FB3" w:rsidRDefault="00156FB3" w:rsidP="00156FB3">
            <w:r>
              <w:t>}</w:t>
            </w:r>
          </w:p>
          <w:p w:rsidR="00156FB3" w:rsidRDefault="00156FB3" w:rsidP="00156FB3"/>
          <w:p w:rsidR="00156FB3" w:rsidRDefault="00156FB3" w:rsidP="00156FB3">
            <w:r>
              <w:t>.fa-grip-vertical:before {</w:t>
            </w:r>
          </w:p>
          <w:p w:rsidR="00156FB3" w:rsidRDefault="00156FB3" w:rsidP="00156FB3">
            <w:r>
              <w:t xml:space="preserve">    content: "\f58e";</w:t>
            </w:r>
          </w:p>
          <w:p w:rsidR="00156FB3" w:rsidRDefault="00156FB3" w:rsidP="00156FB3">
            <w:r>
              <w:t>}</w:t>
            </w:r>
          </w:p>
          <w:p w:rsidR="00156FB3" w:rsidRDefault="00156FB3" w:rsidP="00156FB3"/>
          <w:p w:rsidR="00156FB3" w:rsidRDefault="00156FB3" w:rsidP="00156FB3">
            <w:r>
              <w:t>.fa-gripfire:before {</w:t>
            </w:r>
          </w:p>
          <w:p w:rsidR="00156FB3" w:rsidRDefault="00156FB3" w:rsidP="00156FB3">
            <w:r>
              <w:t xml:space="preserve">    content: "\f3ac";</w:t>
            </w:r>
          </w:p>
          <w:p w:rsidR="00156FB3" w:rsidRDefault="00156FB3" w:rsidP="00156FB3">
            <w:r>
              <w:t>}</w:t>
            </w:r>
          </w:p>
          <w:p w:rsidR="00156FB3" w:rsidRDefault="00156FB3" w:rsidP="00156FB3"/>
          <w:p w:rsidR="00156FB3" w:rsidRDefault="00156FB3" w:rsidP="00156FB3">
            <w:r>
              <w:t>.fa-grunt:before {</w:t>
            </w:r>
          </w:p>
          <w:p w:rsidR="00156FB3" w:rsidRDefault="00156FB3" w:rsidP="00156FB3">
            <w:r>
              <w:lastRenderedPageBreak/>
              <w:t xml:space="preserve">    content: "\f3ad";</w:t>
            </w:r>
          </w:p>
          <w:p w:rsidR="00156FB3" w:rsidRDefault="00156FB3" w:rsidP="00156FB3">
            <w:r>
              <w:t>}</w:t>
            </w:r>
          </w:p>
          <w:p w:rsidR="00156FB3" w:rsidRDefault="00156FB3" w:rsidP="00156FB3"/>
          <w:p w:rsidR="00156FB3" w:rsidRDefault="00156FB3" w:rsidP="00156FB3">
            <w:r>
              <w:t>.fa-guitar:before {</w:t>
            </w:r>
          </w:p>
          <w:p w:rsidR="00156FB3" w:rsidRDefault="00156FB3" w:rsidP="00156FB3">
            <w:r>
              <w:t xml:space="preserve">    content: "\f7a6";</w:t>
            </w:r>
          </w:p>
          <w:p w:rsidR="00156FB3" w:rsidRDefault="00156FB3" w:rsidP="00156FB3">
            <w:r>
              <w:t>}</w:t>
            </w:r>
          </w:p>
          <w:p w:rsidR="00156FB3" w:rsidRDefault="00156FB3" w:rsidP="00156FB3"/>
          <w:p w:rsidR="00156FB3" w:rsidRDefault="00156FB3" w:rsidP="00156FB3">
            <w:r>
              <w:t>.fa-gulp:before {</w:t>
            </w:r>
          </w:p>
          <w:p w:rsidR="00156FB3" w:rsidRDefault="00156FB3" w:rsidP="00156FB3">
            <w:r>
              <w:t xml:space="preserve">    content: "\f3ae";</w:t>
            </w:r>
          </w:p>
          <w:p w:rsidR="00156FB3" w:rsidRDefault="00156FB3" w:rsidP="00156FB3">
            <w:r>
              <w:t>}</w:t>
            </w:r>
          </w:p>
          <w:p w:rsidR="00156FB3" w:rsidRDefault="00156FB3" w:rsidP="00156FB3"/>
          <w:p w:rsidR="00156FB3" w:rsidRDefault="00156FB3" w:rsidP="00156FB3">
            <w:r>
              <w:t>.fa-h-square:before {</w:t>
            </w:r>
          </w:p>
          <w:p w:rsidR="00156FB3" w:rsidRDefault="00156FB3" w:rsidP="00156FB3">
            <w:r>
              <w:t xml:space="preserve">    content: "\f0fd";</w:t>
            </w:r>
          </w:p>
          <w:p w:rsidR="00156FB3" w:rsidRDefault="00156FB3" w:rsidP="00156FB3">
            <w:r>
              <w:t>}</w:t>
            </w:r>
          </w:p>
          <w:p w:rsidR="00156FB3" w:rsidRDefault="00156FB3" w:rsidP="00156FB3"/>
          <w:p w:rsidR="00156FB3" w:rsidRDefault="00156FB3" w:rsidP="00156FB3">
            <w:r>
              <w:t>.fa-hacker-news:before {</w:t>
            </w:r>
          </w:p>
          <w:p w:rsidR="00156FB3" w:rsidRDefault="00156FB3" w:rsidP="00156FB3">
            <w:r>
              <w:t xml:space="preserve">    content: "\f1d4";</w:t>
            </w:r>
          </w:p>
          <w:p w:rsidR="00156FB3" w:rsidRDefault="00156FB3" w:rsidP="00156FB3">
            <w:r>
              <w:t>}</w:t>
            </w:r>
          </w:p>
          <w:p w:rsidR="00156FB3" w:rsidRDefault="00156FB3" w:rsidP="00156FB3"/>
          <w:p w:rsidR="00156FB3" w:rsidRDefault="00156FB3" w:rsidP="00156FB3">
            <w:r>
              <w:t>.fa-hacker-news-square:before {</w:t>
            </w:r>
          </w:p>
          <w:p w:rsidR="00156FB3" w:rsidRDefault="00156FB3" w:rsidP="00156FB3">
            <w:r>
              <w:t xml:space="preserve">    content: "\f3af";</w:t>
            </w:r>
          </w:p>
          <w:p w:rsidR="00156FB3" w:rsidRDefault="00156FB3" w:rsidP="00156FB3">
            <w:r>
              <w:t>}</w:t>
            </w:r>
          </w:p>
          <w:p w:rsidR="00156FB3" w:rsidRDefault="00156FB3" w:rsidP="00156FB3"/>
          <w:p w:rsidR="00156FB3" w:rsidRDefault="00156FB3" w:rsidP="00156FB3">
            <w:r>
              <w:t>.fa-hackerrank:before {</w:t>
            </w:r>
          </w:p>
          <w:p w:rsidR="00156FB3" w:rsidRDefault="00156FB3" w:rsidP="00156FB3">
            <w:r>
              <w:t xml:space="preserve">    content: "\f5f7";</w:t>
            </w:r>
          </w:p>
          <w:p w:rsidR="00156FB3" w:rsidRDefault="00156FB3" w:rsidP="00156FB3">
            <w:r>
              <w:t>}</w:t>
            </w:r>
          </w:p>
          <w:p w:rsidR="00156FB3" w:rsidRDefault="00156FB3" w:rsidP="00156FB3"/>
          <w:p w:rsidR="00156FB3" w:rsidRDefault="00156FB3" w:rsidP="00156FB3">
            <w:r>
              <w:t>.fa-hamburger:before {</w:t>
            </w:r>
          </w:p>
          <w:p w:rsidR="00156FB3" w:rsidRDefault="00156FB3" w:rsidP="00156FB3">
            <w:r>
              <w:t xml:space="preserve">    content: "\f805";</w:t>
            </w:r>
          </w:p>
          <w:p w:rsidR="00156FB3" w:rsidRDefault="00156FB3" w:rsidP="00156FB3">
            <w:r>
              <w:t>}</w:t>
            </w:r>
          </w:p>
          <w:p w:rsidR="00156FB3" w:rsidRDefault="00156FB3" w:rsidP="00156FB3"/>
          <w:p w:rsidR="00156FB3" w:rsidRDefault="00156FB3" w:rsidP="00156FB3">
            <w:r>
              <w:t>.fa-hammer:before {</w:t>
            </w:r>
          </w:p>
          <w:p w:rsidR="00156FB3" w:rsidRDefault="00156FB3" w:rsidP="00156FB3">
            <w:r>
              <w:t xml:space="preserve">    content: "\f6e3";</w:t>
            </w:r>
          </w:p>
          <w:p w:rsidR="00156FB3" w:rsidRDefault="00156FB3" w:rsidP="00156FB3">
            <w:r>
              <w:t>}</w:t>
            </w:r>
          </w:p>
          <w:p w:rsidR="00156FB3" w:rsidRDefault="00156FB3" w:rsidP="00156FB3"/>
          <w:p w:rsidR="00156FB3" w:rsidRDefault="00156FB3" w:rsidP="00156FB3">
            <w:r>
              <w:t>.fa-hamsa:before {</w:t>
            </w:r>
          </w:p>
          <w:p w:rsidR="00156FB3" w:rsidRDefault="00156FB3" w:rsidP="00156FB3">
            <w:r>
              <w:t xml:space="preserve">    content: "\f665";</w:t>
            </w:r>
          </w:p>
          <w:p w:rsidR="00156FB3" w:rsidRDefault="00156FB3" w:rsidP="00156FB3">
            <w:r>
              <w:t>}</w:t>
            </w:r>
          </w:p>
          <w:p w:rsidR="00156FB3" w:rsidRDefault="00156FB3" w:rsidP="00156FB3"/>
          <w:p w:rsidR="00156FB3" w:rsidRDefault="00156FB3" w:rsidP="00156FB3">
            <w:r>
              <w:t>.fa-hand-holding:before {</w:t>
            </w:r>
          </w:p>
          <w:p w:rsidR="00156FB3" w:rsidRDefault="00156FB3" w:rsidP="00156FB3">
            <w:r>
              <w:t xml:space="preserve">    content: "\f4bd";</w:t>
            </w:r>
          </w:p>
          <w:p w:rsidR="00156FB3" w:rsidRDefault="00156FB3" w:rsidP="00156FB3">
            <w:r>
              <w:t>}</w:t>
            </w:r>
          </w:p>
          <w:p w:rsidR="00156FB3" w:rsidRDefault="00156FB3" w:rsidP="00156FB3"/>
          <w:p w:rsidR="00156FB3" w:rsidRDefault="00156FB3" w:rsidP="00156FB3">
            <w:r>
              <w:t>.fa-hand-holding-heart:before {</w:t>
            </w:r>
          </w:p>
          <w:p w:rsidR="00156FB3" w:rsidRDefault="00156FB3" w:rsidP="00156FB3">
            <w:r>
              <w:t xml:space="preserve">    content: "\f4be";</w:t>
            </w:r>
          </w:p>
          <w:p w:rsidR="00156FB3" w:rsidRDefault="00156FB3" w:rsidP="00156FB3">
            <w:r>
              <w:t>}</w:t>
            </w:r>
          </w:p>
          <w:p w:rsidR="00156FB3" w:rsidRDefault="00156FB3" w:rsidP="00156FB3"/>
          <w:p w:rsidR="00156FB3" w:rsidRDefault="00156FB3" w:rsidP="00156FB3">
            <w:r>
              <w:t>.fa-hand-holding-medical:before {</w:t>
            </w:r>
          </w:p>
          <w:p w:rsidR="00156FB3" w:rsidRDefault="00156FB3" w:rsidP="00156FB3">
            <w:r>
              <w:lastRenderedPageBreak/>
              <w:t xml:space="preserve">    content: "\f95c";</w:t>
            </w:r>
          </w:p>
          <w:p w:rsidR="00156FB3" w:rsidRDefault="00156FB3" w:rsidP="00156FB3">
            <w:r>
              <w:t>}</w:t>
            </w:r>
          </w:p>
          <w:p w:rsidR="00156FB3" w:rsidRDefault="00156FB3" w:rsidP="00156FB3"/>
          <w:p w:rsidR="00156FB3" w:rsidRDefault="00156FB3" w:rsidP="00156FB3">
            <w:r>
              <w:t>.fa-hand-holding-usd:before {</w:t>
            </w:r>
          </w:p>
          <w:p w:rsidR="00156FB3" w:rsidRDefault="00156FB3" w:rsidP="00156FB3">
            <w:r>
              <w:t xml:space="preserve">    content: "\f4c0";</w:t>
            </w:r>
          </w:p>
          <w:p w:rsidR="00156FB3" w:rsidRDefault="00156FB3" w:rsidP="00156FB3">
            <w:r>
              <w:t>}</w:t>
            </w:r>
          </w:p>
          <w:p w:rsidR="00156FB3" w:rsidRDefault="00156FB3" w:rsidP="00156FB3"/>
          <w:p w:rsidR="00156FB3" w:rsidRDefault="00156FB3" w:rsidP="00156FB3">
            <w:r>
              <w:t>.fa-hand-holding-water:before {</w:t>
            </w:r>
          </w:p>
          <w:p w:rsidR="00156FB3" w:rsidRDefault="00156FB3" w:rsidP="00156FB3">
            <w:r>
              <w:t xml:space="preserve">    content: "\f4c1";</w:t>
            </w:r>
          </w:p>
          <w:p w:rsidR="00156FB3" w:rsidRDefault="00156FB3" w:rsidP="00156FB3">
            <w:r>
              <w:t>}</w:t>
            </w:r>
          </w:p>
          <w:p w:rsidR="00156FB3" w:rsidRDefault="00156FB3" w:rsidP="00156FB3"/>
          <w:p w:rsidR="00156FB3" w:rsidRDefault="00156FB3" w:rsidP="00156FB3">
            <w:r>
              <w:t>.fa-hand-lizard:before {</w:t>
            </w:r>
          </w:p>
          <w:p w:rsidR="00156FB3" w:rsidRDefault="00156FB3" w:rsidP="00156FB3">
            <w:r>
              <w:t xml:space="preserve">    content: "\f258";</w:t>
            </w:r>
          </w:p>
          <w:p w:rsidR="00156FB3" w:rsidRDefault="00156FB3" w:rsidP="00156FB3">
            <w:r>
              <w:t>}</w:t>
            </w:r>
          </w:p>
          <w:p w:rsidR="00156FB3" w:rsidRDefault="00156FB3" w:rsidP="00156FB3"/>
          <w:p w:rsidR="00156FB3" w:rsidRDefault="00156FB3" w:rsidP="00156FB3">
            <w:r>
              <w:t>.fa-hand-middle-finger:before {</w:t>
            </w:r>
          </w:p>
          <w:p w:rsidR="00156FB3" w:rsidRDefault="00156FB3" w:rsidP="00156FB3">
            <w:r>
              <w:t xml:space="preserve">    content: "\f806";</w:t>
            </w:r>
          </w:p>
          <w:p w:rsidR="00156FB3" w:rsidRDefault="00156FB3" w:rsidP="00156FB3">
            <w:r>
              <w:t>}</w:t>
            </w:r>
          </w:p>
          <w:p w:rsidR="00156FB3" w:rsidRDefault="00156FB3" w:rsidP="00156FB3"/>
          <w:p w:rsidR="00156FB3" w:rsidRDefault="00156FB3" w:rsidP="00156FB3">
            <w:r>
              <w:t>.fa-hand-paper:before {</w:t>
            </w:r>
          </w:p>
          <w:p w:rsidR="00156FB3" w:rsidRDefault="00156FB3" w:rsidP="00156FB3">
            <w:r>
              <w:t xml:space="preserve">    content: "\f256";</w:t>
            </w:r>
          </w:p>
          <w:p w:rsidR="00156FB3" w:rsidRDefault="00156FB3" w:rsidP="00156FB3">
            <w:r>
              <w:t>}</w:t>
            </w:r>
          </w:p>
          <w:p w:rsidR="00156FB3" w:rsidRDefault="00156FB3" w:rsidP="00156FB3"/>
          <w:p w:rsidR="00156FB3" w:rsidRDefault="00156FB3" w:rsidP="00156FB3">
            <w:r>
              <w:t>.fa-hand-peace:before {</w:t>
            </w:r>
          </w:p>
          <w:p w:rsidR="00156FB3" w:rsidRDefault="00156FB3" w:rsidP="00156FB3">
            <w:r>
              <w:t xml:space="preserve">    content: "\f25b";</w:t>
            </w:r>
          </w:p>
          <w:p w:rsidR="00156FB3" w:rsidRDefault="00156FB3" w:rsidP="00156FB3">
            <w:r>
              <w:t>}</w:t>
            </w:r>
          </w:p>
          <w:p w:rsidR="00156FB3" w:rsidRDefault="00156FB3" w:rsidP="00156FB3"/>
          <w:p w:rsidR="00156FB3" w:rsidRDefault="00156FB3" w:rsidP="00156FB3">
            <w:r>
              <w:t>.fa-hand-point-down:before {</w:t>
            </w:r>
          </w:p>
          <w:p w:rsidR="00156FB3" w:rsidRDefault="00156FB3" w:rsidP="00156FB3">
            <w:r>
              <w:t xml:space="preserve">    content: "\f0a7";</w:t>
            </w:r>
          </w:p>
          <w:p w:rsidR="00156FB3" w:rsidRDefault="00156FB3" w:rsidP="00156FB3">
            <w:r>
              <w:t>}</w:t>
            </w:r>
          </w:p>
          <w:p w:rsidR="00156FB3" w:rsidRDefault="00156FB3" w:rsidP="00156FB3"/>
          <w:p w:rsidR="00156FB3" w:rsidRDefault="00156FB3" w:rsidP="00156FB3">
            <w:r>
              <w:t>.fa-hand-point-left:before {</w:t>
            </w:r>
          </w:p>
          <w:p w:rsidR="00156FB3" w:rsidRDefault="00156FB3" w:rsidP="00156FB3">
            <w:r>
              <w:t xml:space="preserve">    content: "\f0a5";</w:t>
            </w:r>
          </w:p>
          <w:p w:rsidR="00156FB3" w:rsidRDefault="00156FB3" w:rsidP="00156FB3">
            <w:r>
              <w:t>}</w:t>
            </w:r>
          </w:p>
          <w:p w:rsidR="00156FB3" w:rsidRDefault="00156FB3" w:rsidP="00156FB3"/>
          <w:p w:rsidR="00156FB3" w:rsidRDefault="00156FB3" w:rsidP="00156FB3">
            <w:r>
              <w:t>.fa-hand-point-right:before {</w:t>
            </w:r>
          </w:p>
          <w:p w:rsidR="00156FB3" w:rsidRDefault="00156FB3" w:rsidP="00156FB3">
            <w:r>
              <w:t xml:space="preserve">    content: "\f0a4";</w:t>
            </w:r>
          </w:p>
          <w:p w:rsidR="00156FB3" w:rsidRDefault="00156FB3" w:rsidP="00156FB3">
            <w:r>
              <w:t>}</w:t>
            </w:r>
          </w:p>
          <w:p w:rsidR="00156FB3" w:rsidRDefault="00156FB3" w:rsidP="00156FB3"/>
          <w:p w:rsidR="00156FB3" w:rsidRDefault="00156FB3" w:rsidP="00156FB3">
            <w:r>
              <w:t>.fa-hand-point-up:before {</w:t>
            </w:r>
          </w:p>
          <w:p w:rsidR="00156FB3" w:rsidRDefault="00156FB3" w:rsidP="00156FB3">
            <w:r>
              <w:t xml:space="preserve">    content: "\f0a6";</w:t>
            </w:r>
          </w:p>
          <w:p w:rsidR="00156FB3" w:rsidRDefault="00156FB3" w:rsidP="00156FB3">
            <w:r>
              <w:t>}</w:t>
            </w:r>
          </w:p>
          <w:p w:rsidR="00156FB3" w:rsidRDefault="00156FB3" w:rsidP="00156FB3"/>
          <w:p w:rsidR="00156FB3" w:rsidRDefault="00156FB3" w:rsidP="00156FB3">
            <w:r>
              <w:t>.fa-hand-pointer:before {</w:t>
            </w:r>
          </w:p>
          <w:p w:rsidR="00156FB3" w:rsidRDefault="00156FB3" w:rsidP="00156FB3">
            <w:r>
              <w:t xml:space="preserve">    content: "\f25a";</w:t>
            </w:r>
          </w:p>
          <w:p w:rsidR="00156FB3" w:rsidRDefault="00156FB3" w:rsidP="00156FB3">
            <w:r>
              <w:t>}</w:t>
            </w:r>
          </w:p>
          <w:p w:rsidR="00156FB3" w:rsidRDefault="00156FB3" w:rsidP="00156FB3"/>
          <w:p w:rsidR="00156FB3" w:rsidRDefault="00156FB3" w:rsidP="00156FB3">
            <w:r>
              <w:t>.fa-hand-rock:before {</w:t>
            </w:r>
          </w:p>
          <w:p w:rsidR="00156FB3" w:rsidRDefault="00156FB3" w:rsidP="00156FB3">
            <w:r>
              <w:lastRenderedPageBreak/>
              <w:t xml:space="preserve">    content: "\f255";</w:t>
            </w:r>
          </w:p>
          <w:p w:rsidR="00156FB3" w:rsidRDefault="00156FB3" w:rsidP="00156FB3">
            <w:r>
              <w:t>}</w:t>
            </w:r>
          </w:p>
          <w:p w:rsidR="00156FB3" w:rsidRDefault="00156FB3" w:rsidP="00156FB3"/>
          <w:p w:rsidR="00156FB3" w:rsidRDefault="00156FB3" w:rsidP="00156FB3">
            <w:r>
              <w:t>.fa-hand-scissors:before {</w:t>
            </w:r>
          </w:p>
          <w:p w:rsidR="00156FB3" w:rsidRDefault="00156FB3" w:rsidP="00156FB3">
            <w:r>
              <w:t xml:space="preserve">    content: "\f257";</w:t>
            </w:r>
          </w:p>
          <w:p w:rsidR="00156FB3" w:rsidRDefault="00156FB3" w:rsidP="00156FB3">
            <w:r>
              <w:t>}</w:t>
            </w:r>
          </w:p>
          <w:p w:rsidR="00156FB3" w:rsidRDefault="00156FB3" w:rsidP="00156FB3"/>
          <w:p w:rsidR="00156FB3" w:rsidRDefault="00156FB3" w:rsidP="00156FB3">
            <w:r>
              <w:t>.fa-hand-sparkles:before {</w:t>
            </w:r>
          </w:p>
          <w:p w:rsidR="00156FB3" w:rsidRDefault="00156FB3" w:rsidP="00156FB3">
            <w:r>
              <w:t xml:space="preserve">    content: "\f95d";</w:t>
            </w:r>
          </w:p>
          <w:p w:rsidR="00156FB3" w:rsidRDefault="00156FB3" w:rsidP="00156FB3">
            <w:r>
              <w:t>}</w:t>
            </w:r>
          </w:p>
          <w:p w:rsidR="00156FB3" w:rsidRDefault="00156FB3" w:rsidP="00156FB3"/>
          <w:p w:rsidR="00156FB3" w:rsidRDefault="00156FB3" w:rsidP="00156FB3">
            <w:r>
              <w:t>.fa-hand-spock:before {</w:t>
            </w:r>
          </w:p>
          <w:p w:rsidR="00156FB3" w:rsidRDefault="00156FB3" w:rsidP="00156FB3">
            <w:r>
              <w:t xml:space="preserve">    content: "\f259";</w:t>
            </w:r>
          </w:p>
          <w:p w:rsidR="00156FB3" w:rsidRDefault="00156FB3" w:rsidP="00156FB3">
            <w:r>
              <w:t>}</w:t>
            </w:r>
          </w:p>
          <w:p w:rsidR="00156FB3" w:rsidRDefault="00156FB3" w:rsidP="00156FB3"/>
          <w:p w:rsidR="00156FB3" w:rsidRDefault="00156FB3" w:rsidP="00156FB3">
            <w:r>
              <w:t>.fa-hands:before {</w:t>
            </w:r>
          </w:p>
          <w:p w:rsidR="00156FB3" w:rsidRDefault="00156FB3" w:rsidP="00156FB3">
            <w:r>
              <w:t xml:space="preserve">    content: "\f4c2";</w:t>
            </w:r>
          </w:p>
          <w:p w:rsidR="00156FB3" w:rsidRDefault="00156FB3" w:rsidP="00156FB3">
            <w:r>
              <w:t>}</w:t>
            </w:r>
          </w:p>
          <w:p w:rsidR="00156FB3" w:rsidRDefault="00156FB3" w:rsidP="00156FB3"/>
          <w:p w:rsidR="00156FB3" w:rsidRDefault="00156FB3" w:rsidP="00156FB3">
            <w:r>
              <w:t>.fa-hands-helping:before {</w:t>
            </w:r>
          </w:p>
          <w:p w:rsidR="00156FB3" w:rsidRDefault="00156FB3" w:rsidP="00156FB3">
            <w:r>
              <w:t xml:space="preserve">    content: "\f4c4";</w:t>
            </w:r>
          </w:p>
          <w:p w:rsidR="00156FB3" w:rsidRDefault="00156FB3" w:rsidP="00156FB3">
            <w:r>
              <w:t>}</w:t>
            </w:r>
          </w:p>
          <w:p w:rsidR="00156FB3" w:rsidRDefault="00156FB3" w:rsidP="00156FB3"/>
          <w:p w:rsidR="00156FB3" w:rsidRDefault="00156FB3" w:rsidP="00156FB3">
            <w:r>
              <w:t>.fa-hands-wash:before {</w:t>
            </w:r>
          </w:p>
          <w:p w:rsidR="00156FB3" w:rsidRDefault="00156FB3" w:rsidP="00156FB3">
            <w:r>
              <w:t xml:space="preserve">    content: "\f95e";</w:t>
            </w:r>
          </w:p>
          <w:p w:rsidR="00156FB3" w:rsidRDefault="00156FB3" w:rsidP="00156FB3">
            <w:r>
              <w:t>}</w:t>
            </w:r>
          </w:p>
          <w:p w:rsidR="00156FB3" w:rsidRDefault="00156FB3" w:rsidP="00156FB3"/>
          <w:p w:rsidR="00156FB3" w:rsidRDefault="00156FB3" w:rsidP="00156FB3">
            <w:r>
              <w:t>.fa-handshake:before {</w:t>
            </w:r>
          </w:p>
          <w:p w:rsidR="00156FB3" w:rsidRDefault="00156FB3" w:rsidP="00156FB3">
            <w:r>
              <w:t xml:space="preserve">    content: "\f2b5";</w:t>
            </w:r>
          </w:p>
          <w:p w:rsidR="00156FB3" w:rsidRDefault="00156FB3" w:rsidP="00156FB3">
            <w:r>
              <w:t>}</w:t>
            </w:r>
          </w:p>
          <w:p w:rsidR="00156FB3" w:rsidRDefault="00156FB3" w:rsidP="00156FB3"/>
          <w:p w:rsidR="00156FB3" w:rsidRDefault="00156FB3" w:rsidP="00156FB3">
            <w:r>
              <w:t>.fa-handshake-alt-slash:before {</w:t>
            </w:r>
          </w:p>
          <w:p w:rsidR="00156FB3" w:rsidRDefault="00156FB3" w:rsidP="00156FB3">
            <w:r>
              <w:t xml:space="preserve">    content: "\f95f";</w:t>
            </w:r>
          </w:p>
          <w:p w:rsidR="00156FB3" w:rsidRDefault="00156FB3" w:rsidP="00156FB3">
            <w:r>
              <w:t>}</w:t>
            </w:r>
          </w:p>
          <w:p w:rsidR="00156FB3" w:rsidRDefault="00156FB3" w:rsidP="00156FB3"/>
          <w:p w:rsidR="00156FB3" w:rsidRDefault="00156FB3" w:rsidP="00156FB3">
            <w:r>
              <w:t>.fa-handshake-slash:before {</w:t>
            </w:r>
          </w:p>
          <w:p w:rsidR="00156FB3" w:rsidRDefault="00156FB3" w:rsidP="00156FB3">
            <w:r>
              <w:t xml:space="preserve">    content: "\f960";</w:t>
            </w:r>
          </w:p>
          <w:p w:rsidR="00156FB3" w:rsidRDefault="00156FB3" w:rsidP="00156FB3">
            <w:r>
              <w:t>}</w:t>
            </w:r>
          </w:p>
          <w:p w:rsidR="00156FB3" w:rsidRDefault="00156FB3" w:rsidP="00156FB3"/>
          <w:p w:rsidR="00156FB3" w:rsidRDefault="00156FB3" w:rsidP="00156FB3">
            <w:r>
              <w:t>.fa-hanukiah:before {</w:t>
            </w:r>
          </w:p>
          <w:p w:rsidR="00156FB3" w:rsidRDefault="00156FB3" w:rsidP="00156FB3">
            <w:r>
              <w:t xml:space="preserve">    content: "\f6e6";</w:t>
            </w:r>
          </w:p>
          <w:p w:rsidR="00156FB3" w:rsidRDefault="00156FB3" w:rsidP="00156FB3">
            <w:r>
              <w:t>}</w:t>
            </w:r>
          </w:p>
          <w:p w:rsidR="00156FB3" w:rsidRDefault="00156FB3" w:rsidP="00156FB3"/>
          <w:p w:rsidR="00156FB3" w:rsidRDefault="00156FB3" w:rsidP="00156FB3">
            <w:r>
              <w:t>.fa-hard-hat:before {</w:t>
            </w:r>
          </w:p>
          <w:p w:rsidR="00156FB3" w:rsidRDefault="00156FB3" w:rsidP="00156FB3">
            <w:r>
              <w:t xml:space="preserve">    content: "\f807";</w:t>
            </w:r>
          </w:p>
          <w:p w:rsidR="00156FB3" w:rsidRDefault="00156FB3" w:rsidP="00156FB3">
            <w:r>
              <w:t>}</w:t>
            </w:r>
          </w:p>
          <w:p w:rsidR="00156FB3" w:rsidRDefault="00156FB3" w:rsidP="00156FB3"/>
          <w:p w:rsidR="00156FB3" w:rsidRDefault="00156FB3" w:rsidP="00156FB3">
            <w:r>
              <w:t>.fa-hashtag:before {</w:t>
            </w:r>
          </w:p>
          <w:p w:rsidR="00156FB3" w:rsidRDefault="00156FB3" w:rsidP="00156FB3">
            <w:r>
              <w:lastRenderedPageBreak/>
              <w:t xml:space="preserve">    content: "\f292";</w:t>
            </w:r>
          </w:p>
          <w:p w:rsidR="00156FB3" w:rsidRDefault="00156FB3" w:rsidP="00156FB3">
            <w:r>
              <w:t>}</w:t>
            </w:r>
          </w:p>
          <w:p w:rsidR="00156FB3" w:rsidRDefault="00156FB3" w:rsidP="00156FB3"/>
          <w:p w:rsidR="00156FB3" w:rsidRDefault="00156FB3" w:rsidP="00156FB3">
            <w:r>
              <w:t>.fa-hat-cowboy:before {</w:t>
            </w:r>
          </w:p>
          <w:p w:rsidR="00156FB3" w:rsidRDefault="00156FB3" w:rsidP="00156FB3">
            <w:r>
              <w:t xml:space="preserve">    content: "\f8c0";</w:t>
            </w:r>
          </w:p>
          <w:p w:rsidR="00156FB3" w:rsidRDefault="00156FB3" w:rsidP="00156FB3">
            <w:r>
              <w:t>}</w:t>
            </w:r>
          </w:p>
          <w:p w:rsidR="00156FB3" w:rsidRDefault="00156FB3" w:rsidP="00156FB3"/>
          <w:p w:rsidR="00156FB3" w:rsidRDefault="00156FB3" w:rsidP="00156FB3">
            <w:r>
              <w:t>.fa-hat-cowboy-side:before {</w:t>
            </w:r>
          </w:p>
          <w:p w:rsidR="00156FB3" w:rsidRDefault="00156FB3" w:rsidP="00156FB3">
            <w:r>
              <w:t xml:space="preserve">    content: "\f8c1";</w:t>
            </w:r>
          </w:p>
          <w:p w:rsidR="00156FB3" w:rsidRDefault="00156FB3" w:rsidP="00156FB3">
            <w:r>
              <w:t>}</w:t>
            </w:r>
          </w:p>
          <w:p w:rsidR="00156FB3" w:rsidRDefault="00156FB3" w:rsidP="00156FB3"/>
          <w:p w:rsidR="00156FB3" w:rsidRDefault="00156FB3" w:rsidP="00156FB3">
            <w:r>
              <w:t>.fa-hat-wizard:before {</w:t>
            </w:r>
          </w:p>
          <w:p w:rsidR="00156FB3" w:rsidRDefault="00156FB3" w:rsidP="00156FB3">
            <w:r>
              <w:t xml:space="preserve">    content: "\f6e8";</w:t>
            </w:r>
          </w:p>
          <w:p w:rsidR="00156FB3" w:rsidRDefault="00156FB3" w:rsidP="00156FB3">
            <w:r>
              <w:t>}</w:t>
            </w:r>
          </w:p>
          <w:p w:rsidR="00156FB3" w:rsidRDefault="00156FB3" w:rsidP="00156FB3"/>
          <w:p w:rsidR="00156FB3" w:rsidRDefault="00156FB3" w:rsidP="00156FB3">
            <w:r>
              <w:t>.fa-hdd:before {</w:t>
            </w:r>
          </w:p>
          <w:p w:rsidR="00156FB3" w:rsidRDefault="00156FB3" w:rsidP="00156FB3">
            <w:r>
              <w:t xml:space="preserve">    content: "\f0a0";</w:t>
            </w:r>
          </w:p>
          <w:p w:rsidR="00156FB3" w:rsidRDefault="00156FB3" w:rsidP="00156FB3">
            <w:r>
              <w:t>}</w:t>
            </w:r>
          </w:p>
          <w:p w:rsidR="00156FB3" w:rsidRDefault="00156FB3" w:rsidP="00156FB3"/>
          <w:p w:rsidR="00156FB3" w:rsidRDefault="00156FB3" w:rsidP="00156FB3">
            <w:r>
              <w:t>.fa-head-side-cough:before {</w:t>
            </w:r>
          </w:p>
          <w:p w:rsidR="00156FB3" w:rsidRDefault="00156FB3" w:rsidP="00156FB3">
            <w:r>
              <w:t xml:space="preserve">    content: "\f961";</w:t>
            </w:r>
          </w:p>
          <w:p w:rsidR="00156FB3" w:rsidRDefault="00156FB3" w:rsidP="00156FB3">
            <w:r>
              <w:t>}</w:t>
            </w:r>
          </w:p>
          <w:p w:rsidR="00156FB3" w:rsidRDefault="00156FB3" w:rsidP="00156FB3"/>
          <w:p w:rsidR="00156FB3" w:rsidRDefault="00156FB3" w:rsidP="00156FB3">
            <w:r>
              <w:t>.fa-head-side-cough-slash:before {</w:t>
            </w:r>
          </w:p>
          <w:p w:rsidR="00156FB3" w:rsidRDefault="00156FB3" w:rsidP="00156FB3">
            <w:r>
              <w:t xml:space="preserve">    content: "\f962";</w:t>
            </w:r>
          </w:p>
          <w:p w:rsidR="00156FB3" w:rsidRDefault="00156FB3" w:rsidP="00156FB3">
            <w:r>
              <w:t>}</w:t>
            </w:r>
          </w:p>
          <w:p w:rsidR="00156FB3" w:rsidRDefault="00156FB3" w:rsidP="00156FB3"/>
          <w:p w:rsidR="00156FB3" w:rsidRDefault="00156FB3" w:rsidP="00156FB3">
            <w:r>
              <w:t>.fa-head-side-mask:before {</w:t>
            </w:r>
          </w:p>
          <w:p w:rsidR="00156FB3" w:rsidRDefault="00156FB3" w:rsidP="00156FB3">
            <w:r>
              <w:t xml:space="preserve">    content: "\f963";</w:t>
            </w:r>
          </w:p>
          <w:p w:rsidR="00156FB3" w:rsidRDefault="00156FB3" w:rsidP="00156FB3">
            <w:r>
              <w:t>}</w:t>
            </w:r>
          </w:p>
          <w:p w:rsidR="00156FB3" w:rsidRDefault="00156FB3" w:rsidP="00156FB3"/>
          <w:p w:rsidR="00156FB3" w:rsidRDefault="00156FB3" w:rsidP="00156FB3">
            <w:r>
              <w:t>.fa-head-side-virus:before {</w:t>
            </w:r>
          </w:p>
          <w:p w:rsidR="00156FB3" w:rsidRDefault="00156FB3" w:rsidP="00156FB3">
            <w:r>
              <w:t xml:space="preserve">    content: "\f964";</w:t>
            </w:r>
          </w:p>
          <w:p w:rsidR="00156FB3" w:rsidRDefault="00156FB3" w:rsidP="00156FB3">
            <w:r>
              <w:t>}</w:t>
            </w:r>
          </w:p>
          <w:p w:rsidR="00156FB3" w:rsidRDefault="00156FB3" w:rsidP="00156FB3"/>
          <w:p w:rsidR="00156FB3" w:rsidRDefault="00156FB3" w:rsidP="00156FB3">
            <w:r>
              <w:t>.fa-heading:before {</w:t>
            </w:r>
          </w:p>
          <w:p w:rsidR="00156FB3" w:rsidRDefault="00156FB3" w:rsidP="00156FB3">
            <w:r>
              <w:t xml:space="preserve">    content: "\f1dc";</w:t>
            </w:r>
          </w:p>
          <w:p w:rsidR="00156FB3" w:rsidRDefault="00156FB3" w:rsidP="00156FB3">
            <w:r>
              <w:t>}</w:t>
            </w:r>
          </w:p>
          <w:p w:rsidR="00156FB3" w:rsidRDefault="00156FB3" w:rsidP="00156FB3"/>
          <w:p w:rsidR="00156FB3" w:rsidRDefault="00156FB3" w:rsidP="00156FB3">
            <w:r>
              <w:t>.fa-headphones:before {</w:t>
            </w:r>
          </w:p>
          <w:p w:rsidR="00156FB3" w:rsidRDefault="00156FB3" w:rsidP="00156FB3">
            <w:r>
              <w:t xml:space="preserve">    content: "\f025";</w:t>
            </w:r>
          </w:p>
          <w:p w:rsidR="00156FB3" w:rsidRDefault="00156FB3" w:rsidP="00156FB3">
            <w:r>
              <w:t>}</w:t>
            </w:r>
          </w:p>
          <w:p w:rsidR="00156FB3" w:rsidRDefault="00156FB3" w:rsidP="00156FB3"/>
          <w:p w:rsidR="00156FB3" w:rsidRDefault="00156FB3" w:rsidP="00156FB3">
            <w:r>
              <w:t>.fa-headphones-alt:before {</w:t>
            </w:r>
          </w:p>
          <w:p w:rsidR="00156FB3" w:rsidRDefault="00156FB3" w:rsidP="00156FB3">
            <w:r>
              <w:t xml:space="preserve">    content: "\f58f";</w:t>
            </w:r>
          </w:p>
          <w:p w:rsidR="00156FB3" w:rsidRDefault="00156FB3" w:rsidP="00156FB3">
            <w:r>
              <w:t>}</w:t>
            </w:r>
          </w:p>
          <w:p w:rsidR="00156FB3" w:rsidRDefault="00156FB3" w:rsidP="00156FB3"/>
          <w:p w:rsidR="00156FB3" w:rsidRDefault="00156FB3" w:rsidP="00156FB3">
            <w:r>
              <w:t>.fa-headset:before {</w:t>
            </w:r>
          </w:p>
          <w:p w:rsidR="00156FB3" w:rsidRDefault="00156FB3" w:rsidP="00156FB3">
            <w:r>
              <w:lastRenderedPageBreak/>
              <w:t xml:space="preserve">    content: "\f590";</w:t>
            </w:r>
          </w:p>
          <w:p w:rsidR="00156FB3" w:rsidRDefault="00156FB3" w:rsidP="00156FB3">
            <w:r>
              <w:t>}</w:t>
            </w:r>
          </w:p>
          <w:p w:rsidR="00156FB3" w:rsidRDefault="00156FB3" w:rsidP="00156FB3"/>
          <w:p w:rsidR="00156FB3" w:rsidRDefault="00156FB3" w:rsidP="00156FB3">
            <w:r>
              <w:t>.fa-heart:before {</w:t>
            </w:r>
          </w:p>
          <w:p w:rsidR="00156FB3" w:rsidRDefault="00156FB3" w:rsidP="00156FB3">
            <w:r>
              <w:t xml:space="preserve">    content: "\f004";</w:t>
            </w:r>
          </w:p>
          <w:p w:rsidR="00156FB3" w:rsidRDefault="00156FB3" w:rsidP="00156FB3">
            <w:r>
              <w:t>}</w:t>
            </w:r>
          </w:p>
          <w:p w:rsidR="00156FB3" w:rsidRDefault="00156FB3" w:rsidP="00156FB3"/>
          <w:p w:rsidR="00156FB3" w:rsidRDefault="00156FB3" w:rsidP="00156FB3">
            <w:r>
              <w:t>.fa-heart-broken:before {</w:t>
            </w:r>
          </w:p>
          <w:p w:rsidR="00156FB3" w:rsidRDefault="00156FB3" w:rsidP="00156FB3">
            <w:r>
              <w:t xml:space="preserve">    content: "\f7a9";</w:t>
            </w:r>
          </w:p>
          <w:p w:rsidR="00156FB3" w:rsidRDefault="00156FB3" w:rsidP="00156FB3">
            <w:r>
              <w:t>}</w:t>
            </w:r>
          </w:p>
          <w:p w:rsidR="00156FB3" w:rsidRDefault="00156FB3" w:rsidP="00156FB3"/>
          <w:p w:rsidR="00156FB3" w:rsidRDefault="00156FB3" w:rsidP="00156FB3">
            <w:r>
              <w:t>.fa-heartbeat:before {</w:t>
            </w:r>
          </w:p>
          <w:p w:rsidR="00156FB3" w:rsidRDefault="00156FB3" w:rsidP="00156FB3">
            <w:r>
              <w:t xml:space="preserve">    content: "\f21e";</w:t>
            </w:r>
          </w:p>
          <w:p w:rsidR="00156FB3" w:rsidRDefault="00156FB3" w:rsidP="00156FB3">
            <w:r>
              <w:t>}</w:t>
            </w:r>
          </w:p>
          <w:p w:rsidR="00156FB3" w:rsidRDefault="00156FB3" w:rsidP="00156FB3"/>
          <w:p w:rsidR="00156FB3" w:rsidRDefault="00156FB3" w:rsidP="00156FB3">
            <w:r>
              <w:t>.fa-helicopter:before {</w:t>
            </w:r>
          </w:p>
          <w:p w:rsidR="00156FB3" w:rsidRDefault="00156FB3" w:rsidP="00156FB3">
            <w:r>
              <w:t xml:space="preserve">    content: "\f533";</w:t>
            </w:r>
          </w:p>
          <w:p w:rsidR="00156FB3" w:rsidRDefault="00156FB3" w:rsidP="00156FB3">
            <w:r>
              <w:t>}</w:t>
            </w:r>
          </w:p>
          <w:p w:rsidR="00156FB3" w:rsidRDefault="00156FB3" w:rsidP="00156FB3"/>
          <w:p w:rsidR="00156FB3" w:rsidRDefault="00156FB3" w:rsidP="00156FB3">
            <w:r>
              <w:t>.fa-highlighter:before {</w:t>
            </w:r>
          </w:p>
          <w:p w:rsidR="00156FB3" w:rsidRDefault="00156FB3" w:rsidP="00156FB3">
            <w:r>
              <w:t xml:space="preserve">    content: "\f591";</w:t>
            </w:r>
          </w:p>
          <w:p w:rsidR="00156FB3" w:rsidRDefault="00156FB3" w:rsidP="00156FB3">
            <w:r>
              <w:t>}</w:t>
            </w:r>
          </w:p>
          <w:p w:rsidR="00156FB3" w:rsidRDefault="00156FB3" w:rsidP="00156FB3"/>
          <w:p w:rsidR="00156FB3" w:rsidRDefault="00156FB3" w:rsidP="00156FB3">
            <w:r>
              <w:t>.fa-hiking:before {</w:t>
            </w:r>
          </w:p>
          <w:p w:rsidR="00156FB3" w:rsidRDefault="00156FB3" w:rsidP="00156FB3">
            <w:r>
              <w:t xml:space="preserve">    content: "\f6ec";</w:t>
            </w:r>
          </w:p>
          <w:p w:rsidR="00156FB3" w:rsidRDefault="00156FB3" w:rsidP="00156FB3">
            <w:r>
              <w:t>}</w:t>
            </w:r>
          </w:p>
          <w:p w:rsidR="00156FB3" w:rsidRDefault="00156FB3" w:rsidP="00156FB3"/>
          <w:p w:rsidR="00156FB3" w:rsidRDefault="00156FB3" w:rsidP="00156FB3">
            <w:r>
              <w:t>.fa-hippo:before {</w:t>
            </w:r>
          </w:p>
          <w:p w:rsidR="00156FB3" w:rsidRDefault="00156FB3" w:rsidP="00156FB3">
            <w:r>
              <w:t xml:space="preserve">    content: "\f6ed";</w:t>
            </w:r>
          </w:p>
          <w:p w:rsidR="00156FB3" w:rsidRDefault="00156FB3" w:rsidP="00156FB3">
            <w:r>
              <w:t>}</w:t>
            </w:r>
          </w:p>
          <w:p w:rsidR="00156FB3" w:rsidRDefault="00156FB3" w:rsidP="00156FB3"/>
          <w:p w:rsidR="00156FB3" w:rsidRDefault="00156FB3" w:rsidP="00156FB3">
            <w:r>
              <w:t>.fa-hips:before {</w:t>
            </w:r>
          </w:p>
          <w:p w:rsidR="00156FB3" w:rsidRDefault="00156FB3" w:rsidP="00156FB3">
            <w:r>
              <w:t xml:space="preserve">    content: "\f452";</w:t>
            </w:r>
          </w:p>
          <w:p w:rsidR="00156FB3" w:rsidRDefault="00156FB3" w:rsidP="00156FB3">
            <w:r>
              <w:t>}</w:t>
            </w:r>
          </w:p>
          <w:p w:rsidR="00156FB3" w:rsidRDefault="00156FB3" w:rsidP="00156FB3"/>
          <w:p w:rsidR="00156FB3" w:rsidRDefault="00156FB3" w:rsidP="00156FB3">
            <w:r>
              <w:t>.fa-hire-a-helper:before {</w:t>
            </w:r>
          </w:p>
          <w:p w:rsidR="00156FB3" w:rsidRDefault="00156FB3" w:rsidP="00156FB3">
            <w:r>
              <w:t xml:space="preserve">    content: "\f3b0";</w:t>
            </w:r>
          </w:p>
          <w:p w:rsidR="00156FB3" w:rsidRDefault="00156FB3" w:rsidP="00156FB3">
            <w:r>
              <w:t>}</w:t>
            </w:r>
          </w:p>
          <w:p w:rsidR="00156FB3" w:rsidRDefault="00156FB3" w:rsidP="00156FB3"/>
          <w:p w:rsidR="00156FB3" w:rsidRDefault="00156FB3" w:rsidP="00156FB3">
            <w:r>
              <w:t>.fa-history:before {</w:t>
            </w:r>
          </w:p>
          <w:p w:rsidR="00156FB3" w:rsidRDefault="00156FB3" w:rsidP="00156FB3">
            <w:r>
              <w:t xml:space="preserve">    content: "\f1da";</w:t>
            </w:r>
          </w:p>
          <w:p w:rsidR="00156FB3" w:rsidRDefault="00156FB3" w:rsidP="00156FB3">
            <w:r>
              <w:t>}</w:t>
            </w:r>
          </w:p>
          <w:p w:rsidR="00156FB3" w:rsidRDefault="00156FB3" w:rsidP="00156FB3"/>
          <w:p w:rsidR="00156FB3" w:rsidRDefault="00156FB3" w:rsidP="00156FB3">
            <w:r>
              <w:t>.fa-hockey-puck:before {</w:t>
            </w:r>
          </w:p>
          <w:p w:rsidR="00156FB3" w:rsidRDefault="00156FB3" w:rsidP="00156FB3">
            <w:r>
              <w:t xml:space="preserve">    content: "\f453";</w:t>
            </w:r>
          </w:p>
          <w:p w:rsidR="00156FB3" w:rsidRDefault="00156FB3" w:rsidP="00156FB3">
            <w:r>
              <w:t>}</w:t>
            </w:r>
          </w:p>
          <w:p w:rsidR="00156FB3" w:rsidRDefault="00156FB3" w:rsidP="00156FB3"/>
          <w:p w:rsidR="00156FB3" w:rsidRDefault="00156FB3" w:rsidP="00156FB3">
            <w:r>
              <w:t>.fa-holly-berry:before {</w:t>
            </w:r>
          </w:p>
          <w:p w:rsidR="00156FB3" w:rsidRDefault="00156FB3" w:rsidP="00156FB3">
            <w:r>
              <w:lastRenderedPageBreak/>
              <w:t xml:space="preserve">    content: "\f7aa";</w:t>
            </w:r>
          </w:p>
          <w:p w:rsidR="00156FB3" w:rsidRDefault="00156FB3" w:rsidP="00156FB3">
            <w:r>
              <w:t>}</w:t>
            </w:r>
          </w:p>
          <w:p w:rsidR="00156FB3" w:rsidRDefault="00156FB3" w:rsidP="00156FB3"/>
          <w:p w:rsidR="00156FB3" w:rsidRDefault="00156FB3" w:rsidP="00156FB3">
            <w:r>
              <w:t>.fa-home:before {</w:t>
            </w:r>
          </w:p>
          <w:p w:rsidR="00156FB3" w:rsidRDefault="00156FB3" w:rsidP="00156FB3">
            <w:r>
              <w:t xml:space="preserve">    content: "\f015";</w:t>
            </w:r>
          </w:p>
          <w:p w:rsidR="00156FB3" w:rsidRDefault="00156FB3" w:rsidP="00156FB3">
            <w:r>
              <w:t>}</w:t>
            </w:r>
          </w:p>
          <w:p w:rsidR="00156FB3" w:rsidRDefault="00156FB3" w:rsidP="00156FB3"/>
          <w:p w:rsidR="00156FB3" w:rsidRDefault="00156FB3" w:rsidP="00156FB3">
            <w:r>
              <w:t>.fa-hooli:before {</w:t>
            </w:r>
          </w:p>
          <w:p w:rsidR="00156FB3" w:rsidRDefault="00156FB3" w:rsidP="00156FB3">
            <w:r>
              <w:t xml:space="preserve">    content: "\f427";</w:t>
            </w:r>
          </w:p>
          <w:p w:rsidR="00156FB3" w:rsidRDefault="00156FB3" w:rsidP="00156FB3">
            <w:r>
              <w:t>}</w:t>
            </w:r>
          </w:p>
          <w:p w:rsidR="00156FB3" w:rsidRDefault="00156FB3" w:rsidP="00156FB3"/>
          <w:p w:rsidR="00156FB3" w:rsidRDefault="00156FB3" w:rsidP="00156FB3">
            <w:r>
              <w:t>.fa-hornbill:before {</w:t>
            </w:r>
          </w:p>
          <w:p w:rsidR="00156FB3" w:rsidRDefault="00156FB3" w:rsidP="00156FB3">
            <w:r>
              <w:t xml:space="preserve">    content: "\f592";</w:t>
            </w:r>
          </w:p>
          <w:p w:rsidR="00156FB3" w:rsidRDefault="00156FB3" w:rsidP="00156FB3">
            <w:r>
              <w:t>}</w:t>
            </w:r>
          </w:p>
          <w:p w:rsidR="00156FB3" w:rsidRDefault="00156FB3" w:rsidP="00156FB3"/>
          <w:p w:rsidR="00156FB3" w:rsidRDefault="00156FB3" w:rsidP="00156FB3">
            <w:r>
              <w:t>.fa-horse:before {</w:t>
            </w:r>
          </w:p>
          <w:p w:rsidR="00156FB3" w:rsidRDefault="00156FB3" w:rsidP="00156FB3">
            <w:r>
              <w:t xml:space="preserve">    content: "\f6f0";</w:t>
            </w:r>
          </w:p>
          <w:p w:rsidR="00156FB3" w:rsidRDefault="00156FB3" w:rsidP="00156FB3">
            <w:r>
              <w:t>}</w:t>
            </w:r>
          </w:p>
          <w:p w:rsidR="00156FB3" w:rsidRDefault="00156FB3" w:rsidP="00156FB3"/>
          <w:p w:rsidR="00156FB3" w:rsidRDefault="00156FB3" w:rsidP="00156FB3">
            <w:r>
              <w:t>.fa-horse-head:before {</w:t>
            </w:r>
          </w:p>
          <w:p w:rsidR="00156FB3" w:rsidRDefault="00156FB3" w:rsidP="00156FB3">
            <w:r>
              <w:t xml:space="preserve">    content: "\f7ab";</w:t>
            </w:r>
          </w:p>
          <w:p w:rsidR="00156FB3" w:rsidRDefault="00156FB3" w:rsidP="00156FB3">
            <w:r>
              <w:t>}</w:t>
            </w:r>
          </w:p>
          <w:p w:rsidR="00156FB3" w:rsidRDefault="00156FB3" w:rsidP="00156FB3"/>
          <w:p w:rsidR="00156FB3" w:rsidRDefault="00156FB3" w:rsidP="00156FB3">
            <w:r>
              <w:t>.fa-hospital:before {</w:t>
            </w:r>
          </w:p>
          <w:p w:rsidR="00156FB3" w:rsidRDefault="00156FB3" w:rsidP="00156FB3">
            <w:r>
              <w:t xml:space="preserve">    content: "\f0f8";</w:t>
            </w:r>
          </w:p>
          <w:p w:rsidR="00156FB3" w:rsidRDefault="00156FB3" w:rsidP="00156FB3">
            <w:r>
              <w:t>}</w:t>
            </w:r>
          </w:p>
          <w:p w:rsidR="00156FB3" w:rsidRDefault="00156FB3" w:rsidP="00156FB3"/>
          <w:p w:rsidR="00156FB3" w:rsidRDefault="00156FB3" w:rsidP="00156FB3">
            <w:r>
              <w:t>.fa-hospital-alt:before {</w:t>
            </w:r>
          </w:p>
          <w:p w:rsidR="00156FB3" w:rsidRDefault="00156FB3" w:rsidP="00156FB3">
            <w:r>
              <w:t xml:space="preserve">    content: "\f47d";</w:t>
            </w:r>
          </w:p>
          <w:p w:rsidR="00156FB3" w:rsidRDefault="00156FB3" w:rsidP="00156FB3">
            <w:r>
              <w:t>}</w:t>
            </w:r>
          </w:p>
          <w:p w:rsidR="00156FB3" w:rsidRDefault="00156FB3" w:rsidP="00156FB3"/>
          <w:p w:rsidR="00156FB3" w:rsidRDefault="00156FB3" w:rsidP="00156FB3">
            <w:r>
              <w:t>.fa-hospital-symbol:before {</w:t>
            </w:r>
          </w:p>
          <w:p w:rsidR="00156FB3" w:rsidRDefault="00156FB3" w:rsidP="00156FB3">
            <w:r>
              <w:t xml:space="preserve">    content: "\f47e";</w:t>
            </w:r>
          </w:p>
          <w:p w:rsidR="00156FB3" w:rsidRDefault="00156FB3" w:rsidP="00156FB3">
            <w:r>
              <w:t>}</w:t>
            </w:r>
          </w:p>
          <w:p w:rsidR="00156FB3" w:rsidRDefault="00156FB3" w:rsidP="00156FB3"/>
          <w:p w:rsidR="00156FB3" w:rsidRDefault="00156FB3" w:rsidP="00156FB3">
            <w:r>
              <w:t>.fa-hospital-user:before {</w:t>
            </w:r>
          </w:p>
          <w:p w:rsidR="00156FB3" w:rsidRDefault="00156FB3" w:rsidP="00156FB3">
            <w:r>
              <w:t xml:space="preserve">    content: "\f80d";</w:t>
            </w:r>
          </w:p>
          <w:p w:rsidR="00156FB3" w:rsidRDefault="00156FB3" w:rsidP="00156FB3">
            <w:r>
              <w:t>}</w:t>
            </w:r>
          </w:p>
          <w:p w:rsidR="00156FB3" w:rsidRDefault="00156FB3" w:rsidP="00156FB3"/>
          <w:p w:rsidR="00156FB3" w:rsidRDefault="00156FB3" w:rsidP="00156FB3">
            <w:r>
              <w:t>.fa-hot-tub:before {</w:t>
            </w:r>
          </w:p>
          <w:p w:rsidR="00156FB3" w:rsidRDefault="00156FB3" w:rsidP="00156FB3">
            <w:r>
              <w:t xml:space="preserve">    content: "\f593";</w:t>
            </w:r>
          </w:p>
          <w:p w:rsidR="00156FB3" w:rsidRDefault="00156FB3" w:rsidP="00156FB3">
            <w:r>
              <w:t>}</w:t>
            </w:r>
          </w:p>
          <w:p w:rsidR="00156FB3" w:rsidRDefault="00156FB3" w:rsidP="00156FB3"/>
          <w:p w:rsidR="00156FB3" w:rsidRDefault="00156FB3" w:rsidP="00156FB3">
            <w:r>
              <w:t>.fa-hotdog:before {</w:t>
            </w:r>
          </w:p>
          <w:p w:rsidR="00156FB3" w:rsidRDefault="00156FB3" w:rsidP="00156FB3">
            <w:r>
              <w:t xml:space="preserve">    content: "\f80f";</w:t>
            </w:r>
          </w:p>
          <w:p w:rsidR="00156FB3" w:rsidRDefault="00156FB3" w:rsidP="00156FB3">
            <w:r>
              <w:t>}</w:t>
            </w:r>
          </w:p>
          <w:p w:rsidR="00156FB3" w:rsidRDefault="00156FB3" w:rsidP="00156FB3"/>
          <w:p w:rsidR="00156FB3" w:rsidRDefault="00156FB3" w:rsidP="00156FB3">
            <w:r>
              <w:t>.fa-hotel:before {</w:t>
            </w:r>
          </w:p>
          <w:p w:rsidR="00156FB3" w:rsidRDefault="00156FB3" w:rsidP="00156FB3">
            <w:r>
              <w:lastRenderedPageBreak/>
              <w:t xml:space="preserve">    content: "\f594";</w:t>
            </w:r>
          </w:p>
          <w:p w:rsidR="00156FB3" w:rsidRDefault="00156FB3" w:rsidP="00156FB3">
            <w:r>
              <w:t>}</w:t>
            </w:r>
          </w:p>
          <w:p w:rsidR="00156FB3" w:rsidRDefault="00156FB3" w:rsidP="00156FB3"/>
          <w:p w:rsidR="00156FB3" w:rsidRDefault="00156FB3" w:rsidP="00156FB3">
            <w:r>
              <w:t>.fa-hotjar:before {</w:t>
            </w:r>
          </w:p>
          <w:p w:rsidR="00156FB3" w:rsidRDefault="00156FB3" w:rsidP="00156FB3">
            <w:r>
              <w:t xml:space="preserve">    content: "\f3b1";</w:t>
            </w:r>
          </w:p>
          <w:p w:rsidR="00156FB3" w:rsidRDefault="00156FB3" w:rsidP="00156FB3">
            <w:r>
              <w:t>}</w:t>
            </w:r>
          </w:p>
          <w:p w:rsidR="00156FB3" w:rsidRDefault="00156FB3" w:rsidP="00156FB3"/>
          <w:p w:rsidR="00156FB3" w:rsidRDefault="00156FB3" w:rsidP="00156FB3">
            <w:r>
              <w:t>.fa-hourglass:before {</w:t>
            </w:r>
          </w:p>
          <w:p w:rsidR="00156FB3" w:rsidRDefault="00156FB3" w:rsidP="00156FB3">
            <w:r>
              <w:t xml:space="preserve">    content: "\f254";</w:t>
            </w:r>
          </w:p>
          <w:p w:rsidR="00156FB3" w:rsidRDefault="00156FB3" w:rsidP="00156FB3">
            <w:r>
              <w:t>}</w:t>
            </w:r>
          </w:p>
          <w:p w:rsidR="00156FB3" w:rsidRDefault="00156FB3" w:rsidP="00156FB3"/>
          <w:p w:rsidR="00156FB3" w:rsidRDefault="00156FB3" w:rsidP="00156FB3">
            <w:r>
              <w:t>.fa-hourglass-end:before {</w:t>
            </w:r>
          </w:p>
          <w:p w:rsidR="00156FB3" w:rsidRDefault="00156FB3" w:rsidP="00156FB3">
            <w:r>
              <w:t xml:space="preserve">    content: "\f253";</w:t>
            </w:r>
          </w:p>
          <w:p w:rsidR="00156FB3" w:rsidRDefault="00156FB3" w:rsidP="00156FB3">
            <w:r>
              <w:t>}</w:t>
            </w:r>
          </w:p>
          <w:p w:rsidR="00156FB3" w:rsidRDefault="00156FB3" w:rsidP="00156FB3"/>
          <w:p w:rsidR="00156FB3" w:rsidRDefault="00156FB3" w:rsidP="00156FB3">
            <w:r>
              <w:t>.fa-hourglass-half:before {</w:t>
            </w:r>
          </w:p>
          <w:p w:rsidR="00156FB3" w:rsidRDefault="00156FB3" w:rsidP="00156FB3">
            <w:r>
              <w:t xml:space="preserve">    content: "\f252";</w:t>
            </w:r>
          </w:p>
          <w:p w:rsidR="00156FB3" w:rsidRDefault="00156FB3" w:rsidP="00156FB3">
            <w:r>
              <w:t>}</w:t>
            </w:r>
          </w:p>
          <w:p w:rsidR="00156FB3" w:rsidRDefault="00156FB3" w:rsidP="00156FB3"/>
          <w:p w:rsidR="00156FB3" w:rsidRDefault="00156FB3" w:rsidP="00156FB3">
            <w:r>
              <w:t>.fa-hourglass-start:before {</w:t>
            </w:r>
          </w:p>
          <w:p w:rsidR="00156FB3" w:rsidRDefault="00156FB3" w:rsidP="00156FB3">
            <w:r>
              <w:t xml:space="preserve">    content: "\f251";</w:t>
            </w:r>
          </w:p>
          <w:p w:rsidR="00156FB3" w:rsidRDefault="00156FB3" w:rsidP="00156FB3">
            <w:r>
              <w:t>}</w:t>
            </w:r>
          </w:p>
          <w:p w:rsidR="00156FB3" w:rsidRDefault="00156FB3" w:rsidP="00156FB3"/>
          <w:p w:rsidR="00156FB3" w:rsidRDefault="00156FB3" w:rsidP="00156FB3">
            <w:r>
              <w:t>.fa-house-damage:before {</w:t>
            </w:r>
          </w:p>
          <w:p w:rsidR="00156FB3" w:rsidRDefault="00156FB3" w:rsidP="00156FB3">
            <w:r>
              <w:t xml:space="preserve">    content: "\f6f1";</w:t>
            </w:r>
          </w:p>
          <w:p w:rsidR="00156FB3" w:rsidRDefault="00156FB3" w:rsidP="00156FB3">
            <w:r>
              <w:t>}</w:t>
            </w:r>
          </w:p>
          <w:p w:rsidR="00156FB3" w:rsidRDefault="00156FB3" w:rsidP="00156FB3"/>
          <w:p w:rsidR="00156FB3" w:rsidRDefault="00156FB3" w:rsidP="00156FB3">
            <w:r>
              <w:t>.fa-house-user:before {</w:t>
            </w:r>
          </w:p>
          <w:p w:rsidR="00156FB3" w:rsidRDefault="00156FB3" w:rsidP="00156FB3">
            <w:r>
              <w:t xml:space="preserve">    content: "\f965";</w:t>
            </w:r>
          </w:p>
          <w:p w:rsidR="00156FB3" w:rsidRDefault="00156FB3" w:rsidP="00156FB3">
            <w:r>
              <w:t>}</w:t>
            </w:r>
          </w:p>
          <w:p w:rsidR="00156FB3" w:rsidRDefault="00156FB3" w:rsidP="00156FB3"/>
          <w:p w:rsidR="00156FB3" w:rsidRDefault="00156FB3" w:rsidP="00156FB3">
            <w:r>
              <w:t>.fa-houzz:before {</w:t>
            </w:r>
          </w:p>
          <w:p w:rsidR="00156FB3" w:rsidRDefault="00156FB3" w:rsidP="00156FB3">
            <w:r>
              <w:t xml:space="preserve">    content: "\f27c";</w:t>
            </w:r>
          </w:p>
          <w:p w:rsidR="00156FB3" w:rsidRDefault="00156FB3" w:rsidP="00156FB3">
            <w:r>
              <w:t>}</w:t>
            </w:r>
          </w:p>
          <w:p w:rsidR="00156FB3" w:rsidRDefault="00156FB3" w:rsidP="00156FB3"/>
          <w:p w:rsidR="00156FB3" w:rsidRDefault="00156FB3" w:rsidP="00156FB3">
            <w:r>
              <w:t>.fa-hryvnia:before {</w:t>
            </w:r>
          </w:p>
          <w:p w:rsidR="00156FB3" w:rsidRDefault="00156FB3" w:rsidP="00156FB3">
            <w:r>
              <w:t xml:space="preserve">    content: "\f6f2";</w:t>
            </w:r>
          </w:p>
          <w:p w:rsidR="00156FB3" w:rsidRDefault="00156FB3" w:rsidP="00156FB3">
            <w:r>
              <w:t>}</w:t>
            </w:r>
          </w:p>
          <w:p w:rsidR="00156FB3" w:rsidRDefault="00156FB3" w:rsidP="00156FB3"/>
          <w:p w:rsidR="00156FB3" w:rsidRDefault="00156FB3" w:rsidP="00156FB3">
            <w:r>
              <w:t>.fa-html5:before {</w:t>
            </w:r>
          </w:p>
          <w:p w:rsidR="00156FB3" w:rsidRDefault="00156FB3" w:rsidP="00156FB3">
            <w:r>
              <w:t xml:space="preserve">    content: "\f13b";</w:t>
            </w:r>
          </w:p>
          <w:p w:rsidR="00156FB3" w:rsidRDefault="00156FB3" w:rsidP="00156FB3">
            <w:r>
              <w:t>}</w:t>
            </w:r>
          </w:p>
          <w:p w:rsidR="00156FB3" w:rsidRDefault="00156FB3" w:rsidP="00156FB3"/>
          <w:p w:rsidR="00156FB3" w:rsidRDefault="00156FB3" w:rsidP="00156FB3">
            <w:r>
              <w:t>.fa-hubspot:before {</w:t>
            </w:r>
          </w:p>
          <w:p w:rsidR="00156FB3" w:rsidRDefault="00156FB3" w:rsidP="00156FB3">
            <w:r>
              <w:t xml:space="preserve">    content: "\f3b2";</w:t>
            </w:r>
          </w:p>
          <w:p w:rsidR="00156FB3" w:rsidRDefault="00156FB3" w:rsidP="00156FB3">
            <w:r>
              <w:t>}</w:t>
            </w:r>
          </w:p>
          <w:p w:rsidR="00156FB3" w:rsidRDefault="00156FB3" w:rsidP="00156FB3"/>
          <w:p w:rsidR="00156FB3" w:rsidRDefault="00156FB3" w:rsidP="00156FB3">
            <w:r>
              <w:t>.fa-i-cursor:before {</w:t>
            </w:r>
          </w:p>
          <w:p w:rsidR="00156FB3" w:rsidRDefault="00156FB3" w:rsidP="00156FB3">
            <w:r>
              <w:lastRenderedPageBreak/>
              <w:t xml:space="preserve">    content: "\f246";</w:t>
            </w:r>
          </w:p>
          <w:p w:rsidR="00156FB3" w:rsidRDefault="00156FB3" w:rsidP="00156FB3">
            <w:r>
              <w:t>}</w:t>
            </w:r>
          </w:p>
          <w:p w:rsidR="00156FB3" w:rsidRDefault="00156FB3" w:rsidP="00156FB3"/>
          <w:p w:rsidR="00156FB3" w:rsidRDefault="00156FB3" w:rsidP="00156FB3">
            <w:r>
              <w:t>.fa-ice-cream:before {</w:t>
            </w:r>
          </w:p>
          <w:p w:rsidR="00156FB3" w:rsidRDefault="00156FB3" w:rsidP="00156FB3">
            <w:r>
              <w:t xml:space="preserve">    content: "\f810";</w:t>
            </w:r>
          </w:p>
          <w:p w:rsidR="00156FB3" w:rsidRDefault="00156FB3" w:rsidP="00156FB3">
            <w:r>
              <w:t>}</w:t>
            </w:r>
          </w:p>
          <w:p w:rsidR="00156FB3" w:rsidRDefault="00156FB3" w:rsidP="00156FB3"/>
          <w:p w:rsidR="00156FB3" w:rsidRDefault="00156FB3" w:rsidP="00156FB3">
            <w:r>
              <w:t>.fa-icicles:before {</w:t>
            </w:r>
          </w:p>
          <w:p w:rsidR="00156FB3" w:rsidRDefault="00156FB3" w:rsidP="00156FB3">
            <w:r>
              <w:t xml:space="preserve">    content: "\f7ad";</w:t>
            </w:r>
          </w:p>
          <w:p w:rsidR="00156FB3" w:rsidRDefault="00156FB3" w:rsidP="00156FB3">
            <w:r>
              <w:t>}</w:t>
            </w:r>
          </w:p>
          <w:p w:rsidR="00156FB3" w:rsidRDefault="00156FB3" w:rsidP="00156FB3"/>
          <w:p w:rsidR="00156FB3" w:rsidRDefault="00156FB3" w:rsidP="00156FB3">
            <w:r>
              <w:t>.fa-icons:before {</w:t>
            </w:r>
          </w:p>
          <w:p w:rsidR="00156FB3" w:rsidRDefault="00156FB3" w:rsidP="00156FB3">
            <w:r>
              <w:t xml:space="preserve">    content: "\f86d";</w:t>
            </w:r>
          </w:p>
          <w:p w:rsidR="00156FB3" w:rsidRDefault="00156FB3" w:rsidP="00156FB3">
            <w:r>
              <w:t>}</w:t>
            </w:r>
          </w:p>
          <w:p w:rsidR="00156FB3" w:rsidRDefault="00156FB3" w:rsidP="00156FB3"/>
          <w:p w:rsidR="00156FB3" w:rsidRDefault="00156FB3" w:rsidP="00156FB3">
            <w:r>
              <w:t>.fa-id-badge:before {</w:t>
            </w:r>
          </w:p>
          <w:p w:rsidR="00156FB3" w:rsidRDefault="00156FB3" w:rsidP="00156FB3">
            <w:r>
              <w:t xml:space="preserve">    content: "\f2c1";</w:t>
            </w:r>
          </w:p>
          <w:p w:rsidR="00156FB3" w:rsidRDefault="00156FB3" w:rsidP="00156FB3">
            <w:r>
              <w:t>}</w:t>
            </w:r>
          </w:p>
          <w:p w:rsidR="00156FB3" w:rsidRDefault="00156FB3" w:rsidP="00156FB3"/>
          <w:p w:rsidR="00156FB3" w:rsidRDefault="00156FB3" w:rsidP="00156FB3">
            <w:r>
              <w:t>.fa-id-card:before {</w:t>
            </w:r>
          </w:p>
          <w:p w:rsidR="00156FB3" w:rsidRDefault="00156FB3" w:rsidP="00156FB3">
            <w:r>
              <w:t xml:space="preserve">    content: "\f2c2";</w:t>
            </w:r>
          </w:p>
          <w:p w:rsidR="00156FB3" w:rsidRDefault="00156FB3" w:rsidP="00156FB3">
            <w:r>
              <w:t>}</w:t>
            </w:r>
          </w:p>
          <w:p w:rsidR="00156FB3" w:rsidRDefault="00156FB3" w:rsidP="00156FB3"/>
          <w:p w:rsidR="00156FB3" w:rsidRDefault="00156FB3" w:rsidP="00156FB3">
            <w:r>
              <w:t>.fa-id-card-alt:before {</w:t>
            </w:r>
          </w:p>
          <w:p w:rsidR="00156FB3" w:rsidRDefault="00156FB3" w:rsidP="00156FB3">
            <w:r>
              <w:t xml:space="preserve">    content: "\f47f";</w:t>
            </w:r>
          </w:p>
          <w:p w:rsidR="00156FB3" w:rsidRDefault="00156FB3" w:rsidP="00156FB3">
            <w:r>
              <w:t>}</w:t>
            </w:r>
          </w:p>
          <w:p w:rsidR="00156FB3" w:rsidRDefault="00156FB3" w:rsidP="00156FB3"/>
          <w:p w:rsidR="00156FB3" w:rsidRDefault="00156FB3" w:rsidP="00156FB3">
            <w:r>
              <w:t>.fa-ideal:before {</w:t>
            </w:r>
          </w:p>
          <w:p w:rsidR="00156FB3" w:rsidRDefault="00156FB3" w:rsidP="00156FB3">
            <w:r>
              <w:t xml:space="preserve">    content: "\f913";</w:t>
            </w:r>
          </w:p>
          <w:p w:rsidR="00156FB3" w:rsidRDefault="00156FB3" w:rsidP="00156FB3">
            <w:r>
              <w:t>}</w:t>
            </w:r>
          </w:p>
          <w:p w:rsidR="00156FB3" w:rsidRDefault="00156FB3" w:rsidP="00156FB3"/>
          <w:p w:rsidR="00156FB3" w:rsidRDefault="00156FB3" w:rsidP="00156FB3">
            <w:r>
              <w:t>.fa-igloo:before {</w:t>
            </w:r>
          </w:p>
          <w:p w:rsidR="00156FB3" w:rsidRDefault="00156FB3" w:rsidP="00156FB3">
            <w:r>
              <w:t xml:space="preserve">    content: "\f7ae";</w:t>
            </w:r>
          </w:p>
          <w:p w:rsidR="00156FB3" w:rsidRDefault="00156FB3" w:rsidP="00156FB3">
            <w:r>
              <w:t>}</w:t>
            </w:r>
          </w:p>
          <w:p w:rsidR="00156FB3" w:rsidRDefault="00156FB3" w:rsidP="00156FB3"/>
          <w:p w:rsidR="00156FB3" w:rsidRDefault="00156FB3" w:rsidP="00156FB3">
            <w:r>
              <w:t>.fa-image:before {</w:t>
            </w:r>
          </w:p>
          <w:p w:rsidR="00156FB3" w:rsidRDefault="00156FB3" w:rsidP="00156FB3">
            <w:r>
              <w:t xml:space="preserve">    content: "\f03e";</w:t>
            </w:r>
          </w:p>
          <w:p w:rsidR="00156FB3" w:rsidRDefault="00156FB3" w:rsidP="00156FB3">
            <w:r>
              <w:t>}</w:t>
            </w:r>
          </w:p>
          <w:p w:rsidR="00156FB3" w:rsidRDefault="00156FB3" w:rsidP="00156FB3"/>
          <w:p w:rsidR="00156FB3" w:rsidRDefault="00156FB3" w:rsidP="00156FB3">
            <w:r>
              <w:t>.fa-images:before {</w:t>
            </w:r>
          </w:p>
          <w:p w:rsidR="00156FB3" w:rsidRDefault="00156FB3" w:rsidP="00156FB3">
            <w:r>
              <w:t xml:space="preserve">    content: "\f302";</w:t>
            </w:r>
          </w:p>
          <w:p w:rsidR="00156FB3" w:rsidRDefault="00156FB3" w:rsidP="00156FB3">
            <w:r>
              <w:t>}</w:t>
            </w:r>
          </w:p>
          <w:p w:rsidR="00156FB3" w:rsidRDefault="00156FB3" w:rsidP="00156FB3"/>
          <w:p w:rsidR="00156FB3" w:rsidRDefault="00156FB3" w:rsidP="00156FB3">
            <w:r>
              <w:t>.fa-imdb:before {</w:t>
            </w:r>
          </w:p>
          <w:p w:rsidR="00156FB3" w:rsidRDefault="00156FB3" w:rsidP="00156FB3">
            <w:r>
              <w:t xml:space="preserve">    content: "\f2d8";</w:t>
            </w:r>
          </w:p>
          <w:p w:rsidR="00156FB3" w:rsidRDefault="00156FB3" w:rsidP="00156FB3">
            <w:r>
              <w:t>}</w:t>
            </w:r>
          </w:p>
          <w:p w:rsidR="00156FB3" w:rsidRDefault="00156FB3" w:rsidP="00156FB3"/>
          <w:p w:rsidR="00156FB3" w:rsidRDefault="00156FB3" w:rsidP="00156FB3">
            <w:r>
              <w:t>.fa-inbox:before {</w:t>
            </w:r>
          </w:p>
          <w:p w:rsidR="00156FB3" w:rsidRDefault="00156FB3" w:rsidP="00156FB3">
            <w:r>
              <w:lastRenderedPageBreak/>
              <w:t xml:space="preserve">    content: "\f01c";</w:t>
            </w:r>
          </w:p>
          <w:p w:rsidR="00156FB3" w:rsidRDefault="00156FB3" w:rsidP="00156FB3">
            <w:r>
              <w:t>}</w:t>
            </w:r>
          </w:p>
          <w:p w:rsidR="00156FB3" w:rsidRDefault="00156FB3" w:rsidP="00156FB3"/>
          <w:p w:rsidR="00156FB3" w:rsidRDefault="00156FB3" w:rsidP="00156FB3">
            <w:r>
              <w:t>.fa-indent:before {</w:t>
            </w:r>
          </w:p>
          <w:p w:rsidR="00156FB3" w:rsidRDefault="00156FB3" w:rsidP="00156FB3">
            <w:r>
              <w:t xml:space="preserve">    content: "\f03c";</w:t>
            </w:r>
          </w:p>
          <w:p w:rsidR="00156FB3" w:rsidRDefault="00156FB3" w:rsidP="00156FB3">
            <w:r>
              <w:t>}</w:t>
            </w:r>
          </w:p>
          <w:p w:rsidR="00156FB3" w:rsidRDefault="00156FB3" w:rsidP="00156FB3"/>
          <w:p w:rsidR="00156FB3" w:rsidRDefault="00156FB3" w:rsidP="00156FB3">
            <w:r>
              <w:t>.fa-industry:before {</w:t>
            </w:r>
          </w:p>
          <w:p w:rsidR="00156FB3" w:rsidRDefault="00156FB3" w:rsidP="00156FB3">
            <w:r>
              <w:t xml:space="preserve">    content: "\f275";</w:t>
            </w:r>
          </w:p>
          <w:p w:rsidR="00156FB3" w:rsidRDefault="00156FB3" w:rsidP="00156FB3">
            <w:r>
              <w:t>}</w:t>
            </w:r>
          </w:p>
          <w:p w:rsidR="00156FB3" w:rsidRDefault="00156FB3" w:rsidP="00156FB3"/>
          <w:p w:rsidR="00156FB3" w:rsidRDefault="00156FB3" w:rsidP="00156FB3">
            <w:r>
              <w:t>.fa-infinity:before {</w:t>
            </w:r>
          </w:p>
          <w:p w:rsidR="00156FB3" w:rsidRDefault="00156FB3" w:rsidP="00156FB3">
            <w:r>
              <w:t xml:space="preserve">    content: "\f534";</w:t>
            </w:r>
          </w:p>
          <w:p w:rsidR="00156FB3" w:rsidRDefault="00156FB3" w:rsidP="00156FB3">
            <w:r>
              <w:t>}</w:t>
            </w:r>
          </w:p>
          <w:p w:rsidR="00156FB3" w:rsidRDefault="00156FB3" w:rsidP="00156FB3"/>
          <w:p w:rsidR="00156FB3" w:rsidRDefault="00156FB3" w:rsidP="00156FB3">
            <w:r>
              <w:t>.fa-info:before {</w:t>
            </w:r>
          </w:p>
          <w:p w:rsidR="00156FB3" w:rsidRDefault="00156FB3" w:rsidP="00156FB3">
            <w:r>
              <w:t xml:space="preserve">    content: "\f129";</w:t>
            </w:r>
          </w:p>
          <w:p w:rsidR="00156FB3" w:rsidRDefault="00156FB3" w:rsidP="00156FB3">
            <w:r>
              <w:t>}</w:t>
            </w:r>
          </w:p>
          <w:p w:rsidR="00156FB3" w:rsidRDefault="00156FB3" w:rsidP="00156FB3"/>
          <w:p w:rsidR="00156FB3" w:rsidRDefault="00156FB3" w:rsidP="00156FB3">
            <w:r>
              <w:t>.fa-info-circle:before {</w:t>
            </w:r>
          </w:p>
          <w:p w:rsidR="00156FB3" w:rsidRDefault="00156FB3" w:rsidP="00156FB3">
            <w:r>
              <w:t xml:space="preserve">    content: "\f05a";</w:t>
            </w:r>
          </w:p>
          <w:p w:rsidR="00156FB3" w:rsidRDefault="00156FB3" w:rsidP="00156FB3">
            <w:r>
              <w:t>}</w:t>
            </w:r>
          </w:p>
          <w:p w:rsidR="00156FB3" w:rsidRDefault="00156FB3" w:rsidP="00156FB3"/>
          <w:p w:rsidR="00156FB3" w:rsidRDefault="00156FB3" w:rsidP="00156FB3">
            <w:r>
              <w:t>.fa-instagram:before {</w:t>
            </w:r>
          </w:p>
          <w:p w:rsidR="00156FB3" w:rsidRDefault="00156FB3" w:rsidP="00156FB3">
            <w:r>
              <w:t xml:space="preserve">    content: "\f16d";</w:t>
            </w:r>
          </w:p>
          <w:p w:rsidR="00156FB3" w:rsidRDefault="00156FB3" w:rsidP="00156FB3">
            <w:r>
              <w:t>}</w:t>
            </w:r>
          </w:p>
          <w:p w:rsidR="00156FB3" w:rsidRDefault="00156FB3" w:rsidP="00156FB3"/>
          <w:p w:rsidR="00156FB3" w:rsidRDefault="00156FB3" w:rsidP="00156FB3">
            <w:r>
              <w:t>.fa-instagram-square:before {</w:t>
            </w:r>
          </w:p>
          <w:p w:rsidR="00156FB3" w:rsidRDefault="00156FB3" w:rsidP="00156FB3">
            <w:r>
              <w:t xml:space="preserve">    content: "\f955";</w:t>
            </w:r>
          </w:p>
          <w:p w:rsidR="00156FB3" w:rsidRDefault="00156FB3" w:rsidP="00156FB3">
            <w:r>
              <w:t>}</w:t>
            </w:r>
          </w:p>
          <w:p w:rsidR="00156FB3" w:rsidRDefault="00156FB3" w:rsidP="00156FB3"/>
          <w:p w:rsidR="00156FB3" w:rsidRDefault="00156FB3" w:rsidP="00156FB3">
            <w:r>
              <w:t>.fa-intercom:before {</w:t>
            </w:r>
          </w:p>
          <w:p w:rsidR="00156FB3" w:rsidRDefault="00156FB3" w:rsidP="00156FB3">
            <w:r>
              <w:t xml:space="preserve">    content: "\f7af";</w:t>
            </w:r>
          </w:p>
          <w:p w:rsidR="00156FB3" w:rsidRDefault="00156FB3" w:rsidP="00156FB3">
            <w:r>
              <w:t>}</w:t>
            </w:r>
          </w:p>
          <w:p w:rsidR="00156FB3" w:rsidRDefault="00156FB3" w:rsidP="00156FB3"/>
          <w:p w:rsidR="00156FB3" w:rsidRDefault="00156FB3" w:rsidP="00156FB3">
            <w:r>
              <w:t>.fa-internet-explorer:before {</w:t>
            </w:r>
          </w:p>
          <w:p w:rsidR="00156FB3" w:rsidRDefault="00156FB3" w:rsidP="00156FB3">
            <w:r>
              <w:t xml:space="preserve">    content: "\f26b";</w:t>
            </w:r>
          </w:p>
          <w:p w:rsidR="00156FB3" w:rsidRDefault="00156FB3" w:rsidP="00156FB3">
            <w:r>
              <w:t>}</w:t>
            </w:r>
          </w:p>
          <w:p w:rsidR="00156FB3" w:rsidRDefault="00156FB3" w:rsidP="00156FB3"/>
          <w:p w:rsidR="00156FB3" w:rsidRDefault="00156FB3" w:rsidP="00156FB3">
            <w:r>
              <w:t>.fa-invision:before {</w:t>
            </w:r>
          </w:p>
          <w:p w:rsidR="00156FB3" w:rsidRDefault="00156FB3" w:rsidP="00156FB3">
            <w:r>
              <w:t xml:space="preserve">    content: "\f7b0";</w:t>
            </w:r>
          </w:p>
          <w:p w:rsidR="00156FB3" w:rsidRDefault="00156FB3" w:rsidP="00156FB3">
            <w:r>
              <w:t>}</w:t>
            </w:r>
          </w:p>
          <w:p w:rsidR="00156FB3" w:rsidRDefault="00156FB3" w:rsidP="00156FB3"/>
          <w:p w:rsidR="00156FB3" w:rsidRDefault="00156FB3" w:rsidP="00156FB3">
            <w:r>
              <w:t>.fa-ioxhost:before {</w:t>
            </w:r>
          </w:p>
          <w:p w:rsidR="00156FB3" w:rsidRDefault="00156FB3" w:rsidP="00156FB3">
            <w:r>
              <w:t xml:space="preserve">    content: "\f208";</w:t>
            </w:r>
          </w:p>
          <w:p w:rsidR="00156FB3" w:rsidRDefault="00156FB3" w:rsidP="00156FB3">
            <w:r>
              <w:t>}</w:t>
            </w:r>
          </w:p>
          <w:p w:rsidR="00156FB3" w:rsidRDefault="00156FB3" w:rsidP="00156FB3"/>
          <w:p w:rsidR="00156FB3" w:rsidRDefault="00156FB3" w:rsidP="00156FB3">
            <w:r>
              <w:t>.fa-italic:before {</w:t>
            </w:r>
          </w:p>
          <w:p w:rsidR="00156FB3" w:rsidRDefault="00156FB3" w:rsidP="00156FB3">
            <w:r>
              <w:lastRenderedPageBreak/>
              <w:t xml:space="preserve">    content: "\f033";</w:t>
            </w:r>
          </w:p>
          <w:p w:rsidR="00156FB3" w:rsidRDefault="00156FB3" w:rsidP="00156FB3">
            <w:r>
              <w:t>}</w:t>
            </w:r>
          </w:p>
          <w:p w:rsidR="00156FB3" w:rsidRDefault="00156FB3" w:rsidP="00156FB3"/>
          <w:p w:rsidR="00156FB3" w:rsidRDefault="00156FB3" w:rsidP="00156FB3">
            <w:r>
              <w:t>.fa-itch-io:before {</w:t>
            </w:r>
          </w:p>
          <w:p w:rsidR="00156FB3" w:rsidRDefault="00156FB3" w:rsidP="00156FB3">
            <w:r>
              <w:t xml:space="preserve">    content: "\f83a";</w:t>
            </w:r>
          </w:p>
          <w:p w:rsidR="00156FB3" w:rsidRDefault="00156FB3" w:rsidP="00156FB3">
            <w:r>
              <w:t>}</w:t>
            </w:r>
          </w:p>
          <w:p w:rsidR="00156FB3" w:rsidRDefault="00156FB3" w:rsidP="00156FB3"/>
          <w:p w:rsidR="00156FB3" w:rsidRDefault="00156FB3" w:rsidP="00156FB3">
            <w:r>
              <w:t>.fa-itunes:before {</w:t>
            </w:r>
          </w:p>
          <w:p w:rsidR="00156FB3" w:rsidRDefault="00156FB3" w:rsidP="00156FB3">
            <w:r>
              <w:t xml:space="preserve">    content: "\f3b4";</w:t>
            </w:r>
          </w:p>
          <w:p w:rsidR="00156FB3" w:rsidRDefault="00156FB3" w:rsidP="00156FB3">
            <w:r>
              <w:t>}</w:t>
            </w:r>
          </w:p>
          <w:p w:rsidR="00156FB3" w:rsidRDefault="00156FB3" w:rsidP="00156FB3"/>
          <w:p w:rsidR="00156FB3" w:rsidRDefault="00156FB3" w:rsidP="00156FB3">
            <w:r>
              <w:t>.fa-itunes-note:before {</w:t>
            </w:r>
          </w:p>
          <w:p w:rsidR="00156FB3" w:rsidRDefault="00156FB3" w:rsidP="00156FB3">
            <w:r>
              <w:t xml:space="preserve">    content: "\f3b5";</w:t>
            </w:r>
          </w:p>
          <w:p w:rsidR="00156FB3" w:rsidRDefault="00156FB3" w:rsidP="00156FB3">
            <w:r>
              <w:t>}</w:t>
            </w:r>
          </w:p>
          <w:p w:rsidR="00156FB3" w:rsidRDefault="00156FB3" w:rsidP="00156FB3"/>
          <w:p w:rsidR="00156FB3" w:rsidRDefault="00156FB3" w:rsidP="00156FB3">
            <w:r>
              <w:t>.fa-java:before {</w:t>
            </w:r>
          </w:p>
          <w:p w:rsidR="00156FB3" w:rsidRDefault="00156FB3" w:rsidP="00156FB3">
            <w:r>
              <w:t xml:space="preserve">    content: "\f4e4";</w:t>
            </w:r>
          </w:p>
          <w:p w:rsidR="00156FB3" w:rsidRDefault="00156FB3" w:rsidP="00156FB3">
            <w:r>
              <w:t>}</w:t>
            </w:r>
          </w:p>
          <w:p w:rsidR="00156FB3" w:rsidRDefault="00156FB3" w:rsidP="00156FB3"/>
          <w:p w:rsidR="00156FB3" w:rsidRDefault="00156FB3" w:rsidP="00156FB3">
            <w:r>
              <w:t>.fa-jedi:before {</w:t>
            </w:r>
          </w:p>
          <w:p w:rsidR="00156FB3" w:rsidRDefault="00156FB3" w:rsidP="00156FB3">
            <w:r>
              <w:t xml:space="preserve">    content: "\f669";</w:t>
            </w:r>
          </w:p>
          <w:p w:rsidR="00156FB3" w:rsidRDefault="00156FB3" w:rsidP="00156FB3">
            <w:r>
              <w:t>}</w:t>
            </w:r>
          </w:p>
          <w:p w:rsidR="00156FB3" w:rsidRDefault="00156FB3" w:rsidP="00156FB3"/>
          <w:p w:rsidR="00156FB3" w:rsidRDefault="00156FB3" w:rsidP="00156FB3">
            <w:r>
              <w:t>.fa-jedi-order:before {</w:t>
            </w:r>
          </w:p>
          <w:p w:rsidR="00156FB3" w:rsidRDefault="00156FB3" w:rsidP="00156FB3">
            <w:r>
              <w:t xml:space="preserve">    content: "\f50e";</w:t>
            </w:r>
          </w:p>
          <w:p w:rsidR="00156FB3" w:rsidRDefault="00156FB3" w:rsidP="00156FB3">
            <w:r>
              <w:t>}</w:t>
            </w:r>
          </w:p>
          <w:p w:rsidR="00156FB3" w:rsidRDefault="00156FB3" w:rsidP="00156FB3"/>
          <w:p w:rsidR="00156FB3" w:rsidRDefault="00156FB3" w:rsidP="00156FB3">
            <w:r>
              <w:t>.fa-jenkins:before {</w:t>
            </w:r>
          </w:p>
          <w:p w:rsidR="00156FB3" w:rsidRDefault="00156FB3" w:rsidP="00156FB3">
            <w:r>
              <w:t xml:space="preserve">    content: "\f3b6";</w:t>
            </w:r>
          </w:p>
          <w:p w:rsidR="00156FB3" w:rsidRDefault="00156FB3" w:rsidP="00156FB3">
            <w:r>
              <w:t>}</w:t>
            </w:r>
          </w:p>
          <w:p w:rsidR="00156FB3" w:rsidRDefault="00156FB3" w:rsidP="00156FB3"/>
          <w:p w:rsidR="00156FB3" w:rsidRDefault="00156FB3" w:rsidP="00156FB3">
            <w:r>
              <w:t>.fa-jira:before {</w:t>
            </w:r>
          </w:p>
          <w:p w:rsidR="00156FB3" w:rsidRDefault="00156FB3" w:rsidP="00156FB3">
            <w:r>
              <w:t xml:space="preserve">    content: "\f7b1";</w:t>
            </w:r>
          </w:p>
          <w:p w:rsidR="00156FB3" w:rsidRDefault="00156FB3" w:rsidP="00156FB3">
            <w:r>
              <w:t>}</w:t>
            </w:r>
          </w:p>
          <w:p w:rsidR="00156FB3" w:rsidRDefault="00156FB3" w:rsidP="00156FB3"/>
          <w:p w:rsidR="00156FB3" w:rsidRDefault="00156FB3" w:rsidP="00156FB3">
            <w:r>
              <w:t>.fa-joget:before {</w:t>
            </w:r>
          </w:p>
          <w:p w:rsidR="00156FB3" w:rsidRDefault="00156FB3" w:rsidP="00156FB3">
            <w:r>
              <w:t xml:space="preserve">    content: "\f3b7";</w:t>
            </w:r>
          </w:p>
          <w:p w:rsidR="00156FB3" w:rsidRDefault="00156FB3" w:rsidP="00156FB3">
            <w:r>
              <w:t>}</w:t>
            </w:r>
          </w:p>
          <w:p w:rsidR="00156FB3" w:rsidRDefault="00156FB3" w:rsidP="00156FB3"/>
          <w:p w:rsidR="00156FB3" w:rsidRDefault="00156FB3" w:rsidP="00156FB3">
            <w:r>
              <w:t>.fa-joint:before {</w:t>
            </w:r>
          </w:p>
          <w:p w:rsidR="00156FB3" w:rsidRDefault="00156FB3" w:rsidP="00156FB3">
            <w:r>
              <w:t xml:space="preserve">    content: "\f595";</w:t>
            </w:r>
          </w:p>
          <w:p w:rsidR="00156FB3" w:rsidRDefault="00156FB3" w:rsidP="00156FB3">
            <w:r>
              <w:t>}</w:t>
            </w:r>
          </w:p>
          <w:p w:rsidR="00156FB3" w:rsidRDefault="00156FB3" w:rsidP="00156FB3"/>
          <w:p w:rsidR="00156FB3" w:rsidRDefault="00156FB3" w:rsidP="00156FB3">
            <w:r>
              <w:t>.fa-joomla:before {</w:t>
            </w:r>
          </w:p>
          <w:p w:rsidR="00156FB3" w:rsidRDefault="00156FB3" w:rsidP="00156FB3">
            <w:r>
              <w:t xml:space="preserve">    content: "\f1aa";</w:t>
            </w:r>
          </w:p>
          <w:p w:rsidR="00156FB3" w:rsidRDefault="00156FB3" w:rsidP="00156FB3">
            <w:r>
              <w:t>}</w:t>
            </w:r>
          </w:p>
          <w:p w:rsidR="00156FB3" w:rsidRDefault="00156FB3" w:rsidP="00156FB3"/>
          <w:p w:rsidR="00156FB3" w:rsidRDefault="00156FB3" w:rsidP="00156FB3">
            <w:r>
              <w:t>.fa-journal-whills:before {</w:t>
            </w:r>
          </w:p>
          <w:p w:rsidR="00156FB3" w:rsidRDefault="00156FB3" w:rsidP="00156FB3">
            <w:r>
              <w:lastRenderedPageBreak/>
              <w:t xml:space="preserve">    content: "\f66a";</w:t>
            </w:r>
          </w:p>
          <w:p w:rsidR="00156FB3" w:rsidRDefault="00156FB3" w:rsidP="00156FB3">
            <w:r>
              <w:t>}</w:t>
            </w:r>
          </w:p>
          <w:p w:rsidR="00156FB3" w:rsidRDefault="00156FB3" w:rsidP="00156FB3"/>
          <w:p w:rsidR="00156FB3" w:rsidRDefault="00156FB3" w:rsidP="00156FB3">
            <w:r>
              <w:t>.fa-js:before {</w:t>
            </w:r>
          </w:p>
          <w:p w:rsidR="00156FB3" w:rsidRDefault="00156FB3" w:rsidP="00156FB3">
            <w:r>
              <w:t xml:space="preserve">    content: "\f3b8";</w:t>
            </w:r>
          </w:p>
          <w:p w:rsidR="00156FB3" w:rsidRDefault="00156FB3" w:rsidP="00156FB3">
            <w:r>
              <w:t>}</w:t>
            </w:r>
          </w:p>
          <w:p w:rsidR="00156FB3" w:rsidRDefault="00156FB3" w:rsidP="00156FB3"/>
          <w:p w:rsidR="00156FB3" w:rsidRDefault="00156FB3" w:rsidP="00156FB3">
            <w:r>
              <w:t>.fa-js-square:before {</w:t>
            </w:r>
          </w:p>
          <w:p w:rsidR="00156FB3" w:rsidRDefault="00156FB3" w:rsidP="00156FB3">
            <w:r>
              <w:t xml:space="preserve">    content: "\f3b9";</w:t>
            </w:r>
          </w:p>
          <w:p w:rsidR="00156FB3" w:rsidRDefault="00156FB3" w:rsidP="00156FB3">
            <w:r>
              <w:t>}</w:t>
            </w:r>
          </w:p>
          <w:p w:rsidR="00156FB3" w:rsidRDefault="00156FB3" w:rsidP="00156FB3"/>
          <w:p w:rsidR="00156FB3" w:rsidRDefault="00156FB3" w:rsidP="00156FB3">
            <w:r>
              <w:t>.fa-jsfiddle:before {</w:t>
            </w:r>
          </w:p>
          <w:p w:rsidR="00156FB3" w:rsidRDefault="00156FB3" w:rsidP="00156FB3">
            <w:r>
              <w:t xml:space="preserve">    content: "\f1cc";</w:t>
            </w:r>
          </w:p>
          <w:p w:rsidR="00156FB3" w:rsidRDefault="00156FB3" w:rsidP="00156FB3">
            <w:r>
              <w:t>}</w:t>
            </w:r>
          </w:p>
          <w:p w:rsidR="00156FB3" w:rsidRDefault="00156FB3" w:rsidP="00156FB3"/>
          <w:p w:rsidR="00156FB3" w:rsidRDefault="00156FB3" w:rsidP="00156FB3">
            <w:r>
              <w:t>.fa-kaaba:before {</w:t>
            </w:r>
          </w:p>
          <w:p w:rsidR="00156FB3" w:rsidRDefault="00156FB3" w:rsidP="00156FB3">
            <w:r>
              <w:t xml:space="preserve">    content: "\f66b";</w:t>
            </w:r>
          </w:p>
          <w:p w:rsidR="00156FB3" w:rsidRDefault="00156FB3" w:rsidP="00156FB3">
            <w:r>
              <w:t>}</w:t>
            </w:r>
          </w:p>
          <w:p w:rsidR="00156FB3" w:rsidRDefault="00156FB3" w:rsidP="00156FB3"/>
          <w:p w:rsidR="00156FB3" w:rsidRDefault="00156FB3" w:rsidP="00156FB3">
            <w:r>
              <w:t>.fa-kaggle:before {</w:t>
            </w:r>
          </w:p>
          <w:p w:rsidR="00156FB3" w:rsidRDefault="00156FB3" w:rsidP="00156FB3">
            <w:r>
              <w:t xml:space="preserve">    content: "\f5fa";</w:t>
            </w:r>
          </w:p>
          <w:p w:rsidR="00156FB3" w:rsidRDefault="00156FB3" w:rsidP="00156FB3">
            <w:r>
              <w:t>}</w:t>
            </w:r>
          </w:p>
          <w:p w:rsidR="00156FB3" w:rsidRDefault="00156FB3" w:rsidP="00156FB3"/>
          <w:p w:rsidR="00156FB3" w:rsidRDefault="00156FB3" w:rsidP="00156FB3">
            <w:r>
              <w:t>.fa-key:before {</w:t>
            </w:r>
          </w:p>
          <w:p w:rsidR="00156FB3" w:rsidRDefault="00156FB3" w:rsidP="00156FB3">
            <w:r>
              <w:t xml:space="preserve">    content: "\f084";</w:t>
            </w:r>
          </w:p>
          <w:p w:rsidR="00156FB3" w:rsidRDefault="00156FB3" w:rsidP="00156FB3">
            <w:r>
              <w:t>}</w:t>
            </w:r>
          </w:p>
          <w:p w:rsidR="00156FB3" w:rsidRDefault="00156FB3" w:rsidP="00156FB3"/>
          <w:p w:rsidR="00156FB3" w:rsidRDefault="00156FB3" w:rsidP="00156FB3">
            <w:r>
              <w:t>.fa-keybase:before {</w:t>
            </w:r>
          </w:p>
          <w:p w:rsidR="00156FB3" w:rsidRDefault="00156FB3" w:rsidP="00156FB3">
            <w:r>
              <w:t xml:space="preserve">    content: "\f4f5";</w:t>
            </w:r>
          </w:p>
          <w:p w:rsidR="00156FB3" w:rsidRDefault="00156FB3" w:rsidP="00156FB3">
            <w:r>
              <w:t>}</w:t>
            </w:r>
          </w:p>
          <w:p w:rsidR="00156FB3" w:rsidRDefault="00156FB3" w:rsidP="00156FB3"/>
          <w:p w:rsidR="00156FB3" w:rsidRDefault="00156FB3" w:rsidP="00156FB3">
            <w:r>
              <w:t>.fa-keyboard:before {</w:t>
            </w:r>
          </w:p>
          <w:p w:rsidR="00156FB3" w:rsidRDefault="00156FB3" w:rsidP="00156FB3">
            <w:r>
              <w:t xml:space="preserve">    content: "\f11c";</w:t>
            </w:r>
          </w:p>
          <w:p w:rsidR="00156FB3" w:rsidRDefault="00156FB3" w:rsidP="00156FB3">
            <w:r>
              <w:t>}</w:t>
            </w:r>
          </w:p>
          <w:p w:rsidR="00156FB3" w:rsidRDefault="00156FB3" w:rsidP="00156FB3"/>
          <w:p w:rsidR="00156FB3" w:rsidRDefault="00156FB3" w:rsidP="00156FB3">
            <w:r>
              <w:t>.fa-keycdn:before {</w:t>
            </w:r>
          </w:p>
          <w:p w:rsidR="00156FB3" w:rsidRDefault="00156FB3" w:rsidP="00156FB3">
            <w:r>
              <w:t xml:space="preserve">    content: "\f3ba";</w:t>
            </w:r>
          </w:p>
          <w:p w:rsidR="00156FB3" w:rsidRDefault="00156FB3" w:rsidP="00156FB3">
            <w:r>
              <w:t>}</w:t>
            </w:r>
          </w:p>
          <w:p w:rsidR="00156FB3" w:rsidRDefault="00156FB3" w:rsidP="00156FB3"/>
          <w:p w:rsidR="00156FB3" w:rsidRDefault="00156FB3" w:rsidP="00156FB3">
            <w:r>
              <w:t>.fa-khanda:before {</w:t>
            </w:r>
          </w:p>
          <w:p w:rsidR="00156FB3" w:rsidRDefault="00156FB3" w:rsidP="00156FB3">
            <w:r>
              <w:t xml:space="preserve">    content: "\f66d";</w:t>
            </w:r>
          </w:p>
          <w:p w:rsidR="00156FB3" w:rsidRDefault="00156FB3" w:rsidP="00156FB3">
            <w:r>
              <w:t>}</w:t>
            </w:r>
          </w:p>
          <w:p w:rsidR="00156FB3" w:rsidRDefault="00156FB3" w:rsidP="00156FB3"/>
          <w:p w:rsidR="00156FB3" w:rsidRDefault="00156FB3" w:rsidP="00156FB3">
            <w:r>
              <w:t>.fa-kickstarter:before {</w:t>
            </w:r>
          </w:p>
          <w:p w:rsidR="00156FB3" w:rsidRDefault="00156FB3" w:rsidP="00156FB3">
            <w:r>
              <w:t xml:space="preserve">    content: "\f3bb";</w:t>
            </w:r>
          </w:p>
          <w:p w:rsidR="00156FB3" w:rsidRDefault="00156FB3" w:rsidP="00156FB3">
            <w:r>
              <w:t>}</w:t>
            </w:r>
          </w:p>
          <w:p w:rsidR="00156FB3" w:rsidRDefault="00156FB3" w:rsidP="00156FB3"/>
          <w:p w:rsidR="00156FB3" w:rsidRDefault="00156FB3" w:rsidP="00156FB3">
            <w:r>
              <w:t>.fa-kickstarter-k:before {</w:t>
            </w:r>
          </w:p>
          <w:p w:rsidR="00156FB3" w:rsidRDefault="00156FB3" w:rsidP="00156FB3">
            <w:r>
              <w:lastRenderedPageBreak/>
              <w:t xml:space="preserve">    content: "\f3bc";</w:t>
            </w:r>
          </w:p>
          <w:p w:rsidR="00156FB3" w:rsidRDefault="00156FB3" w:rsidP="00156FB3">
            <w:r>
              <w:t>}</w:t>
            </w:r>
          </w:p>
          <w:p w:rsidR="00156FB3" w:rsidRDefault="00156FB3" w:rsidP="00156FB3"/>
          <w:p w:rsidR="00156FB3" w:rsidRDefault="00156FB3" w:rsidP="00156FB3">
            <w:r>
              <w:t>.fa-kiss:before {</w:t>
            </w:r>
          </w:p>
          <w:p w:rsidR="00156FB3" w:rsidRDefault="00156FB3" w:rsidP="00156FB3">
            <w:r>
              <w:t xml:space="preserve">    content: "\f596";</w:t>
            </w:r>
          </w:p>
          <w:p w:rsidR="00156FB3" w:rsidRDefault="00156FB3" w:rsidP="00156FB3">
            <w:r>
              <w:t>}</w:t>
            </w:r>
          </w:p>
          <w:p w:rsidR="00156FB3" w:rsidRDefault="00156FB3" w:rsidP="00156FB3"/>
          <w:p w:rsidR="00156FB3" w:rsidRDefault="00156FB3" w:rsidP="00156FB3">
            <w:r>
              <w:t>.fa-kiss-beam:before {</w:t>
            </w:r>
          </w:p>
          <w:p w:rsidR="00156FB3" w:rsidRDefault="00156FB3" w:rsidP="00156FB3">
            <w:r>
              <w:t xml:space="preserve">    content: "\f597";</w:t>
            </w:r>
          </w:p>
          <w:p w:rsidR="00156FB3" w:rsidRDefault="00156FB3" w:rsidP="00156FB3">
            <w:r>
              <w:t>}</w:t>
            </w:r>
          </w:p>
          <w:p w:rsidR="00156FB3" w:rsidRDefault="00156FB3" w:rsidP="00156FB3"/>
          <w:p w:rsidR="00156FB3" w:rsidRDefault="00156FB3" w:rsidP="00156FB3">
            <w:r>
              <w:t>.fa-kiss-wink-heart:before {</w:t>
            </w:r>
          </w:p>
          <w:p w:rsidR="00156FB3" w:rsidRDefault="00156FB3" w:rsidP="00156FB3">
            <w:r>
              <w:t xml:space="preserve">    content: "\f598";</w:t>
            </w:r>
          </w:p>
          <w:p w:rsidR="00156FB3" w:rsidRDefault="00156FB3" w:rsidP="00156FB3">
            <w:r>
              <w:t>}</w:t>
            </w:r>
          </w:p>
          <w:p w:rsidR="00156FB3" w:rsidRDefault="00156FB3" w:rsidP="00156FB3"/>
          <w:p w:rsidR="00156FB3" w:rsidRDefault="00156FB3" w:rsidP="00156FB3">
            <w:r>
              <w:t>.fa-kiwi-bird:before {</w:t>
            </w:r>
          </w:p>
          <w:p w:rsidR="00156FB3" w:rsidRDefault="00156FB3" w:rsidP="00156FB3">
            <w:r>
              <w:t xml:space="preserve">    content: "\f535";</w:t>
            </w:r>
          </w:p>
          <w:p w:rsidR="00156FB3" w:rsidRDefault="00156FB3" w:rsidP="00156FB3">
            <w:r>
              <w:t>}</w:t>
            </w:r>
          </w:p>
          <w:p w:rsidR="00156FB3" w:rsidRDefault="00156FB3" w:rsidP="00156FB3"/>
          <w:p w:rsidR="00156FB3" w:rsidRDefault="00156FB3" w:rsidP="00156FB3">
            <w:r>
              <w:t>.fa-korvue:before {</w:t>
            </w:r>
          </w:p>
          <w:p w:rsidR="00156FB3" w:rsidRDefault="00156FB3" w:rsidP="00156FB3">
            <w:r>
              <w:t xml:space="preserve">    content: "\f42f";</w:t>
            </w:r>
          </w:p>
          <w:p w:rsidR="00156FB3" w:rsidRDefault="00156FB3" w:rsidP="00156FB3">
            <w:r>
              <w:t>}</w:t>
            </w:r>
          </w:p>
          <w:p w:rsidR="00156FB3" w:rsidRDefault="00156FB3" w:rsidP="00156FB3"/>
          <w:p w:rsidR="00156FB3" w:rsidRDefault="00156FB3" w:rsidP="00156FB3">
            <w:r>
              <w:t>.fa-landmark:before {</w:t>
            </w:r>
          </w:p>
          <w:p w:rsidR="00156FB3" w:rsidRDefault="00156FB3" w:rsidP="00156FB3">
            <w:r>
              <w:t xml:space="preserve">    content: "\f66f";</w:t>
            </w:r>
          </w:p>
          <w:p w:rsidR="00156FB3" w:rsidRDefault="00156FB3" w:rsidP="00156FB3">
            <w:r>
              <w:t>}</w:t>
            </w:r>
          </w:p>
          <w:p w:rsidR="00156FB3" w:rsidRDefault="00156FB3" w:rsidP="00156FB3"/>
          <w:p w:rsidR="00156FB3" w:rsidRDefault="00156FB3" w:rsidP="00156FB3">
            <w:r>
              <w:t>.fa-language:before {</w:t>
            </w:r>
          </w:p>
          <w:p w:rsidR="00156FB3" w:rsidRDefault="00156FB3" w:rsidP="00156FB3">
            <w:r>
              <w:t xml:space="preserve">    content: "\f1ab";</w:t>
            </w:r>
          </w:p>
          <w:p w:rsidR="00156FB3" w:rsidRDefault="00156FB3" w:rsidP="00156FB3">
            <w:r>
              <w:t>}</w:t>
            </w:r>
          </w:p>
          <w:p w:rsidR="00156FB3" w:rsidRDefault="00156FB3" w:rsidP="00156FB3"/>
          <w:p w:rsidR="00156FB3" w:rsidRDefault="00156FB3" w:rsidP="00156FB3">
            <w:r>
              <w:t>.fa-laptop:before {</w:t>
            </w:r>
          </w:p>
          <w:p w:rsidR="00156FB3" w:rsidRDefault="00156FB3" w:rsidP="00156FB3">
            <w:r>
              <w:t xml:space="preserve">    content: "\f109";</w:t>
            </w:r>
          </w:p>
          <w:p w:rsidR="00156FB3" w:rsidRDefault="00156FB3" w:rsidP="00156FB3">
            <w:r>
              <w:t>}</w:t>
            </w:r>
          </w:p>
          <w:p w:rsidR="00156FB3" w:rsidRDefault="00156FB3" w:rsidP="00156FB3"/>
          <w:p w:rsidR="00156FB3" w:rsidRDefault="00156FB3" w:rsidP="00156FB3">
            <w:r>
              <w:t>.fa-laptop-code:before {</w:t>
            </w:r>
          </w:p>
          <w:p w:rsidR="00156FB3" w:rsidRDefault="00156FB3" w:rsidP="00156FB3">
            <w:r>
              <w:t xml:space="preserve">    content: "\f5fc";</w:t>
            </w:r>
          </w:p>
          <w:p w:rsidR="00156FB3" w:rsidRDefault="00156FB3" w:rsidP="00156FB3">
            <w:r>
              <w:t>}</w:t>
            </w:r>
          </w:p>
          <w:p w:rsidR="00156FB3" w:rsidRDefault="00156FB3" w:rsidP="00156FB3"/>
          <w:p w:rsidR="00156FB3" w:rsidRDefault="00156FB3" w:rsidP="00156FB3">
            <w:r>
              <w:t>.fa-laptop-house:before {</w:t>
            </w:r>
          </w:p>
          <w:p w:rsidR="00156FB3" w:rsidRDefault="00156FB3" w:rsidP="00156FB3">
            <w:r>
              <w:t xml:space="preserve">    content: "\f966";</w:t>
            </w:r>
          </w:p>
          <w:p w:rsidR="00156FB3" w:rsidRDefault="00156FB3" w:rsidP="00156FB3">
            <w:r>
              <w:t>}</w:t>
            </w:r>
          </w:p>
          <w:p w:rsidR="00156FB3" w:rsidRDefault="00156FB3" w:rsidP="00156FB3"/>
          <w:p w:rsidR="00156FB3" w:rsidRDefault="00156FB3" w:rsidP="00156FB3">
            <w:r>
              <w:t>.fa-laptop-medical:before {</w:t>
            </w:r>
          </w:p>
          <w:p w:rsidR="00156FB3" w:rsidRDefault="00156FB3" w:rsidP="00156FB3">
            <w:r>
              <w:t xml:space="preserve">    content: "\f812";</w:t>
            </w:r>
          </w:p>
          <w:p w:rsidR="00156FB3" w:rsidRDefault="00156FB3" w:rsidP="00156FB3">
            <w:r>
              <w:t>}</w:t>
            </w:r>
          </w:p>
          <w:p w:rsidR="00156FB3" w:rsidRDefault="00156FB3" w:rsidP="00156FB3"/>
          <w:p w:rsidR="00156FB3" w:rsidRDefault="00156FB3" w:rsidP="00156FB3">
            <w:r>
              <w:t>.fa-laravel:before {</w:t>
            </w:r>
          </w:p>
          <w:p w:rsidR="00156FB3" w:rsidRDefault="00156FB3" w:rsidP="00156FB3">
            <w:r>
              <w:lastRenderedPageBreak/>
              <w:t xml:space="preserve">    content: "\f3bd";</w:t>
            </w:r>
          </w:p>
          <w:p w:rsidR="00156FB3" w:rsidRDefault="00156FB3" w:rsidP="00156FB3">
            <w:r>
              <w:t>}</w:t>
            </w:r>
          </w:p>
          <w:p w:rsidR="00156FB3" w:rsidRDefault="00156FB3" w:rsidP="00156FB3"/>
          <w:p w:rsidR="00156FB3" w:rsidRDefault="00156FB3" w:rsidP="00156FB3">
            <w:r>
              <w:t>.fa-lastfm:before {</w:t>
            </w:r>
          </w:p>
          <w:p w:rsidR="00156FB3" w:rsidRDefault="00156FB3" w:rsidP="00156FB3">
            <w:r>
              <w:t xml:space="preserve">    content: "\f202";</w:t>
            </w:r>
          </w:p>
          <w:p w:rsidR="00156FB3" w:rsidRDefault="00156FB3" w:rsidP="00156FB3">
            <w:r>
              <w:t>}</w:t>
            </w:r>
          </w:p>
          <w:p w:rsidR="00156FB3" w:rsidRDefault="00156FB3" w:rsidP="00156FB3"/>
          <w:p w:rsidR="00156FB3" w:rsidRDefault="00156FB3" w:rsidP="00156FB3">
            <w:r>
              <w:t>.fa-lastfm-square:before {</w:t>
            </w:r>
          </w:p>
          <w:p w:rsidR="00156FB3" w:rsidRDefault="00156FB3" w:rsidP="00156FB3">
            <w:r>
              <w:t xml:space="preserve">    content: "\f203";</w:t>
            </w:r>
          </w:p>
          <w:p w:rsidR="00156FB3" w:rsidRDefault="00156FB3" w:rsidP="00156FB3">
            <w:r>
              <w:t>}</w:t>
            </w:r>
          </w:p>
          <w:p w:rsidR="00156FB3" w:rsidRDefault="00156FB3" w:rsidP="00156FB3"/>
          <w:p w:rsidR="00156FB3" w:rsidRDefault="00156FB3" w:rsidP="00156FB3">
            <w:r>
              <w:t>.fa-laugh:before {</w:t>
            </w:r>
          </w:p>
          <w:p w:rsidR="00156FB3" w:rsidRDefault="00156FB3" w:rsidP="00156FB3">
            <w:r>
              <w:t xml:space="preserve">    content: "\f599";</w:t>
            </w:r>
          </w:p>
          <w:p w:rsidR="00156FB3" w:rsidRDefault="00156FB3" w:rsidP="00156FB3">
            <w:r>
              <w:t>}</w:t>
            </w:r>
          </w:p>
          <w:p w:rsidR="00156FB3" w:rsidRDefault="00156FB3" w:rsidP="00156FB3"/>
          <w:p w:rsidR="00156FB3" w:rsidRDefault="00156FB3" w:rsidP="00156FB3">
            <w:r>
              <w:t>.fa-laugh-beam:before {</w:t>
            </w:r>
          </w:p>
          <w:p w:rsidR="00156FB3" w:rsidRDefault="00156FB3" w:rsidP="00156FB3">
            <w:r>
              <w:t xml:space="preserve">    content: "\f59a";</w:t>
            </w:r>
          </w:p>
          <w:p w:rsidR="00156FB3" w:rsidRDefault="00156FB3" w:rsidP="00156FB3">
            <w:r>
              <w:t>}</w:t>
            </w:r>
          </w:p>
          <w:p w:rsidR="00156FB3" w:rsidRDefault="00156FB3" w:rsidP="00156FB3"/>
          <w:p w:rsidR="00156FB3" w:rsidRDefault="00156FB3" w:rsidP="00156FB3">
            <w:r>
              <w:t>.fa-laugh-squint:before {</w:t>
            </w:r>
          </w:p>
          <w:p w:rsidR="00156FB3" w:rsidRDefault="00156FB3" w:rsidP="00156FB3">
            <w:r>
              <w:t xml:space="preserve">    content: "\f59b";</w:t>
            </w:r>
          </w:p>
          <w:p w:rsidR="00156FB3" w:rsidRDefault="00156FB3" w:rsidP="00156FB3">
            <w:r>
              <w:t>}</w:t>
            </w:r>
          </w:p>
          <w:p w:rsidR="00156FB3" w:rsidRDefault="00156FB3" w:rsidP="00156FB3"/>
          <w:p w:rsidR="00156FB3" w:rsidRDefault="00156FB3" w:rsidP="00156FB3">
            <w:r>
              <w:t>.fa-laugh-wink:before {</w:t>
            </w:r>
          </w:p>
          <w:p w:rsidR="00156FB3" w:rsidRDefault="00156FB3" w:rsidP="00156FB3">
            <w:r>
              <w:t xml:space="preserve">    content: "\f59c";</w:t>
            </w:r>
          </w:p>
          <w:p w:rsidR="00156FB3" w:rsidRDefault="00156FB3" w:rsidP="00156FB3">
            <w:r>
              <w:t>}</w:t>
            </w:r>
          </w:p>
          <w:p w:rsidR="00156FB3" w:rsidRDefault="00156FB3" w:rsidP="00156FB3"/>
          <w:p w:rsidR="00156FB3" w:rsidRDefault="00156FB3" w:rsidP="00156FB3">
            <w:r>
              <w:t>.fa-layer-group:before {</w:t>
            </w:r>
          </w:p>
          <w:p w:rsidR="00156FB3" w:rsidRDefault="00156FB3" w:rsidP="00156FB3">
            <w:r>
              <w:t xml:space="preserve">    content: "\f5fd";</w:t>
            </w:r>
          </w:p>
          <w:p w:rsidR="00156FB3" w:rsidRDefault="00156FB3" w:rsidP="00156FB3">
            <w:r>
              <w:t>}</w:t>
            </w:r>
          </w:p>
          <w:p w:rsidR="00156FB3" w:rsidRDefault="00156FB3" w:rsidP="00156FB3"/>
          <w:p w:rsidR="00156FB3" w:rsidRDefault="00156FB3" w:rsidP="00156FB3">
            <w:r>
              <w:t>.fa-leaf:before {</w:t>
            </w:r>
          </w:p>
          <w:p w:rsidR="00156FB3" w:rsidRDefault="00156FB3" w:rsidP="00156FB3">
            <w:r>
              <w:t xml:space="preserve">    content: "\f06c";</w:t>
            </w:r>
          </w:p>
          <w:p w:rsidR="00156FB3" w:rsidRDefault="00156FB3" w:rsidP="00156FB3">
            <w:r>
              <w:t>}</w:t>
            </w:r>
          </w:p>
          <w:p w:rsidR="00156FB3" w:rsidRDefault="00156FB3" w:rsidP="00156FB3"/>
          <w:p w:rsidR="00156FB3" w:rsidRDefault="00156FB3" w:rsidP="00156FB3">
            <w:r>
              <w:t>.fa-leanpub:before {</w:t>
            </w:r>
          </w:p>
          <w:p w:rsidR="00156FB3" w:rsidRDefault="00156FB3" w:rsidP="00156FB3">
            <w:r>
              <w:t xml:space="preserve">    content: "\f212";</w:t>
            </w:r>
          </w:p>
          <w:p w:rsidR="00156FB3" w:rsidRDefault="00156FB3" w:rsidP="00156FB3">
            <w:r>
              <w:t>}</w:t>
            </w:r>
          </w:p>
          <w:p w:rsidR="00156FB3" w:rsidRDefault="00156FB3" w:rsidP="00156FB3"/>
          <w:p w:rsidR="00156FB3" w:rsidRDefault="00156FB3" w:rsidP="00156FB3">
            <w:r>
              <w:t>.fa-lemon:before {</w:t>
            </w:r>
          </w:p>
          <w:p w:rsidR="00156FB3" w:rsidRDefault="00156FB3" w:rsidP="00156FB3">
            <w:r>
              <w:t xml:space="preserve">    content: "\f094";</w:t>
            </w:r>
          </w:p>
          <w:p w:rsidR="00156FB3" w:rsidRDefault="00156FB3" w:rsidP="00156FB3">
            <w:r>
              <w:t>}</w:t>
            </w:r>
          </w:p>
          <w:p w:rsidR="00156FB3" w:rsidRDefault="00156FB3" w:rsidP="00156FB3"/>
          <w:p w:rsidR="00156FB3" w:rsidRDefault="00156FB3" w:rsidP="00156FB3">
            <w:r>
              <w:t>.fa-less:before {</w:t>
            </w:r>
          </w:p>
          <w:p w:rsidR="00156FB3" w:rsidRDefault="00156FB3" w:rsidP="00156FB3">
            <w:r>
              <w:t xml:space="preserve">    content: "\f41d";</w:t>
            </w:r>
          </w:p>
          <w:p w:rsidR="00156FB3" w:rsidRDefault="00156FB3" w:rsidP="00156FB3">
            <w:r>
              <w:t>}</w:t>
            </w:r>
          </w:p>
          <w:p w:rsidR="00156FB3" w:rsidRDefault="00156FB3" w:rsidP="00156FB3"/>
          <w:p w:rsidR="00156FB3" w:rsidRDefault="00156FB3" w:rsidP="00156FB3">
            <w:r>
              <w:t>.fa-less-than:before {</w:t>
            </w:r>
          </w:p>
          <w:p w:rsidR="00156FB3" w:rsidRDefault="00156FB3" w:rsidP="00156FB3">
            <w:r>
              <w:lastRenderedPageBreak/>
              <w:t xml:space="preserve">    content: "\f536";</w:t>
            </w:r>
          </w:p>
          <w:p w:rsidR="00156FB3" w:rsidRDefault="00156FB3" w:rsidP="00156FB3">
            <w:r>
              <w:t>}</w:t>
            </w:r>
          </w:p>
          <w:p w:rsidR="00156FB3" w:rsidRDefault="00156FB3" w:rsidP="00156FB3"/>
          <w:p w:rsidR="00156FB3" w:rsidRDefault="00156FB3" w:rsidP="00156FB3">
            <w:r>
              <w:t>.fa-less-than-equal:before {</w:t>
            </w:r>
          </w:p>
          <w:p w:rsidR="00156FB3" w:rsidRDefault="00156FB3" w:rsidP="00156FB3">
            <w:r>
              <w:t xml:space="preserve">    content: "\f537";</w:t>
            </w:r>
          </w:p>
          <w:p w:rsidR="00156FB3" w:rsidRDefault="00156FB3" w:rsidP="00156FB3">
            <w:r>
              <w:t>}</w:t>
            </w:r>
          </w:p>
          <w:p w:rsidR="00156FB3" w:rsidRDefault="00156FB3" w:rsidP="00156FB3"/>
          <w:p w:rsidR="00156FB3" w:rsidRDefault="00156FB3" w:rsidP="00156FB3">
            <w:r>
              <w:t>.fa-level-down-alt:before {</w:t>
            </w:r>
          </w:p>
          <w:p w:rsidR="00156FB3" w:rsidRDefault="00156FB3" w:rsidP="00156FB3">
            <w:r>
              <w:t xml:space="preserve">    content: "\f3be";</w:t>
            </w:r>
          </w:p>
          <w:p w:rsidR="00156FB3" w:rsidRDefault="00156FB3" w:rsidP="00156FB3">
            <w:r>
              <w:t>}</w:t>
            </w:r>
          </w:p>
          <w:p w:rsidR="00156FB3" w:rsidRDefault="00156FB3" w:rsidP="00156FB3"/>
          <w:p w:rsidR="00156FB3" w:rsidRDefault="00156FB3" w:rsidP="00156FB3">
            <w:r>
              <w:t>.fa-level-up-alt:before {</w:t>
            </w:r>
          </w:p>
          <w:p w:rsidR="00156FB3" w:rsidRDefault="00156FB3" w:rsidP="00156FB3">
            <w:r>
              <w:t xml:space="preserve">    content: "\f3bf";</w:t>
            </w:r>
          </w:p>
          <w:p w:rsidR="00156FB3" w:rsidRDefault="00156FB3" w:rsidP="00156FB3">
            <w:r>
              <w:t>}</w:t>
            </w:r>
          </w:p>
          <w:p w:rsidR="00156FB3" w:rsidRDefault="00156FB3" w:rsidP="00156FB3"/>
          <w:p w:rsidR="00156FB3" w:rsidRDefault="00156FB3" w:rsidP="00156FB3">
            <w:r>
              <w:t>.fa-life-ring:before {</w:t>
            </w:r>
          </w:p>
          <w:p w:rsidR="00156FB3" w:rsidRDefault="00156FB3" w:rsidP="00156FB3">
            <w:r>
              <w:t xml:space="preserve">    content: "\f1cd";</w:t>
            </w:r>
          </w:p>
          <w:p w:rsidR="00156FB3" w:rsidRDefault="00156FB3" w:rsidP="00156FB3">
            <w:r>
              <w:t>}</w:t>
            </w:r>
          </w:p>
          <w:p w:rsidR="00156FB3" w:rsidRDefault="00156FB3" w:rsidP="00156FB3"/>
          <w:p w:rsidR="00156FB3" w:rsidRDefault="00156FB3" w:rsidP="00156FB3">
            <w:r>
              <w:t>.fa-lightbulb:before {</w:t>
            </w:r>
          </w:p>
          <w:p w:rsidR="00156FB3" w:rsidRDefault="00156FB3" w:rsidP="00156FB3">
            <w:r>
              <w:t xml:space="preserve">    content: "\f0eb";</w:t>
            </w:r>
          </w:p>
          <w:p w:rsidR="00156FB3" w:rsidRDefault="00156FB3" w:rsidP="00156FB3">
            <w:r>
              <w:t>}</w:t>
            </w:r>
          </w:p>
          <w:p w:rsidR="00156FB3" w:rsidRDefault="00156FB3" w:rsidP="00156FB3"/>
          <w:p w:rsidR="00156FB3" w:rsidRDefault="00156FB3" w:rsidP="00156FB3">
            <w:r>
              <w:t>.fa-line:before {</w:t>
            </w:r>
          </w:p>
          <w:p w:rsidR="00156FB3" w:rsidRDefault="00156FB3" w:rsidP="00156FB3">
            <w:r>
              <w:t xml:space="preserve">    content: "\f3c0";</w:t>
            </w:r>
          </w:p>
          <w:p w:rsidR="00156FB3" w:rsidRDefault="00156FB3" w:rsidP="00156FB3">
            <w:r>
              <w:t>}</w:t>
            </w:r>
          </w:p>
          <w:p w:rsidR="00156FB3" w:rsidRDefault="00156FB3" w:rsidP="00156FB3"/>
          <w:p w:rsidR="00156FB3" w:rsidRDefault="00156FB3" w:rsidP="00156FB3">
            <w:r>
              <w:t>.fa-link:before {</w:t>
            </w:r>
          </w:p>
          <w:p w:rsidR="00156FB3" w:rsidRDefault="00156FB3" w:rsidP="00156FB3">
            <w:r>
              <w:t xml:space="preserve">    content: "\f0c1";</w:t>
            </w:r>
          </w:p>
          <w:p w:rsidR="00156FB3" w:rsidRDefault="00156FB3" w:rsidP="00156FB3">
            <w:r>
              <w:t>}</w:t>
            </w:r>
          </w:p>
          <w:p w:rsidR="00156FB3" w:rsidRDefault="00156FB3" w:rsidP="00156FB3"/>
          <w:p w:rsidR="00156FB3" w:rsidRDefault="00156FB3" w:rsidP="00156FB3">
            <w:r>
              <w:t>.fa-linkedin:before {</w:t>
            </w:r>
          </w:p>
          <w:p w:rsidR="00156FB3" w:rsidRDefault="00156FB3" w:rsidP="00156FB3">
            <w:r>
              <w:t xml:space="preserve">    content: "\f08c";</w:t>
            </w:r>
          </w:p>
          <w:p w:rsidR="00156FB3" w:rsidRDefault="00156FB3" w:rsidP="00156FB3">
            <w:r>
              <w:t>}</w:t>
            </w:r>
          </w:p>
          <w:p w:rsidR="00156FB3" w:rsidRDefault="00156FB3" w:rsidP="00156FB3"/>
          <w:p w:rsidR="00156FB3" w:rsidRDefault="00156FB3" w:rsidP="00156FB3">
            <w:r>
              <w:t>.fa-linkedin-in:before {</w:t>
            </w:r>
          </w:p>
          <w:p w:rsidR="00156FB3" w:rsidRDefault="00156FB3" w:rsidP="00156FB3">
            <w:r>
              <w:t xml:space="preserve">    content: "\f0e1";</w:t>
            </w:r>
          </w:p>
          <w:p w:rsidR="00156FB3" w:rsidRDefault="00156FB3" w:rsidP="00156FB3">
            <w:r>
              <w:t>}</w:t>
            </w:r>
          </w:p>
          <w:p w:rsidR="00156FB3" w:rsidRDefault="00156FB3" w:rsidP="00156FB3"/>
          <w:p w:rsidR="00156FB3" w:rsidRDefault="00156FB3" w:rsidP="00156FB3">
            <w:r>
              <w:t>.fa-linode:before {</w:t>
            </w:r>
          </w:p>
          <w:p w:rsidR="00156FB3" w:rsidRDefault="00156FB3" w:rsidP="00156FB3">
            <w:r>
              <w:t xml:space="preserve">    content: "\f2b8";</w:t>
            </w:r>
          </w:p>
          <w:p w:rsidR="00156FB3" w:rsidRDefault="00156FB3" w:rsidP="00156FB3">
            <w:r>
              <w:t>}</w:t>
            </w:r>
          </w:p>
          <w:p w:rsidR="00156FB3" w:rsidRDefault="00156FB3" w:rsidP="00156FB3"/>
          <w:p w:rsidR="00156FB3" w:rsidRDefault="00156FB3" w:rsidP="00156FB3">
            <w:r>
              <w:t>.fa-linux:before {</w:t>
            </w:r>
          </w:p>
          <w:p w:rsidR="00156FB3" w:rsidRDefault="00156FB3" w:rsidP="00156FB3">
            <w:r>
              <w:t xml:space="preserve">    content: "\f17c";</w:t>
            </w:r>
          </w:p>
          <w:p w:rsidR="00156FB3" w:rsidRDefault="00156FB3" w:rsidP="00156FB3">
            <w:r>
              <w:t>}</w:t>
            </w:r>
          </w:p>
          <w:p w:rsidR="00156FB3" w:rsidRDefault="00156FB3" w:rsidP="00156FB3"/>
          <w:p w:rsidR="00156FB3" w:rsidRDefault="00156FB3" w:rsidP="00156FB3">
            <w:r>
              <w:t>.fa-lira-sign:before {</w:t>
            </w:r>
          </w:p>
          <w:p w:rsidR="00156FB3" w:rsidRDefault="00156FB3" w:rsidP="00156FB3">
            <w:r>
              <w:lastRenderedPageBreak/>
              <w:t xml:space="preserve">    content: "\f195";</w:t>
            </w:r>
          </w:p>
          <w:p w:rsidR="00156FB3" w:rsidRDefault="00156FB3" w:rsidP="00156FB3">
            <w:r>
              <w:t>}</w:t>
            </w:r>
          </w:p>
          <w:p w:rsidR="00156FB3" w:rsidRDefault="00156FB3" w:rsidP="00156FB3"/>
          <w:p w:rsidR="00156FB3" w:rsidRDefault="00156FB3" w:rsidP="00156FB3">
            <w:r>
              <w:t>.fa-list:before {</w:t>
            </w:r>
          </w:p>
          <w:p w:rsidR="00156FB3" w:rsidRDefault="00156FB3" w:rsidP="00156FB3">
            <w:r>
              <w:t xml:space="preserve">    content: "\f03a";</w:t>
            </w:r>
          </w:p>
          <w:p w:rsidR="00156FB3" w:rsidRDefault="00156FB3" w:rsidP="00156FB3">
            <w:r>
              <w:t>}</w:t>
            </w:r>
          </w:p>
          <w:p w:rsidR="00156FB3" w:rsidRDefault="00156FB3" w:rsidP="00156FB3"/>
          <w:p w:rsidR="00156FB3" w:rsidRDefault="00156FB3" w:rsidP="00156FB3">
            <w:r>
              <w:t>.fa-list-alt:before {</w:t>
            </w:r>
          </w:p>
          <w:p w:rsidR="00156FB3" w:rsidRDefault="00156FB3" w:rsidP="00156FB3">
            <w:r>
              <w:t xml:space="preserve">    content: "\f022";</w:t>
            </w:r>
          </w:p>
          <w:p w:rsidR="00156FB3" w:rsidRDefault="00156FB3" w:rsidP="00156FB3">
            <w:r>
              <w:t>}</w:t>
            </w:r>
          </w:p>
          <w:p w:rsidR="00156FB3" w:rsidRDefault="00156FB3" w:rsidP="00156FB3"/>
          <w:p w:rsidR="00156FB3" w:rsidRDefault="00156FB3" w:rsidP="00156FB3">
            <w:r>
              <w:t>.fa-list-ol:before {</w:t>
            </w:r>
          </w:p>
          <w:p w:rsidR="00156FB3" w:rsidRDefault="00156FB3" w:rsidP="00156FB3">
            <w:r>
              <w:t xml:space="preserve">    content: "\f0cb";</w:t>
            </w:r>
          </w:p>
          <w:p w:rsidR="00156FB3" w:rsidRDefault="00156FB3" w:rsidP="00156FB3">
            <w:r>
              <w:t>}</w:t>
            </w:r>
          </w:p>
          <w:p w:rsidR="00156FB3" w:rsidRDefault="00156FB3" w:rsidP="00156FB3"/>
          <w:p w:rsidR="00156FB3" w:rsidRDefault="00156FB3" w:rsidP="00156FB3">
            <w:r>
              <w:t>.fa-list-ul:before {</w:t>
            </w:r>
          </w:p>
          <w:p w:rsidR="00156FB3" w:rsidRDefault="00156FB3" w:rsidP="00156FB3">
            <w:r>
              <w:t xml:space="preserve">    content: "\f0ca";</w:t>
            </w:r>
          </w:p>
          <w:p w:rsidR="00156FB3" w:rsidRDefault="00156FB3" w:rsidP="00156FB3">
            <w:r>
              <w:t>}</w:t>
            </w:r>
          </w:p>
          <w:p w:rsidR="00156FB3" w:rsidRDefault="00156FB3" w:rsidP="00156FB3"/>
          <w:p w:rsidR="00156FB3" w:rsidRDefault="00156FB3" w:rsidP="00156FB3">
            <w:r>
              <w:t>.fa-location-arrow:before {</w:t>
            </w:r>
          </w:p>
          <w:p w:rsidR="00156FB3" w:rsidRDefault="00156FB3" w:rsidP="00156FB3">
            <w:r>
              <w:t xml:space="preserve">    content: "\f124";</w:t>
            </w:r>
          </w:p>
          <w:p w:rsidR="00156FB3" w:rsidRDefault="00156FB3" w:rsidP="00156FB3">
            <w:r>
              <w:t>}</w:t>
            </w:r>
          </w:p>
          <w:p w:rsidR="00156FB3" w:rsidRDefault="00156FB3" w:rsidP="00156FB3"/>
          <w:p w:rsidR="00156FB3" w:rsidRDefault="00156FB3" w:rsidP="00156FB3">
            <w:r>
              <w:t>.fa-lock:before {</w:t>
            </w:r>
          </w:p>
          <w:p w:rsidR="00156FB3" w:rsidRDefault="00156FB3" w:rsidP="00156FB3">
            <w:r>
              <w:t xml:space="preserve">    content: "\f023";</w:t>
            </w:r>
          </w:p>
          <w:p w:rsidR="00156FB3" w:rsidRDefault="00156FB3" w:rsidP="00156FB3">
            <w:r>
              <w:t>}</w:t>
            </w:r>
          </w:p>
          <w:p w:rsidR="00156FB3" w:rsidRDefault="00156FB3" w:rsidP="00156FB3"/>
          <w:p w:rsidR="00156FB3" w:rsidRDefault="00156FB3" w:rsidP="00156FB3">
            <w:r>
              <w:t>.fa-lock-open:before {</w:t>
            </w:r>
          </w:p>
          <w:p w:rsidR="00156FB3" w:rsidRDefault="00156FB3" w:rsidP="00156FB3">
            <w:r>
              <w:t xml:space="preserve">    content: "\f3c1";</w:t>
            </w:r>
          </w:p>
          <w:p w:rsidR="00156FB3" w:rsidRDefault="00156FB3" w:rsidP="00156FB3">
            <w:r>
              <w:t>}</w:t>
            </w:r>
          </w:p>
          <w:p w:rsidR="00156FB3" w:rsidRDefault="00156FB3" w:rsidP="00156FB3"/>
          <w:p w:rsidR="00156FB3" w:rsidRDefault="00156FB3" w:rsidP="00156FB3">
            <w:r>
              <w:t>.fa-long-arrow-alt-down:before {</w:t>
            </w:r>
          </w:p>
          <w:p w:rsidR="00156FB3" w:rsidRDefault="00156FB3" w:rsidP="00156FB3">
            <w:r>
              <w:t xml:space="preserve">    content: "\f309";</w:t>
            </w:r>
          </w:p>
          <w:p w:rsidR="00156FB3" w:rsidRDefault="00156FB3" w:rsidP="00156FB3">
            <w:r>
              <w:t>}</w:t>
            </w:r>
          </w:p>
          <w:p w:rsidR="00156FB3" w:rsidRDefault="00156FB3" w:rsidP="00156FB3"/>
          <w:p w:rsidR="00156FB3" w:rsidRDefault="00156FB3" w:rsidP="00156FB3">
            <w:r>
              <w:t>.fa-long-arrow-alt-left:before {</w:t>
            </w:r>
          </w:p>
          <w:p w:rsidR="00156FB3" w:rsidRDefault="00156FB3" w:rsidP="00156FB3">
            <w:r>
              <w:t xml:space="preserve">    content: "\f30a";</w:t>
            </w:r>
          </w:p>
          <w:p w:rsidR="00156FB3" w:rsidRDefault="00156FB3" w:rsidP="00156FB3">
            <w:r>
              <w:t>}</w:t>
            </w:r>
          </w:p>
          <w:p w:rsidR="00156FB3" w:rsidRDefault="00156FB3" w:rsidP="00156FB3"/>
          <w:p w:rsidR="00156FB3" w:rsidRDefault="00156FB3" w:rsidP="00156FB3">
            <w:r>
              <w:t>.fa-long-arrow-alt-right:before {</w:t>
            </w:r>
          </w:p>
          <w:p w:rsidR="00156FB3" w:rsidRDefault="00156FB3" w:rsidP="00156FB3">
            <w:r>
              <w:t xml:space="preserve">    content: "\f30b";</w:t>
            </w:r>
          </w:p>
          <w:p w:rsidR="00156FB3" w:rsidRDefault="00156FB3" w:rsidP="00156FB3">
            <w:r>
              <w:t>}</w:t>
            </w:r>
          </w:p>
          <w:p w:rsidR="00156FB3" w:rsidRDefault="00156FB3" w:rsidP="00156FB3"/>
          <w:p w:rsidR="00156FB3" w:rsidRDefault="00156FB3" w:rsidP="00156FB3">
            <w:r>
              <w:t>.fa-long-arrow-alt-up:before {</w:t>
            </w:r>
          </w:p>
          <w:p w:rsidR="00156FB3" w:rsidRDefault="00156FB3" w:rsidP="00156FB3">
            <w:r>
              <w:t xml:space="preserve">    content: "\f30c";</w:t>
            </w:r>
          </w:p>
          <w:p w:rsidR="00156FB3" w:rsidRDefault="00156FB3" w:rsidP="00156FB3">
            <w:r>
              <w:t>}</w:t>
            </w:r>
          </w:p>
          <w:p w:rsidR="00156FB3" w:rsidRDefault="00156FB3" w:rsidP="00156FB3"/>
          <w:p w:rsidR="00156FB3" w:rsidRDefault="00156FB3" w:rsidP="00156FB3">
            <w:r>
              <w:t>.fa-low-vision:before {</w:t>
            </w:r>
          </w:p>
          <w:p w:rsidR="00156FB3" w:rsidRDefault="00156FB3" w:rsidP="00156FB3">
            <w:r>
              <w:lastRenderedPageBreak/>
              <w:t xml:space="preserve">    content: "\f2a8";</w:t>
            </w:r>
          </w:p>
          <w:p w:rsidR="00156FB3" w:rsidRDefault="00156FB3" w:rsidP="00156FB3">
            <w:r>
              <w:t>}</w:t>
            </w:r>
          </w:p>
          <w:p w:rsidR="00156FB3" w:rsidRDefault="00156FB3" w:rsidP="00156FB3"/>
          <w:p w:rsidR="00156FB3" w:rsidRDefault="00156FB3" w:rsidP="00156FB3">
            <w:r>
              <w:t>.fa-luggage-cart:before {</w:t>
            </w:r>
          </w:p>
          <w:p w:rsidR="00156FB3" w:rsidRDefault="00156FB3" w:rsidP="00156FB3">
            <w:r>
              <w:t xml:space="preserve">    content: "\f59d";</w:t>
            </w:r>
          </w:p>
          <w:p w:rsidR="00156FB3" w:rsidRDefault="00156FB3" w:rsidP="00156FB3">
            <w:r>
              <w:t>}</w:t>
            </w:r>
          </w:p>
          <w:p w:rsidR="00156FB3" w:rsidRDefault="00156FB3" w:rsidP="00156FB3"/>
          <w:p w:rsidR="00156FB3" w:rsidRDefault="00156FB3" w:rsidP="00156FB3">
            <w:r>
              <w:t>.fa-lungs:before {</w:t>
            </w:r>
          </w:p>
          <w:p w:rsidR="00156FB3" w:rsidRDefault="00156FB3" w:rsidP="00156FB3">
            <w:r>
              <w:t xml:space="preserve">    content: "\f604";</w:t>
            </w:r>
          </w:p>
          <w:p w:rsidR="00156FB3" w:rsidRDefault="00156FB3" w:rsidP="00156FB3">
            <w:r>
              <w:t>}</w:t>
            </w:r>
          </w:p>
          <w:p w:rsidR="00156FB3" w:rsidRDefault="00156FB3" w:rsidP="00156FB3"/>
          <w:p w:rsidR="00156FB3" w:rsidRDefault="00156FB3" w:rsidP="00156FB3">
            <w:r>
              <w:t>.fa-lungs-virus:before {</w:t>
            </w:r>
          </w:p>
          <w:p w:rsidR="00156FB3" w:rsidRDefault="00156FB3" w:rsidP="00156FB3">
            <w:r>
              <w:t xml:space="preserve">    content: "\f967";</w:t>
            </w:r>
          </w:p>
          <w:p w:rsidR="00156FB3" w:rsidRDefault="00156FB3" w:rsidP="00156FB3">
            <w:r>
              <w:t>}</w:t>
            </w:r>
          </w:p>
          <w:p w:rsidR="00156FB3" w:rsidRDefault="00156FB3" w:rsidP="00156FB3"/>
          <w:p w:rsidR="00156FB3" w:rsidRDefault="00156FB3" w:rsidP="00156FB3">
            <w:r>
              <w:t>.fa-lyft:before {</w:t>
            </w:r>
          </w:p>
          <w:p w:rsidR="00156FB3" w:rsidRDefault="00156FB3" w:rsidP="00156FB3">
            <w:r>
              <w:t xml:space="preserve">    content: "\f3c3";</w:t>
            </w:r>
          </w:p>
          <w:p w:rsidR="00156FB3" w:rsidRDefault="00156FB3" w:rsidP="00156FB3">
            <w:r>
              <w:t>}</w:t>
            </w:r>
          </w:p>
          <w:p w:rsidR="00156FB3" w:rsidRDefault="00156FB3" w:rsidP="00156FB3"/>
          <w:p w:rsidR="00156FB3" w:rsidRDefault="00156FB3" w:rsidP="00156FB3">
            <w:r>
              <w:t>.fa-magento:before {</w:t>
            </w:r>
          </w:p>
          <w:p w:rsidR="00156FB3" w:rsidRDefault="00156FB3" w:rsidP="00156FB3">
            <w:r>
              <w:t xml:space="preserve">    content: "\f3c4";</w:t>
            </w:r>
          </w:p>
          <w:p w:rsidR="00156FB3" w:rsidRDefault="00156FB3" w:rsidP="00156FB3">
            <w:r>
              <w:t>}</w:t>
            </w:r>
          </w:p>
          <w:p w:rsidR="00156FB3" w:rsidRDefault="00156FB3" w:rsidP="00156FB3"/>
          <w:p w:rsidR="00156FB3" w:rsidRDefault="00156FB3" w:rsidP="00156FB3">
            <w:r>
              <w:t>.fa-magic:before {</w:t>
            </w:r>
          </w:p>
          <w:p w:rsidR="00156FB3" w:rsidRDefault="00156FB3" w:rsidP="00156FB3">
            <w:r>
              <w:t xml:space="preserve">    content: "\f0d0";</w:t>
            </w:r>
          </w:p>
          <w:p w:rsidR="00156FB3" w:rsidRDefault="00156FB3" w:rsidP="00156FB3">
            <w:r>
              <w:t>}</w:t>
            </w:r>
          </w:p>
          <w:p w:rsidR="00156FB3" w:rsidRDefault="00156FB3" w:rsidP="00156FB3"/>
          <w:p w:rsidR="00156FB3" w:rsidRDefault="00156FB3" w:rsidP="00156FB3">
            <w:r>
              <w:t>.fa-magnet:before {</w:t>
            </w:r>
          </w:p>
          <w:p w:rsidR="00156FB3" w:rsidRDefault="00156FB3" w:rsidP="00156FB3">
            <w:r>
              <w:t xml:space="preserve">    content: "\f076";</w:t>
            </w:r>
          </w:p>
          <w:p w:rsidR="00156FB3" w:rsidRDefault="00156FB3" w:rsidP="00156FB3">
            <w:r>
              <w:t>}</w:t>
            </w:r>
          </w:p>
          <w:p w:rsidR="00156FB3" w:rsidRDefault="00156FB3" w:rsidP="00156FB3"/>
          <w:p w:rsidR="00156FB3" w:rsidRDefault="00156FB3" w:rsidP="00156FB3">
            <w:r>
              <w:t>.fa-mail-bulk:before {</w:t>
            </w:r>
          </w:p>
          <w:p w:rsidR="00156FB3" w:rsidRDefault="00156FB3" w:rsidP="00156FB3">
            <w:r>
              <w:t xml:space="preserve">    content: "\f674";</w:t>
            </w:r>
          </w:p>
          <w:p w:rsidR="00156FB3" w:rsidRDefault="00156FB3" w:rsidP="00156FB3">
            <w:r>
              <w:t>}</w:t>
            </w:r>
          </w:p>
          <w:p w:rsidR="00156FB3" w:rsidRDefault="00156FB3" w:rsidP="00156FB3"/>
          <w:p w:rsidR="00156FB3" w:rsidRDefault="00156FB3" w:rsidP="00156FB3">
            <w:r>
              <w:t>.fa-mailchimp:before {</w:t>
            </w:r>
          </w:p>
          <w:p w:rsidR="00156FB3" w:rsidRDefault="00156FB3" w:rsidP="00156FB3">
            <w:r>
              <w:t xml:space="preserve">    content: "\f59e";</w:t>
            </w:r>
          </w:p>
          <w:p w:rsidR="00156FB3" w:rsidRDefault="00156FB3" w:rsidP="00156FB3">
            <w:r>
              <w:t>}</w:t>
            </w:r>
          </w:p>
          <w:p w:rsidR="00156FB3" w:rsidRDefault="00156FB3" w:rsidP="00156FB3"/>
          <w:p w:rsidR="00156FB3" w:rsidRDefault="00156FB3" w:rsidP="00156FB3">
            <w:r>
              <w:t>.fa-male:before {</w:t>
            </w:r>
          </w:p>
          <w:p w:rsidR="00156FB3" w:rsidRDefault="00156FB3" w:rsidP="00156FB3">
            <w:r>
              <w:t xml:space="preserve">    content: "\f183";</w:t>
            </w:r>
          </w:p>
          <w:p w:rsidR="00156FB3" w:rsidRDefault="00156FB3" w:rsidP="00156FB3">
            <w:r>
              <w:t>}</w:t>
            </w:r>
          </w:p>
          <w:p w:rsidR="00156FB3" w:rsidRDefault="00156FB3" w:rsidP="00156FB3"/>
          <w:p w:rsidR="00156FB3" w:rsidRDefault="00156FB3" w:rsidP="00156FB3">
            <w:r>
              <w:t>.fa-mandalorian:before {</w:t>
            </w:r>
          </w:p>
          <w:p w:rsidR="00156FB3" w:rsidRDefault="00156FB3" w:rsidP="00156FB3">
            <w:r>
              <w:t xml:space="preserve">    content: "\f50f";</w:t>
            </w:r>
          </w:p>
          <w:p w:rsidR="00156FB3" w:rsidRDefault="00156FB3" w:rsidP="00156FB3">
            <w:r>
              <w:t>}</w:t>
            </w:r>
          </w:p>
          <w:p w:rsidR="00156FB3" w:rsidRDefault="00156FB3" w:rsidP="00156FB3"/>
          <w:p w:rsidR="00156FB3" w:rsidRDefault="00156FB3" w:rsidP="00156FB3">
            <w:r>
              <w:t>.fa-map:before {</w:t>
            </w:r>
          </w:p>
          <w:p w:rsidR="00156FB3" w:rsidRDefault="00156FB3" w:rsidP="00156FB3">
            <w:r>
              <w:lastRenderedPageBreak/>
              <w:t xml:space="preserve">    content: "\f279";</w:t>
            </w:r>
          </w:p>
          <w:p w:rsidR="00156FB3" w:rsidRDefault="00156FB3" w:rsidP="00156FB3">
            <w:r>
              <w:t>}</w:t>
            </w:r>
          </w:p>
          <w:p w:rsidR="00156FB3" w:rsidRDefault="00156FB3" w:rsidP="00156FB3"/>
          <w:p w:rsidR="00156FB3" w:rsidRDefault="00156FB3" w:rsidP="00156FB3">
            <w:r>
              <w:t>.fa-map-marked:before {</w:t>
            </w:r>
          </w:p>
          <w:p w:rsidR="00156FB3" w:rsidRDefault="00156FB3" w:rsidP="00156FB3">
            <w:r>
              <w:t xml:space="preserve">    content: "\f59f";</w:t>
            </w:r>
          </w:p>
          <w:p w:rsidR="00156FB3" w:rsidRDefault="00156FB3" w:rsidP="00156FB3">
            <w:r>
              <w:t>}</w:t>
            </w:r>
          </w:p>
          <w:p w:rsidR="00156FB3" w:rsidRDefault="00156FB3" w:rsidP="00156FB3"/>
          <w:p w:rsidR="00156FB3" w:rsidRDefault="00156FB3" w:rsidP="00156FB3">
            <w:r>
              <w:t>.fa-map-marked-alt:before {</w:t>
            </w:r>
          </w:p>
          <w:p w:rsidR="00156FB3" w:rsidRDefault="00156FB3" w:rsidP="00156FB3">
            <w:r>
              <w:t xml:space="preserve">    content: "\f5a0";</w:t>
            </w:r>
          </w:p>
          <w:p w:rsidR="00156FB3" w:rsidRDefault="00156FB3" w:rsidP="00156FB3">
            <w:r>
              <w:t>}</w:t>
            </w:r>
          </w:p>
          <w:p w:rsidR="00156FB3" w:rsidRDefault="00156FB3" w:rsidP="00156FB3"/>
          <w:p w:rsidR="00156FB3" w:rsidRDefault="00156FB3" w:rsidP="00156FB3">
            <w:r>
              <w:t>.fa-map-marker:before {</w:t>
            </w:r>
          </w:p>
          <w:p w:rsidR="00156FB3" w:rsidRDefault="00156FB3" w:rsidP="00156FB3">
            <w:r>
              <w:t xml:space="preserve">    content: "\f041";</w:t>
            </w:r>
          </w:p>
          <w:p w:rsidR="00156FB3" w:rsidRDefault="00156FB3" w:rsidP="00156FB3">
            <w:r>
              <w:t>}</w:t>
            </w:r>
          </w:p>
          <w:p w:rsidR="00156FB3" w:rsidRDefault="00156FB3" w:rsidP="00156FB3"/>
          <w:p w:rsidR="00156FB3" w:rsidRDefault="00156FB3" w:rsidP="00156FB3">
            <w:r>
              <w:t>.fa-map-marker-alt:before {</w:t>
            </w:r>
          </w:p>
          <w:p w:rsidR="00156FB3" w:rsidRDefault="00156FB3" w:rsidP="00156FB3">
            <w:r>
              <w:t xml:space="preserve">    content: "\f3c5";</w:t>
            </w:r>
          </w:p>
          <w:p w:rsidR="00156FB3" w:rsidRDefault="00156FB3" w:rsidP="00156FB3">
            <w:r>
              <w:t>}</w:t>
            </w:r>
          </w:p>
          <w:p w:rsidR="00156FB3" w:rsidRDefault="00156FB3" w:rsidP="00156FB3"/>
          <w:p w:rsidR="00156FB3" w:rsidRDefault="00156FB3" w:rsidP="00156FB3">
            <w:r>
              <w:t>.fa-map-pin:before {</w:t>
            </w:r>
          </w:p>
          <w:p w:rsidR="00156FB3" w:rsidRDefault="00156FB3" w:rsidP="00156FB3">
            <w:r>
              <w:t xml:space="preserve">    content: "\f276";</w:t>
            </w:r>
          </w:p>
          <w:p w:rsidR="00156FB3" w:rsidRDefault="00156FB3" w:rsidP="00156FB3">
            <w:r>
              <w:t>}</w:t>
            </w:r>
          </w:p>
          <w:p w:rsidR="00156FB3" w:rsidRDefault="00156FB3" w:rsidP="00156FB3"/>
          <w:p w:rsidR="00156FB3" w:rsidRDefault="00156FB3" w:rsidP="00156FB3">
            <w:r>
              <w:t>.fa-map-signs:before {</w:t>
            </w:r>
          </w:p>
          <w:p w:rsidR="00156FB3" w:rsidRDefault="00156FB3" w:rsidP="00156FB3">
            <w:r>
              <w:t xml:space="preserve">    content: "\f277";</w:t>
            </w:r>
          </w:p>
          <w:p w:rsidR="00156FB3" w:rsidRDefault="00156FB3" w:rsidP="00156FB3">
            <w:r>
              <w:t>}</w:t>
            </w:r>
          </w:p>
          <w:p w:rsidR="00156FB3" w:rsidRDefault="00156FB3" w:rsidP="00156FB3"/>
          <w:p w:rsidR="00156FB3" w:rsidRDefault="00156FB3" w:rsidP="00156FB3">
            <w:r>
              <w:t>.fa-markdown:before {</w:t>
            </w:r>
          </w:p>
          <w:p w:rsidR="00156FB3" w:rsidRDefault="00156FB3" w:rsidP="00156FB3">
            <w:r>
              <w:t xml:space="preserve">    content: "\f60f";</w:t>
            </w:r>
          </w:p>
          <w:p w:rsidR="00156FB3" w:rsidRDefault="00156FB3" w:rsidP="00156FB3">
            <w:r>
              <w:t>}</w:t>
            </w:r>
          </w:p>
          <w:p w:rsidR="00156FB3" w:rsidRDefault="00156FB3" w:rsidP="00156FB3"/>
          <w:p w:rsidR="00156FB3" w:rsidRDefault="00156FB3" w:rsidP="00156FB3">
            <w:r>
              <w:t>.fa-marker:before {</w:t>
            </w:r>
          </w:p>
          <w:p w:rsidR="00156FB3" w:rsidRDefault="00156FB3" w:rsidP="00156FB3">
            <w:r>
              <w:t xml:space="preserve">    content: "\f5a1";</w:t>
            </w:r>
          </w:p>
          <w:p w:rsidR="00156FB3" w:rsidRDefault="00156FB3" w:rsidP="00156FB3">
            <w:r>
              <w:t>}</w:t>
            </w:r>
          </w:p>
          <w:p w:rsidR="00156FB3" w:rsidRDefault="00156FB3" w:rsidP="00156FB3"/>
          <w:p w:rsidR="00156FB3" w:rsidRDefault="00156FB3" w:rsidP="00156FB3">
            <w:r>
              <w:t>.fa-mars:before {</w:t>
            </w:r>
          </w:p>
          <w:p w:rsidR="00156FB3" w:rsidRDefault="00156FB3" w:rsidP="00156FB3">
            <w:r>
              <w:t xml:space="preserve">    content: "\f222";</w:t>
            </w:r>
          </w:p>
          <w:p w:rsidR="00156FB3" w:rsidRDefault="00156FB3" w:rsidP="00156FB3">
            <w:r>
              <w:t>}</w:t>
            </w:r>
          </w:p>
          <w:p w:rsidR="00156FB3" w:rsidRDefault="00156FB3" w:rsidP="00156FB3"/>
          <w:p w:rsidR="00156FB3" w:rsidRDefault="00156FB3" w:rsidP="00156FB3">
            <w:r>
              <w:t>.fa-mars-double:before {</w:t>
            </w:r>
          </w:p>
          <w:p w:rsidR="00156FB3" w:rsidRDefault="00156FB3" w:rsidP="00156FB3">
            <w:r>
              <w:t xml:space="preserve">    content: "\f227";</w:t>
            </w:r>
          </w:p>
          <w:p w:rsidR="00156FB3" w:rsidRDefault="00156FB3" w:rsidP="00156FB3">
            <w:r>
              <w:t>}</w:t>
            </w:r>
          </w:p>
          <w:p w:rsidR="00156FB3" w:rsidRDefault="00156FB3" w:rsidP="00156FB3"/>
          <w:p w:rsidR="00156FB3" w:rsidRDefault="00156FB3" w:rsidP="00156FB3">
            <w:r>
              <w:t>.fa-mars-stroke:before {</w:t>
            </w:r>
          </w:p>
          <w:p w:rsidR="00156FB3" w:rsidRDefault="00156FB3" w:rsidP="00156FB3">
            <w:r>
              <w:t xml:space="preserve">    content: "\f229";</w:t>
            </w:r>
          </w:p>
          <w:p w:rsidR="00156FB3" w:rsidRDefault="00156FB3" w:rsidP="00156FB3">
            <w:r>
              <w:t>}</w:t>
            </w:r>
          </w:p>
          <w:p w:rsidR="00156FB3" w:rsidRDefault="00156FB3" w:rsidP="00156FB3"/>
          <w:p w:rsidR="00156FB3" w:rsidRDefault="00156FB3" w:rsidP="00156FB3">
            <w:r>
              <w:t>.fa-mars-stroke-h:before {</w:t>
            </w:r>
          </w:p>
          <w:p w:rsidR="00156FB3" w:rsidRDefault="00156FB3" w:rsidP="00156FB3">
            <w:r>
              <w:lastRenderedPageBreak/>
              <w:t xml:space="preserve">    content: "\f22b";</w:t>
            </w:r>
          </w:p>
          <w:p w:rsidR="00156FB3" w:rsidRDefault="00156FB3" w:rsidP="00156FB3">
            <w:r>
              <w:t>}</w:t>
            </w:r>
          </w:p>
          <w:p w:rsidR="00156FB3" w:rsidRDefault="00156FB3" w:rsidP="00156FB3"/>
          <w:p w:rsidR="00156FB3" w:rsidRDefault="00156FB3" w:rsidP="00156FB3">
            <w:r>
              <w:t>.fa-mars-stroke-v:before {</w:t>
            </w:r>
          </w:p>
          <w:p w:rsidR="00156FB3" w:rsidRDefault="00156FB3" w:rsidP="00156FB3">
            <w:r>
              <w:t xml:space="preserve">    content: "\f22a";</w:t>
            </w:r>
          </w:p>
          <w:p w:rsidR="00156FB3" w:rsidRDefault="00156FB3" w:rsidP="00156FB3">
            <w:r>
              <w:t>}</w:t>
            </w:r>
          </w:p>
          <w:p w:rsidR="00156FB3" w:rsidRDefault="00156FB3" w:rsidP="00156FB3"/>
          <w:p w:rsidR="00156FB3" w:rsidRDefault="00156FB3" w:rsidP="00156FB3">
            <w:r>
              <w:t>.fa-mask:before {</w:t>
            </w:r>
          </w:p>
          <w:p w:rsidR="00156FB3" w:rsidRDefault="00156FB3" w:rsidP="00156FB3">
            <w:r>
              <w:t xml:space="preserve">    content: "\f6fa";</w:t>
            </w:r>
          </w:p>
          <w:p w:rsidR="00156FB3" w:rsidRDefault="00156FB3" w:rsidP="00156FB3">
            <w:r>
              <w:t>}</w:t>
            </w:r>
          </w:p>
          <w:p w:rsidR="00156FB3" w:rsidRDefault="00156FB3" w:rsidP="00156FB3"/>
          <w:p w:rsidR="00156FB3" w:rsidRDefault="00156FB3" w:rsidP="00156FB3">
            <w:r>
              <w:t>.fa-mastodon:before {</w:t>
            </w:r>
          </w:p>
          <w:p w:rsidR="00156FB3" w:rsidRDefault="00156FB3" w:rsidP="00156FB3">
            <w:r>
              <w:t xml:space="preserve">    content: "\f4f6";</w:t>
            </w:r>
          </w:p>
          <w:p w:rsidR="00156FB3" w:rsidRDefault="00156FB3" w:rsidP="00156FB3">
            <w:r>
              <w:t>}</w:t>
            </w:r>
          </w:p>
          <w:p w:rsidR="00156FB3" w:rsidRDefault="00156FB3" w:rsidP="00156FB3"/>
          <w:p w:rsidR="00156FB3" w:rsidRDefault="00156FB3" w:rsidP="00156FB3">
            <w:r>
              <w:t>.fa-maxcdn:before {</w:t>
            </w:r>
          </w:p>
          <w:p w:rsidR="00156FB3" w:rsidRDefault="00156FB3" w:rsidP="00156FB3">
            <w:r>
              <w:t xml:space="preserve">    content: "\f136";</w:t>
            </w:r>
          </w:p>
          <w:p w:rsidR="00156FB3" w:rsidRDefault="00156FB3" w:rsidP="00156FB3">
            <w:r>
              <w:t>}</w:t>
            </w:r>
          </w:p>
          <w:p w:rsidR="00156FB3" w:rsidRDefault="00156FB3" w:rsidP="00156FB3"/>
          <w:p w:rsidR="00156FB3" w:rsidRDefault="00156FB3" w:rsidP="00156FB3">
            <w:r>
              <w:t>.fa-mdb:before {</w:t>
            </w:r>
          </w:p>
          <w:p w:rsidR="00156FB3" w:rsidRDefault="00156FB3" w:rsidP="00156FB3">
            <w:r>
              <w:t xml:space="preserve">    content: "\f8ca";</w:t>
            </w:r>
          </w:p>
          <w:p w:rsidR="00156FB3" w:rsidRDefault="00156FB3" w:rsidP="00156FB3">
            <w:r>
              <w:t>}</w:t>
            </w:r>
          </w:p>
          <w:p w:rsidR="00156FB3" w:rsidRDefault="00156FB3" w:rsidP="00156FB3"/>
          <w:p w:rsidR="00156FB3" w:rsidRDefault="00156FB3" w:rsidP="00156FB3">
            <w:r>
              <w:t>.fa-medal:before {</w:t>
            </w:r>
          </w:p>
          <w:p w:rsidR="00156FB3" w:rsidRDefault="00156FB3" w:rsidP="00156FB3">
            <w:r>
              <w:t xml:space="preserve">    content: "\f5a2";</w:t>
            </w:r>
          </w:p>
          <w:p w:rsidR="00156FB3" w:rsidRDefault="00156FB3" w:rsidP="00156FB3">
            <w:r>
              <w:t>}</w:t>
            </w:r>
          </w:p>
          <w:p w:rsidR="00156FB3" w:rsidRDefault="00156FB3" w:rsidP="00156FB3"/>
          <w:p w:rsidR="00156FB3" w:rsidRDefault="00156FB3" w:rsidP="00156FB3">
            <w:r>
              <w:t>.fa-medapps:before {</w:t>
            </w:r>
          </w:p>
          <w:p w:rsidR="00156FB3" w:rsidRDefault="00156FB3" w:rsidP="00156FB3">
            <w:r>
              <w:t xml:space="preserve">    content: "\f3c6";</w:t>
            </w:r>
          </w:p>
          <w:p w:rsidR="00156FB3" w:rsidRDefault="00156FB3" w:rsidP="00156FB3">
            <w:r>
              <w:t>}</w:t>
            </w:r>
          </w:p>
          <w:p w:rsidR="00156FB3" w:rsidRDefault="00156FB3" w:rsidP="00156FB3"/>
          <w:p w:rsidR="00156FB3" w:rsidRDefault="00156FB3" w:rsidP="00156FB3">
            <w:r>
              <w:t>.fa-medium:before {</w:t>
            </w:r>
          </w:p>
          <w:p w:rsidR="00156FB3" w:rsidRDefault="00156FB3" w:rsidP="00156FB3">
            <w:r>
              <w:t xml:space="preserve">    content: "\f23a";</w:t>
            </w:r>
          </w:p>
          <w:p w:rsidR="00156FB3" w:rsidRDefault="00156FB3" w:rsidP="00156FB3">
            <w:r>
              <w:t>}</w:t>
            </w:r>
          </w:p>
          <w:p w:rsidR="00156FB3" w:rsidRDefault="00156FB3" w:rsidP="00156FB3"/>
          <w:p w:rsidR="00156FB3" w:rsidRDefault="00156FB3" w:rsidP="00156FB3">
            <w:r>
              <w:t>.fa-medium-m:before {</w:t>
            </w:r>
          </w:p>
          <w:p w:rsidR="00156FB3" w:rsidRDefault="00156FB3" w:rsidP="00156FB3">
            <w:r>
              <w:t xml:space="preserve">    content: "\f3c7";</w:t>
            </w:r>
          </w:p>
          <w:p w:rsidR="00156FB3" w:rsidRDefault="00156FB3" w:rsidP="00156FB3">
            <w:r>
              <w:t>}</w:t>
            </w:r>
          </w:p>
          <w:p w:rsidR="00156FB3" w:rsidRDefault="00156FB3" w:rsidP="00156FB3"/>
          <w:p w:rsidR="00156FB3" w:rsidRDefault="00156FB3" w:rsidP="00156FB3">
            <w:r>
              <w:t>.fa-medkit:before {</w:t>
            </w:r>
          </w:p>
          <w:p w:rsidR="00156FB3" w:rsidRDefault="00156FB3" w:rsidP="00156FB3">
            <w:r>
              <w:t xml:space="preserve">    content: "\f0fa";</w:t>
            </w:r>
          </w:p>
          <w:p w:rsidR="00156FB3" w:rsidRDefault="00156FB3" w:rsidP="00156FB3">
            <w:r>
              <w:t>}</w:t>
            </w:r>
          </w:p>
          <w:p w:rsidR="00156FB3" w:rsidRDefault="00156FB3" w:rsidP="00156FB3"/>
          <w:p w:rsidR="00156FB3" w:rsidRDefault="00156FB3" w:rsidP="00156FB3">
            <w:r>
              <w:t>.fa-medrt:before {</w:t>
            </w:r>
          </w:p>
          <w:p w:rsidR="00156FB3" w:rsidRDefault="00156FB3" w:rsidP="00156FB3">
            <w:r>
              <w:t xml:space="preserve">    content: "\f3c8";</w:t>
            </w:r>
          </w:p>
          <w:p w:rsidR="00156FB3" w:rsidRDefault="00156FB3" w:rsidP="00156FB3">
            <w:r>
              <w:t>}</w:t>
            </w:r>
          </w:p>
          <w:p w:rsidR="00156FB3" w:rsidRDefault="00156FB3" w:rsidP="00156FB3"/>
          <w:p w:rsidR="00156FB3" w:rsidRDefault="00156FB3" w:rsidP="00156FB3">
            <w:r>
              <w:t>.fa-meetup:before {</w:t>
            </w:r>
          </w:p>
          <w:p w:rsidR="00156FB3" w:rsidRDefault="00156FB3" w:rsidP="00156FB3">
            <w:r>
              <w:lastRenderedPageBreak/>
              <w:t xml:space="preserve">    content: "\f2e0";</w:t>
            </w:r>
          </w:p>
          <w:p w:rsidR="00156FB3" w:rsidRDefault="00156FB3" w:rsidP="00156FB3">
            <w:r>
              <w:t>}</w:t>
            </w:r>
          </w:p>
          <w:p w:rsidR="00156FB3" w:rsidRDefault="00156FB3" w:rsidP="00156FB3"/>
          <w:p w:rsidR="00156FB3" w:rsidRDefault="00156FB3" w:rsidP="00156FB3">
            <w:r>
              <w:t>.fa-megaport:before {</w:t>
            </w:r>
          </w:p>
          <w:p w:rsidR="00156FB3" w:rsidRDefault="00156FB3" w:rsidP="00156FB3">
            <w:r>
              <w:t xml:space="preserve">    content: "\f5a3";</w:t>
            </w:r>
          </w:p>
          <w:p w:rsidR="00156FB3" w:rsidRDefault="00156FB3" w:rsidP="00156FB3">
            <w:r>
              <w:t>}</w:t>
            </w:r>
          </w:p>
          <w:p w:rsidR="00156FB3" w:rsidRDefault="00156FB3" w:rsidP="00156FB3"/>
          <w:p w:rsidR="00156FB3" w:rsidRDefault="00156FB3" w:rsidP="00156FB3">
            <w:r>
              <w:t>.fa-meh:before {</w:t>
            </w:r>
          </w:p>
          <w:p w:rsidR="00156FB3" w:rsidRDefault="00156FB3" w:rsidP="00156FB3">
            <w:r>
              <w:t xml:space="preserve">    content: "\f11a";</w:t>
            </w:r>
          </w:p>
          <w:p w:rsidR="00156FB3" w:rsidRDefault="00156FB3" w:rsidP="00156FB3">
            <w:r>
              <w:t>}</w:t>
            </w:r>
          </w:p>
          <w:p w:rsidR="00156FB3" w:rsidRDefault="00156FB3" w:rsidP="00156FB3"/>
          <w:p w:rsidR="00156FB3" w:rsidRDefault="00156FB3" w:rsidP="00156FB3">
            <w:r>
              <w:t>.fa-meh-blank:before {</w:t>
            </w:r>
          </w:p>
          <w:p w:rsidR="00156FB3" w:rsidRDefault="00156FB3" w:rsidP="00156FB3">
            <w:r>
              <w:t xml:space="preserve">    content: "\f5a4";</w:t>
            </w:r>
          </w:p>
          <w:p w:rsidR="00156FB3" w:rsidRDefault="00156FB3" w:rsidP="00156FB3">
            <w:r>
              <w:t>}</w:t>
            </w:r>
          </w:p>
          <w:p w:rsidR="00156FB3" w:rsidRDefault="00156FB3" w:rsidP="00156FB3"/>
          <w:p w:rsidR="00156FB3" w:rsidRDefault="00156FB3" w:rsidP="00156FB3">
            <w:r>
              <w:t>.fa-meh-rolling-eyes:before {</w:t>
            </w:r>
          </w:p>
          <w:p w:rsidR="00156FB3" w:rsidRDefault="00156FB3" w:rsidP="00156FB3">
            <w:r>
              <w:t xml:space="preserve">    content: "\f5a5";</w:t>
            </w:r>
          </w:p>
          <w:p w:rsidR="00156FB3" w:rsidRDefault="00156FB3" w:rsidP="00156FB3">
            <w:r>
              <w:t>}</w:t>
            </w:r>
          </w:p>
          <w:p w:rsidR="00156FB3" w:rsidRDefault="00156FB3" w:rsidP="00156FB3"/>
          <w:p w:rsidR="00156FB3" w:rsidRDefault="00156FB3" w:rsidP="00156FB3">
            <w:r>
              <w:t>.fa-memory:before {</w:t>
            </w:r>
          </w:p>
          <w:p w:rsidR="00156FB3" w:rsidRDefault="00156FB3" w:rsidP="00156FB3">
            <w:r>
              <w:t xml:space="preserve">    content: "\f538";</w:t>
            </w:r>
          </w:p>
          <w:p w:rsidR="00156FB3" w:rsidRDefault="00156FB3" w:rsidP="00156FB3">
            <w:r>
              <w:t>}</w:t>
            </w:r>
          </w:p>
          <w:p w:rsidR="00156FB3" w:rsidRDefault="00156FB3" w:rsidP="00156FB3"/>
          <w:p w:rsidR="00156FB3" w:rsidRDefault="00156FB3" w:rsidP="00156FB3">
            <w:r>
              <w:t>.fa-mendeley:before {</w:t>
            </w:r>
          </w:p>
          <w:p w:rsidR="00156FB3" w:rsidRDefault="00156FB3" w:rsidP="00156FB3">
            <w:r>
              <w:t xml:space="preserve">    content: "\f7b3";</w:t>
            </w:r>
          </w:p>
          <w:p w:rsidR="00156FB3" w:rsidRDefault="00156FB3" w:rsidP="00156FB3">
            <w:r>
              <w:t>}</w:t>
            </w:r>
          </w:p>
          <w:p w:rsidR="00156FB3" w:rsidRDefault="00156FB3" w:rsidP="00156FB3"/>
          <w:p w:rsidR="00156FB3" w:rsidRDefault="00156FB3" w:rsidP="00156FB3">
            <w:r>
              <w:t>.fa-menorah:before {</w:t>
            </w:r>
          </w:p>
          <w:p w:rsidR="00156FB3" w:rsidRDefault="00156FB3" w:rsidP="00156FB3">
            <w:r>
              <w:t xml:space="preserve">    content: "\f676";</w:t>
            </w:r>
          </w:p>
          <w:p w:rsidR="00156FB3" w:rsidRDefault="00156FB3" w:rsidP="00156FB3">
            <w:r>
              <w:t>}</w:t>
            </w:r>
          </w:p>
          <w:p w:rsidR="00156FB3" w:rsidRDefault="00156FB3" w:rsidP="00156FB3"/>
          <w:p w:rsidR="00156FB3" w:rsidRDefault="00156FB3" w:rsidP="00156FB3">
            <w:r>
              <w:t>.fa-mercury:before {</w:t>
            </w:r>
          </w:p>
          <w:p w:rsidR="00156FB3" w:rsidRDefault="00156FB3" w:rsidP="00156FB3">
            <w:r>
              <w:t xml:space="preserve">    content: "\f223";</w:t>
            </w:r>
          </w:p>
          <w:p w:rsidR="00156FB3" w:rsidRDefault="00156FB3" w:rsidP="00156FB3">
            <w:r>
              <w:t>}</w:t>
            </w:r>
          </w:p>
          <w:p w:rsidR="00156FB3" w:rsidRDefault="00156FB3" w:rsidP="00156FB3"/>
          <w:p w:rsidR="00156FB3" w:rsidRDefault="00156FB3" w:rsidP="00156FB3">
            <w:r>
              <w:t>.fa-meteor:before {</w:t>
            </w:r>
          </w:p>
          <w:p w:rsidR="00156FB3" w:rsidRDefault="00156FB3" w:rsidP="00156FB3">
            <w:r>
              <w:t xml:space="preserve">    content: "\f753";</w:t>
            </w:r>
          </w:p>
          <w:p w:rsidR="00156FB3" w:rsidRDefault="00156FB3" w:rsidP="00156FB3">
            <w:r>
              <w:t>}</w:t>
            </w:r>
          </w:p>
          <w:p w:rsidR="00156FB3" w:rsidRDefault="00156FB3" w:rsidP="00156FB3"/>
          <w:p w:rsidR="00156FB3" w:rsidRDefault="00156FB3" w:rsidP="00156FB3">
            <w:r>
              <w:t>.fa-microblog:before {</w:t>
            </w:r>
          </w:p>
          <w:p w:rsidR="00156FB3" w:rsidRDefault="00156FB3" w:rsidP="00156FB3">
            <w:r>
              <w:t xml:space="preserve">    content: "\f91a";</w:t>
            </w:r>
          </w:p>
          <w:p w:rsidR="00156FB3" w:rsidRDefault="00156FB3" w:rsidP="00156FB3">
            <w:r>
              <w:t>}</w:t>
            </w:r>
          </w:p>
          <w:p w:rsidR="00156FB3" w:rsidRDefault="00156FB3" w:rsidP="00156FB3"/>
          <w:p w:rsidR="00156FB3" w:rsidRDefault="00156FB3" w:rsidP="00156FB3">
            <w:r>
              <w:t>.fa-microchip:before {</w:t>
            </w:r>
          </w:p>
          <w:p w:rsidR="00156FB3" w:rsidRDefault="00156FB3" w:rsidP="00156FB3">
            <w:r>
              <w:t xml:space="preserve">    content: "\f2db";</w:t>
            </w:r>
          </w:p>
          <w:p w:rsidR="00156FB3" w:rsidRDefault="00156FB3" w:rsidP="00156FB3">
            <w:r>
              <w:t>}</w:t>
            </w:r>
          </w:p>
          <w:p w:rsidR="00156FB3" w:rsidRDefault="00156FB3" w:rsidP="00156FB3"/>
          <w:p w:rsidR="00156FB3" w:rsidRDefault="00156FB3" w:rsidP="00156FB3">
            <w:r>
              <w:t>.fa-microphone:before {</w:t>
            </w:r>
          </w:p>
          <w:p w:rsidR="00156FB3" w:rsidRDefault="00156FB3" w:rsidP="00156FB3">
            <w:r>
              <w:lastRenderedPageBreak/>
              <w:t xml:space="preserve">    content: "\f130";</w:t>
            </w:r>
          </w:p>
          <w:p w:rsidR="00156FB3" w:rsidRDefault="00156FB3" w:rsidP="00156FB3">
            <w:r>
              <w:t>}</w:t>
            </w:r>
          </w:p>
          <w:p w:rsidR="00156FB3" w:rsidRDefault="00156FB3" w:rsidP="00156FB3"/>
          <w:p w:rsidR="00156FB3" w:rsidRDefault="00156FB3" w:rsidP="00156FB3">
            <w:r>
              <w:t>.fa-microphone-alt:before {</w:t>
            </w:r>
          </w:p>
          <w:p w:rsidR="00156FB3" w:rsidRDefault="00156FB3" w:rsidP="00156FB3">
            <w:r>
              <w:t xml:space="preserve">    content: "\f3c9";</w:t>
            </w:r>
          </w:p>
          <w:p w:rsidR="00156FB3" w:rsidRDefault="00156FB3" w:rsidP="00156FB3">
            <w:r>
              <w:t>}</w:t>
            </w:r>
          </w:p>
          <w:p w:rsidR="00156FB3" w:rsidRDefault="00156FB3" w:rsidP="00156FB3"/>
          <w:p w:rsidR="00156FB3" w:rsidRDefault="00156FB3" w:rsidP="00156FB3">
            <w:r>
              <w:t>.fa-microphone-alt-slash:before {</w:t>
            </w:r>
          </w:p>
          <w:p w:rsidR="00156FB3" w:rsidRDefault="00156FB3" w:rsidP="00156FB3">
            <w:r>
              <w:t xml:space="preserve">    content: "\f539";</w:t>
            </w:r>
          </w:p>
          <w:p w:rsidR="00156FB3" w:rsidRDefault="00156FB3" w:rsidP="00156FB3">
            <w:r>
              <w:t>}</w:t>
            </w:r>
          </w:p>
          <w:p w:rsidR="00156FB3" w:rsidRDefault="00156FB3" w:rsidP="00156FB3"/>
          <w:p w:rsidR="00156FB3" w:rsidRDefault="00156FB3" w:rsidP="00156FB3">
            <w:r>
              <w:t>.fa-microphone-slash:before {</w:t>
            </w:r>
          </w:p>
          <w:p w:rsidR="00156FB3" w:rsidRDefault="00156FB3" w:rsidP="00156FB3">
            <w:r>
              <w:t xml:space="preserve">    content: "\f131";</w:t>
            </w:r>
          </w:p>
          <w:p w:rsidR="00156FB3" w:rsidRDefault="00156FB3" w:rsidP="00156FB3">
            <w:r>
              <w:t>}</w:t>
            </w:r>
          </w:p>
          <w:p w:rsidR="00156FB3" w:rsidRDefault="00156FB3" w:rsidP="00156FB3"/>
          <w:p w:rsidR="00156FB3" w:rsidRDefault="00156FB3" w:rsidP="00156FB3">
            <w:r>
              <w:t>.fa-microscope:before {</w:t>
            </w:r>
          </w:p>
          <w:p w:rsidR="00156FB3" w:rsidRDefault="00156FB3" w:rsidP="00156FB3">
            <w:r>
              <w:t xml:space="preserve">    content: "\f610";</w:t>
            </w:r>
          </w:p>
          <w:p w:rsidR="00156FB3" w:rsidRDefault="00156FB3" w:rsidP="00156FB3">
            <w:r>
              <w:t>}</w:t>
            </w:r>
          </w:p>
          <w:p w:rsidR="00156FB3" w:rsidRDefault="00156FB3" w:rsidP="00156FB3"/>
          <w:p w:rsidR="00156FB3" w:rsidRDefault="00156FB3" w:rsidP="00156FB3">
            <w:r>
              <w:t>.fa-microsoft:before {</w:t>
            </w:r>
          </w:p>
          <w:p w:rsidR="00156FB3" w:rsidRDefault="00156FB3" w:rsidP="00156FB3">
            <w:r>
              <w:t xml:space="preserve">    content: "\f3ca";</w:t>
            </w:r>
          </w:p>
          <w:p w:rsidR="00156FB3" w:rsidRDefault="00156FB3" w:rsidP="00156FB3">
            <w:r>
              <w:t>}</w:t>
            </w:r>
          </w:p>
          <w:p w:rsidR="00156FB3" w:rsidRDefault="00156FB3" w:rsidP="00156FB3"/>
          <w:p w:rsidR="00156FB3" w:rsidRDefault="00156FB3" w:rsidP="00156FB3">
            <w:r>
              <w:t>.fa-minus:before {</w:t>
            </w:r>
          </w:p>
          <w:p w:rsidR="00156FB3" w:rsidRDefault="00156FB3" w:rsidP="00156FB3">
            <w:r>
              <w:t xml:space="preserve">    content: "\f068";</w:t>
            </w:r>
          </w:p>
          <w:p w:rsidR="00156FB3" w:rsidRDefault="00156FB3" w:rsidP="00156FB3">
            <w:r>
              <w:t>}</w:t>
            </w:r>
          </w:p>
          <w:p w:rsidR="00156FB3" w:rsidRDefault="00156FB3" w:rsidP="00156FB3"/>
          <w:p w:rsidR="00156FB3" w:rsidRDefault="00156FB3" w:rsidP="00156FB3">
            <w:r>
              <w:t>.fa-minus-circle:before {</w:t>
            </w:r>
          </w:p>
          <w:p w:rsidR="00156FB3" w:rsidRDefault="00156FB3" w:rsidP="00156FB3">
            <w:r>
              <w:t xml:space="preserve">    content: "\f056";</w:t>
            </w:r>
          </w:p>
          <w:p w:rsidR="00156FB3" w:rsidRDefault="00156FB3" w:rsidP="00156FB3">
            <w:r>
              <w:t>}</w:t>
            </w:r>
          </w:p>
          <w:p w:rsidR="00156FB3" w:rsidRDefault="00156FB3" w:rsidP="00156FB3"/>
          <w:p w:rsidR="00156FB3" w:rsidRDefault="00156FB3" w:rsidP="00156FB3">
            <w:r>
              <w:t>.fa-minus-square:before {</w:t>
            </w:r>
          </w:p>
          <w:p w:rsidR="00156FB3" w:rsidRDefault="00156FB3" w:rsidP="00156FB3">
            <w:r>
              <w:t xml:space="preserve">    content: "\f146";</w:t>
            </w:r>
          </w:p>
          <w:p w:rsidR="00156FB3" w:rsidRDefault="00156FB3" w:rsidP="00156FB3">
            <w:r>
              <w:t>}</w:t>
            </w:r>
          </w:p>
          <w:p w:rsidR="00156FB3" w:rsidRDefault="00156FB3" w:rsidP="00156FB3"/>
          <w:p w:rsidR="00156FB3" w:rsidRDefault="00156FB3" w:rsidP="00156FB3">
            <w:r>
              <w:t>.fa-mitten:before {</w:t>
            </w:r>
          </w:p>
          <w:p w:rsidR="00156FB3" w:rsidRDefault="00156FB3" w:rsidP="00156FB3">
            <w:r>
              <w:t xml:space="preserve">    content: "\f7b5";</w:t>
            </w:r>
          </w:p>
          <w:p w:rsidR="00156FB3" w:rsidRDefault="00156FB3" w:rsidP="00156FB3">
            <w:r>
              <w:t>}</w:t>
            </w:r>
          </w:p>
          <w:p w:rsidR="00156FB3" w:rsidRDefault="00156FB3" w:rsidP="00156FB3"/>
          <w:p w:rsidR="00156FB3" w:rsidRDefault="00156FB3" w:rsidP="00156FB3">
            <w:r>
              <w:t>.fa-mix:before {</w:t>
            </w:r>
          </w:p>
          <w:p w:rsidR="00156FB3" w:rsidRDefault="00156FB3" w:rsidP="00156FB3">
            <w:r>
              <w:t xml:space="preserve">    content: "\f3cb";</w:t>
            </w:r>
          </w:p>
          <w:p w:rsidR="00156FB3" w:rsidRDefault="00156FB3" w:rsidP="00156FB3">
            <w:r>
              <w:t>}</w:t>
            </w:r>
          </w:p>
          <w:p w:rsidR="00156FB3" w:rsidRDefault="00156FB3" w:rsidP="00156FB3"/>
          <w:p w:rsidR="00156FB3" w:rsidRDefault="00156FB3" w:rsidP="00156FB3">
            <w:r>
              <w:t>.fa-mixcloud:before {</w:t>
            </w:r>
          </w:p>
          <w:p w:rsidR="00156FB3" w:rsidRDefault="00156FB3" w:rsidP="00156FB3">
            <w:r>
              <w:t xml:space="preserve">    content: "\f289";</w:t>
            </w:r>
          </w:p>
          <w:p w:rsidR="00156FB3" w:rsidRDefault="00156FB3" w:rsidP="00156FB3">
            <w:r>
              <w:t>}</w:t>
            </w:r>
          </w:p>
          <w:p w:rsidR="00156FB3" w:rsidRDefault="00156FB3" w:rsidP="00156FB3"/>
          <w:p w:rsidR="00156FB3" w:rsidRDefault="00156FB3" w:rsidP="00156FB3">
            <w:r>
              <w:t>.fa-mixer:before {</w:t>
            </w:r>
          </w:p>
          <w:p w:rsidR="00156FB3" w:rsidRDefault="00156FB3" w:rsidP="00156FB3">
            <w:r>
              <w:lastRenderedPageBreak/>
              <w:t xml:space="preserve">    content: "\f956";</w:t>
            </w:r>
          </w:p>
          <w:p w:rsidR="00156FB3" w:rsidRDefault="00156FB3" w:rsidP="00156FB3">
            <w:r>
              <w:t>}</w:t>
            </w:r>
          </w:p>
          <w:p w:rsidR="00156FB3" w:rsidRDefault="00156FB3" w:rsidP="00156FB3"/>
          <w:p w:rsidR="00156FB3" w:rsidRDefault="00156FB3" w:rsidP="00156FB3">
            <w:r>
              <w:t>.fa-mizuni:before {</w:t>
            </w:r>
          </w:p>
          <w:p w:rsidR="00156FB3" w:rsidRDefault="00156FB3" w:rsidP="00156FB3">
            <w:r>
              <w:t xml:space="preserve">    content: "\f3cc";</w:t>
            </w:r>
          </w:p>
          <w:p w:rsidR="00156FB3" w:rsidRDefault="00156FB3" w:rsidP="00156FB3">
            <w:r>
              <w:t>}</w:t>
            </w:r>
          </w:p>
          <w:p w:rsidR="00156FB3" w:rsidRDefault="00156FB3" w:rsidP="00156FB3"/>
          <w:p w:rsidR="00156FB3" w:rsidRDefault="00156FB3" w:rsidP="00156FB3">
            <w:r>
              <w:t>.fa-mobile:before {</w:t>
            </w:r>
          </w:p>
          <w:p w:rsidR="00156FB3" w:rsidRDefault="00156FB3" w:rsidP="00156FB3">
            <w:r>
              <w:t xml:space="preserve">    content: "\f10b";</w:t>
            </w:r>
          </w:p>
          <w:p w:rsidR="00156FB3" w:rsidRDefault="00156FB3" w:rsidP="00156FB3">
            <w:r>
              <w:t>}</w:t>
            </w:r>
          </w:p>
          <w:p w:rsidR="00156FB3" w:rsidRDefault="00156FB3" w:rsidP="00156FB3"/>
          <w:p w:rsidR="00156FB3" w:rsidRDefault="00156FB3" w:rsidP="00156FB3">
            <w:r>
              <w:t>.fa-mobile-alt:before {</w:t>
            </w:r>
          </w:p>
          <w:p w:rsidR="00156FB3" w:rsidRDefault="00156FB3" w:rsidP="00156FB3">
            <w:r>
              <w:t xml:space="preserve">    content: "\f3cd";</w:t>
            </w:r>
          </w:p>
          <w:p w:rsidR="00156FB3" w:rsidRDefault="00156FB3" w:rsidP="00156FB3">
            <w:r>
              <w:t>}</w:t>
            </w:r>
          </w:p>
          <w:p w:rsidR="00156FB3" w:rsidRDefault="00156FB3" w:rsidP="00156FB3"/>
          <w:p w:rsidR="00156FB3" w:rsidRDefault="00156FB3" w:rsidP="00156FB3">
            <w:r>
              <w:t>.fa-modx:before {</w:t>
            </w:r>
          </w:p>
          <w:p w:rsidR="00156FB3" w:rsidRDefault="00156FB3" w:rsidP="00156FB3">
            <w:r>
              <w:t xml:space="preserve">    content: "\f285";</w:t>
            </w:r>
          </w:p>
          <w:p w:rsidR="00156FB3" w:rsidRDefault="00156FB3" w:rsidP="00156FB3">
            <w:r>
              <w:t>}</w:t>
            </w:r>
          </w:p>
          <w:p w:rsidR="00156FB3" w:rsidRDefault="00156FB3" w:rsidP="00156FB3"/>
          <w:p w:rsidR="00156FB3" w:rsidRDefault="00156FB3" w:rsidP="00156FB3">
            <w:r>
              <w:t>.fa-monero:before {</w:t>
            </w:r>
          </w:p>
          <w:p w:rsidR="00156FB3" w:rsidRDefault="00156FB3" w:rsidP="00156FB3">
            <w:r>
              <w:t xml:space="preserve">    content: "\f3d0";</w:t>
            </w:r>
          </w:p>
          <w:p w:rsidR="00156FB3" w:rsidRDefault="00156FB3" w:rsidP="00156FB3">
            <w:r>
              <w:t>}</w:t>
            </w:r>
          </w:p>
          <w:p w:rsidR="00156FB3" w:rsidRDefault="00156FB3" w:rsidP="00156FB3"/>
          <w:p w:rsidR="00156FB3" w:rsidRDefault="00156FB3" w:rsidP="00156FB3">
            <w:r>
              <w:t>.fa-money-bill:before {</w:t>
            </w:r>
          </w:p>
          <w:p w:rsidR="00156FB3" w:rsidRDefault="00156FB3" w:rsidP="00156FB3">
            <w:r>
              <w:t xml:space="preserve">    content: "\f0d6";</w:t>
            </w:r>
          </w:p>
          <w:p w:rsidR="00156FB3" w:rsidRDefault="00156FB3" w:rsidP="00156FB3">
            <w:r>
              <w:t>}</w:t>
            </w:r>
          </w:p>
          <w:p w:rsidR="00156FB3" w:rsidRDefault="00156FB3" w:rsidP="00156FB3"/>
          <w:p w:rsidR="00156FB3" w:rsidRDefault="00156FB3" w:rsidP="00156FB3">
            <w:r>
              <w:t>.fa-money-bill-alt:before {</w:t>
            </w:r>
          </w:p>
          <w:p w:rsidR="00156FB3" w:rsidRDefault="00156FB3" w:rsidP="00156FB3">
            <w:r>
              <w:t xml:space="preserve">    content: "\f3d1";</w:t>
            </w:r>
          </w:p>
          <w:p w:rsidR="00156FB3" w:rsidRDefault="00156FB3" w:rsidP="00156FB3">
            <w:r>
              <w:t>}</w:t>
            </w:r>
          </w:p>
          <w:p w:rsidR="00156FB3" w:rsidRDefault="00156FB3" w:rsidP="00156FB3"/>
          <w:p w:rsidR="00156FB3" w:rsidRDefault="00156FB3" w:rsidP="00156FB3">
            <w:r>
              <w:t>.fa-money-bill-wave:before {</w:t>
            </w:r>
          </w:p>
          <w:p w:rsidR="00156FB3" w:rsidRDefault="00156FB3" w:rsidP="00156FB3">
            <w:r>
              <w:t xml:space="preserve">    content: "\f53a";</w:t>
            </w:r>
          </w:p>
          <w:p w:rsidR="00156FB3" w:rsidRDefault="00156FB3" w:rsidP="00156FB3">
            <w:r>
              <w:t>}</w:t>
            </w:r>
          </w:p>
          <w:p w:rsidR="00156FB3" w:rsidRDefault="00156FB3" w:rsidP="00156FB3"/>
          <w:p w:rsidR="00156FB3" w:rsidRDefault="00156FB3" w:rsidP="00156FB3">
            <w:r>
              <w:t>.fa-money-bill-wave-alt:before {</w:t>
            </w:r>
          </w:p>
          <w:p w:rsidR="00156FB3" w:rsidRDefault="00156FB3" w:rsidP="00156FB3">
            <w:r>
              <w:t xml:space="preserve">    content: "\f53b";</w:t>
            </w:r>
          </w:p>
          <w:p w:rsidR="00156FB3" w:rsidRDefault="00156FB3" w:rsidP="00156FB3">
            <w:r>
              <w:t>}</w:t>
            </w:r>
          </w:p>
          <w:p w:rsidR="00156FB3" w:rsidRDefault="00156FB3" w:rsidP="00156FB3"/>
          <w:p w:rsidR="00156FB3" w:rsidRDefault="00156FB3" w:rsidP="00156FB3">
            <w:r>
              <w:t>.fa-money-check:before {</w:t>
            </w:r>
          </w:p>
          <w:p w:rsidR="00156FB3" w:rsidRDefault="00156FB3" w:rsidP="00156FB3">
            <w:r>
              <w:t xml:space="preserve">    content: "\f53c";</w:t>
            </w:r>
          </w:p>
          <w:p w:rsidR="00156FB3" w:rsidRDefault="00156FB3" w:rsidP="00156FB3">
            <w:r>
              <w:t>}</w:t>
            </w:r>
          </w:p>
          <w:p w:rsidR="00156FB3" w:rsidRDefault="00156FB3" w:rsidP="00156FB3"/>
          <w:p w:rsidR="00156FB3" w:rsidRDefault="00156FB3" w:rsidP="00156FB3">
            <w:r>
              <w:t>.fa-money-check-alt:before {</w:t>
            </w:r>
          </w:p>
          <w:p w:rsidR="00156FB3" w:rsidRDefault="00156FB3" w:rsidP="00156FB3">
            <w:r>
              <w:t xml:space="preserve">    content: "\f53d";</w:t>
            </w:r>
          </w:p>
          <w:p w:rsidR="00156FB3" w:rsidRDefault="00156FB3" w:rsidP="00156FB3">
            <w:r>
              <w:t>}</w:t>
            </w:r>
          </w:p>
          <w:p w:rsidR="00156FB3" w:rsidRDefault="00156FB3" w:rsidP="00156FB3"/>
          <w:p w:rsidR="00156FB3" w:rsidRDefault="00156FB3" w:rsidP="00156FB3">
            <w:r>
              <w:t>.fa-monument:before {</w:t>
            </w:r>
          </w:p>
          <w:p w:rsidR="00156FB3" w:rsidRDefault="00156FB3" w:rsidP="00156FB3">
            <w:r>
              <w:lastRenderedPageBreak/>
              <w:t xml:space="preserve">    content: "\f5a6";</w:t>
            </w:r>
          </w:p>
          <w:p w:rsidR="00156FB3" w:rsidRDefault="00156FB3" w:rsidP="00156FB3">
            <w:r>
              <w:t>}</w:t>
            </w:r>
          </w:p>
          <w:p w:rsidR="00156FB3" w:rsidRDefault="00156FB3" w:rsidP="00156FB3"/>
          <w:p w:rsidR="00156FB3" w:rsidRDefault="00156FB3" w:rsidP="00156FB3">
            <w:r>
              <w:t>.fa-moon:before {</w:t>
            </w:r>
          </w:p>
          <w:p w:rsidR="00156FB3" w:rsidRDefault="00156FB3" w:rsidP="00156FB3">
            <w:r>
              <w:t xml:space="preserve">    content: "\f186";</w:t>
            </w:r>
          </w:p>
          <w:p w:rsidR="00156FB3" w:rsidRDefault="00156FB3" w:rsidP="00156FB3">
            <w:r>
              <w:t>}</w:t>
            </w:r>
          </w:p>
          <w:p w:rsidR="00156FB3" w:rsidRDefault="00156FB3" w:rsidP="00156FB3"/>
          <w:p w:rsidR="00156FB3" w:rsidRDefault="00156FB3" w:rsidP="00156FB3">
            <w:r>
              <w:t>.fa-mortar-pestle:before {</w:t>
            </w:r>
          </w:p>
          <w:p w:rsidR="00156FB3" w:rsidRDefault="00156FB3" w:rsidP="00156FB3">
            <w:r>
              <w:t xml:space="preserve">    content: "\f5a7";</w:t>
            </w:r>
          </w:p>
          <w:p w:rsidR="00156FB3" w:rsidRDefault="00156FB3" w:rsidP="00156FB3">
            <w:r>
              <w:t>}</w:t>
            </w:r>
          </w:p>
          <w:p w:rsidR="00156FB3" w:rsidRDefault="00156FB3" w:rsidP="00156FB3"/>
          <w:p w:rsidR="00156FB3" w:rsidRDefault="00156FB3" w:rsidP="00156FB3">
            <w:r>
              <w:t>.fa-mosque:before {</w:t>
            </w:r>
          </w:p>
          <w:p w:rsidR="00156FB3" w:rsidRDefault="00156FB3" w:rsidP="00156FB3">
            <w:r>
              <w:t xml:space="preserve">    content: "\f678";</w:t>
            </w:r>
          </w:p>
          <w:p w:rsidR="00156FB3" w:rsidRDefault="00156FB3" w:rsidP="00156FB3">
            <w:r>
              <w:t>}</w:t>
            </w:r>
          </w:p>
          <w:p w:rsidR="00156FB3" w:rsidRDefault="00156FB3" w:rsidP="00156FB3"/>
          <w:p w:rsidR="00156FB3" w:rsidRDefault="00156FB3" w:rsidP="00156FB3">
            <w:r>
              <w:t>.fa-motorcycle:before {</w:t>
            </w:r>
          </w:p>
          <w:p w:rsidR="00156FB3" w:rsidRDefault="00156FB3" w:rsidP="00156FB3">
            <w:r>
              <w:t xml:space="preserve">    content: "\f21c";</w:t>
            </w:r>
          </w:p>
          <w:p w:rsidR="00156FB3" w:rsidRDefault="00156FB3" w:rsidP="00156FB3">
            <w:r>
              <w:t>}</w:t>
            </w:r>
          </w:p>
          <w:p w:rsidR="00156FB3" w:rsidRDefault="00156FB3" w:rsidP="00156FB3"/>
          <w:p w:rsidR="00156FB3" w:rsidRDefault="00156FB3" w:rsidP="00156FB3">
            <w:r>
              <w:t>.fa-mountain:before {</w:t>
            </w:r>
          </w:p>
          <w:p w:rsidR="00156FB3" w:rsidRDefault="00156FB3" w:rsidP="00156FB3">
            <w:r>
              <w:t xml:space="preserve">    content: "\f6fc";</w:t>
            </w:r>
          </w:p>
          <w:p w:rsidR="00156FB3" w:rsidRDefault="00156FB3" w:rsidP="00156FB3">
            <w:r>
              <w:t>}</w:t>
            </w:r>
          </w:p>
          <w:p w:rsidR="00156FB3" w:rsidRDefault="00156FB3" w:rsidP="00156FB3"/>
          <w:p w:rsidR="00156FB3" w:rsidRDefault="00156FB3" w:rsidP="00156FB3">
            <w:r>
              <w:t>.fa-mouse:before {</w:t>
            </w:r>
          </w:p>
          <w:p w:rsidR="00156FB3" w:rsidRDefault="00156FB3" w:rsidP="00156FB3">
            <w:r>
              <w:t xml:space="preserve">    content: "\f8cc";</w:t>
            </w:r>
          </w:p>
          <w:p w:rsidR="00156FB3" w:rsidRDefault="00156FB3" w:rsidP="00156FB3">
            <w:r>
              <w:t>}</w:t>
            </w:r>
          </w:p>
          <w:p w:rsidR="00156FB3" w:rsidRDefault="00156FB3" w:rsidP="00156FB3"/>
          <w:p w:rsidR="00156FB3" w:rsidRDefault="00156FB3" w:rsidP="00156FB3">
            <w:r>
              <w:t>.fa-mouse-pointer:before {</w:t>
            </w:r>
          </w:p>
          <w:p w:rsidR="00156FB3" w:rsidRDefault="00156FB3" w:rsidP="00156FB3">
            <w:r>
              <w:t xml:space="preserve">    content: "\f245";</w:t>
            </w:r>
          </w:p>
          <w:p w:rsidR="00156FB3" w:rsidRDefault="00156FB3" w:rsidP="00156FB3">
            <w:r>
              <w:t>}</w:t>
            </w:r>
          </w:p>
          <w:p w:rsidR="00156FB3" w:rsidRDefault="00156FB3" w:rsidP="00156FB3"/>
          <w:p w:rsidR="00156FB3" w:rsidRDefault="00156FB3" w:rsidP="00156FB3">
            <w:r>
              <w:t>.fa-mug-hot:before {</w:t>
            </w:r>
          </w:p>
          <w:p w:rsidR="00156FB3" w:rsidRDefault="00156FB3" w:rsidP="00156FB3">
            <w:r>
              <w:t xml:space="preserve">    content: "\f7b6";</w:t>
            </w:r>
          </w:p>
          <w:p w:rsidR="00156FB3" w:rsidRDefault="00156FB3" w:rsidP="00156FB3">
            <w:r>
              <w:t>}</w:t>
            </w:r>
          </w:p>
          <w:p w:rsidR="00156FB3" w:rsidRDefault="00156FB3" w:rsidP="00156FB3"/>
          <w:p w:rsidR="00156FB3" w:rsidRDefault="00156FB3" w:rsidP="00156FB3">
            <w:r>
              <w:t>.fa-music:before {</w:t>
            </w:r>
          </w:p>
          <w:p w:rsidR="00156FB3" w:rsidRDefault="00156FB3" w:rsidP="00156FB3">
            <w:r>
              <w:t xml:space="preserve">    content: "\f001";</w:t>
            </w:r>
          </w:p>
          <w:p w:rsidR="00156FB3" w:rsidRDefault="00156FB3" w:rsidP="00156FB3">
            <w:r>
              <w:t>}</w:t>
            </w:r>
          </w:p>
          <w:p w:rsidR="00156FB3" w:rsidRDefault="00156FB3" w:rsidP="00156FB3"/>
          <w:p w:rsidR="00156FB3" w:rsidRDefault="00156FB3" w:rsidP="00156FB3">
            <w:r>
              <w:t>.fa-napster:before {</w:t>
            </w:r>
          </w:p>
          <w:p w:rsidR="00156FB3" w:rsidRDefault="00156FB3" w:rsidP="00156FB3">
            <w:r>
              <w:t xml:space="preserve">    content: "\f3d2";</w:t>
            </w:r>
          </w:p>
          <w:p w:rsidR="00156FB3" w:rsidRDefault="00156FB3" w:rsidP="00156FB3">
            <w:r>
              <w:t>}</w:t>
            </w:r>
          </w:p>
          <w:p w:rsidR="00156FB3" w:rsidRDefault="00156FB3" w:rsidP="00156FB3"/>
          <w:p w:rsidR="00156FB3" w:rsidRDefault="00156FB3" w:rsidP="00156FB3">
            <w:r>
              <w:t>.fa-neos:before {</w:t>
            </w:r>
          </w:p>
          <w:p w:rsidR="00156FB3" w:rsidRDefault="00156FB3" w:rsidP="00156FB3">
            <w:r>
              <w:t xml:space="preserve">    content: "\f612";</w:t>
            </w:r>
          </w:p>
          <w:p w:rsidR="00156FB3" w:rsidRDefault="00156FB3" w:rsidP="00156FB3">
            <w:r>
              <w:t>}</w:t>
            </w:r>
          </w:p>
          <w:p w:rsidR="00156FB3" w:rsidRDefault="00156FB3" w:rsidP="00156FB3"/>
          <w:p w:rsidR="00156FB3" w:rsidRDefault="00156FB3" w:rsidP="00156FB3">
            <w:r>
              <w:t>.fa-network-wired:before {</w:t>
            </w:r>
          </w:p>
          <w:p w:rsidR="00156FB3" w:rsidRDefault="00156FB3" w:rsidP="00156FB3">
            <w:r>
              <w:lastRenderedPageBreak/>
              <w:t xml:space="preserve">    content: "\f6ff";</w:t>
            </w:r>
          </w:p>
          <w:p w:rsidR="00156FB3" w:rsidRDefault="00156FB3" w:rsidP="00156FB3">
            <w:r>
              <w:t>}</w:t>
            </w:r>
          </w:p>
          <w:p w:rsidR="00156FB3" w:rsidRDefault="00156FB3" w:rsidP="00156FB3"/>
          <w:p w:rsidR="00156FB3" w:rsidRDefault="00156FB3" w:rsidP="00156FB3">
            <w:r>
              <w:t>.fa-neuter:before {</w:t>
            </w:r>
          </w:p>
          <w:p w:rsidR="00156FB3" w:rsidRDefault="00156FB3" w:rsidP="00156FB3">
            <w:r>
              <w:t xml:space="preserve">    content: "\f22c";</w:t>
            </w:r>
          </w:p>
          <w:p w:rsidR="00156FB3" w:rsidRDefault="00156FB3" w:rsidP="00156FB3">
            <w:r>
              <w:t>}</w:t>
            </w:r>
          </w:p>
          <w:p w:rsidR="00156FB3" w:rsidRDefault="00156FB3" w:rsidP="00156FB3"/>
          <w:p w:rsidR="00156FB3" w:rsidRDefault="00156FB3" w:rsidP="00156FB3">
            <w:r>
              <w:t>.fa-newspaper:before {</w:t>
            </w:r>
          </w:p>
          <w:p w:rsidR="00156FB3" w:rsidRDefault="00156FB3" w:rsidP="00156FB3">
            <w:r>
              <w:t xml:space="preserve">    content: "\f1ea";</w:t>
            </w:r>
          </w:p>
          <w:p w:rsidR="00156FB3" w:rsidRDefault="00156FB3" w:rsidP="00156FB3">
            <w:r>
              <w:t>}</w:t>
            </w:r>
          </w:p>
          <w:p w:rsidR="00156FB3" w:rsidRDefault="00156FB3" w:rsidP="00156FB3"/>
          <w:p w:rsidR="00156FB3" w:rsidRDefault="00156FB3" w:rsidP="00156FB3">
            <w:r>
              <w:t>.fa-nimblr:before {</w:t>
            </w:r>
          </w:p>
          <w:p w:rsidR="00156FB3" w:rsidRDefault="00156FB3" w:rsidP="00156FB3">
            <w:r>
              <w:t xml:space="preserve">    content: "\f5a8";</w:t>
            </w:r>
          </w:p>
          <w:p w:rsidR="00156FB3" w:rsidRDefault="00156FB3" w:rsidP="00156FB3">
            <w:r>
              <w:t>}</w:t>
            </w:r>
          </w:p>
          <w:p w:rsidR="00156FB3" w:rsidRDefault="00156FB3" w:rsidP="00156FB3"/>
          <w:p w:rsidR="00156FB3" w:rsidRDefault="00156FB3" w:rsidP="00156FB3">
            <w:r>
              <w:t>.fa-node:before {</w:t>
            </w:r>
          </w:p>
          <w:p w:rsidR="00156FB3" w:rsidRDefault="00156FB3" w:rsidP="00156FB3">
            <w:r>
              <w:t xml:space="preserve">    content: "\f419";</w:t>
            </w:r>
          </w:p>
          <w:p w:rsidR="00156FB3" w:rsidRDefault="00156FB3" w:rsidP="00156FB3">
            <w:r>
              <w:t>}</w:t>
            </w:r>
          </w:p>
          <w:p w:rsidR="00156FB3" w:rsidRDefault="00156FB3" w:rsidP="00156FB3"/>
          <w:p w:rsidR="00156FB3" w:rsidRDefault="00156FB3" w:rsidP="00156FB3">
            <w:r>
              <w:t>.fa-node-js:before {</w:t>
            </w:r>
          </w:p>
          <w:p w:rsidR="00156FB3" w:rsidRDefault="00156FB3" w:rsidP="00156FB3">
            <w:r>
              <w:t xml:space="preserve">    content: "\f3d3";</w:t>
            </w:r>
          </w:p>
          <w:p w:rsidR="00156FB3" w:rsidRDefault="00156FB3" w:rsidP="00156FB3">
            <w:r>
              <w:t>}</w:t>
            </w:r>
          </w:p>
          <w:p w:rsidR="00156FB3" w:rsidRDefault="00156FB3" w:rsidP="00156FB3"/>
          <w:p w:rsidR="00156FB3" w:rsidRDefault="00156FB3" w:rsidP="00156FB3">
            <w:r>
              <w:t>.fa-not-equal:before {</w:t>
            </w:r>
          </w:p>
          <w:p w:rsidR="00156FB3" w:rsidRDefault="00156FB3" w:rsidP="00156FB3">
            <w:r>
              <w:t xml:space="preserve">    content: "\f53e";</w:t>
            </w:r>
          </w:p>
          <w:p w:rsidR="00156FB3" w:rsidRDefault="00156FB3" w:rsidP="00156FB3">
            <w:r>
              <w:t>}</w:t>
            </w:r>
          </w:p>
          <w:p w:rsidR="00156FB3" w:rsidRDefault="00156FB3" w:rsidP="00156FB3"/>
          <w:p w:rsidR="00156FB3" w:rsidRDefault="00156FB3" w:rsidP="00156FB3">
            <w:r>
              <w:t>.fa-notes-medical:before {</w:t>
            </w:r>
          </w:p>
          <w:p w:rsidR="00156FB3" w:rsidRDefault="00156FB3" w:rsidP="00156FB3">
            <w:r>
              <w:t xml:space="preserve">    content: "\f481";</w:t>
            </w:r>
          </w:p>
          <w:p w:rsidR="00156FB3" w:rsidRDefault="00156FB3" w:rsidP="00156FB3">
            <w:r>
              <w:t>}</w:t>
            </w:r>
          </w:p>
          <w:p w:rsidR="00156FB3" w:rsidRDefault="00156FB3" w:rsidP="00156FB3"/>
          <w:p w:rsidR="00156FB3" w:rsidRDefault="00156FB3" w:rsidP="00156FB3">
            <w:r>
              <w:t>.fa-npm:before {</w:t>
            </w:r>
          </w:p>
          <w:p w:rsidR="00156FB3" w:rsidRDefault="00156FB3" w:rsidP="00156FB3">
            <w:r>
              <w:t xml:space="preserve">    content: "\f3d4";</w:t>
            </w:r>
          </w:p>
          <w:p w:rsidR="00156FB3" w:rsidRDefault="00156FB3" w:rsidP="00156FB3">
            <w:r>
              <w:t>}</w:t>
            </w:r>
          </w:p>
          <w:p w:rsidR="00156FB3" w:rsidRDefault="00156FB3" w:rsidP="00156FB3"/>
          <w:p w:rsidR="00156FB3" w:rsidRDefault="00156FB3" w:rsidP="00156FB3">
            <w:r>
              <w:t>.fa-ns8:before {</w:t>
            </w:r>
          </w:p>
          <w:p w:rsidR="00156FB3" w:rsidRDefault="00156FB3" w:rsidP="00156FB3">
            <w:r>
              <w:t xml:space="preserve">    content: "\f3d5";</w:t>
            </w:r>
          </w:p>
          <w:p w:rsidR="00156FB3" w:rsidRDefault="00156FB3" w:rsidP="00156FB3">
            <w:r>
              <w:t>}</w:t>
            </w:r>
          </w:p>
          <w:p w:rsidR="00156FB3" w:rsidRDefault="00156FB3" w:rsidP="00156FB3"/>
          <w:p w:rsidR="00156FB3" w:rsidRDefault="00156FB3" w:rsidP="00156FB3">
            <w:r>
              <w:t>.fa-nutritionix:before {</w:t>
            </w:r>
          </w:p>
          <w:p w:rsidR="00156FB3" w:rsidRDefault="00156FB3" w:rsidP="00156FB3">
            <w:r>
              <w:t xml:space="preserve">    content: "\f3d6";</w:t>
            </w:r>
          </w:p>
          <w:p w:rsidR="00156FB3" w:rsidRDefault="00156FB3" w:rsidP="00156FB3">
            <w:r>
              <w:t>}</w:t>
            </w:r>
          </w:p>
          <w:p w:rsidR="00156FB3" w:rsidRDefault="00156FB3" w:rsidP="00156FB3"/>
          <w:p w:rsidR="00156FB3" w:rsidRDefault="00156FB3" w:rsidP="00156FB3">
            <w:r>
              <w:t>.fa-object-group:before {</w:t>
            </w:r>
          </w:p>
          <w:p w:rsidR="00156FB3" w:rsidRDefault="00156FB3" w:rsidP="00156FB3">
            <w:r>
              <w:t xml:space="preserve">    content: "\f247";</w:t>
            </w:r>
          </w:p>
          <w:p w:rsidR="00156FB3" w:rsidRDefault="00156FB3" w:rsidP="00156FB3">
            <w:r>
              <w:t>}</w:t>
            </w:r>
          </w:p>
          <w:p w:rsidR="00156FB3" w:rsidRDefault="00156FB3" w:rsidP="00156FB3"/>
          <w:p w:rsidR="00156FB3" w:rsidRDefault="00156FB3" w:rsidP="00156FB3">
            <w:r>
              <w:t>.fa-object-ungroup:before {</w:t>
            </w:r>
          </w:p>
          <w:p w:rsidR="00156FB3" w:rsidRDefault="00156FB3" w:rsidP="00156FB3">
            <w:r>
              <w:lastRenderedPageBreak/>
              <w:t xml:space="preserve">    content: "\f248";</w:t>
            </w:r>
          </w:p>
          <w:p w:rsidR="00156FB3" w:rsidRDefault="00156FB3" w:rsidP="00156FB3">
            <w:r>
              <w:t>}</w:t>
            </w:r>
          </w:p>
          <w:p w:rsidR="00156FB3" w:rsidRDefault="00156FB3" w:rsidP="00156FB3"/>
          <w:p w:rsidR="00156FB3" w:rsidRDefault="00156FB3" w:rsidP="00156FB3">
            <w:r>
              <w:t>.fa-odnoklassniki:before {</w:t>
            </w:r>
          </w:p>
          <w:p w:rsidR="00156FB3" w:rsidRDefault="00156FB3" w:rsidP="00156FB3">
            <w:r>
              <w:t xml:space="preserve">    content: "\f263";</w:t>
            </w:r>
          </w:p>
          <w:p w:rsidR="00156FB3" w:rsidRDefault="00156FB3" w:rsidP="00156FB3">
            <w:r>
              <w:t>}</w:t>
            </w:r>
          </w:p>
          <w:p w:rsidR="00156FB3" w:rsidRDefault="00156FB3" w:rsidP="00156FB3"/>
          <w:p w:rsidR="00156FB3" w:rsidRDefault="00156FB3" w:rsidP="00156FB3">
            <w:r>
              <w:t>.fa-odnoklassniki-square:before {</w:t>
            </w:r>
          </w:p>
          <w:p w:rsidR="00156FB3" w:rsidRDefault="00156FB3" w:rsidP="00156FB3">
            <w:r>
              <w:t xml:space="preserve">    content: "\f264";</w:t>
            </w:r>
          </w:p>
          <w:p w:rsidR="00156FB3" w:rsidRDefault="00156FB3" w:rsidP="00156FB3">
            <w:r>
              <w:t>}</w:t>
            </w:r>
          </w:p>
          <w:p w:rsidR="00156FB3" w:rsidRDefault="00156FB3" w:rsidP="00156FB3"/>
          <w:p w:rsidR="00156FB3" w:rsidRDefault="00156FB3" w:rsidP="00156FB3">
            <w:r>
              <w:t>.fa-oil-can:before {</w:t>
            </w:r>
          </w:p>
          <w:p w:rsidR="00156FB3" w:rsidRDefault="00156FB3" w:rsidP="00156FB3">
            <w:r>
              <w:t xml:space="preserve">    content: "\f613";</w:t>
            </w:r>
          </w:p>
          <w:p w:rsidR="00156FB3" w:rsidRDefault="00156FB3" w:rsidP="00156FB3">
            <w:r>
              <w:t>}</w:t>
            </w:r>
          </w:p>
          <w:p w:rsidR="00156FB3" w:rsidRDefault="00156FB3" w:rsidP="00156FB3"/>
          <w:p w:rsidR="00156FB3" w:rsidRDefault="00156FB3" w:rsidP="00156FB3">
            <w:r>
              <w:t>.fa-old-republic:before {</w:t>
            </w:r>
          </w:p>
          <w:p w:rsidR="00156FB3" w:rsidRDefault="00156FB3" w:rsidP="00156FB3">
            <w:r>
              <w:t xml:space="preserve">    content: "\f510";</w:t>
            </w:r>
          </w:p>
          <w:p w:rsidR="00156FB3" w:rsidRDefault="00156FB3" w:rsidP="00156FB3">
            <w:r>
              <w:t>}</w:t>
            </w:r>
          </w:p>
          <w:p w:rsidR="00156FB3" w:rsidRDefault="00156FB3" w:rsidP="00156FB3"/>
          <w:p w:rsidR="00156FB3" w:rsidRDefault="00156FB3" w:rsidP="00156FB3">
            <w:r>
              <w:t>.fa-om:before {</w:t>
            </w:r>
          </w:p>
          <w:p w:rsidR="00156FB3" w:rsidRDefault="00156FB3" w:rsidP="00156FB3">
            <w:r>
              <w:t xml:space="preserve">    content: "\f679";</w:t>
            </w:r>
          </w:p>
          <w:p w:rsidR="00156FB3" w:rsidRDefault="00156FB3" w:rsidP="00156FB3">
            <w:r>
              <w:t>}</w:t>
            </w:r>
          </w:p>
          <w:p w:rsidR="00156FB3" w:rsidRDefault="00156FB3" w:rsidP="00156FB3"/>
          <w:p w:rsidR="00156FB3" w:rsidRDefault="00156FB3" w:rsidP="00156FB3">
            <w:r>
              <w:t>.fa-opencart:before {</w:t>
            </w:r>
          </w:p>
          <w:p w:rsidR="00156FB3" w:rsidRDefault="00156FB3" w:rsidP="00156FB3">
            <w:r>
              <w:t xml:space="preserve">    content: "\f23d";</w:t>
            </w:r>
          </w:p>
          <w:p w:rsidR="00156FB3" w:rsidRDefault="00156FB3" w:rsidP="00156FB3">
            <w:r>
              <w:t>}</w:t>
            </w:r>
          </w:p>
          <w:p w:rsidR="00156FB3" w:rsidRDefault="00156FB3" w:rsidP="00156FB3"/>
          <w:p w:rsidR="00156FB3" w:rsidRDefault="00156FB3" w:rsidP="00156FB3">
            <w:r>
              <w:t>.fa-openid:before {</w:t>
            </w:r>
          </w:p>
          <w:p w:rsidR="00156FB3" w:rsidRDefault="00156FB3" w:rsidP="00156FB3">
            <w:r>
              <w:t xml:space="preserve">    content: "\f19b";</w:t>
            </w:r>
          </w:p>
          <w:p w:rsidR="00156FB3" w:rsidRDefault="00156FB3" w:rsidP="00156FB3">
            <w:r>
              <w:t>}</w:t>
            </w:r>
          </w:p>
          <w:p w:rsidR="00156FB3" w:rsidRDefault="00156FB3" w:rsidP="00156FB3"/>
          <w:p w:rsidR="00156FB3" w:rsidRDefault="00156FB3" w:rsidP="00156FB3">
            <w:r>
              <w:t>.fa-opera:before {</w:t>
            </w:r>
          </w:p>
          <w:p w:rsidR="00156FB3" w:rsidRDefault="00156FB3" w:rsidP="00156FB3">
            <w:r>
              <w:t xml:space="preserve">    content: "\f26a";</w:t>
            </w:r>
          </w:p>
          <w:p w:rsidR="00156FB3" w:rsidRDefault="00156FB3" w:rsidP="00156FB3">
            <w:r>
              <w:t>}</w:t>
            </w:r>
          </w:p>
          <w:p w:rsidR="00156FB3" w:rsidRDefault="00156FB3" w:rsidP="00156FB3"/>
          <w:p w:rsidR="00156FB3" w:rsidRDefault="00156FB3" w:rsidP="00156FB3">
            <w:r>
              <w:t>.fa-optin-monster:before {</w:t>
            </w:r>
          </w:p>
          <w:p w:rsidR="00156FB3" w:rsidRDefault="00156FB3" w:rsidP="00156FB3">
            <w:r>
              <w:t xml:space="preserve">    content: "\f23c";</w:t>
            </w:r>
          </w:p>
          <w:p w:rsidR="00156FB3" w:rsidRDefault="00156FB3" w:rsidP="00156FB3">
            <w:r>
              <w:t>}</w:t>
            </w:r>
          </w:p>
          <w:p w:rsidR="00156FB3" w:rsidRDefault="00156FB3" w:rsidP="00156FB3"/>
          <w:p w:rsidR="00156FB3" w:rsidRDefault="00156FB3" w:rsidP="00156FB3">
            <w:r>
              <w:t>.fa-orcid:before {</w:t>
            </w:r>
          </w:p>
          <w:p w:rsidR="00156FB3" w:rsidRDefault="00156FB3" w:rsidP="00156FB3">
            <w:r>
              <w:t xml:space="preserve">    content: "\f8d2";</w:t>
            </w:r>
          </w:p>
          <w:p w:rsidR="00156FB3" w:rsidRDefault="00156FB3" w:rsidP="00156FB3">
            <w:r>
              <w:t>}</w:t>
            </w:r>
          </w:p>
          <w:p w:rsidR="00156FB3" w:rsidRDefault="00156FB3" w:rsidP="00156FB3"/>
          <w:p w:rsidR="00156FB3" w:rsidRDefault="00156FB3" w:rsidP="00156FB3">
            <w:r>
              <w:t>.fa-osi:before {</w:t>
            </w:r>
          </w:p>
          <w:p w:rsidR="00156FB3" w:rsidRDefault="00156FB3" w:rsidP="00156FB3">
            <w:r>
              <w:t xml:space="preserve">    content: "\f41a";</w:t>
            </w:r>
          </w:p>
          <w:p w:rsidR="00156FB3" w:rsidRDefault="00156FB3" w:rsidP="00156FB3">
            <w:r>
              <w:t>}</w:t>
            </w:r>
          </w:p>
          <w:p w:rsidR="00156FB3" w:rsidRDefault="00156FB3" w:rsidP="00156FB3"/>
          <w:p w:rsidR="00156FB3" w:rsidRDefault="00156FB3" w:rsidP="00156FB3">
            <w:r>
              <w:t>.fa-otter:before {</w:t>
            </w:r>
          </w:p>
          <w:p w:rsidR="00156FB3" w:rsidRDefault="00156FB3" w:rsidP="00156FB3">
            <w:r>
              <w:lastRenderedPageBreak/>
              <w:t xml:space="preserve">    content: "\f700";</w:t>
            </w:r>
          </w:p>
          <w:p w:rsidR="00156FB3" w:rsidRDefault="00156FB3" w:rsidP="00156FB3">
            <w:r>
              <w:t>}</w:t>
            </w:r>
          </w:p>
          <w:p w:rsidR="00156FB3" w:rsidRDefault="00156FB3" w:rsidP="00156FB3"/>
          <w:p w:rsidR="00156FB3" w:rsidRDefault="00156FB3" w:rsidP="00156FB3">
            <w:r>
              <w:t>.fa-outdent:before {</w:t>
            </w:r>
          </w:p>
          <w:p w:rsidR="00156FB3" w:rsidRDefault="00156FB3" w:rsidP="00156FB3">
            <w:r>
              <w:t xml:space="preserve">    content: "\f03b";</w:t>
            </w:r>
          </w:p>
          <w:p w:rsidR="00156FB3" w:rsidRDefault="00156FB3" w:rsidP="00156FB3">
            <w:r>
              <w:t>}</w:t>
            </w:r>
          </w:p>
          <w:p w:rsidR="00156FB3" w:rsidRDefault="00156FB3" w:rsidP="00156FB3"/>
          <w:p w:rsidR="00156FB3" w:rsidRDefault="00156FB3" w:rsidP="00156FB3">
            <w:r>
              <w:t>.fa-page4:before {</w:t>
            </w:r>
          </w:p>
          <w:p w:rsidR="00156FB3" w:rsidRDefault="00156FB3" w:rsidP="00156FB3">
            <w:r>
              <w:t xml:space="preserve">    content: "\f3d7";</w:t>
            </w:r>
          </w:p>
          <w:p w:rsidR="00156FB3" w:rsidRDefault="00156FB3" w:rsidP="00156FB3">
            <w:r>
              <w:t>}</w:t>
            </w:r>
          </w:p>
          <w:p w:rsidR="00156FB3" w:rsidRDefault="00156FB3" w:rsidP="00156FB3"/>
          <w:p w:rsidR="00156FB3" w:rsidRDefault="00156FB3" w:rsidP="00156FB3">
            <w:r>
              <w:t>.fa-pagelines:before {</w:t>
            </w:r>
          </w:p>
          <w:p w:rsidR="00156FB3" w:rsidRDefault="00156FB3" w:rsidP="00156FB3">
            <w:r>
              <w:t xml:space="preserve">    content: "\f18c";</w:t>
            </w:r>
          </w:p>
          <w:p w:rsidR="00156FB3" w:rsidRDefault="00156FB3" w:rsidP="00156FB3">
            <w:r>
              <w:t>}</w:t>
            </w:r>
          </w:p>
          <w:p w:rsidR="00156FB3" w:rsidRDefault="00156FB3" w:rsidP="00156FB3"/>
          <w:p w:rsidR="00156FB3" w:rsidRDefault="00156FB3" w:rsidP="00156FB3">
            <w:r>
              <w:t>.fa-pager:before {</w:t>
            </w:r>
          </w:p>
          <w:p w:rsidR="00156FB3" w:rsidRDefault="00156FB3" w:rsidP="00156FB3">
            <w:r>
              <w:t xml:space="preserve">    content: "\f815";</w:t>
            </w:r>
          </w:p>
          <w:p w:rsidR="00156FB3" w:rsidRDefault="00156FB3" w:rsidP="00156FB3">
            <w:r>
              <w:t>}</w:t>
            </w:r>
          </w:p>
          <w:p w:rsidR="00156FB3" w:rsidRDefault="00156FB3" w:rsidP="00156FB3"/>
          <w:p w:rsidR="00156FB3" w:rsidRDefault="00156FB3" w:rsidP="00156FB3">
            <w:r>
              <w:t>.fa-paint-brush:before {</w:t>
            </w:r>
          </w:p>
          <w:p w:rsidR="00156FB3" w:rsidRDefault="00156FB3" w:rsidP="00156FB3">
            <w:r>
              <w:t xml:space="preserve">    content: "\f1fc";</w:t>
            </w:r>
          </w:p>
          <w:p w:rsidR="00156FB3" w:rsidRDefault="00156FB3" w:rsidP="00156FB3">
            <w:r>
              <w:t>}</w:t>
            </w:r>
          </w:p>
          <w:p w:rsidR="00156FB3" w:rsidRDefault="00156FB3" w:rsidP="00156FB3"/>
          <w:p w:rsidR="00156FB3" w:rsidRDefault="00156FB3" w:rsidP="00156FB3">
            <w:r>
              <w:t>.fa-paint-roller:before {</w:t>
            </w:r>
          </w:p>
          <w:p w:rsidR="00156FB3" w:rsidRDefault="00156FB3" w:rsidP="00156FB3">
            <w:r>
              <w:t xml:space="preserve">    content: "\f5aa";</w:t>
            </w:r>
          </w:p>
          <w:p w:rsidR="00156FB3" w:rsidRDefault="00156FB3" w:rsidP="00156FB3">
            <w:r>
              <w:t>}</w:t>
            </w:r>
          </w:p>
          <w:p w:rsidR="00156FB3" w:rsidRDefault="00156FB3" w:rsidP="00156FB3"/>
          <w:p w:rsidR="00156FB3" w:rsidRDefault="00156FB3" w:rsidP="00156FB3">
            <w:r>
              <w:t>.fa-palette:before {</w:t>
            </w:r>
          </w:p>
          <w:p w:rsidR="00156FB3" w:rsidRDefault="00156FB3" w:rsidP="00156FB3">
            <w:r>
              <w:t xml:space="preserve">    content: "\f53f";</w:t>
            </w:r>
          </w:p>
          <w:p w:rsidR="00156FB3" w:rsidRDefault="00156FB3" w:rsidP="00156FB3">
            <w:r>
              <w:t>}</w:t>
            </w:r>
          </w:p>
          <w:p w:rsidR="00156FB3" w:rsidRDefault="00156FB3" w:rsidP="00156FB3"/>
          <w:p w:rsidR="00156FB3" w:rsidRDefault="00156FB3" w:rsidP="00156FB3">
            <w:r>
              <w:t>.fa-palfed:before {</w:t>
            </w:r>
          </w:p>
          <w:p w:rsidR="00156FB3" w:rsidRDefault="00156FB3" w:rsidP="00156FB3">
            <w:r>
              <w:t xml:space="preserve">    content: "\f3d8";</w:t>
            </w:r>
          </w:p>
          <w:p w:rsidR="00156FB3" w:rsidRDefault="00156FB3" w:rsidP="00156FB3">
            <w:r>
              <w:t>}</w:t>
            </w:r>
          </w:p>
          <w:p w:rsidR="00156FB3" w:rsidRDefault="00156FB3" w:rsidP="00156FB3"/>
          <w:p w:rsidR="00156FB3" w:rsidRDefault="00156FB3" w:rsidP="00156FB3">
            <w:r>
              <w:t>.fa-pallet:before {</w:t>
            </w:r>
          </w:p>
          <w:p w:rsidR="00156FB3" w:rsidRDefault="00156FB3" w:rsidP="00156FB3">
            <w:r>
              <w:t xml:space="preserve">    content: "\f482";</w:t>
            </w:r>
          </w:p>
          <w:p w:rsidR="00156FB3" w:rsidRDefault="00156FB3" w:rsidP="00156FB3">
            <w:r>
              <w:t>}</w:t>
            </w:r>
          </w:p>
          <w:p w:rsidR="00156FB3" w:rsidRDefault="00156FB3" w:rsidP="00156FB3"/>
          <w:p w:rsidR="00156FB3" w:rsidRDefault="00156FB3" w:rsidP="00156FB3">
            <w:r>
              <w:t>.fa-paper-plane:before {</w:t>
            </w:r>
          </w:p>
          <w:p w:rsidR="00156FB3" w:rsidRDefault="00156FB3" w:rsidP="00156FB3">
            <w:r>
              <w:t xml:space="preserve">    content: "\f1d8";</w:t>
            </w:r>
          </w:p>
          <w:p w:rsidR="00156FB3" w:rsidRDefault="00156FB3" w:rsidP="00156FB3">
            <w:r>
              <w:t>}</w:t>
            </w:r>
          </w:p>
          <w:p w:rsidR="00156FB3" w:rsidRDefault="00156FB3" w:rsidP="00156FB3"/>
          <w:p w:rsidR="00156FB3" w:rsidRDefault="00156FB3" w:rsidP="00156FB3">
            <w:r>
              <w:t>.fa-paperclip:before {</w:t>
            </w:r>
          </w:p>
          <w:p w:rsidR="00156FB3" w:rsidRDefault="00156FB3" w:rsidP="00156FB3">
            <w:r>
              <w:t xml:space="preserve">    content: "\f0c6";</w:t>
            </w:r>
          </w:p>
          <w:p w:rsidR="00156FB3" w:rsidRDefault="00156FB3" w:rsidP="00156FB3">
            <w:r>
              <w:t>}</w:t>
            </w:r>
          </w:p>
          <w:p w:rsidR="00156FB3" w:rsidRDefault="00156FB3" w:rsidP="00156FB3"/>
          <w:p w:rsidR="00156FB3" w:rsidRDefault="00156FB3" w:rsidP="00156FB3">
            <w:r>
              <w:t>.fa-parachute-box:before {</w:t>
            </w:r>
          </w:p>
          <w:p w:rsidR="00156FB3" w:rsidRDefault="00156FB3" w:rsidP="00156FB3">
            <w:r>
              <w:lastRenderedPageBreak/>
              <w:t xml:space="preserve">    content: "\f4cd";</w:t>
            </w:r>
          </w:p>
          <w:p w:rsidR="00156FB3" w:rsidRDefault="00156FB3" w:rsidP="00156FB3">
            <w:r>
              <w:t>}</w:t>
            </w:r>
          </w:p>
          <w:p w:rsidR="00156FB3" w:rsidRDefault="00156FB3" w:rsidP="00156FB3"/>
          <w:p w:rsidR="00156FB3" w:rsidRDefault="00156FB3" w:rsidP="00156FB3">
            <w:r>
              <w:t>.fa-paragraph:before {</w:t>
            </w:r>
          </w:p>
          <w:p w:rsidR="00156FB3" w:rsidRDefault="00156FB3" w:rsidP="00156FB3">
            <w:r>
              <w:t xml:space="preserve">    content: "\f1dd";</w:t>
            </w:r>
          </w:p>
          <w:p w:rsidR="00156FB3" w:rsidRDefault="00156FB3" w:rsidP="00156FB3">
            <w:r>
              <w:t>}</w:t>
            </w:r>
          </w:p>
          <w:p w:rsidR="00156FB3" w:rsidRDefault="00156FB3" w:rsidP="00156FB3"/>
          <w:p w:rsidR="00156FB3" w:rsidRDefault="00156FB3" w:rsidP="00156FB3">
            <w:r>
              <w:t>.fa-parking:before {</w:t>
            </w:r>
          </w:p>
          <w:p w:rsidR="00156FB3" w:rsidRDefault="00156FB3" w:rsidP="00156FB3">
            <w:r>
              <w:t xml:space="preserve">    content: "\f540";</w:t>
            </w:r>
          </w:p>
          <w:p w:rsidR="00156FB3" w:rsidRDefault="00156FB3" w:rsidP="00156FB3">
            <w:r>
              <w:t>}</w:t>
            </w:r>
          </w:p>
          <w:p w:rsidR="00156FB3" w:rsidRDefault="00156FB3" w:rsidP="00156FB3"/>
          <w:p w:rsidR="00156FB3" w:rsidRDefault="00156FB3" w:rsidP="00156FB3">
            <w:r>
              <w:t>.fa-passport:before {</w:t>
            </w:r>
          </w:p>
          <w:p w:rsidR="00156FB3" w:rsidRDefault="00156FB3" w:rsidP="00156FB3">
            <w:r>
              <w:t xml:space="preserve">    content: "\f5ab";</w:t>
            </w:r>
          </w:p>
          <w:p w:rsidR="00156FB3" w:rsidRDefault="00156FB3" w:rsidP="00156FB3">
            <w:r>
              <w:t>}</w:t>
            </w:r>
          </w:p>
          <w:p w:rsidR="00156FB3" w:rsidRDefault="00156FB3" w:rsidP="00156FB3"/>
          <w:p w:rsidR="00156FB3" w:rsidRDefault="00156FB3" w:rsidP="00156FB3">
            <w:r>
              <w:t>.fa-pastafarianism:before {</w:t>
            </w:r>
          </w:p>
          <w:p w:rsidR="00156FB3" w:rsidRDefault="00156FB3" w:rsidP="00156FB3">
            <w:r>
              <w:t xml:space="preserve">    content: "\f67b";</w:t>
            </w:r>
          </w:p>
          <w:p w:rsidR="00156FB3" w:rsidRDefault="00156FB3" w:rsidP="00156FB3">
            <w:r>
              <w:t>}</w:t>
            </w:r>
          </w:p>
          <w:p w:rsidR="00156FB3" w:rsidRDefault="00156FB3" w:rsidP="00156FB3"/>
          <w:p w:rsidR="00156FB3" w:rsidRDefault="00156FB3" w:rsidP="00156FB3">
            <w:r>
              <w:t>.fa-paste:before {</w:t>
            </w:r>
          </w:p>
          <w:p w:rsidR="00156FB3" w:rsidRDefault="00156FB3" w:rsidP="00156FB3">
            <w:r>
              <w:t xml:space="preserve">    content: "\f0ea";</w:t>
            </w:r>
          </w:p>
          <w:p w:rsidR="00156FB3" w:rsidRDefault="00156FB3" w:rsidP="00156FB3">
            <w:r>
              <w:t>}</w:t>
            </w:r>
          </w:p>
          <w:p w:rsidR="00156FB3" w:rsidRDefault="00156FB3" w:rsidP="00156FB3"/>
          <w:p w:rsidR="00156FB3" w:rsidRDefault="00156FB3" w:rsidP="00156FB3">
            <w:r>
              <w:t>.fa-patreon:before {</w:t>
            </w:r>
          </w:p>
          <w:p w:rsidR="00156FB3" w:rsidRDefault="00156FB3" w:rsidP="00156FB3">
            <w:r>
              <w:t xml:space="preserve">    content: "\f3d9";</w:t>
            </w:r>
          </w:p>
          <w:p w:rsidR="00156FB3" w:rsidRDefault="00156FB3" w:rsidP="00156FB3">
            <w:r>
              <w:t>}</w:t>
            </w:r>
          </w:p>
          <w:p w:rsidR="00156FB3" w:rsidRDefault="00156FB3" w:rsidP="00156FB3"/>
          <w:p w:rsidR="00156FB3" w:rsidRDefault="00156FB3" w:rsidP="00156FB3">
            <w:r>
              <w:t>.fa-pause:before {</w:t>
            </w:r>
          </w:p>
          <w:p w:rsidR="00156FB3" w:rsidRDefault="00156FB3" w:rsidP="00156FB3">
            <w:r>
              <w:t xml:space="preserve">    content: "\f04c";</w:t>
            </w:r>
          </w:p>
          <w:p w:rsidR="00156FB3" w:rsidRDefault="00156FB3" w:rsidP="00156FB3">
            <w:r>
              <w:t>}</w:t>
            </w:r>
          </w:p>
          <w:p w:rsidR="00156FB3" w:rsidRDefault="00156FB3" w:rsidP="00156FB3"/>
          <w:p w:rsidR="00156FB3" w:rsidRDefault="00156FB3" w:rsidP="00156FB3">
            <w:r>
              <w:t>.fa-pause-circle:before {</w:t>
            </w:r>
          </w:p>
          <w:p w:rsidR="00156FB3" w:rsidRDefault="00156FB3" w:rsidP="00156FB3">
            <w:r>
              <w:t xml:space="preserve">    content: "\f28b";</w:t>
            </w:r>
          </w:p>
          <w:p w:rsidR="00156FB3" w:rsidRDefault="00156FB3" w:rsidP="00156FB3">
            <w:r>
              <w:t>}</w:t>
            </w:r>
          </w:p>
          <w:p w:rsidR="00156FB3" w:rsidRDefault="00156FB3" w:rsidP="00156FB3"/>
          <w:p w:rsidR="00156FB3" w:rsidRDefault="00156FB3" w:rsidP="00156FB3">
            <w:r>
              <w:t>.fa-paw:before {</w:t>
            </w:r>
          </w:p>
          <w:p w:rsidR="00156FB3" w:rsidRDefault="00156FB3" w:rsidP="00156FB3">
            <w:r>
              <w:t xml:space="preserve">    content: "\f1b0";</w:t>
            </w:r>
          </w:p>
          <w:p w:rsidR="00156FB3" w:rsidRDefault="00156FB3" w:rsidP="00156FB3">
            <w:r>
              <w:t>}</w:t>
            </w:r>
          </w:p>
          <w:p w:rsidR="00156FB3" w:rsidRDefault="00156FB3" w:rsidP="00156FB3"/>
          <w:p w:rsidR="00156FB3" w:rsidRDefault="00156FB3" w:rsidP="00156FB3">
            <w:r>
              <w:t>.fa-paypal:before {</w:t>
            </w:r>
          </w:p>
          <w:p w:rsidR="00156FB3" w:rsidRDefault="00156FB3" w:rsidP="00156FB3">
            <w:r>
              <w:t xml:space="preserve">    content: "\f1ed";</w:t>
            </w:r>
          </w:p>
          <w:p w:rsidR="00156FB3" w:rsidRDefault="00156FB3" w:rsidP="00156FB3">
            <w:r>
              <w:t>}</w:t>
            </w:r>
          </w:p>
          <w:p w:rsidR="00156FB3" w:rsidRDefault="00156FB3" w:rsidP="00156FB3"/>
          <w:p w:rsidR="00156FB3" w:rsidRDefault="00156FB3" w:rsidP="00156FB3">
            <w:r>
              <w:t>.fa-peace:before {</w:t>
            </w:r>
          </w:p>
          <w:p w:rsidR="00156FB3" w:rsidRDefault="00156FB3" w:rsidP="00156FB3">
            <w:r>
              <w:t xml:space="preserve">    content: "\f67c";</w:t>
            </w:r>
          </w:p>
          <w:p w:rsidR="00156FB3" w:rsidRDefault="00156FB3" w:rsidP="00156FB3">
            <w:r>
              <w:t>}</w:t>
            </w:r>
          </w:p>
          <w:p w:rsidR="00156FB3" w:rsidRDefault="00156FB3" w:rsidP="00156FB3"/>
          <w:p w:rsidR="00156FB3" w:rsidRDefault="00156FB3" w:rsidP="00156FB3">
            <w:r>
              <w:t>.fa-pen:before {</w:t>
            </w:r>
          </w:p>
          <w:p w:rsidR="00156FB3" w:rsidRDefault="00156FB3" w:rsidP="00156FB3">
            <w:r>
              <w:lastRenderedPageBreak/>
              <w:t xml:space="preserve">    content: "\f304";</w:t>
            </w:r>
          </w:p>
          <w:p w:rsidR="00156FB3" w:rsidRDefault="00156FB3" w:rsidP="00156FB3">
            <w:r>
              <w:t>}</w:t>
            </w:r>
          </w:p>
          <w:p w:rsidR="00156FB3" w:rsidRDefault="00156FB3" w:rsidP="00156FB3"/>
          <w:p w:rsidR="00156FB3" w:rsidRDefault="00156FB3" w:rsidP="00156FB3">
            <w:r>
              <w:t>.fa-pen-alt:before {</w:t>
            </w:r>
          </w:p>
          <w:p w:rsidR="00156FB3" w:rsidRDefault="00156FB3" w:rsidP="00156FB3">
            <w:r>
              <w:t xml:space="preserve">    content: "\f305";</w:t>
            </w:r>
          </w:p>
          <w:p w:rsidR="00156FB3" w:rsidRDefault="00156FB3" w:rsidP="00156FB3">
            <w:r>
              <w:t>}</w:t>
            </w:r>
          </w:p>
          <w:p w:rsidR="00156FB3" w:rsidRDefault="00156FB3" w:rsidP="00156FB3"/>
          <w:p w:rsidR="00156FB3" w:rsidRDefault="00156FB3" w:rsidP="00156FB3">
            <w:r>
              <w:t>.fa-pen-fancy:before {</w:t>
            </w:r>
          </w:p>
          <w:p w:rsidR="00156FB3" w:rsidRDefault="00156FB3" w:rsidP="00156FB3">
            <w:r>
              <w:t xml:space="preserve">    content: "\f5ac";</w:t>
            </w:r>
          </w:p>
          <w:p w:rsidR="00156FB3" w:rsidRDefault="00156FB3" w:rsidP="00156FB3">
            <w:r>
              <w:t>}</w:t>
            </w:r>
          </w:p>
          <w:p w:rsidR="00156FB3" w:rsidRDefault="00156FB3" w:rsidP="00156FB3"/>
          <w:p w:rsidR="00156FB3" w:rsidRDefault="00156FB3" w:rsidP="00156FB3">
            <w:r>
              <w:t>.fa-pen-nib:before {</w:t>
            </w:r>
          </w:p>
          <w:p w:rsidR="00156FB3" w:rsidRDefault="00156FB3" w:rsidP="00156FB3">
            <w:r>
              <w:t xml:space="preserve">    content: "\f5ad";</w:t>
            </w:r>
          </w:p>
          <w:p w:rsidR="00156FB3" w:rsidRDefault="00156FB3" w:rsidP="00156FB3">
            <w:r>
              <w:t>}</w:t>
            </w:r>
          </w:p>
          <w:p w:rsidR="00156FB3" w:rsidRDefault="00156FB3" w:rsidP="00156FB3"/>
          <w:p w:rsidR="00156FB3" w:rsidRDefault="00156FB3" w:rsidP="00156FB3">
            <w:r>
              <w:t>.fa-pen-square:before {</w:t>
            </w:r>
          </w:p>
          <w:p w:rsidR="00156FB3" w:rsidRDefault="00156FB3" w:rsidP="00156FB3">
            <w:r>
              <w:t xml:space="preserve">    content: "\f14b";</w:t>
            </w:r>
          </w:p>
          <w:p w:rsidR="00156FB3" w:rsidRDefault="00156FB3" w:rsidP="00156FB3">
            <w:r>
              <w:t>}</w:t>
            </w:r>
          </w:p>
          <w:p w:rsidR="00156FB3" w:rsidRDefault="00156FB3" w:rsidP="00156FB3"/>
          <w:p w:rsidR="00156FB3" w:rsidRDefault="00156FB3" w:rsidP="00156FB3">
            <w:r>
              <w:t>.fa-pencil-alt:before {</w:t>
            </w:r>
          </w:p>
          <w:p w:rsidR="00156FB3" w:rsidRDefault="00156FB3" w:rsidP="00156FB3">
            <w:r>
              <w:t xml:space="preserve">    content: "\f303";</w:t>
            </w:r>
          </w:p>
          <w:p w:rsidR="00156FB3" w:rsidRDefault="00156FB3" w:rsidP="00156FB3">
            <w:r>
              <w:t>}</w:t>
            </w:r>
          </w:p>
          <w:p w:rsidR="00156FB3" w:rsidRDefault="00156FB3" w:rsidP="00156FB3"/>
          <w:p w:rsidR="00156FB3" w:rsidRDefault="00156FB3" w:rsidP="00156FB3">
            <w:r>
              <w:t>.fa-pencil-ruler:before {</w:t>
            </w:r>
          </w:p>
          <w:p w:rsidR="00156FB3" w:rsidRDefault="00156FB3" w:rsidP="00156FB3">
            <w:r>
              <w:t xml:space="preserve">    content: "\f5ae";</w:t>
            </w:r>
          </w:p>
          <w:p w:rsidR="00156FB3" w:rsidRDefault="00156FB3" w:rsidP="00156FB3">
            <w:r>
              <w:t>}</w:t>
            </w:r>
          </w:p>
          <w:p w:rsidR="00156FB3" w:rsidRDefault="00156FB3" w:rsidP="00156FB3"/>
          <w:p w:rsidR="00156FB3" w:rsidRDefault="00156FB3" w:rsidP="00156FB3">
            <w:r>
              <w:t>.fa-penny-arcade:before {</w:t>
            </w:r>
          </w:p>
          <w:p w:rsidR="00156FB3" w:rsidRDefault="00156FB3" w:rsidP="00156FB3">
            <w:r>
              <w:t xml:space="preserve">    content: "\f704";</w:t>
            </w:r>
          </w:p>
          <w:p w:rsidR="00156FB3" w:rsidRDefault="00156FB3" w:rsidP="00156FB3">
            <w:r>
              <w:t>}</w:t>
            </w:r>
          </w:p>
          <w:p w:rsidR="00156FB3" w:rsidRDefault="00156FB3" w:rsidP="00156FB3"/>
          <w:p w:rsidR="00156FB3" w:rsidRDefault="00156FB3" w:rsidP="00156FB3">
            <w:r>
              <w:t>.fa-people-arrows:before {</w:t>
            </w:r>
          </w:p>
          <w:p w:rsidR="00156FB3" w:rsidRDefault="00156FB3" w:rsidP="00156FB3">
            <w:r>
              <w:t xml:space="preserve">    content: "\f968";</w:t>
            </w:r>
          </w:p>
          <w:p w:rsidR="00156FB3" w:rsidRDefault="00156FB3" w:rsidP="00156FB3">
            <w:r>
              <w:t>}</w:t>
            </w:r>
          </w:p>
          <w:p w:rsidR="00156FB3" w:rsidRDefault="00156FB3" w:rsidP="00156FB3"/>
          <w:p w:rsidR="00156FB3" w:rsidRDefault="00156FB3" w:rsidP="00156FB3">
            <w:r>
              <w:t>.fa-people-carry:before {</w:t>
            </w:r>
          </w:p>
          <w:p w:rsidR="00156FB3" w:rsidRDefault="00156FB3" w:rsidP="00156FB3">
            <w:r>
              <w:t xml:space="preserve">    content: "\f4ce";</w:t>
            </w:r>
          </w:p>
          <w:p w:rsidR="00156FB3" w:rsidRDefault="00156FB3" w:rsidP="00156FB3">
            <w:r>
              <w:t>}</w:t>
            </w:r>
          </w:p>
          <w:p w:rsidR="00156FB3" w:rsidRDefault="00156FB3" w:rsidP="00156FB3"/>
          <w:p w:rsidR="00156FB3" w:rsidRDefault="00156FB3" w:rsidP="00156FB3">
            <w:r>
              <w:t>.fa-pepper-hot:before {</w:t>
            </w:r>
          </w:p>
          <w:p w:rsidR="00156FB3" w:rsidRDefault="00156FB3" w:rsidP="00156FB3">
            <w:r>
              <w:t xml:space="preserve">    content: "\f816";</w:t>
            </w:r>
          </w:p>
          <w:p w:rsidR="00156FB3" w:rsidRDefault="00156FB3" w:rsidP="00156FB3">
            <w:r>
              <w:t>}</w:t>
            </w:r>
          </w:p>
          <w:p w:rsidR="00156FB3" w:rsidRDefault="00156FB3" w:rsidP="00156FB3"/>
          <w:p w:rsidR="00156FB3" w:rsidRDefault="00156FB3" w:rsidP="00156FB3">
            <w:r>
              <w:t>.fa-percent:before {</w:t>
            </w:r>
          </w:p>
          <w:p w:rsidR="00156FB3" w:rsidRDefault="00156FB3" w:rsidP="00156FB3">
            <w:r>
              <w:t xml:space="preserve">    content: "\f295";</w:t>
            </w:r>
          </w:p>
          <w:p w:rsidR="00156FB3" w:rsidRDefault="00156FB3" w:rsidP="00156FB3">
            <w:r>
              <w:t>}</w:t>
            </w:r>
          </w:p>
          <w:p w:rsidR="00156FB3" w:rsidRDefault="00156FB3" w:rsidP="00156FB3"/>
          <w:p w:rsidR="00156FB3" w:rsidRDefault="00156FB3" w:rsidP="00156FB3">
            <w:r>
              <w:t>.fa-percentage:before {</w:t>
            </w:r>
          </w:p>
          <w:p w:rsidR="00156FB3" w:rsidRDefault="00156FB3" w:rsidP="00156FB3">
            <w:r>
              <w:lastRenderedPageBreak/>
              <w:t xml:space="preserve">    content: "\f541";</w:t>
            </w:r>
          </w:p>
          <w:p w:rsidR="00156FB3" w:rsidRDefault="00156FB3" w:rsidP="00156FB3">
            <w:r>
              <w:t>}</w:t>
            </w:r>
          </w:p>
          <w:p w:rsidR="00156FB3" w:rsidRDefault="00156FB3" w:rsidP="00156FB3"/>
          <w:p w:rsidR="00156FB3" w:rsidRDefault="00156FB3" w:rsidP="00156FB3">
            <w:r>
              <w:t>.fa-periscope:before {</w:t>
            </w:r>
          </w:p>
          <w:p w:rsidR="00156FB3" w:rsidRDefault="00156FB3" w:rsidP="00156FB3">
            <w:r>
              <w:t xml:space="preserve">    content: "\f3da";</w:t>
            </w:r>
          </w:p>
          <w:p w:rsidR="00156FB3" w:rsidRDefault="00156FB3" w:rsidP="00156FB3">
            <w:r>
              <w:t>}</w:t>
            </w:r>
          </w:p>
          <w:p w:rsidR="00156FB3" w:rsidRDefault="00156FB3" w:rsidP="00156FB3"/>
          <w:p w:rsidR="00156FB3" w:rsidRDefault="00156FB3" w:rsidP="00156FB3">
            <w:r>
              <w:t>.fa-person-booth:before {</w:t>
            </w:r>
          </w:p>
          <w:p w:rsidR="00156FB3" w:rsidRDefault="00156FB3" w:rsidP="00156FB3">
            <w:r>
              <w:t xml:space="preserve">    content: "\f756";</w:t>
            </w:r>
          </w:p>
          <w:p w:rsidR="00156FB3" w:rsidRDefault="00156FB3" w:rsidP="00156FB3">
            <w:r>
              <w:t>}</w:t>
            </w:r>
          </w:p>
          <w:p w:rsidR="00156FB3" w:rsidRDefault="00156FB3" w:rsidP="00156FB3"/>
          <w:p w:rsidR="00156FB3" w:rsidRDefault="00156FB3" w:rsidP="00156FB3">
            <w:r>
              <w:t>.fa-phabricator:before {</w:t>
            </w:r>
          </w:p>
          <w:p w:rsidR="00156FB3" w:rsidRDefault="00156FB3" w:rsidP="00156FB3">
            <w:r>
              <w:t xml:space="preserve">    content: "\f3db";</w:t>
            </w:r>
          </w:p>
          <w:p w:rsidR="00156FB3" w:rsidRDefault="00156FB3" w:rsidP="00156FB3">
            <w:r>
              <w:t>}</w:t>
            </w:r>
          </w:p>
          <w:p w:rsidR="00156FB3" w:rsidRDefault="00156FB3" w:rsidP="00156FB3"/>
          <w:p w:rsidR="00156FB3" w:rsidRDefault="00156FB3" w:rsidP="00156FB3">
            <w:r>
              <w:t>.fa-phoenix-framework:before {</w:t>
            </w:r>
          </w:p>
          <w:p w:rsidR="00156FB3" w:rsidRDefault="00156FB3" w:rsidP="00156FB3">
            <w:r>
              <w:t xml:space="preserve">    content: "\f3dc";</w:t>
            </w:r>
          </w:p>
          <w:p w:rsidR="00156FB3" w:rsidRDefault="00156FB3" w:rsidP="00156FB3">
            <w:r>
              <w:t>}</w:t>
            </w:r>
          </w:p>
          <w:p w:rsidR="00156FB3" w:rsidRDefault="00156FB3" w:rsidP="00156FB3"/>
          <w:p w:rsidR="00156FB3" w:rsidRDefault="00156FB3" w:rsidP="00156FB3">
            <w:r>
              <w:t>.fa-phoenix-squadron:before {</w:t>
            </w:r>
          </w:p>
          <w:p w:rsidR="00156FB3" w:rsidRDefault="00156FB3" w:rsidP="00156FB3">
            <w:r>
              <w:t xml:space="preserve">    content: "\f511";</w:t>
            </w:r>
          </w:p>
          <w:p w:rsidR="00156FB3" w:rsidRDefault="00156FB3" w:rsidP="00156FB3">
            <w:r>
              <w:t>}</w:t>
            </w:r>
          </w:p>
          <w:p w:rsidR="00156FB3" w:rsidRDefault="00156FB3" w:rsidP="00156FB3"/>
          <w:p w:rsidR="00156FB3" w:rsidRDefault="00156FB3" w:rsidP="00156FB3">
            <w:r>
              <w:t>.fa-phone:before {</w:t>
            </w:r>
          </w:p>
          <w:p w:rsidR="00156FB3" w:rsidRDefault="00156FB3" w:rsidP="00156FB3">
            <w:r>
              <w:t xml:space="preserve">    content: "\f095";</w:t>
            </w:r>
          </w:p>
          <w:p w:rsidR="00156FB3" w:rsidRDefault="00156FB3" w:rsidP="00156FB3">
            <w:r>
              <w:t>}</w:t>
            </w:r>
          </w:p>
          <w:p w:rsidR="00156FB3" w:rsidRDefault="00156FB3" w:rsidP="00156FB3"/>
          <w:p w:rsidR="00156FB3" w:rsidRDefault="00156FB3" w:rsidP="00156FB3">
            <w:r>
              <w:t>.fa-phone-alt:before {</w:t>
            </w:r>
          </w:p>
          <w:p w:rsidR="00156FB3" w:rsidRDefault="00156FB3" w:rsidP="00156FB3">
            <w:r>
              <w:t xml:space="preserve">    content: "\f879";</w:t>
            </w:r>
          </w:p>
          <w:p w:rsidR="00156FB3" w:rsidRDefault="00156FB3" w:rsidP="00156FB3">
            <w:r>
              <w:t>}</w:t>
            </w:r>
          </w:p>
          <w:p w:rsidR="00156FB3" w:rsidRDefault="00156FB3" w:rsidP="00156FB3"/>
          <w:p w:rsidR="00156FB3" w:rsidRDefault="00156FB3" w:rsidP="00156FB3">
            <w:r>
              <w:t>.fa-phone-slash:before {</w:t>
            </w:r>
          </w:p>
          <w:p w:rsidR="00156FB3" w:rsidRDefault="00156FB3" w:rsidP="00156FB3">
            <w:r>
              <w:t xml:space="preserve">    content: "\f3dd";</w:t>
            </w:r>
          </w:p>
          <w:p w:rsidR="00156FB3" w:rsidRDefault="00156FB3" w:rsidP="00156FB3">
            <w:r>
              <w:t>}</w:t>
            </w:r>
          </w:p>
          <w:p w:rsidR="00156FB3" w:rsidRDefault="00156FB3" w:rsidP="00156FB3"/>
          <w:p w:rsidR="00156FB3" w:rsidRDefault="00156FB3" w:rsidP="00156FB3">
            <w:r>
              <w:t>.fa-phone-square:before {</w:t>
            </w:r>
          </w:p>
          <w:p w:rsidR="00156FB3" w:rsidRDefault="00156FB3" w:rsidP="00156FB3">
            <w:r>
              <w:t xml:space="preserve">    content: "\f098";</w:t>
            </w:r>
          </w:p>
          <w:p w:rsidR="00156FB3" w:rsidRDefault="00156FB3" w:rsidP="00156FB3">
            <w:r>
              <w:t>}</w:t>
            </w:r>
          </w:p>
          <w:p w:rsidR="00156FB3" w:rsidRDefault="00156FB3" w:rsidP="00156FB3"/>
          <w:p w:rsidR="00156FB3" w:rsidRDefault="00156FB3" w:rsidP="00156FB3">
            <w:r>
              <w:t>.fa-phone-square-alt:before {</w:t>
            </w:r>
          </w:p>
          <w:p w:rsidR="00156FB3" w:rsidRDefault="00156FB3" w:rsidP="00156FB3">
            <w:r>
              <w:t xml:space="preserve">    content: "\f87b";</w:t>
            </w:r>
          </w:p>
          <w:p w:rsidR="00156FB3" w:rsidRDefault="00156FB3" w:rsidP="00156FB3">
            <w:r>
              <w:t>}</w:t>
            </w:r>
          </w:p>
          <w:p w:rsidR="00156FB3" w:rsidRDefault="00156FB3" w:rsidP="00156FB3"/>
          <w:p w:rsidR="00156FB3" w:rsidRDefault="00156FB3" w:rsidP="00156FB3">
            <w:r>
              <w:t>.fa-phone-volume:before {</w:t>
            </w:r>
          </w:p>
          <w:p w:rsidR="00156FB3" w:rsidRDefault="00156FB3" w:rsidP="00156FB3">
            <w:r>
              <w:t xml:space="preserve">    content: "\f2a0";</w:t>
            </w:r>
          </w:p>
          <w:p w:rsidR="00156FB3" w:rsidRDefault="00156FB3" w:rsidP="00156FB3">
            <w:r>
              <w:t>}</w:t>
            </w:r>
          </w:p>
          <w:p w:rsidR="00156FB3" w:rsidRDefault="00156FB3" w:rsidP="00156FB3"/>
          <w:p w:rsidR="00156FB3" w:rsidRDefault="00156FB3" w:rsidP="00156FB3">
            <w:r>
              <w:t>.fa-photo-video:before {</w:t>
            </w:r>
          </w:p>
          <w:p w:rsidR="00156FB3" w:rsidRDefault="00156FB3" w:rsidP="00156FB3">
            <w:r>
              <w:lastRenderedPageBreak/>
              <w:t xml:space="preserve">    content: "\f87c";</w:t>
            </w:r>
          </w:p>
          <w:p w:rsidR="00156FB3" w:rsidRDefault="00156FB3" w:rsidP="00156FB3">
            <w:r>
              <w:t>}</w:t>
            </w:r>
          </w:p>
          <w:p w:rsidR="00156FB3" w:rsidRDefault="00156FB3" w:rsidP="00156FB3"/>
          <w:p w:rsidR="00156FB3" w:rsidRDefault="00156FB3" w:rsidP="00156FB3">
            <w:r>
              <w:t>.fa-php:before {</w:t>
            </w:r>
          </w:p>
          <w:p w:rsidR="00156FB3" w:rsidRDefault="00156FB3" w:rsidP="00156FB3">
            <w:r>
              <w:t xml:space="preserve">    content: "\f457";</w:t>
            </w:r>
          </w:p>
          <w:p w:rsidR="00156FB3" w:rsidRDefault="00156FB3" w:rsidP="00156FB3">
            <w:r>
              <w:t>}</w:t>
            </w:r>
          </w:p>
          <w:p w:rsidR="00156FB3" w:rsidRDefault="00156FB3" w:rsidP="00156FB3"/>
          <w:p w:rsidR="00156FB3" w:rsidRDefault="00156FB3" w:rsidP="00156FB3">
            <w:r>
              <w:t>.fa-pied-piper:before {</w:t>
            </w:r>
          </w:p>
          <w:p w:rsidR="00156FB3" w:rsidRDefault="00156FB3" w:rsidP="00156FB3">
            <w:r>
              <w:t xml:space="preserve">    content: "\f2ae";</w:t>
            </w:r>
          </w:p>
          <w:p w:rsidR="00156FB3" w:rsidRDefault="00156FB3" w:rsidP="00156FB3">
            <w:r>
              <w:t>}</w:t>
            </w:r>
          </w:p>
          <w:p w:rsidR="00156FB3" w:rsidRDefault="00156FB3" w:rsidP="00156FB3"/>
          <w:p w:rsidR="00156FB3" w:rsidRDefault="00156FB3" w:rsidP="00156FB3">
            <w:r>
              <w:t>.fa-pied-piper-alt:before {</w:t>
            </w:r>
          </w:p>
          <w:p w:rsidR="00156FB3" w:rsidRDefault="00156FB3" w:rsidP="00156FB3">
            <w:r>
              <w:t xml:space="preserve">    content: "\f1a8";</w:t>
            </w:r>
          </w:p>
          <w:p w:rsidR="00156FB3" w:rsidRDefault="00156FB3" w:rsidP="00156FB3">
            <w:r>
              <w:t>}</w:t>
            </w:r>
          </w:p>
          <w:p w:rsidR="00156FB3" w:rsidRDefault="00156FB3" w:rsidP="00156FB3"/>
          <w:p w:rsidR="00156FB3" w:rsidRDefault="00156FB3" w:rsidP="00156FB3">
            <w:r>
              <w:t>.fa-pied-piper-hat:before {</w:t>
            </w:r>
          </w:p>
          <w:p w:rsidR="00156FB3" w:rsidRDefault="00156FB3" w:rsidP="00156FB3">
            <w:r>
              <w:t xml:space="preserve">    content: "\f4e5";</w:t>
            </w:r>
          </w:p>
          <w:p w:rsidR="00156FB3" w:rsidRDefault="00156FB3" w:rsidP="00156FB3">
            <w:r>
              <w:t>}</w:t>
            </w:r>
          </w:p>
          <w:p w:rsidR="00156FB3" w:rsidRDefault="00156FB3" w:rsidP="00156FB3"/>
          <w:p w:rsidR="00156FB3" w:rsidRDefault="00156FB3" w:rsidP="00156FB3">
            <w:r>
              <w:t>.fa-pied-piper-pp:before {</w:t>
            </w:r>
          </w:p>
          <w:p w:rsidR="00156FB3" w:rsidRDefault="00156FB3" w:rsidP="00156FB3">
            <w:r>
              <w:t xml:space="preserve">    content: "\f1a7";</w:t>
            </w:r>
          </w:p>
          <w:p w:rsidR="00156FB3" w:rsidRDefault="00156FB3" w:rsidP="00156FB3">
            <w:r>
              <w:t>}</w:t>
            </w:r>
          </w:p>
          <w:p w:rsidR="00156FB3" w:rsidRDefault="00156FB3" w:rsidP="00156FB3"/>
          <w:p w:rsidR="00156FB3" w:rsidRDefault="00156FB3" w:rsidP="00156FB3">
            <w:r>
              <w:t>.fa-pied-piper-square:before {</w:t>
            </w:r>
          </w:p>
          <w:p w:rsidR="00156FB3" w:rsidRDefault="00156FB3" w:rsidP="00156FB3">
            <w:r>
              <w:t xml:space="preserve">    content: "\f91e";</w:t>
            </w:r>
          </w:p>
          <w:p w:rsidR="00156FB3" w:rsidRDefault="00156FB3" w:rsidP="00156FB3">
            <w:r>
              <w:t>}</w:t>
            </w:r>
          </w:p>
          <w:p w:rsidR="00156FB3" w:rsidRDefault="00156FB3" w:rsidP="00156FB3"/>
          <w:p w:rsidR="00156FB3" w:rsidRDefault="00156FB3" w:rsidP="00156FB3">
            <w:r>
              <w:t>.fa-piggy-bank:before {</w:t>
            </w:r>
          </w:p>
          <w:p w:rsidR="00156FB3" w:rsidRDefault="00156FB3" w:rsidP="00156FB3">
            <w:r>
              <w:t xml:space="preserve">    content: "\f4d3";</w:t>
            </w:r>
          </w:p>
          <w:p w:rsidR="00156FB3" w:rsidRDefault="00156FB3" w:rsidP="00156FB3">
            <w:r>
              <w:t>}</w:t>
            </w:r>
          </w:p>
          <w:p w:rsidR="00156FB3" w:rsidRDefault="00156FB3" w:rsidP="00156FB3"/>
          <w:p w:rsidR="00156FB3" w:rsidRDefault="00156FB3" w:rsidP="00156FB3">
            <w:r>
              <w:t>.fa-pills:before {</w:t>
            </w:r>
          </w:p>
          <w:p w:rsidR="00156FB3" w:rsidRDefault="00156FB3" w:rsidP="00156FB3">
            <w:r>
              <w:t xml:space="preserve">    content: "\f484";</w:t>
            </w:r>
          </w:p>
          <w:p w:rsidR="00156FB3" w:rsidRDefault="00156FB3" w:rsidP="00156FB3">
            <w:r>
              <w:t>}</w:t>
            </w:r>
          </w:p>
          <w:p w:rsidR="00156FB3" w:rsidRDefault="00156FB3" w:rsidP="00156FB3"/>
          <w:p w:rsidR="00156FB3" w:rsidRDefault="00156FB3" w:rsidP="00156FB3">
            <w:r>
              <w:t>.fa-pinterest:before {</w:t>
            </w:r>
          </w:p>
          <w:p w:rsidR="00156FB3" w:rsidRDefault="00156FB3" w:rsidP="00156FB3">
            <w:r>
              <w:t xml:space="preserve">    content: "\f0d2";</w:t>
            </w:r>
          </w:p>
          <w:p w:rsidR="00156FB3" w:rsidRDefault="00156FB3" w:rsidP="00156FB3">
            <w:r>
              <w:t>}</w:t>
            </w:r>
          </w:p>
          <w:p w:rsidR="00156FB3" w:rsidRDefault="00156FB3" w:rsidP="00156FB3"/>
          <w:p w:rsidR="00156FB3" w:rsidRDefault="00156FB3" w:rsidP="00156FB3">
            <w:r>
              <w:t>.fa-pinterest-p:before {</w:t>
            </w:r>
          </w:p>
          <w:p w:rsidR="00156FB3" w:rsidRDefault="00156FB3" w:rsidP="00156FB3">
            <w:r>
              <w:t xml:space="preserve">    content: "\f231";</w:t>
            </w:r>
          </w:p>
          <w:p w:rsidR="00156FB3" w:rsidRDefault="00156FB3" w:rsidP="00156FB3">
            <w:r>
              <w:t>}</w:t>
            </w:r>
          </w:p>
          <w:p w:rsidR="00156FB3" w:rsidRDefault="00156FB3" w:rsidP="00156FB3"/>
          <w:p w:rsidR="00156FB3" w:rsidRDefault="00156FB3" w:rsidP="00156FB3">
            <w:r>
              <w:t>.fa-pinterest-square:before {</w:t>
            </w:r>
          </w:p>
          <w:p w:rsidR="00156FB3" w:rsidRDefault="00156FB3" w:rsidP="00156FB3">
            <w:r>
              <w:t xml:space="preserve">    content: "\f0d3";</w:t>
            </w:r>
          </w:p>
          <w:p w:rsidR="00156FB3" w:rsidRDefault="00156FB3" w:rsidP="00156FB3">
            <w:r>
              <w:t>}</w:t>
            </w:r>
          </w:p>
          <w:p w:rsidR="00156FB3" w:rsidRDefault="00156FB3" w:rsidP="00156FB3"/>
          <w:p w:rsidR="00156FB3" w:rsidRDefault="00156FB3" w:rsidP="00156FB3">
            <w:r>
              <w:t>.fa-pizza-slice:before {</w:t>
            </w:r>
          </w:p>
          <w:p w:rsidR="00156FB3" w:rsidRDefault="00156FB3" w:rsidP="00156FB3">
            <w:r>
              <w:lastRenderedPageBreak/>
              <w:t xml:space="preserve">    content: "\f818";</w:t>
            </w:r>
          </w:p>
          <w:p w:rsidR="00156FB3" w:rsidRDefault="00156FB3" w:rsidP="00156FB3">
            <w:r>
              <w:t>}</w:t>
            </w:r>
          </w:p>
          <w:p w:rsidR="00156FB3" w:rsidRDefault="00156FB3" w:rsidP="00156FB3"/>
          <w:p w:rsidR="00156FB3" w:rsidRDefault="00156FB3" w:rsidP="00156FB3">
            <w:r>
              <w:t>.fa-place-of-worship:before {</w:t>
            </w:r>
          </w:p>
          <w:p w:rsidR="00156FB3" w:rsidRDefault="00156FB3" w:rsidP="00156FB3">
            <w:r>
              <w:t xml:space="preserve">    content: "\f67f";</w:t>
            </w:r>
          </w:p>
          <w:p w:rsidR="00156FB3" w:rsidRDefault="00156FB3" w:rsidP="00156FB3">
            <w:r>
              <w:t>}</w:t>
            </w:r>
          </w:p>
          <w:p w:rsidR="00156FB3" w:rsidRDefault="00156FB3" w:rsidP="00156FB3"/>
          <w:p w:rsidR="00156FB3" w:rsidRDefault="00156FB3" w:rsidP="00156FB3">
            <w:r>
              <w:t>.fa-plane:before {</w:t>
            </w:r>
          </w:p>
          <w:p w:rsidR="00156FB3" w:rsidRDefault="00156FB3" w:rsidP="00156FB3">
            <w:r>
              <w:t xml:space="preserve">    content: "\f072";</w:t>
            </w:r>
          </w:p>
          <w:p w:rsidR="00156FB3" w:rsidRDefault="00156FB3" w:rsidP="00156FB3">
            <w:r>
              <w:t>}</w:t>
            </w:r>
          </w:p>
          <w:p w:rsidR="00156FB3" w:rsidRDefault="00156FB3" w:rsidP="00156FB3"/>
          <w:p w:rsidR="00156FB3" w:rsidRDefault="00156FB3" w:rsidP="00156FB3">
            <w:r>
              <w:t>.fa-plane-arrival:before {</w:t>
            </w:r>
          </w:p>
          <w:p w:rsidR="00156FB3" w:rsidRDefault="00156FB3" w:rsidP="00156FB3">
            <w:r>
              <w:t xml:space="preserve">    content: "\f5af";</w:t>
            </w:r>
          </w:p>
          <w:p w:rsidR="00156FB3" w:rsidRDefault="00156FB3" w:rsidP="00156FB3">
            <w:r>
              <w:t>}</w:t>
            </w:r>
          </w:p>
          <w:p w:rsidR="00156FB3" w:rsidRDefault="00156FB3" w:rsidP="00156FB3"/>
          <w:p w:rsidR="00156FB3" w:rsidRDefault="00156FB3" w:rsidP="00156FB3">
            <w:r>
              <w:t>.fa-plane-departure:before {</w:t>
            </w:r>
          </w:p>
          <w:p w:rsidR="00156FB3" w:rsidRDefault="00156FB3" w:rsidP="00156FB3">
            <w:r>
              <w:t xml:space="preserve">    content: "\f5b0";</w:t>
            </w:r>
          </w:p>
          <w:p w:rsidR="00156FB3" w:rsidRDefault="00156FB3" w:rsidP="00156FB3">
            <w:r>
              <w:t>}</w:t>
            </w:r>
          </w:p>
          <w:p w:rsidR="00156FB3" w:rsidRDefault="00156FB3" w:rsidP="00156FB3"/>
          <w:p w:rsidR="00156FB3" w:rsidRDefault="00156FB3" w:rsidP="00156FB3">
            <w:r>
              <w:t>.fa-plane-slash:before {</w:t>
            </w:r>
          </w:p>
          <w:p w:rsidR="00156FB3" w:rsidRDefault="00156FB3" w:rsidP="00156FB3">
            <w:r>
              <w:t xml:space="preserve">    content: "\f969";</w:t>
            </w:r>
          </w:p>
          <w:p w:rsidR="00156FB3" w:rsidRDefault="00156FB3" w:rsidP="00156FB3">
            <w:r>
              <w:t>}</w:t>
            </w:r>
          </w:p>
          <w:p w:rsidR="00156FB3" w:rsidRDefault="00156FB3" w:rsidP="00156FB3"/>
          <w:p w:rsidR="00156FB3" w:rsidRDefault="00156FB3" w:rsidP="00156FB3">
            <w:r>
              <w:t>.fa-play:before {</w:t>
            </w:r>
          </w:p>
          <w:p w:rsidR="00156FB3" w:rsidRDefault="00156FB3" w:rsidP="00156FB3">
            <w:r>
              <w:t xml:space="preserve">    content: "\f04b";</w:t>
            </w:r>
          </w:p>
          <w:p w:rsidR="00156FB3" w:rsidRDefault="00156FB3" w:rsidP="00156FB3">
            <w:r>
              <w:t>}</w:t>
            </w:r>
          </w:p>
          <w:p w:rsidR="00156FB3" w:rsidRDefault="00156FB3" w:rsidP="00156FB3"/>
          <w:p w:rsidR="00156FB3" w:rsidRDefault="00156FB3" w:rsidP="00156FB3">
            <w:r>
              <w:t>.fa-play-circle:before {</w:t>
            </w:r>
          </w:p>
          <w:p w:rsidR="00156FB3" w:rsidRDefault="00156FB3" w:rsidP="00156FB3">
            <w:r>
              <w:t xml:space="preserve">    content: "\f144";</w:t>
            </w:r>
          </w:p>
          <w:p w:rsidR="00156FB3" w:rsidRDefault="00156FB3" w:rsidP="00156FB3">
            <w:r>
              <w:t>}</w:t>
            </w:r>
          </w:p>
          <w:p w:rsidR="00156FB3" w:rsidRDefault="00156FB3" w:rsidP="00156FB3"/>
          <w:p w:rsidR="00156FB3" w:rsidRDefault="00156FB3" w:rsidP="00156FB3">
            <w:r>
              <w:t>.fa-playstation:before {</w:t>
            </w:r>
          </w:p>
          <w:p w:rsidR="00156FB3" w:rsidRDefault="00156FB3" w:rsidP="00156FB3">
            <w:r>
              <w:t xml:space="preserve">    content: "\f3df";</w:t>
            </w:r>
          </w:p>
          <w:p w:rsidR="00156FB3" w:rsidRDefault="00156FB3" w:rsidP="00156FB3">
            <w:r>
              <w:t>}</w:t>
            </w:r>
          </w:p>
          <w:p w:rsidR="00156FB3" w:rsidRDefault="00156FB3" w:rsidP="00156FB3"/>
          <w:p w:rsidR="00156FB3" w:rsidRDefault="00156FB3" w:rsidP="00156FB3">
            <w:r>
              <w:t>.fa-plug:before {</w:t>
            </w:r>
          </w:p>
          <w:p w:rsidR="00156FB3" w:rsidRDefault="00156FB3" w:rsidP="00156FB3">
            <w:r>
              <w:t xml:space="preserve">    content: "\f1e6";</w:t>
            </w:r>
          </w:p>
          <w:p w:rsidR="00156FB3" w:rsidRDefault="00156FB3" w:rsidP="00156FB3">
            <w:r>
              <w:t>}</w:t>
            </w:r>
          </w:p>
          <w:p w:rsidR="00156FB3" w:rsidRDefault="00156FB3" w:rsidP="00156FB3"/>
          <w:p w:rsidR="00156FB3" w:rsidRDefault="00156FB3" w:rsidP="00156FB3">
            <w:r>
              <w:t>.fa-plus:before {</w:t>
            </w:r>
          </w:p>
          <w:p w:rsidR="00156FB3" w:rsidRDefault="00156FB3" w:rsidP="00156FB3">
            <w:r>
              <w:t xml:space="preserve">    content: "\f067";</w:t>
            </w:r>
          </w:p>
          <w:p w:rsidR="00156FB3" w:rsidRDefault="00156FB3" w:rsidP="00156FB3">
            <w:r>
              <w:t>}</w:t>
            </w:r>
          </w:p>
          <w:p w:rsidR="00156FB3" w:rsidRDefault="00156FB3" w:rsidP="00156FB3"/>
          <w:p w:rsidR="00156FB3" w:rsidRDefault="00156FB3" w:rsidP="00156FB3">
            <w:r>
              <w:t>.fa-plus-circle:before {</w:t>
            </w:r>
          </w:p>
          <w:p w:rsidR="00156FB3" w:rsidRDefault="00156FB3" w:rsidP="00156FB3">
            <w:r>
              <w:t xml:space="preserve">    content: "\f055";</w:t>
            </w:r>
          </w:p>
          <w:p w:rsidR="00156FB3" w:rsidRDefault="00156FB3" w:rsidP="00156FB3">
            <w:r>
              <w:t>}</w:t>
            </w:r>
          </w:p>
          <w:p w:rsidR="00156FB3" w:rsidRDefault="00156FB3" w:rsidP="00156FB3"/>
          <w:p w:rsidR="00156FB3" w:rsidRDefault="00156FB3" w:rsidP="00156FB3">
            <w:r>
              <w:t>.fa-plus-square:before {</w:t>
            </w:r>
          </w:p>
          <w:p w:rsidR="00156FB3" w:rsidRDefault="00156FB3" w:rsidP="00156FB3">
            <w:r>
              <w:lastRenderedPageBreak/>
              <w:t xml:space="preserve">    content: "\f0fe";</w:t>
            </w:r>
          </w:p>
          <w:p w:rsidR="00156FB3" w:rsidRDefault="00156FB3" w:rsidP="00156FB3">
            <w:r>
              <w:t>}</w:t>
            </w:r>
          </w:p>
          <w:p w:rsidR="00156FB3" w:rsidRDefault="00156FB3" w:rsidP="00156FB3"/>
          <w:p w:rsidR="00156FB3" w:rsidRDefault="00156FB3" w:rsidP="00156FB3">
            <w:r>
              <w:t>.fa-podcast:before {</w:t>
            </w:r>
          </w:p>
          <w:p w:rsidR="00156FB3" w:rsidRDefault="00156FB3" w:rsidP="00156FB3">
            <w:r>
              <w:t xml:space="preserve">    content: "\f2ce";</w:t>
            </w:r>
          </w:p>
          <w:p w:rsidR="00156FB3" w:rsidRDefault="00156FB3" w:rsidP="00156FB3">
            <w:r>
              <w:t>}</w:t>
            </w:r>
          </w:p>
          <w:p w:rsidR="00156FB3" w:rsidRDefault="00156FB3" w:rsidP="00156FB3"/>
          <w:p w:rsidR="00156FB3" w:rsidRDefault="00156FB3" w:rsidP="00156FB3">
            <w:r>
              <w:t>.fa-poll:before {</w:t>
            </w:r>
          </w:p>
          <w:p w:rsidR="00156FB3" w:rsidRDefault="00156FB3" w:rsidP="00156FB3">
            <w:r>
              <w:t xml:space="preserve">    content: "\f681";</w:t>
            </w:r>
          </w:p>
          <w:p w:rsidR="00156FB3" w:rsidRDefault="00156FB3" w:rsidP="00156FB3">
            <w:r>
              <w:t>}</w:t>
            </w:r>
          </w:p>
          <w:p w:rsidR="00156FB3" w:rsidRDefault="00156FB3" w:rsidP="00156FB3"/>
          <w:p w:rsidR="00156FB3" w:rsidRDefault="00156FB3" w:rsidP="00156FB3">
            <w:r>
              <w:t>.fa-poll-h:before {</w:t>
            </w:r>
          </w:p>
          <w:p w:rsidR="00156FB3" w:rsidRDefault="00156FB3" w:rsidP="00156FB3">
            <w:r>
              <w:t xml:space="preserve">    content: "\f682";</w:t>
            </w:r>
          </w:p>
          <w:p w:rsidR="00156FB3" w:rsidRDefault="00156FB3" w:rsidP="00156FB3">
            <w:r>
              <w:t>}</w:t>
            </w:r>
          </w:p>
          <w:p w:rsidR="00156FB3" w:rsidRDefault="00156FB3" w:rsidP="00156FB3"/>
          <w:p w:rsidR="00156FB3" w:rsidRDefault="00156FB3" w:rsidP="00156FB3">
            <w:r>
              <w:t>.fa-poo:before {</w:t>
            </w:r>
          </w:p>
          <w:p w:rsidR="00156FB3" w:rsidRDefault="00156FB3" w:rsidP="00156FB3">
            <w:r>
              <w:t xml:space="preserve">    content: "\f2fe";</w:t>
            </w:r>
          </w:p>
          <w:p w:rsidR="00156FB3" w:rsidRDefault="00156FB3" w:rsidP="00156FB3">
            <w:r>
              <w:t>}</w:t>
            </w:r>
          </w:p>
          <w:p w:rsidR="00156FB3" w:rsidRDefault="00156FB3" w:rsidP="00156FB3"/>
          <w:p w:rsidR="00156FB3" w:rsidRDefault="00156FB3" w:rsidP="00156FB3">
            <w:r>
              <w:t>.fa-poo-storm:before {</w:t>
            </w:r>
          </w:p>
          <w:p w:rsidR="00156FB3" w:rsidRDefault="00156FB3" w:rsidP="00156FB3">
            <w:r>
              <w:t xml:space="preserve">    content: "\f75a";</w:t>
            </w:r>
          </w:p>
          <w:p w:rsidR="00156FB3" w:rsidRDefault="00156FB3" w:rsidP="00156FB3">
            <w:r>
              <w:t>}</w:t>
            </w:r>
          </w:p>
          <w:p w:rsidR="00156FB3" w:rsidRDefault="00156FB3" w:rsidP="00156FB3"/>
          <w:p w:rsidR="00156FB3" w:rsidRDefault="00156FB3" w:rsidP="00156FB3">
            <w:r>
              <w:t>.fa-poop:before {</w:t>
            </w:r>
          </w:p>
          <w:p w:rsidR="00156FB3" w:rsidRDefault="00156FB3" w:rsidP="00156FB3">
            <w:r>
              <w:t xml:space="preserve">    content: "\f619";</w:t>
            </w:r>
          </w:p>
          <w:p w:rsidR="00156FB3" w:rsidRDefault="00156FB3" w:rsidP="00156FB3">
            <w:r>
              <w:t>}</w:t>
            </w:r>
          </w:p>
          <w:p w:rsidR="00156FB3" w:rsidRDefault="00156FB3" w:rsidP="00156FB3"/>
          <w:p w:rsidR="00156FB3" w:rsidRDefault="00156FB3" w:rsidP="00156FB3">
            <w:r>
              <w:t>.fa-portrait:before {</w:t>
            </w:r>
          </w:p>
          <w:p w:rsidR="00156FB3" w:rsidRDefault="00156FB3" w:rsidP="00156FB3">
            <w:r>
              <w:t xml:space="preserve">    content: "\f3e0";</w:t>
            </w:r>
          </w:p>
          <w:p w:rsidR="00156FB3" w:rsidRDefault="00156FB3" w:rsidP="00156FB3">
            <w:r>
              <w:t>}</w:t>
            </w:r>
          </w:p>
          <w:p w:rsidR="00156FB3" w:rsidRDefault="00156FB3" w:rsidP="00156FB3"/>
          <w:p w:rsidR="00156FB3" w:rsidRDefault="00156FB3" w:rsidP="00156FB3">
            <w:r>
              <w:t>.fa-pound-sign:before {</w:t>
            </w:r>
          </w:p>
          <w:p w:rsidR="00156FB3" w:rsidRDefault="00156FB3" w:rsidP="00156FB3">
            <w:r>
              <w:t xml:space="preserve">    content: "\f154";</w:t>
            </w:r>
          </w:p>
          <w:p w:rsidR="00156FB3" w:rsidRDefault="00156FB3" w:rsidP="00156FB3">
            <w:r>
              <w:t>}</w:t>
            </w:r>
          </w:p>
          <w:p w:rsidR="00156FB3" w:rsidRDefault="00156FB3" w:rsidP="00156FB3"/>
          <w:p w:rsidR="00156FB3" w:rsidRDefault="00156FB3" w:rsidP="00156FB3">
            <w:r>
              <w:t>.fa-power-off:before {</w:t>
            </w:r>
          </w:p>
          <w:p w:rsidR="00156FB3" w:rsidRDefault="00156FB3" w:rsidP="00156FB3">
            <w:r>
              <w:t xml:space="preserve">    content: "\f011";</w:t>
            </w:r>
          </w:p>
          <w:p w:rsidR="00156FB3" w:rsidRDefault="00156FB3" w:rsidP="00156FB3">
            <w:r>
              <w:t>}</w:t>
            </w:r>
          </w:p>
          <w:p w:rsidR="00156FB3" w:rsidRDefault="00156FB3" w:rsidP="00156FB3"/>
          <w:p w:rsidR="00156FB3" w:rsidRDefault="00156FB3" w:rsidP="00156FB3">
            <w:r>
              <w:t>.fa-pray:before {</w:t>
            </w:r>
          </w:p>
          <w:p w:rsidR="00156FB3" w:rsidRDefault="00156FB3" w:rsidP="00156FB3">
            <w:r>
              <w:t xml:space="preserve">    content: "\f683";</w:t>
            </w:r>
          </w:p>
          <w:p w:rsidR="00156FB3" w:rsidRDefault="00156FB3" w:rsidP="00156FB3">
            <w:r>
              <w:t>}</w:t>
            </w:r>
          </w:p>
          <w:p w:rsidR="00156FB3" w:rsidRDefault="00156FB3" w:rsidP="00156FB3"/>
          <w:p w:rsidR="00156FB3" w:rsidRDefault="00156FB3" w:rsidP="00156FB3">
            <w:r>
              <w:t>.fa-praying-hands:before {</w:t>
            </w:r>
          </w:p>
          <w:p w:rsidR="00156FB3" w:rsidRDefault="00156FB3" w:rsidP="00156FB3">
            <w:r>
              <w:t xml:space="preserve">    content: "\f684";</w:t>
            </w:r>
          </w:p>
          <w:p w:rsidR="00156FB3" w:rsidRDefault="00156FB3" w:rsidP="00156FB3">
            <w:r>
              <w:t>}</w:t>
            </w:r>
          </w:p>
          <w:p w:rsidR="00156FB3" w:rsidRDefault="00156FB3" w:rsidP="00156FB3"/>
          <w:p w:rsidR="00156FB3" w:rsidRDefault="00156FB3" w:rsidP="00156FB3">
            <w:r>
              <w:t>.fa-prescription:before {</w:t>
            </w:r>
          </w:p>
          <w:p w:rsidR="00156FB3" w:rsidRDefault="00156FB3" w:rsidP="00156FB3">
            <w:r>
              <w:lastRenderedPageBreak/>
              <w:t xml:space="preserve">    content: "\f5b1";</w:t>
            </w:r>
          </w:p>
          <w:p w:rsidR="00156FB3" w:rsidRDefault="00156FB3" w:rsidP="00156FB3">
            <w:r>
              <w:t>}</w:t>
            </w:r>
          </w:p>
          <w:p w:rsidR="00156FB3" w:rsidRDefault="00156FB3" w:rsidP="00156FB3"/>
          <w:p w:rsidR="00156FB3" w:rsidRDefault="00156FB3" w:rsidP="00156FB3">
            <w:r>
              <w:t>.fa-prescription-bottle:before {</w:t>
            </w:r>
          </w:p>
          <w:p w:rsidR="00156FB3" w:rsidRDefault="00156FB3" w:rsidP="00156FB3">
            <w:r>
              <w:t xml:space="preserve">    content: "\f485";</w:t>
            </w:r>
          </w:p>
          <w:p w:rsidR="00156FB3" w:rsidRDefault="00156FB3" w:rsidP="00156FB3">
            <w:r>
              <w:t>}</w:t>
            </w:r>
          </w:p>
          <w:p w:rsidR="00156FB3" w:rsidRDefault="00156FB3" w:rsidP="00156FB3"/>
          <w:p w:rsidR="00156FB3" w:rsidRDefault="00156FB3" w:rsidP="00156FB3">
            <w:r>
              <w:t>.fa-prescription-bottle-alt:before {</w:t>
            </w:r>
          </w:p>
          <w:p w:rsidR="00156FB3" w:rsidRDefault="00156FB3" w:rsidP="00156FB3">
            <w:r>
              <w:t xml:space="preserve">    content: "\f486";</w:t>
            </w:r>
          </w:p>
          <w:p w:rsidR="00156FB3" w:rsidRDefault="00156FB3" w:rsidP="00156FB3">
            <w:r>
              <w:t>}</w:t>
            </w:r>
          </w:p>
          <w:p w:rsidR="00156FB3" w:rsidRDefault="00156FB3" w:rsidP="00156FB3"/>
          <w:p w:rsidR="00156FB3" w:rsidRDefault="00156FB3" w:rsidP="00156FB3">
            <w:r>
              <w:t>.fa-print:before {</w:t>
            </w:r>
          </w:p>
          <w:p w:rsidR="00156FB3" w:rsidRDefault="00156FB3" w:rsidP="00156FB3">
            <w:r>
              <w:t xml:space="preserve">    content: "\f02f";</w:t>
            </w:r>
          </w:p>
          <w:p w:rsidR="00156FB3" w:rsidRDefault="00156FB3" w:rsidP="00156FB3">
            <w:r>
              <w:t>}</w:t>
            </w:r>
          </w:p>
          <w:p w:rsidR="00156FB3" w:rsidRDefault="00156FB3" w:rsidP="00156FB3"/>
          <w:p w:rsidR="00156FB3" w:rsidRDefault="00156FB3" w:rsidP="00156FB3">
            <w:r>
              <w:t>.fa-procedures:before {</w:t>
            </w:r>
          </w:p>
          <w:p w:rsidR="00156FB3" w:rsidRDefault="00156FB3" w:rsidP="00156FB3">
            <w:r>
              <w:t xml:space="preserve">    content: "\f487";</w:t>
            </w:r>
          </w:p>
          <w:p w:rsidR="00156FB3" w:rsidRDefault="00156FB3" w:rsidP="00156FB3">
            <w:r>
              <w:t>}</w:t>
            </w:r>
          </w:p>
          <w:p w:rsidR="00156FB3" w:rsidRDefault="00156FB3" w:rsidP="00156FB3"/>
          <w:p w:rsidR="00156FB3" w:rsidRDefault="00156FB3" w:rsidP="00156FB3">
            <w:r>
              <w:t>.fa-product-hunt:before {</w:t>
            </w:r>
          </w:p>
          <w:p w:rsidR="00156FB3" w:rsidRDefault="00156FB3" w:rsidP="00156FB3">
            <w:r>
              <w:t xml:space="preserve">    content: "\f288";</w:t>
            </w:r>
          </w:p>
          <w:p w:rsidR="00156FB3" w:rsidRDefault="00156FB3" w:rsidP="00156FB3">
            <w:r>
              <w:t>}</w:t>
            </w:r>
          </w:p>
          <w:p w:rsidR="00156FB3" w:rsidRDefault="00156FB3" w:rsidP="00156FB3"/>
          <w:p w:rsidR="00156FB3" w:rsidRDefault="00156FB3" w:rsidP="00156FB3">
            <w:r>
              <w:t>.fa-project-diagram:before {</w:t>
            </w:r>
          </w:p>
          <w:p w:rsidR="00156FB3" w:rsidRDefault="00156FB3" w:rsidP="00156FB3">
            <w:r>
              <w:t xml:space="preserve">    content: "\f542";</w:t>
            </w:r>
          </w:p>
          <w:p w:rsidR="00156FB3" w:rsidRDefault="00156FB3" w:rsidP="00156FB3">
            <w:r>
              <w:t>}</w:t>
            </w:r>
          </w:p>
          <w:p w:rsidR="00156FB3" w:rsidRDefault="00156FB3" w:rsidP="00156FB3"/>
          <w:p w:rsidR="00156FB3" w:rsidRDefault="00156FB3" w:rsidP="00156FB3">
            <w:r>
              <w:t>.fa-pump-medical:before {</w:t>
            </w:r>
          </w:p>
          <w:p w:rsidR="00156FB3" w:rsidRDefault="00156FB3" w:rsidP="00156FB3">
            <w:r>
              <w:t xml:space="preserve">    content: "\f96a";</w:t>
            </w:r>
          </w:p>
          <w:p w:rsidR="00156FB3" w:rsidRDefault="00156FB3" w:rsidP="00156FB3">
            <w:r>
              <w:t>}</w:t>
            </w:r>
          </w:p>
          <w:p w:rsidR="00156FB3" w:rsidRDefault="00156FB3" w:rsidP="00156FB3"/>
          <w:p w:rsidR="00156FB3" w:rsidRDefault="00156FB3" w:rsidP="00156FB3">
            <w:r>
              <w:t>.fa-pump-soap:before {</w:t>
            </w:r>
          </w:p>
          <w:p w:rsidR="00156FB3" w:rsidRDefault="00156FB3" w:rsidP="00156FB3">
            <w:r>
              <w:t xml:space="preserve">    content: "\f96b";</w:t>
            </w:r>
          </w:p>
          <w:p w:rsidR="00156FB3" w:rsidRDefault="00156FB3" w:rsidP="00156FB3">
            <w:r>
              <w:t>}</w:t>
            </w:r>
          </w:p>
          <w:p w:rsidR="00156FB3" w:rsidRDefault="00156FB3" w:rsidP="00156FB3"/>
          <w:p w:rsidR="00156FB3" w:rsidRDefault="00156FB3" w:rsidP="00156FB3">
            <w:r>
              <w:t>.fa-pushed:before {</w:t>
            </w:r>
          </w:p>
          <w:p w:rsidR="00156FB3" w:rsidRDefault="00156FB3" w:rsidP="00156FB3">
            <w:r>
              <w:t xml:space="preserve">    content: "\f3e1";</w:t>
            </w:r>
          </w:p>
          <w:p w:rsidR="00156FB3" w:rsidRDefault="00156FB3" w:rsidP="00156FB3">
            <w:r>
              <w:t>}</w:t>
            </w:r>
          </w:p>
          <w:p w:rsidR="00156FB3" w:rsidRDefault="00156FB3" w:rsidP="00156FB3"/>
          <w:p w:rsidR="00156FB3" w:rsidRDefault="00156FB3" w:rsidP="00156FB3">
            <w:r>
              <w:t>.fa-puzzle-piece:before {</w:t>
            </w:r>
          </w:p>
          <w:p w:rsidR="00156FB3" w:rsidRDefault="00156FB3" w:rsidP="00156FB3">
            <w:r>
              <w:t xml:space="preserve">    content: "\f12e";</w:t>
            </w:r>
          </w:p>
          <w:p w:rsidR="00156FB3" w:rsidRDefault="00156FB3" w:rsidP="00156FB3">
            <w:r>
              <w:t>}</w:t>
            </w:r>
          </w:p>
          <w:p w:rsidR="00156FB3" w:rsidRDefault="00156FB3" w:rsidP="00156FB3"/>
          <w:p w:rsidR="00156FB3" w:rsidRDefault="00156FB3" w:rsidP="00156FB3">
            <w:r>
              <w:t>.fa-python:before {</w:t>
            </w:r>
          </w:p>
          <w:p w:rsidR="00156FB3" w:rsidRDefault="00156FB3" w:rsidP="00156FB3">
            <w:r>
              <w:t xml:space="preserve">    content: "\f3e2";</w:t>
            </w:r>
          </w:p>
          <w:p w:rsidR="00156FB3" w:rsidRDefault="00156FB3" w:rsidP="00156FB3">
            <w:r>
              <w:t>}</w:t>
            </w:r>
          </w:p>
          <w:p w:rsidR="00156FB3" w:rsidRDefault="00156FB3" w:rsidP="00156FB3"/>
          <w:p w:rsidR="00156FB3" w:rsidRDefault="00156FB3" w:rsidP="00156FB3">
            <w:r>
              <w:t>.fa-qq:before {</w:t>
            </w:r>
          </w:p>
          <w:p w:rsidR="00156FB3" w:rsidRDefault="00156FB3" w:rsidP="00156FB3">
            <w:r>
              <w:lastRenderedPageBreak/>
              <w:t xml:space="preserve">    content: "\f1d6";</w:t>
            </w:r>
          </w:p>
          <w:p w:rsidR="00156FB3" w:rsidRDefault="00156FB3" w:rsidP="00156FB3">
            <w:r>
              <w:t>}</w:t>
            </w:r>
          </w:p>
          <w:p w:rsidR="00156FB3" w:rsidRDefault="00156FB3" w:rsidP="00156FB3"/>
          <w:p w:rsidR="00156FB3" w:rsidRDefault="00156FB3" w:rsidP="00156FB3">
            <w:r>
              <w:t>.fa-qrcode:before {</w:t>
            </w:r>
          </w:p>
          <w:p w:rsidR="00156FB3" w:rsidRDefault="00156FB3" w:rsidP="00156FB3">
            <w:r>
              <w:t xml:space="preserve">    content: "\f029";</w:t>
            </w:r>
          </w:p>
          <w:p w:rsidR="00156FB3" w:rsidRDefault="00156FB3" w:rsidP="00156FB3">
            <w:r>
              <w:t>}</w:t>
            </w:r>
          </w:p>
          <w:p w:rsidR="00156FB3" w:rsidRDefault="00156FB3" w:rsidP="00156FB3"/>
          <w:p w:rsidR="00156FB3" w:rsidRDefault="00156FB3" w:rsidP="00156FB3">
            <w:r>
              <w:t>.fa-question:before {</w:t>
            </w:r>
          </w:p>
          <w:p w:rsidR="00156FB3" w:rsidRDefault="00156FB3" w:rsidP="00156FB3">
            <w:r>
              <w:t xml:space="preserve">    content: "\f128";</w:t>
            </w:r>
          </w:p>
          <w:p w:rsidR="00156FB3" w:rsidRDefault="00156FB3" w:rsidP="00156FB3">
            <w:r>
              <w:t>}</w:t>
            </w:r>
          </w:p>
          <w:p w:rsidR="00156FB3" w:rsidRDefault="00156FB3" w:rsidP="00156FB3"/>
          <w:p w:rsidR="00156FB3" w:rsidRDefault="00156FB3" w:rsidP="00156FB3">
            <w:r>
              <w:t>.fa-question-circle:before {</w:t>
            </w:r>
          </w:p>
          <w:p w:rsidR="00156FB3" w:rsidRDefault="00156FB3" w:rsidP="00156FB3">
            <w:r>
              <w:t xml:space="preserve">    content: "\f059";</w:t>
            </w:r>
          </w:p>
          <w:p w:rsidR="00156FB3" w:rsidRDefault="00156FB3" w:rsidP="00156FB3">
            <w:r>
              <w:t>}</w:t>
            </w:r>
          </w:p>
          <w:p w:rsidR="00156FB3" w:rsidRDefault="00156FB3" w:rsidP="00156FB3"/>
          <w:p w:rsidR="00156FB3" w:rsidRDefault="00156FB3" w:rsidP="00156FB3">
            <w:r>
              <w:t>.fa-quidditch:before {</w:t>
            </w:r>
          </w:p>
          <w:p w:rsidR="00156FB3" w:rsidRDefault="00156FB3" w:rsidP="00156FB3">
            <w:r>
              <w:t xml:space="preserve">    content: "\f458";</w:t>
            </w:r>
          </w:p>
          <w:p w:rsidR="00156FB3" w:rsidRDefault="00156FB3" w:rsidP="00156FB3">
            <w:r>
              <w:t>}</w:t>
            </w:r>
          </w:p>
          <w:p w:rsidR="00156FB3" w:rsidRDefault="00156FB3" w:rsidP="00156FB3"/>
          <w:p w:rsidR="00156FB3" w:rsidRDefault="00156FB3" w:rsidP="00156FB3">
            <w:r>
              <w:t>.fa-quinscape:before {</w:t>
            </w:r>
          </w:p>
          <w:p w:rsidR="00156FB3" w:rsidRDefault="00156FB3" w:rsidP="00156FB3">
            <w:r>
              <w:t xml:space="preserve">    content: "\f459";</w:t>
            </w:r>
          </w:p>
          <w:p w:rsidR="00156FB3" w:rsidRDefault="00156FB3" w:rsidP="00156FB3">
            <w:r>
              <w:t>}</w:t>
            </w:r>
          </w:p>
          <w:p w:rsidR="00156FB3" w:rsidRDefault="00156FB3" w:rsidP="00156FB3"/>
          <w:p w:rsidR="00156FB3" w:rsidRDefault="00156FB3" w:rsidP="00156FB3">
            <w:r>
              <w:t>.fa-quora:before {</w:t>
            </w:r>
          </w:p>
          <w:p w:rsidR="00156FB3" w:rsidRDefault="00156FB3" w:rsidP="00156FB3">
            <w:r>
              <w:t xml:space="preserve">    content: "\f2c4";</w:t>
            </w:r>
          </w:p>
          <w:p w:rsidR="00156FB3" w:rsidRDefault="00156FB3" w:rsidP="00156FB3">
            <w:r>
              <w:t>}</w:t>
            </w:r>
          </w:p>
          <w:p w:rsidR="00156FB3" w:rsidRDefault="00156FB3" w:rsidP="00156FB3"/>
          <w:p w:rsidR="00156FB3" w:rsidRDefault="00156FB3" w:rsidP="00156FB3">
            <w:r>
              <w:t>.fa-quote-left:before {</w:t>
            </w:r>
          </w:p>
          <w:p w:rsidR="00156FB3" w:rsidRDefault="00156FB3" w:rsidP="00156FB3">
            <w:r>
              <w:t xml:space="preserve">    content: "\f10d";</w:t>
            </w:r>
          </w:p>
          <w:p w:rsidR="00156FB3" w:rsidRDefault="00156FB3" w:rsidP="00156FB3">
            <w:r>
              <w:t>}</w:t>
            </w:r>
          </w:p>
          <w:p w:rsidR="00156FB3" w:rsidRDefault="00156FB3" w:rsidP="00156FB3"/>
          <w:p w:rsidR="00156FB3" w:rsidRDefault="00156FB3" w:rsidP="00156FB3">
            <w:r>
              <w:t>.fa-quote-right:before {</w:t>
            </w:r>
          </w:p>
          <w:p w:rsidR="00156FB3" w:rsidRDefault="00156FB3" w:rsidP="00156FB3">
            <w:r>
              <w:t xml:space="preserve">    content: "\f10e";</w:t>
            </w:r>
          </w:p>
          <w:p w:rsidR="00156FB3" w:rsidRDefault="00156FB3" w:rsidP="00156FB3">
            <w:r>
              <w:t>}</w:t>
            </w:r>
          </w:p>
          <w:p w:rsidR="00156FB3" w:rsidRDefault="00156FB3" w:rsidP="00156FB3"/>
          <w:p w:rsidR="00156FB3" w:rsidRDefault="00156FB3" w:rsidP="00156FB3">
            <w:r>
              <w:t>.fa-quran:before {</w:t>
            </w:r>
          </w:p>
          <w:p w:rsidR="00156FB3" w:rsidRDefault="00156FB3" w:rsidP="00156FB3">
            <w:r>
              <w:t xml:space="preserve">    content: "\f687";</w:t>
            </w:r>
          </w:p>
          <w:p w:rsidR="00156FB3" w:rsidRDefault="00156FB3" w:rsidP="00156FB3">
            <w:r>
              <w:t>}</w:t>
            </w:r>
          </w:p>
          <w:p w:rsidR="00156FB3" w:rsidRDefault="00156FB3" w:rsidP="00156FB3"/>
          <w:p w:rsidR="00156FB3" w:rsidRDefault="00156FB3" w:rsidP="00156FB3">
            <w:r>
              <w:t>.fa-r-project:before {</w:t>
            </w:r>
          </w:p>
          <w:p w:rsidR="00156FB3" w:rsidRDefault="00156FB3" w:rsidP="00156FB3">
            <w:r>
              <w:t xml:space="preserve">    content: "\f4f7";</w:t>
            </w:r>
          </w:p>
          <w:p w:rsidR="00156FB3" w:rsidRDefault="00156FB3" w:rsidP="00156FB3">
            <w:r>
              <w:t>}</w:t>
            </w:r>
          </w:p>
          <w:p w:rsidR="00156FB3" w:rsidRDefault="00156FB3" w:rsidP="00156FB3"/>
          <w:p w:rsidR="00156FB3" w:rsidRDefault="00156FB3" w:rsidP="00156FB3">
            <w:r>
              <w:t>.fa-radiation:before {</w:t>
            </w:r>
          </w:p>
          <w:p w:rsidR="00156FB3" w:rsidRDefault="00156FB3" w:rsidP="00156FB3">
            <w:r>
              <w:t xml:space="preserve">    content: "\f7b9";</w:t>
            </w:r>
          </w:p>
          <w:p w:rsidR="00156FB3" w:rsidRDefault="00156FB3" w:rsidP="00156FB3">
            <w:r>
              <w:t>}</w:t>
            </w:r>
          </w:p>
          <w:p w:rsidR="00156FB3" w:rsidRDefault="00156FB3" w:rsidP="00156FB3"/>
          <w:p w:rsidR="00156FB3" w:rsidRDefault="00156FB3" w:rsidP="00156FB3">
            <w:r>
              <w:t>.fa-radiation-alt:before {</w:t>
            </w:r>
          </w:p>
          <w:p w:rsidR="00156FB3" w:rsidRDefault="00156FB3" w:rsidP="00156FB3">
            <w:r>
              <w:lastRenderedPageBreak/>
              <w:t xml:space="preserve">    content: "\f7ba";</w:t>
            </w:r>
          </w:p>
          <w:p w:rsidR="00156FB3" w:rsidRDefault="00156FB3" w:rsidP="00156FB3">
            <w:r>
              <w:t>}</w:t>
            </w:r>
          </w:p>
          <w:p w:rsidR="00156FB3" w:rsidRDefault="00156FB3" w:rsidP="00156FB3"/>
          <w:p w:rsidR="00156FB3" w:rsidRDefault="00156FB3" w:rsidP="00156FB3">
            <w:r>
              <w:t>.fa-rainbow:before {</w:t>
            </w:r>
          </w:p>
          <w:p w:rsidR="00156FB3" w:rsidRDefault="00156FB3" w:rsidP="00156FB3">
            <w:r>
              <w:t xml:space="preserve">    content: "\f75b";</w:t>
            </w:r>
          </w:p>
          <w:p w:rsidR="00156FB3" w:rsidRDefault="00156FB3" w:rsidP="00156FB3">
            <w:r>
              <w:t>}</w:t>
            </w:r>
          </w:p>
          <w:p w:rsidR="00156FB3" w:rsidRDefault="00156FB3" w:rsidP="00156FB3"/>
          <w:p w:rsidR="00156FB3" w:rsidRDefault="00156FB3" w:rsidP="00156FB3">
            <w:r>
              <w:t>.fa-random:before {</w:t>
            </w:r>
          </w:p>
          <w:p w:rsidR="00156FB3" w:rsidRDefault="00156FB3" w:rsidP="00156FB3">
            <w:r>
              <w:t xml:space="preserve">    content: "\f074";</w:t>
            </w:r>
          </w:p>
          <w:p w:rsidR="00156FB3" w:rsidRDefault="00156FB3" w:rsidP="00156FB3">
            <w:r>
              <w:t>}</w:t>
            </w:r>
          </w:p>
          <w:p w:rsidR="00156FB3" w:rsidRDefault="00156FB3" w:rsidP="00156FB3"/>
          <w:p w:rsidR="00156FB3" w:rsidRDefault="00156FB3" w:rsidP="00156FB3">
            <w:r>
              <w:t>.fa-raspberry-pi:before {</w:t>
            </w:r>
          </w:p>
          <w:p w:rsidR="00156FB3" w:rsidRDefault="00156FB3" w:rsidP="00156FB3">
            <w:r>
              <w:t xml:space="preserve">    content: "\f7bb";</w:t>
            </w:r>
          </w:p>
          <w:p w:rsidR="00156FB3" w:rsidRDefault="00156FB3" w:rsidP="00156FB3">
            <w:r>
              <w:t>}</w:t>
            </w:r>
          </w:p>
          <w:p w:rsidR="00156FB3" w:rsidRDefault="00156FB3" w:rsidP="00156FB3"/>
          <w:p w:rsidR="00156FB3" w:rsidRDefault="00156FB3" w:rsidP="00156FB3">
            <w:r>
              <w:t>.fa-ravelry:before {</w:t>
            </w:r>
          </w:p>
          <w:p w:rsidR="00156FB3" w:rsidRDefault="00156FB3" w:rsidP="00156FB3">
            <w:r>
              <w:t xml:space="preserve">    content: "\f2d9";</w:t>
            </w:r>
          </w:p>
          <w:p w:rsidR="00156FB3" w:rsidRDefault="00156FB3" w:rsidP="00156FB3">
            <w:r>
              <w:t>}</w:t>
            </w:r>
          </w:p>
          <w:p w:rsidR="00156FB3" w:rsidRDefault="00156FB3" w:rsidP="00156FB3"/>
          <w:p w:rsidR="00156FB3" w:rsidRDefault="00156FB3" w:rsidP="00156FB3">
            <w:r>
              <w:t>.fa-react:before {</w:t>
            </w:r>
          </w:p>
          <w:p w:rsidR="00156FB3" w:rsidRDefault="00156FB3" w:rsidP="00156FB3">
            <w:r>
              <w:t xml:space="preserve">    content: "\f41b";</w:t>
            </w:r>
          </w:p>
          <w:p w:rsidR="00156FB3" w:rsidRDefault="00156FB3" w:rsidP="00156FB3">
            <w:r>
              <w:t>}</w:t>
            </w:r>
          </w:p>
          <w:p w:rsidR="00156FB3" w:rsidRDefault="00156FB3" w:rsidP="00156FB3"/>
          <w:p w:rsidR="00156FB3" w:rsidRDefault="00156FB3" w:rsidP="00156FB3">
            <w:r>
              <w:t>.fa-reacteurope:before {</w:t>
            </w:r>
          </w:p>
          <w:p w:rsidR="00156FB3" w:rsidRDefault="00156FB3" w:rsidP="00156FB3">
            <w:r>
              <w:t xml:space="preserve">    content: "\f75d";</w:t>
            </w:r>
          </w:p>
          <w:p w:rsidR="00156FB3" w:rsidRDefault="00156FB3" w:rsidP="00156FB3">
            <w:r>
              <w:t>}</w:t>
            </w:r>
          </w:p>
          <w:p w:rsidR="00156FB3" w:rsidRDefault="00156FB3" w:rsidP="00156FB3"/>
          <w:p w:rsidR="00156FB3" w:rsidRDefault="00156FB3" w:rsidP="00156FB3">
            <w:r>
              <w:t>.fa-readme:before {</w:t>
            </w:r>
          </w:p>
          <w:p w:rsidR="00156FB3" w:rsidRDefault="00156FB3" w:rsidP="00156FB3">
            <w:r>
              <w:t xml:space="preserve">    content: "\f4d5";</w:t>
            </w:r>
          </w:p>
          <w:p w:rsidR="00156FB3" w:rsidRDefault="00156FB3" w:rsidP="00156FB3">
            <w:r>
              <w:t>}</w:t>
            </w:r>
          </w:p>
          <w:p w:rsidR="00156FB3" w:rsidRDefault="00156FB3" w:rsidP="00156FB3"/>
          <w:p w:rsidR="00156FB3" w:rsidRDefault="00156FB3" w:rsidP="00156FB3">
            <w:r>
              <w:t>.fa-rebel:before {</w:t>
            </w:r>
          </w:p>
          <w:p w:rsidR="00156FB3" w:rsidRDefault="00156FB3" w:rsidP="00156FB3">
            <w:r>
              <w:t xml:space="preserve">    content: "\f1d0";</w:t>
            </w:r>
          </w:p>
          <w:p w:rsidR="00156FB3" w:rsidRDefault="00156FB3" w:rsidP="00156FB3">
            <w:r>
              <w:t>}</w:t>
            </w:r>
          </w:p>
          <w:p w:rsidR="00156FB3" w:rsidRDefault="00156FB3" w:rsidP="00156FB3"/>
          <w:p w:rsidR="00156FB3" w:rsidRDefault="00156FB3" w:rsidP="00156FB3">
            <w:r>
              <w:t>.fa-receipt:before {</w:t>
            </w:r>
          </w:p>
          <w:p w:rsidR="00156FB3" w:rsidRDefault="00156FB3" w:rsidP="00156FB3">
            <w:r>
              <w:t xml:space="preserve">    content: "\f543";</w:t>
            </w:r>
          </w:p>
          <w:p w:rsidR="00156FB3" w:rsidRDefault="00156FB3" w:rsidP="00156FB3">
            <w:r>
              <w:t>}</w:t>
            </w:r>
          </w:p>
          <w:p w:rsidR="00156FB3" w:rsidRDefault="00156FB3" w:rsidP="00156FB3"/>
          <w:p w:rsidR="00156FB3" w:rsidRDefault="00156FB3" w:rsidP="00156FB3">
            <w:r>
              <w:t>.fa-record-vinyl:before {</w:t>
            </w:r>
          </w:p>
          <w:p w:rsidR="00156FB3" w:rsidRDefault="00156FB3" w:rsidP="00156FB3">
            <w:r>
              <w:t xml:space="preserve">    content: "\f8d9";</w:t>
            </w:r>
          </w:p>
          <w:p w:rsidR="00156FB3" w:rsidRDefault="00156FB3" w:rsidP="00156FB3">
            <w:r>
              <w:t>}</w:t>
            </w:r>
          </w:p>
          <w:p w:rsidR="00156FB3" w:rsidRDefault="00156FB3" w:rsidP="00156FB3"/>
          <w:p w:rsidR="00156FB3" w:rsidRDefault="00156FB3" w:rsidP="00156FB3">
            <w:r>
              <w:t>.fa-recycle:before {</w:t>
            </w:r>
          </w:p>
          <w:p w:rsidR="00156FB3" w:rsidRDefault="00156FB3" w:rsidP="00156FB3">
            <w:r>
              <w:t xml:space="preserve">    content: "\f1b8";</w:t>
            </w:r>
          </w:p>
          <w:p w:rsidR="00156FB3" w:rsidRDefault="00156FB3" w:rsidP="00156FB3">
            <w:r>
              <w:t>}</w:t>
            </w:r>
          </w:p>
          <w:p w:rsidR="00156FB3" w:rsidRDefault="00156FB3" w:rsidP="00156FB3"/>
          <w:p w:rsidR="00156FB3" w:rsidRDefault="00156FB3" w:rsidP="00156FB3">
            <w:r>
              <w:t>.fa-red-river:before {</w:t>
            </w:r>
          </w:p>
          <w:p w:rsidR="00156FB3" w:rsidRDefault="00156FB3" w:rsidP="00156FB3">
            <w:r>
              <w:lastRenderedPageBreak/>
              <w:t xml:space="preserve">    content: "\f3e3";</w:t>
            </w:r>
          </w:p>
          <w:p w:rsidR="00156FB3" w:rsidRDefault="00156FB3" w:rsidP="00156FB3">
            <w:r>
              <w:t>}</w:t>
            </w:r>
          </w:p>
          <w:p w:rsidR="00156FB3" w:rsidRDefault="00156FB3" w:rsidP="00156FB3"/>
          <w:p w:rsidR="00156FB3" w:rsidRDefault="00156FB3" w:rsidP="00156FB3">
            <w:r>
              <w:t>.fa-reddit:before {</w:t>
            </w:r>
          </w:p>
          <w:p w:rsidR="00156FB3" w:rsidRDefault="00156FB3" w:rsidP="00156FB3">
            <w:r>
              <w:t xml:space="preserve">    content: "\f1a1";</w:t>
            </w:r>
          </w:p>
          <w:p w:rsidR="00156FB3" w:rsidRDefault="00156FB3" w:rsidP="00156FB3">
            <w:r>
              <w:t>}</w:t>
            </w:r>
          </w:p>
          <w:p w:rsidR="00156FB3" w:rsidRDefault="00156FB3" w:rsidP="00156FB3"/>
          <w:p w:rsidR="00156FB3" w:rsidRDefault="00156FB3" w:rsidP="00156FB3">
            <w:r>
              <w:t>.fa-reddit-alien:before {</w:t>
            </w:r>
          </w:p>
          <w:p w:rsidR="00156FB3" w:rsidRDefault="00156FB3" w:rsidP="00156FB3">
            <w:r>
              <w:t xml:space="preserve">    content: "\f281";</w:t>
            </w:r>
          </w:p>
          <w:p w:rsidR="00156FB3" w:rsidRDefault="00156FB3" w:rsidP="00156FB3">
            <w:r>
              <w:t>}</w:t>
            </w:r>
          </w:p>
          <w:p w:rsidR="00156FB3" w:rsidRDefault="00156FB3" w:rsidP="00156FB3"/>
          <w:p w:rsidR="00156FB3" w:rsidRDefault="00156FB3" w:rsidP="00156FB3">
            <w:r>
              <w:t>.fa-reddit-square:before {</w:t>
            </w:r>
          </w:p>
          <w:p w:rsidR="00156FB3" w:rsidRDefault="00156FB3" w:rsidP="00156FB3">
            <w:r>
              <w:t xml:space="preserve">    content: "\f1a2";</w:t>
            </w:r>
          </w:p>
          <w:p w:rsidR="00156FB3" w:rsidRDefault="00156FB3" w:rsidP="00156FB3">
            <w:r>
              <w:t>}</w:t>
            </w:r>
          </w:p>
          <w:p w:rsidR="00156FB3" w:rsidRDefault="00156FB3" w:rsidP="00156FB3"/>
          <w:p w:rsidR="00156FB3" w:rsidRDefault="00156FB3" w:rsidP="00156FB3">
            <w:r>
              <w:t>.fa-redhat:before {</w:t>
            </w:r>
          </w:p>
          <w:p w:rsidR="00156FB3" w:rsidRDefault="00156FB3" w:rsidP="00156FB3">
            <w:r>
              <w:t xml:space="preserve">    content: "\f7bc";</w:t>
            </w:r>
          </w:p>
          <w:p w:rsidR="00156FB3" w:rsidRDefault="00156FB3" w:rsidP="00156FB3">
            <w:r>
              <w:t>}</w:t>
            </w:r>
          </w:p>
          <w:p w:rsidR="00156FB3" w:rsidRDefault="00156FB3" w:rsidP="00156FB3"/>
          <w:p w:rsidR="00156FB3" w:rsidRDefault="00156FB3" w:rsidP="00156FB3">
            <w:r>
              <w:t>.fa-redo:before {</w:t>
            </w:r>
          </w:p>
          <w:p w:rsidR="00156FB3" w:rsidRDefault="00156FB3" w:rsidP="00156FB3">
            <w:r>
              <w:t xml:space="preserve">    content: "\f01e";</w:t>
            </w:r>
          </w:p>
          <w:p w:rsidR="00156FB3" w:rsidRDefault="00156FB3" w:rsidP="00156FB3">
            <w:r>
              <w:t>}</w:t>
            </w:r>
          </w:p>
          <w:p w:rsidR="00156FB3" w:rsidRDefault="00156FB3" w:rsidP="00156FB3"/>
          <w:p w:rsidR="00156FB3" w:rsidRDefault="00156FB3" w:rsidP="00156FB3">
            <w:r>
              <w:t>.fa-redo-alt:before {</w:t>
            </w:r>
          </w:p>
          <w:p w:rsidR="00156FB3" w:rsidRDefault="00156FB3" w:rsidP="00156FB3">
            <w:r>
              <w:t xml:space="preserve">    content: "\f2f9";</w:t>
            </w:r>
          </w:p>
          <w:p w:rsidR="00156FB3" w:rsidRDefault="00156FB3" w:rsidP="00156FB3">
            <w:r>
              <w:t>}</w:t>
            </w:r>
          </w:p>
          <w:p w:rsidR="00156FB3" w:rsidRDefault="00156FB3" w:rsidP="00156FB3"/>
          <w:p w:rsidR="00156FB3" w:rsidRDefault="00156FB3" w:rsidP="00156FB3">
            <w:r>
              <w:t>.fa-registered:before {</w:t>
            </w:r>
          </w:p>
          <w:p w:rsidR="00156FB3" w:rsidRDefault="00156FB3" w:rsidP="00156FB3">
            <w:r>
              <w:t xml:space="preserve">    content: "\f25d";</w:t>
            </w:r>
          </w:p>
          <w:p w:rsidR="00156FB3" w:rsidRDefault="00156FB3" w:rsidP="00156FB3">
            <w:r>
              <w:t>}</w:t>
            </w:r>
          </w:p>
          <w:p w:rsidR="00156FB3" w:rsidRDefault="00156FB3" w:rsidP="00156FB3"/>
          <w:p w:rsidR="00156FB3" w:rsidRDefault="00156FB3" w:rsidP="00156FB3">
            <w:r>
              <w:t>.fa-remove-format:before {</w:t>
            </w:r>
          </w:p>
          <w:p w:rsidR="00156FB3" w:rsidRDefault="00156FB3" w:rsidP="00156FB3">
            <w:r>
              <w:t xml:space="preserve">    content: "\f87d";</w:t>
            </w:r>
          </w:p>
          <w:p w:rsidR="00156FB3" w:rsidRDefault="00156FB3" w:rsidP="00156FB3">
            <w:r>
              <w:t>}</w:t>
            </w:r>
          </w:p>
          <w:p w:rsidR="00156FB3" w:rsidRDefault="00156FB3" w:rsidP="00156FB3"/>
          <w:p w:rsidR="00156FB3" w:rsidRDefault="00156FB3" w:rsidP="00156FB3">
            <w:r>
              <w:t>.fa-renren:before {</w:t>
            </w:r>
          </w:p>
          <w:p w:rsidR="00156FB3" w:rsidRDefault="00156FB3" w:rsidP="00156FB3">
            <w:r>
              <w:t xml:space="preserve">    content: "\f18b";</w:t>
            </w:r>
          </w:p>
          <w:p w:rsidR="00156FB3" w:rsidRDefault="00156FB3" w:rsidP="00156FB3">
            <w:r>
              <w:t>}</w:t>
            </w:r>
          </w:p>
          <w:p w:rsidR="00156FB3" w:rsidRDefault="00156FB3" w:rsidP="00156FB3"/>
          <w:p w:rsidR="00156FB3" w:rsidRDefault="00156FB3" w:rsidP="00156FB3">
            <w:r>
              <w:t>.fa-reply:before {</w:t>
            </w:r>
          </w:p>
          <w:p w:rsidR="00156FB3" w:rsidRDefault="00156FB3" w:rsidP="00156FB3">
            <w:r>
              <w:t xml:space="preserve">    content: "\f3e5";</w:t>
            </w:r>
          </w:p>
          <w:p w:rsidR="00156FB3" w:rsidRDefault="00156FB3" w:rsidP="00156FB3">
            <w:r>
              <w:t>}</w:t>
            </w:r>
          </w:p>
          <w:p w:rsidR="00156FB3" w:rsidRDefault="00156FB3" w:rsidP="00156FB3"/>
          <w:p w:rsidR="00156FB3" w:rsidRDefault="00156FB3" w:rsidP="00156FB3">
            <w:r>
              <w:t>.fa-reply-all:before {</w:t>
            </w:r>
          </w:p>
          <w:p w:rsidR="00156FB3" w:rsidRDefault="00156FB3" w:rsidP="00156FB3">
            <w:r>
              <w:t xml:space="preserve">    content: "\f122";</w:t>
            </w:r>
          </w:p>
          <w:p w:rsidR="00156FB3" w:rsidRDefault="00156FB3" w:rsidP="00156FB3">
            <w:r>
              <w:t>}</w:t>
            </w:r>
          </w:p>
          <w:p w:rsidR="00156FB3" w:rsidRDefault="00156FB3" w:rsidP="00156FB3"/>
          <w:p w:rsidR="00156FB3" w:rsidRDefault="00156FB3" w:rsidP="00156FB3">
            <w:r>
              <w:t>.fa-replyd:before {</w:t>
            </w:r>
          </w:p>
          <w:p w:rsidR="00156FB3" w:rsidRDefault="00156FB3" w:rsidP="00156FB3">
            <w:r>
              <w:lastRenderedPageBreak/>
              <w:t xml:space="preserve">    content: "\f3e6";</w:t>
            </w:r>
          </w:p>
          <w:p w:rsidR="00156FB3" w:rsidRDefault="00156FB3" w:rsidP="00156FB3">
            <w:r>
              <w:t>}</w:t>
            </w:r>
          </w:p>
          <w:p w:rsidR="00156FB3" w:rsidRDefault="00156FB3" w:rsidP="00156FB3"/>
          <w:p w:rsidR="00156FB3" w:rsidRDefault="00156FB3" w:rsidP="00156FB3">
            <w:r>
              <w:t>.fa-republican:before {</w:t>
            </w:r>
          </w:p>
          <w:p w:rsidR="00156FB3" w:rsidRDefault="00156FB3" w:rsidP="00156FB3">
            <w:r>
              <w:t xml:space="preserve">    content: "\f75e";</w:t>
            </w:r>
          </w:p>
          <w:p w:rsidR="00156FB3" w:rsidRDefault="00156FB3" w:rsidP="00156FB3">
            <w:r>
              <w:t>}</w:t>
            </w:r>
          </w:p>
          <w:p w:rsidR="00156FB3" w:rsidRDefault="00156FB3" w:rsidP="00156FB3"/>
          <w:p w:rsidR="00156FB3" w:rsidRDefault="00156FB3" w:rsidP="00156FB3">
            <w:r>
              <w:t>.fa-researchgate:before {</w:t>
            </w:r>
          </w:p>
          <w:p w:rsidR="00156FB3" w:rsidRDefault="00156FB3" w:rsidP="00156FB3">
            <w:r>
              <w:t xml:space="preserve">    content: "\f4f8";</w:t>
            </w:r>
          </w:p>
          <w:p w:rsidR="00156FB3" w:rsidRDefault="00156FB3" w:rsidP="00156FB3">
            <w:r>
              <w:t>}</w:t>
            </w:r>
          </w:p>
          <w:p w:rsidR="00156FB3" w:rsidRDefault="00156FB3" w:rsidP="00156FB3"/>
          <w:p w:rsidR="00156FB3" w:rsidRDefault="00156FB3" w:rsidP="00156FB3">
            <w:r>
              <w:t>.fa-resolving:before {</w:t>
            </w:r>
          </w:p>
          <w:p w:rsidR="00156FB3" w:rsidRDefault="00156FB3" w:rsidP="00156FB3">
            <w:r>
              <w:t xml:space="preserve">    content: "\f3e7";</w:t>
            </w:r>
          </w:p>
          <w:p w:rsidR="00156FB3" w:rsidRDefault="00156FB3" w:rsidP="00156FB3">
            <w:r>
              <w:t>}</w:t>
            </w:r>
          </w:p>
          <w:p w:rsidR="00156FB3" w:rsidRDefault="00156FB3" w:rsidP="00156FB3"/>
          <w:p w:rsidR="00156FB3" w:rsidRDefault="00156FB3" w:rsidP="00156FB3">
            <w:r>
              <w:t>.fa-restroom:before {</w:t>
            </w:r>
          </w:p>
          <w:p w:rsidR="00156FB3" w:rsidRDefault="00156FB3" w:rsidP="00156FB3">
            <w:r>
              <w:t xml:space="preserve">    content: "\f7bd";</w:t>
            </w:r>
          </w:p>
          <w:p w:rsidR="00156FB3" w:rsidRDefault="00156FB3" w:rsidP="00156FB3">
            <w:r>
              <w:t>}</w:t>
            </w:r>
          </w:p>
          <w:p w:rsidR="00156FB3" w:rsidRDefault="00156FB3" w:rsidP="00156FB3"/>
          <w:p w:rsidR="00156FB3" w:rsidRDefault="00156FB3" w:rsidP="00156FB3">
            <w:r>
              <w:t>.fa-retweet:before {</w:t>
            </w:r>
          </w:p>
          <w:p w:rsidR="00156FB3" w:rsidRDefault="00156FB3" w:rsidP="00156FB3">
            <w:r>
              <w:t xml:space="preserve">    content: "\f079";</w:t>
            </w:r>
          </w:p>
          <w:p w:rsidR="00156FB3" w:rsidRDefault="00156FB3" w:rsidP="00156FB3">
            <w:r>
              <w:t>}</w:t>
            </w:r>
          </w:p>
          <w:p w:rsidR="00156FB3" w:rsidRDefault="00156FB3" w:rsidP="00156FB3"/>
          <w:p w:rsidR="00156FB3" w:rsidRDefault="00156FB3" w:rsidP="00156FB3">
            <w:r>
              <w:t>.fa-rev:before {</w:t>
            </w:r>
          </w:p>
          <w:p w:rsidR="00156FB3" w:rsidRDefault="00156FB3" w:rsidP="00156FB3">
            <w:r>
              <w:t xml:space="preserve">    content: "\f5b2";</w:t>
            </w:r>
          </w:p>
          <w:p w:rsidR="00156FB3" w:rsidRDefault="00156FB3" w:rsidP="00156FB3">
            <w:r>
              <w:t>}</w:t>
            </w:r>
          </w:p>
          <w:p w:rsidR="00156FB3" w:rsidRDefault="00156FB3" w:rsidP="00156FB3"/>
          <w:p w:rsidR="00156FB3" w:rsidRDefault="00156FB3" w:rsidP="00156FB3">
            <w:r>
              <w:t>.fa-ribbon:before {</w:t>
            </w:r>
          </w:p>
          <w:p w:rsidR="00156FB3" w:rsidRDefault="00156FB3" w:rsidP="00156FB3">
            <w:r>
              <w:t xml:space="preserve">    content: "\f4d6";</w:t>
            </w:r>
          </w:p>
          <w:p w:rsidR="00156FB3" w:rsidRDefault="00156FB3" w:rsidP="00156FB3">
            <w:r>
              <w:t>}</w:t>
            </w:r>
          </w:p>
          <w:p w:rsidR="00156FB3" w:rsidRDefault="00156FB3" w:rsidP="00156FB3"/>
          <w:p w:rsidR="00156FB3" w:rsidRDefault="00156FB3" w:rsidP="00156FB3">
            <w:r>
              <w:t>.fa-ring:before {</w:t>
            </w:r>
          </w:p>
          <w:p w:rsidR="00156FB3" w:rsidRDefault="00156FB3" w:rsidP="00156FB3">
            <w:r>
              <w:t xml:space="preserve">    content: "\f70b";</w:t>
            </w:r>
          </w:p>
          <w:p w:rsidR="00156FB3" w:rsidRDefault="00156FB3" w:rsidP="00156FB3">
            <w:r>
              <w:t>}</w:t>
            </w:r>
          </w:p>
          <w:p w:rsidR="00156FB3" w:rsidRDefault="00156FB3" w:rsidP="00156FB3"/>
          <w:p w:rsidR="00156FB3" w:rsidRDefault="00156FB3" w:rsidP="00156FB3">
            <w:r>
              <w:t>.fa-road:before {</w:t>
            </w:r>
          </w:p>
          <w:p w:rsidR="00156FB3" w:rsidRDefault="00156FB3" w:rsidP="00156FB3">
            <w:r>
              <w:t xml:space="preserve">    content: "\f018";</w:t>
            </w:r>
          </w:p>
          <w:p w:rsidR="00156FB3" w:rsidRDefault="00156FB3" w:rsidP="00156FB3">
            <w:r>
              <w:t>}</w:t>
            </w:r>
          </w:p>
          <w:p w:rsidR="00156FB3" w:rsidRDefault="00156FB3" w:rsidP="00156FB3"/>
          <w:p w:rsidR="00156FB3" w:rsidRDefault="00156FB3" w:rsidP="00156FB3">
            <w:r>
              <w:t>.fa-robot:before {</w:t>
            </w:r>
          </w:p>
          <w:p w:rsidR="00156FB3" w:rsidRDefault="00156FB3" w:rsidP="00156FB3">
            <w:r>
              <w:t xml:space="preserve">    content: "\f544";</w:t>
            </w:r>
          </w:p>
          <w:p w:rsidR="00156FB3" w:rsidRDefault="00156FB3" w:rsidP="00156FB3">
            <w:r>
              <w:t>}</w:t>
            </w:r>
          </w:p>
          <w:p w:rsidR="00156FB3" w:rsidRDefault="00156FB3" w:rsidP="00156FB3"/>
          <w:p w:rsidR="00156FB3" w:rsidRDefault="00156FB3" w:rsidP="00156FB3">
            <w:r>
              <w:t>.fa-rocket:before {</w:t>
            </w:r>
          </w:p>
          <w:p w:rsidR="00156FB3" w:rsidRDefault="00156FB3" w:rsidP="00156FB3">
            <w:r>
              <w:t xml:space="preserve">    content: "\f135";</w:t>
            </w:r>
          </w:p>
          <w:p w:rsidR="00156FB3" w:rsidRDefault="00156FB3" w:rsidP="00156FB3">
            <w:r>
              <w:t>}</w:t>
            </w:r>
          </w:p>
          <w:p w:rsidR="00156FB3" w:rsidRDefault="00156FB3" w:rsidP="00156FB3"/>
          <w:p w:rsidR="00156FB3" w:rsidRDefault="00156FB3" w:rsidP="00156FB3">
            <w:r>
              <w:t>.fa-rocketchat:before {</w:t>
            </w:r>
          </w:p>
          <w:p w:rsidR="00156FB3" w:rsidRDefault="00156FB3" w:rsidP="00156FB3">
            <w:r>
              <w:lastRenderedPageBreak/>
              <w:t xml:space="preserve">    content: "\f3e8";</w:t>
            </w:r>
          </w:p>
          <w:p w:rsidR="00156FB3" w:rsidRDefault="00156FB3" w:rsidP="00156FB3">
            <w:r>
              <w:t>}</w:t>
            </w:r>
          </w:p>
          <w:p w:rsidR="00156FB3" w:rsidRDefault="00156FB3" w:rsidP="00156FB3"/>
          <w:p w:rsidR="00156FB3" w:rsidRDefault="00156FB3" w:rsidP="00156FB3">
            <w:r>
              <w:t>.fa-rockrms:before {</w:t>
            </w:r>
          </w:p>
          <w:p w:rsidR="00156FB3" w:rsidRDefault="00156FB3" w:rsidP="00156FB3">
            <w:r>
              <w:t xml:space="preserve">    content: "\f3e9";</w:t>
            </w:r>
          </w:p>
          <w:p w:rsidR="00156FB3" w:rsidRDefault="00156FB3" w:rsidP="00156FB3">
            <w:r>
              <w:t>}</w:t>
            </w:r>
          </w:p>
          <w:p w:rsidR="00156FB3" w:rsidRDefault="00156FB3" w:rsidP="00156FB3"/>
          <w:p w:rsidR="00156FB3" w:rsidRDefault="00156FB3" w:rsidP="00156FB3">
            <w:r>
              <w:t>.fa-route:before {</w:t>
            </w:r>
          </w:p>
          <w:p w:rsidR="00156FB3" w:rsidRDefault="00156FB3" w:rsidP="00156FB3">
            <w:r>
              <w:t xml:space="preserve">    content: "\f4d7";</w:t>
            </w:r>
          </w:p>
          <w:p w:rsidR="00156FB3" w:rsidRDefault="00156FB3" w:rsidP="00156FB3">
            <w:r>
              <w:t>}</w:t>
            </w:r>
          </w:p>
          <w:p w:rsidR="00156FB3" w:rsidRDefault="00156FB3" w:rsidP="00156FB3"/>
          <w:p w:rsidR="00156FB3" w:rsidRDefault="00156FB3" w:rsidP="00156FB3">
            <w:r>
              <w:t>.fa-rss:before {</w:t>
            </w:r>
          </w:p>
          <w:p w:rsidR="00156FB3" w:rsidRDefault="00156FB3" w:rsidP="00156FB3">
            <w:r>
              <w:t xml:space="preserve">    content: "\f09e";</w:t>
            </w:r>
          </w:p>
          <w:p w:rsidR="00156FB3" w:rsidRDefault="00156FB3" w:rsidP="00156FB3">
            <w:r>
              <w:t>}</w:t>
            </w:r>
          </w:p>
          <w:p w:rsidR="00156FB3" w:rsidRDefault="00156FB3" w:rsidP="00156FB3"/>
          <w:p w:rsidR="00156FB3" w:rsidRDefault="00156FB3" w:rsidP="00156FB3">
            <w:r>
              <w:t>.fa-rss-square:before {</w:t>
            </w:r>
          </w:p>
          <w:p w:rsidR="00156FB3" w:rsidRDefault="00156FB3" w:rsidP="00156FB3">
            <w:r>
              <w:t xml:space="preserve">    content: "\f143";</w:t>
            </w:r>
          </w:p>
          <w:p w:rsidR="00156FB3" w:rsidRDefault="00156FB3" w:rsidP="00156FB3">
            <w:r>
              <w:t>}</w:t>
            </w:r>
          </w:p>
          <w:p w:rsidR="00156FB3" w:rsidRDefault="00156FB3" w:rsidP="00156FB3"/>
          <w:p w:rsidR="00156FB3" w:rsidRDefault="00156FB3" w:rsidP="00156FB3">
            <w:r>
              <w:t>.fa-ruble-sign:before {</w:t>
            </w:r>
          </w:p>
          <w:p w:rsidR="00156FB3" w:rsidRDefault="00156FB3" w:rsidP="00156FB3">
            <w:r>
              <w:t xml:space="preserve">    content: "\f158";</w:t>
            </w:r>
          </w:p>
          <w:p w:rsidR="00156FB3" w:rsidRDefault="00156FB3" w:rsidP="00156FB3">
            <w:r>
              <w:t>}</w:t>
            </w:r>
          </w:p>
          <w:p w:rsidR="00156FB3" w:rsidRDefault="00156FB3" w:rsidP="00156FB3"/>
          <w:p w:rsidR="00156FB3" w:rsidRDefault="00156FB3" w:rsidP="00156FB3">
            <w:r>
              <w:t>.fa-ruler:before {</w:t>
            </w:r>
          </w:p>
          <w:p w:rsidR="00156FB3" w:rsidRDefault="00156FB3" w:rsidP="00156FB3">
            <w:r>
              <w:t xml:space="preserve">    content: "\f545";</w:t>
            </w:r>
          </w:p>
          <w:p w:rsidR="00156FB3" w:rsidRDefault="00156FB3" w:rsidP="00156FB3">
            <w:r>
              <w:t>}</w:t>
            </w:r>
          </w:p>
          <w:p w:rsidR="00156FB3" w:rsidRDefault="00156FB3" w:rsidP="00156FB3"/>
          <w:p w:rsidR="00156FB3" w:rsidRDefault="00156FB3" w:rsidP="00156FB3">
            <w:r>
              <w:t>.fa-ruler-combined:before {</w:t>
            </w:r>
          </w:p>
          <w:p w:rsidR="00156FB3" w:rsidRDefault="00156FB3" w:rsidP="00156FB3">
            <w:r>
              <w:t xml:space="preserve">    content: "\f546";</w:t>
            </w:r>
          </w:p>
          <w:p w:rsidR="00156FB3" w:rsidRDefault="00156FB3" w:rsidP="00156FB3">
            <w:r>
              <w:t>}</w:t>
            </w:r>
          </w:p>
          <w:p w:rsidR="00156FB3" w:rsidRDefault="00156FB3" w:rsidP="00156FB3"/>
          <w:p w:rsidR="00156FB3" w:rsidRDefault="00156FB3" w:rsidP="00156FB3">
            <w:r>
              <w:t>.fa-ruler-horizontal:before {</w:t>
            </w:r>
          </w:p>
          <w:p w:rsidR="00156FB3" w:rsidRDefault="00156FB3" w:rsidP="00156FB3">
            <w:r>
              <w:t xml:space="preserve">    content: "\f547";</w:t>
            </w:r>
          </w:p>
          <w:p w:rsidR="00156FB3" w:rsidRDefault="00156FB3" w:rsidP="00156FB3">
            <w:r>
              <w:t>}</w:t>
            </w:r>
          </w:p>
          <w:p w:rsidR="00156FB3" w:rsidRDefault="00156FB3" w:rsidP="00156FB3"/>
          <w:p w:rsidR="00156FB3" w:rsidRDefault="00156FB3" w:rsidP="00156FB3">
            <w:r>
              <w:t>.fa-ruler-vertical:before {</w:t>
            </w:r>
          </w:p>
          <w:p w:rsidR="00156FB3" w:rsidRDefault="00156FB3" w:rsidP="00156FB3">
            <w:r>
              <w:t xml:space="preserve">    content: "\f548";</w:t>
            </w:r>
          </w:p>
          <w:p w:rsidR="00156FB3" w:rsidRDefault="00156FB3" w:rsidP="00156FB3">
            <w:r>
              <w:t>}</w:t>
            </w:r>
          </w:p>
          <w:p w:rsidR="00156FB3" w:rsidRDefault="00156FB3" w:rsidP="00156FB3"/>
          <w:p w:rsidR="00156FB3" w:rsidRDefault="00156FB3" w:rsidP="00156FB3">
            <w:r>
              <w:t>.fa-running:before {</w:t>
            </w:r>
          </w:p>
          <w:p w:rsidR="00156FB3" w:rsidRDefault="00156FB3" w:rsidP="00156FB3">
            <w:r>
              <w:t xml:space="preserve">    content: "\f70c";</w:t>
            </w:r>
          </w:p>
          <w:p w:rsidR="00156FB3" w:rsidRDefault="00156FB3" w:rsidP="00156FB3">
            <w:r>
              <w:t>}</w:t>
            </w:r>
          </w:p>
          <w:p w:rsidR="00156FB3" w:rsidRDefault="00156FB3" w:rsidP="00156FB3"/>
          <w:p w:rsidR="00156FB3" w:rsidRDefault="00156FB3" w:rsidP="00156FB3">
            <w:r>
              <w:t>.fa-rupee-sign:before {</w:t>
            </w:r>
          </w:p>
          <w:p w:rsidR="00156FB3" w:rsidRDefault="00156FB3" w:rsidP="00156FB3">
            <w:r>
              <w:t xml:space="preserve">    content: "\f156";</w:t>
            </w:r>
          </w:p>
          <w:p w:rsidR="00156FB3" w:rsidRDefault="00156FB3" w:rsidP="00156FB3">
            <w:r>
              <w:t>}</w:t>
            </w:r>
          </w:p>
          <w:p w:rsidR="00156FB3" w:rsidRDefault="00156FB3" w:rsidP="00156FB3"/>
          <w:p w:rsidR="00156FB3" w:rsidRDefault="00156FB3" w:rsidP="00156FB3">
            <w:r>
              <w:t>.fa-sad-cry:before {</w:t>
            </w:r>
          </w:p>
          <w:p w:rsidR="00156FB3" w:rsidRDefault="00156FB3" w:rsidP="00156FB3">
            <w:r>
              <w:lastRenderedPageBreak/>
              <w:t xml:space="preserve">    content: "\f5b3";</w:t>
            </w:r>
          </w:p>
          <w:p w:rsidR="00156FB3" w:rsidRDefault="00156FB3" w:rsidP="00156FB3">
            <w:r>
              <w:t>}</w:t>
            </w:r>
          </w:p>
          <w:p w:rsidR="00156FB3" w:rsidRDefault="00156FB3" w:rsidP="00156FB3"/>
          <w:p w:rsidR="00156FB3" w:rsidRDefault="00156FB3" w:rsidP="00156FB3">
            <w:r>
              <w:t>.fa-sad-tear:before {</w:t>
            </w:r>
          </w:p>
          <w:p w:rsidR="00156FB3" w:rsidRDefault="00156FB3" w:rsidP="00156FB3">
            <w:r>
              <w:t xml:space="preserve">    content: "\f5b4";</w:t>
            </w:r>
          </w:p>
          <w:p w:rsidR="00156FB3" w:rsidRDefault="00156FB3" w:rsidP="00156FB3">
            <w:r>
              <w:t>}</w:t>
            </w:r>
          </w:p>
          <w:p w:rsidR="00156FB3" w:rsidRDefault="00156FB3" w:rsidP="00156FB3"/>
          <w:p w:rsidR="00156FB3" w:rsidRDefault="00156FB3" w:rsidP="00156FB3">
            <w:r>
              <w:t>.fa-safari:before {</w:t>
            </w:r>
          </w:p>
          <w:p w:rsidR="00156FB3" w:rsidRDefault="00156FB3" w:rsidP="00156FB3">
            <w:r>
              <w:t xml:space="preserve">    content: "\f267";</w:t>
            </w:r>
          </w:p>
          <w:p w:rsidR="00156FB3" w:rsidRDefault="00156FB3" w:rsidP="00156FB3">
            <w:r>
              <w:t>}</w:t>
            </w:r>
          </w:p>
          <w:p w:rsidR="00156FB3" w:rsidRDefault="00156FB3" w:rsidP="00156FB3"/>
          <w:p w:rsidR="00156FB3" w:rsidRDefault="00156FB3" w:rsidP="00156FB3">
            <w:r>
              <w:t>.fa-salesforce:before {</w:t>
            </w:r>
          </w:p>
          <w:p w:rsidR="00156FB3" w:rsidRDefault="00156FB3" w:rsidP="00156FB3">
            <w:r>
              <w:t xml:space="preserve">    content: "\f83b";</w:t>
            </w:r>
          </w:p>
          <w:p w:rsidR="00156FB3" w:rsidRDefault="00156FB3" w:rsidP="00156FB3">
            <w:r>
              <w:t>}</w:t>
            </w:r>
          </w:p>
          <w:p w:rsidR="00156FB3" w:rsidRDefault="00156FB3" w:rsidP="00156FB3"/>
          <w:p w:rsidR="00156FB3" w:rsidRDefault="00156FB3" w:rsidP="00156FB3">
            <w:r>
              <w:t>.fa-sass:before {</w:t>
            </w:r>
          </w:p>
          <w:p w:rsidR="00156FB3" w:rsidRDefault="00156FB3" w:rsidP="00156FB3">
            <w:r>
              <w:t xml:space="preserve">    content: "\f41e";</w:t>
            </w:r>
          </w:p>
          <w:p w:rsidR="00156FB3" w:rsidRDefault="00156FB3" w:rsidP="00156FB3">
            <w:r>
              <w:t>}</w:t>
            </w:r>
          </w:p>
          <w:p w:rsidR="00156FB3" w:rsidRDefault="00156FB3" w:rsidP="00156FB3"/>
          <w:p w:rsidR="00156FB3" w:rsidRDefault="00156FB3" w:rsidP="00156FB3">
            <w:r>
              <w:t>.fa-satellite:before {</w:t>
            </w:r>
          </w:p>
          <w:p w:rsidR="00156FB3" w:rsidRDefault="00156FB3" w:rsidP="00156FB3">
            <w:r>
              <w:t xml:space="preserve">    content: "\f7bf";</w:t>
            </w:r>
          </w:p>
          <w:p w:rsidR="00156FB3" w:rsidRDefault="00156FB3" w:rsidP="00156FB3">
            <w:r>
              <w:t>}</w:t>
            </w:r>
          </w:p>
          <w:p w:rsidR="00156FB3" w:rsidRDefault="00156FB3" w:rsidP="00156FB3"/>
          <w:p w:rsidR="00156FB3" w:rsidRDefault="00156FB3" w:rsidP="00156FB3">
            <w:r>
              <w:t>.fa-satellite-dish:before {</w:t>
            </w:r>
          </w:p>
          <w:p w:rsidR="00156FB3" w:rsidRDefault="00156FB3" w:rsidP="00156FB3">
            <w:r>
              <w:t xml:space="preserve">    content: "\f7c0";</w:t>
            </w:r>
          </w:p>
          <w:p w:rsidR="00156FB3" w:rsidRDefault="00156FB3" w:rsidP="00156FB3">
            <w:r>
              <w:t>}</w:t>
            </w:r>
          </w:p>
          <w:p w:rsidR="00156FB3" w:rsidRDefault="00156FB3" w:rsidP="00156FB3"/>
          <w:p w:rsidR="00156FB3" w:rsidRDefault="00156FB3" w:rsidP="00156FB3">
            <w:r>
              <w:t>.fa-save:before {</w:t>
            </w:r>
          </w:p>
          <w:p w:rsidR="00156FB3" w:rsidRDefault="00156FB3" w:rsidP="00156FB3">
            <w:r>
              <w:t xml:space="preserve">    content: "\f0c7";</w:t>
            </w:r>
          </w:p>
          <w:p w:rsidR="00156FB3" w:rsidRDefault="00156FB3" w:rsidP="00156FB3">
            <w:r>
              <w:t>}</w:t>
            </w:r>
          </w:p>
          <w:p w:rsidR="00156FB3" w:rsidRDefault="00156FB3" w:rsidP="00156FB3"/>
          <w:p w:rsidR="00156FB3" w:rsidRDefault="00156FB3" w:rsidP="00156FB3">
            <w:r>
              <w:t>.fa-schlix:before {</w:t>
            </w:r>
          </w:p>
          <w:p w:rsidR="00156FB3" w:rsidRDefault="00156FB3" w:rsidP="00156FB3">
            <w:r>
              <w:t xml:space="preserve">    content: "\f3ea";</w:t>
            </w:r>
          </w:p>
          <w:p w:rsidR="00156FB3" w:rsidRDefault="00156FB3" w:rsidP="00156FB3">
            <w:r>
              <w:t>}</w:t>
            </w:r>
          </w:p>
          <w:p w:rsidR="00156FB3" w:rsidRDefault="00156FB3" w:rsidP="00156FB3"/>
          <w:p w:rsidR="00156FB3" w:rsidRDefault="00156FB3" w:rsidP="00156FB3">
            <w:r>
              <w:t>.fa-school:before {</w:t>
            </w:r>
          </w:p>
          <w:p w:rsidR="00156FB3" w:rsidRDefault="00156FB3" w:rsidP="00156FB3">
            <w:r>
              <w:t xml:space="preserve">    content: "\f549";</w:t>
            </w:r>
          </w:p>
          <w:p w:rsidR="00156FB3" w:rsidRDefault="00156FB3" w:rsidP="00156FB3">
            <w:r>
              <w:t>}</w:t>
            </w:r>
          </w:p>
          <w:p w:rsidR="00156FB3" w:rsidRDefault="00156FB3" w:rsidP="00156FB3"/>
          <w:p w:rsidR="00156FB3" w:rsidRDefault="00156FB3" w:rsidP="00156FB3">
            <w:r>
              <w:t>.fa-screwdriver:before {</w:t>
            </w:r>
          </w:p>
          <w:p w:rsidR="00156FB3" w:rsidRDefault="00156FB3" w:rsidP="00156FB3">
            <w:r>
              <w:t xml:space="preserve">    content: "\f54a";</w:t>
            </w:r>
          </w:p>
          <w:p w:rsidR="00156FB3" w:rsidRDefault="00156FB3" w:rsidP="00156FB3">
            <w:r>
              <w:t>}</w:t>
            </w:r>
          </w:p>
          <w:p w:rsidR="00156FB3" w:rsidRDefault="00156FB3" w:rsidP="00156FB3"/>
          <w:p w:rsidR="00156FB3" w:rsidRDefault="00156FB3" w:rsidP="00156FB3">
            <w:r>
              <w:t>.fa-scribd:before {</w:t>
            </w:r>
          </w:p>
          <w:p w:rsidR="00156FB3" w:rsidRDefault="00156FB3" w:rsidP="00156FB3">
            <w:r>
              <w:t xml:space="preserve">    content: "\f28a";</w:t>
            </w:r>
          </w:p>
          <w:p w:rsidR="00156FB3" w:rsidRDefault="00156FB3" w:rsidP="00156FB3">
            <w:r>
              <w:t>}</w:t>
            </w:r>
          </w:p>
          <w:p w:rsidR="00156FB3" w:rsidRDefault="00156FB3" w:rsidP="00156FB3"/>
          <w:p w:rsidR="00156FB3" w:rsidRDefault="00156FB3" w:rsidP="00156FB3">
            <w:r>
              <w:t>.fa-scroll:before {</w:t>
            </w:r>
          </w:p>
          <w:p w:rsidR="00156FB3" w:rsidRDefault="00156FB3" w:rsidP="00156FB3">
            <w:r>
              <w:lastRenderedPageBreak/>
              <w:t xml:space="preserve">    content: "\f70e";</w:t>
            </w:r>
          </w:p>
          <w:p w:rsidR="00156FB3" w:rsidRDefault="00156FB3" w:rsidP="00156FB3">
            <w:r>
              <w:t>}</w:t>
            </w:r>
          </w:p>
          <w:p w:rsidR="00156FB3" w:rsidRDefault="00156FB3" w:rsidP="00156FB3"/>
          <w:p w:rsidR="00156FB3" w:rsidRDefault="00156FB3" w:rsidP="00156FB3">
            <w:r>
              <w:t>.fa-sd-card:before {</w:t>
            </w:r>
          </w:p>
          <w:p w:rsidR="00156FB3" w:rsidRDefault="00156FB3" w:rsidP="00156FB3">
            <w:r>
              <w:t xml:space="preserve">    content: "\f7c2";</w:t>
            </w:r>
          </w:p>
          <w:p w:rsidR="00156FB3" w:rsidRDefault="00156FB3" w:rsidP="00156FB3">
            <w:r>
              <w:t>}</w:t>
            </w:r>
          </w:p>
          <w:p w:rsidR="00156FB3" w:rsidRDefault="00156FB3" w:rsidP="00156FB3"/>
          <w:p w:rsidR="00156FB3" w:rsidRDefault="00156FB3" w:rsidP="00156FB3">
            <w:r>
              <w:t>.fa-search:before {</w:t>
            </w:r>
          </w:p>
          <w:p w:rsidR="00156FB3" w:rsidRDefault="00156FB3" w:rsidP="00156FB3">
            <w:r>
              <w:t xml:space="preserve">    content: "\f002";</w:t>
            </w:r>
          </w:p>
          <w:p w:rsidR="00156FB3" w:rsidRDefault="00156FB3" w:rsidP="00156FB3">
            <w:r>
              <w:t>}</w:t>
            </w:r>
          </w:p>
          <w:p w:rsidR="00156FB3" w:rsidRDefault="00156FB3" w:rsidP="00156FB3"/>
          <w:p w:rsidR="00156FB3" w:rsidRDefault="00156FB3" w:rsidP="00156FB3">
            <w:r>
              <w:t>.fa-search-dollar:before {</w:t>
            </w:r>
          </w:p>
          <w:p w:rsidR="00156FB3" w:rsidRDefault="00156FB3" w:rsidP="00156FB3">
            <w:r>
              <w:t xml:space="preserve">    content: "\f688";</w:t>
            </w:r>
          </w:p>
          <w:p w:rsidR="00156FB3" w:rsidRDefault="00156FB3" w:rsidP="00156FB3">
            <w:r>
              <w:t>}</w:t>
            </w:r>
          </w:p>
          <w:p w:rsidR="00156FB3" w:rsidRDefault="00156FB3" w:rsidP="00156FB3"/>
          <w:p w:rsidR="00156FB3" w:rsidRDefault="00156FB3" w:rsidP="00156FB3">
            <w:r>
              <w:t>.fa-search-location:before {</w:t>
            </w:r>
          </w:p>
          <w:p w:rsidR="00156FB3" w:rsidRDefault="00156FB3" w:rsidP="00156FB3">
            <w:r>
              <w:t xml:space="preserve">    content: "\f689";</w:t>
            </w:r>
          </w:p>
          <w:p w:rsidR="00156FB3" w:rsidRDefault="00156FB3" w:rsidP="00156FB3">
            <w:r>
              <w:t>}</w:t>
            </w:r>
          </w:p>
          <w:p w:rsidR="00156FB3" w:rsidRDefault="00156FB3" w:rsidP="00156FB3"/>
          <w:p w:rsidR="00156FB3" w:rsidRDefault="00156FB3" w:rsidP="00156FB3">
            <w:r>
              <w:t>.fa-search-minus:before {</w:t>
            </w:r>
          </w:p>
          <w:p w:rsidR="00156FB3" w:rsidRDefault="00156FB3" w:rsidP="00156FB3">
            <w:r>
              <w:t xml:space="preserve">    content: "\f010";</w:t>
            </w:r>
          </w:p>
          <w:p w:rsidR="00156FB3" w:rsidRDefault="00156FB3" w:rsidP="00156FB3">
            <w:r>
              <w:t>}</w:t>
            </w:r>
          </w:p>
          <w:p w:rsidR="00156FB3" w:rsidRDefault="00156FB3" w:rsidP="00156FB3"/>
          <w:p w:rsidR="00156FB3" w:rsidRDefault="00156FB3" w:rsidP="00156FB3">
            <w:r>
              <w:t>.fa-search-plus:before {</w:t>
            </w:r>
          </w:p>
          <w:p w:rsidR="00156FB3" w:rsidRDefault="00156FB3" w:rsidP="00156FB3">
            <w:r>
              <w:t xml:space="preserve">    content: "\f00e";</w:t>
            </w:r>
          </w:p>
          <w:p w:rsidR="00156FB3" w:rsidRDefault="00156FB3" w:rsidP="00156FB3">
            <w:r>
              <w:t>}</w:t>
            </w:r>
          </w:p>
          <w:p w:rsidR="00156FB3" w:rsidRDefault="00156FB3" w:rsidP="00156FB3"/>
          <w:p w:rsidR="00156FB3" w:rsidRDefault="00156FB3" w:rsidP="00156FB3">
            <w:r>
              <w:t>.fa-searchengin:before {</w:t>
            </w:r>
          </w:p>
          <w:p w:rsidR="00156FB3" w:rsidRDefault="00156FB3" w:rsidP="00156FB3">
            <w:r>
              <w:t xml:space="preserve">    content: "\f3eb";</w:t>
            </w:r>
          </w:p>
          <w:p w:rsidR="00156FB3" w:rsidRDefault="00156FB3" w:rsidP="00156FB3">
            <w:r>
              <w:t>}</w:t>
            </w:r>
          </w:p>
          <w:p w:rsidR="00156FB3" w:rsidRDefault="00156FB3" w:rsidP="00156FB3"/>
          <w:p w:rsidR="00156FB3" w:rsidRDefault="00156FB3" w:rsidP="00156FB3">
            <w:r>
              <w:t>.fa-seedling:before {</w:t>
            </w:r>
          </w:p>
          <w:p w:rsidR="00156FB3" w:rsidRDefault="00156FB3" w:rsidP="00156FB3">
            <w:r>
              <w:t xml:space="preserve">    content: "\f4d8";</w:t>
            </w:r>
          </w:p>
          <w:p w:rsidR="00156FB3" w:rsidRDefault="00156FB3" w:rsidP="00156FB3">
            <w:r>
              <w:t>}</w:t>
            </w:r>
          </w:p>
          <w:p w:rsidR="00156FB3" w:rsidRDefault="00156FB3" w:rsidP="00156FB3"/>
          <w:p w:rsidR="00156FB3" w:rsidRDefault="00156FB3" w:rsidP="00156FB3">
            <w:r>
              <w:t>.fa-sellcast:before {</w:t>
            </w:r>
          </w:p>
          <w:p w:rsidR="00156FB3" w:rsidRDefault="00156FB3" w:rsidP="00156FB3">
            <w:r>
              <w:t xml:space="preserve">    content: "\f2da";</w:t>
            </w:r>
          </w:p>
          <w:p w:rsidR="00156FB3" w:rsidRDefault="00156FB3" w:rsidP="00156FB3">
            <w:r>
              <w:t>}</w:t>
            </w:r>
          </w:p>
          <w:p w:rsidR="00156FB3" w:rsidRDefault="00156FB3" w:rsidP="00156FB3"/>
          <w:p w:rsidR="00156FB3" w:rsidRDefault="00156FB3" w:rsidP="00156FB3">
            <w:r>
              <w:t>.fa-sellsy:before {</w:t>
            </w:r>
          </w:p>
          <w:p w:rsidR="00156FB3" w:rsidRDefault="00156FB3" w:rsidP="00156FB3">
            <w:r>
              <w:t xml:space="preserve">    content: "\f213";</w:t>
            </w:r>
          </w:p>
          <w:p w:rsidR="00156FB3" w:rsidRDefault="00156FB3" w:rsidP="00156FB3">
            <w:r>
              <w:t>}</w:t>
            </w:r>
          </w:p>
          <w:p w:rsidR="00156FB3" w:rsidRDefault="00156FB3" w:rsidP="00156FB3"/>
          <w:p w:rsidR="00156FB3" w:rsidRDefault="00156FB3" w:rsidP="00156FB3">
            <w:r>
              <w:t>.fa-server:before {</w:t>
            </w:r>
          </w:p>
          <w:p w:rsidR="00156FB3" w:rsidRDefault="00156FB3" w:rsidP="00156FB3">
            <w:r>
              <w:t xml:space="preserve">    content: "\f233";</w:t>
            </w:r>
          </w:p>
          <w:p w:rsidR="00156FB3" w:rsidRDefault="00156FB3" w:rsidP="00156FB3">
            <w:r>
              <w:t>}</w:t>
            </w:r>
          </w:p>
          <w:p w:rsidR="00156FB3" w:rsidRDefault="00156FB3" w:rsidP="00156FB3"/>
          <w:p w:rsidR="00156FB3" w:rsidRDefault="00156FB3" w:rsidP="00156FB3">
            <w:r>
              <w:t>.fa-servicestack:before {</w:t>
            </w:r>
          </w:p>
          <w:p w:rsidR="00156FB3" w:rsidRDefault="00156FB3" w:rsidP="00156FB3">
            <w:r>
              <w:lastRenderedPageBreak/>
              <w:t xml:space="preserve">    content: "\f3ec";</w:t>
            </w:r>
          </w:p>
          <w:p w:rsidR="00156FB3" w:rsidRDefault="00156FB3" w:rsidP="00156FB3">
            <w:r>
              <w:t>}</w:t>
            </w:r>
          </w:p>
          <w:p w:rsidR="00156FB3" w:rsidRDefault="00156FB3" w:rsidP="00156FB3"/>
          <w:p w:rsidR="00156FB3" w:rsidRDefault="00156FB3" w:rsidP="00156FB3">
            <w:r>
              <w:t>.fa-shapes:before {</w:t>
            </w:r>
          </w:p>
          <w:p w:rsidR="00156FB3" w:rsidRDefault="00156FB3" w:rsidP="00156FB3">
            <w:r>
              <w:t xml:space="preserve">    content: "\f61f";</w:t>
            </w:r>
          </w:p>
          <w:p w:rsidR="00156FB3" w:rsidRDefault="00156FB3" w:rsidP="00156FB3">
            <w:r>
              <w:t>}</w:t>
            </w:r>
          </w:p>
          <w:p w:rsidR="00156FB3" w:rsidRDefault="00156FB3" w:rsidP="00156FB3"/>
          <w:p w:rsidR="00156FB3" w:rsidRDefault="00156FB3" w:rsidP="00156FB3">
            <w:r>
              <w:t>.fa-share:before {</w:t>
            </w:r>
          </w:p>
          <w:p w:rsidR="00156FB3" w:rsidRDefault="00156FB3" w:rsidP="00156FB3">
            <w:r>
              <w:t xml:space="preserve">    content: "\f064";</w:t>
            </w:r>
          </w:p>
          <w:p w:rsidR="00156FB3" w:rsidRDefault="00156FB3" w:rsidP="00156FB3">
            <w:r>
              <w:t>}</w:t>
            </w:r>
          </w:p>
          <w:p w:rsidR="00156FB3" w:rsidRDefault="00156FB3" w:rsidP="00156FB3"/>
          <w:p w:rsidR="00156FB3" w:rsidRDefault="00156FB3" w:rsidP="00156FB3">
            <w:r>
              <w:t>.fa-share-alt:before {</w:t>
            </w:r>
          </w:p>
          <w:p w:rsidR="00156FB3" w:rsidRDefault="00156FB3" w:rsidP="00156FB3">
            <w:r>
              <w:t xml:space="preserve">    content: "\f1e0";</w:t>
            </w:r>
          </w:p>
          <w:p w:rsidR="00156FB3" w:rsidRDefault="00156FB3" w:rsidP="00156FB3">
            <w:r>
              <w:t>}</w:t>
            </w:r>
          </w:p>
          <w:p w:rsidR="00156FB3" w:rsidRDefault="00156FB3" w:rsidP="00156FB3"/>
          <w:p w:rsidR="00156FB3" w:rsidRDefault="00156FB3" w:rsidP="00156FB3">
            <w:r>
              <w:t>.fa-share-alt-square:before {</w:t>
            </w:r>
          </w:p>
          <w:p w:rsidR="00156FB3" w:rsidRDefault="00156FB3" w:rsidP="00156FB3">
            <w:r>
              <w:t xml:space="preserve">    content: "\f1e1";</w:t>
            </w:r>
          </w:p>
          <w:p w:rsidR="00156FB3" w:rsidRDefault="00156FB3" w:rsidP="00156FB3">
            <w:r>
              <w:t>}</w:t>
            </w:r>
          </w:p>
          <w:p w:rsidR="00156FB3" w:rsidRDefault="00156FB3" w:rsidP="00156FB3"/>
          <w:p w:rsidR="00156FB3" w:rsidRDefault="00156FB3" w:rsidP="00156FB3">
            <w:r>
              <w:t>.fa-share-square:before {</w:t>
            </w:r>
          </w:p>
          <w:p w:rsidR="00156FB3" w:rsidRDefault="00156FB3" w:rsidP="00156FB3">
            <w:r>
              <w:t xml:space="preserve">    content: "\f14d";</w:t>
            </w:r>
          </w:p>
          <w:p w:rsidR="00156FB3" w:rsidRDefault="00156FB3" w:rsidP="00156FB3">
            <w:r>
              <w:t>}</w:t>
            </w:r>
          </w:p>
          <w:p w:rsidR="00156FB3" w:rsidRDefault="00156FB3" w:rsidP="00156FB3"/>
          <w:p w:rsidR="00156FB3" w:rsidRDefault="00156FB3" w:rsidP="00156FB3">
            <w:r>
              <w:t>.fa-shekel-sign:before {</w:t>
            </w:r>
          </w:p>
          <w:p w:rsidR="00156FB3" w:rsidRDefault="00156FB3" w:rsidP="00156FB3">
            <w:r>
              <w:t xml:space="preserve">    content: "\f20b";</w:t>
            </w:r>
          </w:p>
          <w:p w:rsidR="00156FB3" w:rsidRDefault="00156FB3" w:rsidP="00156FB3">
            <w:r>
              <w:t>}</w:t>
            </w:r>
          </w:p>
          <w:p w:rsidR="00156FB3" w:rsidRDefault="00156FB3" w:rsidP="00156FB3"/>
          <w:p w:rsidR="00156FB3" w:rsidRDefault="00156FB3" w:rsidP="00156FB3">
            <w:r>
              <w:t>.fa-shield-alt:before {</w:t>
            </w:r>
          </w:p>
          <w:p w:rsidR="00156FB3" w:rsidRDefault="00156FB3" w:rsidP="00156FB3">
            <w:r>
              <w:t xml:space="preserve">    content: "\f3ed";</w:t>
            </w:r>
          </w:p>
          <w:p w:rsidR="00156FB3" w:rsidRDefault="00156FB3" w:rsidP="00156FB3">
            <w:r>
              <w:t>}</w:t>
            </w:r>
          </w:p>
          <w:p w:rsidR="00156FB3" w:rsidRDefault="00156FB3" w:rsidP="00156FB3"/>
          <w:p w:rsidR="00156FB3" w:rsidRDefault="00156FB3" w:rsidP="00156FB3">
            <w:r>
              <w:t>.fa-shield-virus:before {</w:t>
            </w:r>
          </w:p>
          <w:p w:rsidR="00156FB3" w:rsidRDefault="00156FB3" w:rsidP="00156FB3">
            <w:r>
              <w:t xml:space="preserve">    content: "\f96c";</w:t>
            </w:r>
          </w:p>
          <w:p w:rsidR="00156FB3" w:rsidRDefault="00156FB3" w:rsidP="00156FB3">
            <w:r>
              <w:t>}</w:t>
            </w:r>
          </w:p>
          <w:p w:rsidR="00156FB3" w:rsidRDefault="00156FB3" w:rsidP="00156FB3"/>
          <w:p w:rsidR="00156FB3" w:rsidRDefault="00156FB3" w:rsidP="00156FB3">
            <w:r>
              <w:t>.fa-ship:before {</w:t>
            </w:r>
          </w:p>
          <w:p w:rsidR="00156FB3" w:rsidRDefault="00156FB3" w:rsidP="00156FB3">
            <w:r>
              <w:t xml:space="preserve">    content: "\f21a";</w:t>
            </w:r>
          </w:p>
          <w:p w:rsidR="00156FB3" w:rsidRDefault="00156FB3" w:rsidP="00156FB3">
            <w:r>
              <w:t>}</w:t>
            </w:r>
          </w:p>
          <w:p w:rsidR="00156FB3" w:rsidRDefault="00156FB3" w:rsidP="00156FB3"/>
          <w:p w:rsidR="00156FB3" w:rsidRDefault="00156FB3" w:rsidP="00156FB3">
            <w:r>
              <w:t>.fa-shipping-fast:before {</w:t>
            </w:r>
          </w:p>
          <w:p w:rsidR="00156FB3" w:rsidRDefault="00156FB3" w:rsidP="00156FB3">
            <w:r>
              <w:t xml:space="preserve">    content: "\f48b";</w:t>
            </w:r>
          </w:p>
          <w:p w:rsidR="00156FB3" w:rsidRDefault="00156FB3" w:rsidP="00156FB3">
            <w:r>
              <w:t>}</w:t>
            </w:r>
          </w:p>
          <w:p w:rsidR="00156FB3" w:rsidRDefault="00156FB3" w:rsidP="00156FB3"/>
          <w:p w:rsidR="00156FB3" w:rsidRDefault="00156FB3" w:rsidP="00156FB3">
            <w:r>
              <w:t>.fa-shirtsinbulk:before {</w:t>
            </w:r>
          </w:p>
          <w:p w:rsidR="00156FB3" w:rsidRDefault="00156FB3" w:rsidP="00156FB3">
            <w:r>
              <w:t xml:space="preserve">    content: "\f214";</w:t>
            </w:r>
          </w:p>
          <w:p w:rsidR="00156FB3" w:rsidRDefault="00156FB3" w:rsidP="00156FB3">
            <w:r>
              <w:t>}</w:t>
            </w:r>
          </w:p>
          <w:p w:rsidR="00156FB3" w:rsidRDefault="00156FB3" w:rsidP="00156FB3"/>
          <w:p w:rsidR="00156FB3" w:rsidRDefault="00156FB3" w:rsidP="00156FB3">
            <w:r>
              <w:t>.fa-shoe-prints:before {</w:t>
            </w:r>
          </w:p>
          <w:p w:rsidR="00156FB3" w:rsidRDefault="00156FB3" w:rsidP="00156FB3">
            <w:r>
              <w:lastRenderedPageBreak/>
              <w:t xml:space="preserve">    content: "\f54b";</w:t>
            </w:r>
          </w:p>
          <w:p w:rsidR="00156FB3" w:rsidRDefault="00156FB3" w:rsidP="00156FB3">
            <w:r>
              <w:t>}</w:t>
            </w:r>
          </w:p>
          <w:p w:rsidR="00156FB3" w:rsidRDefault="00156FB3" w:rsidP="00156FB3"/>
          <w:p w:rsidR="00156FB3" w:rsidRDefault="00156FB3" w:rsidP="00156FB3">
            <w:r>
              <w:t>.fa-shopify:before {</w:t>
            </w:r>
          </w:p>
          <w:p w:rsidR="00156FB3" w:rsidRDefault="00156FB3" w:rsidP="00156FB3">
            <w:r>
              <w:t xml:space="preserve">    content: "\f957";</w:t>
            </w:r>
          </w:p>
          <w:p w:rsidR="00156FB3" w:rsidRDefault="00156FB3" w:rsidP="00156FB3">
            <w:r>
              <w:t>}</w:t>
            </w:r>
          </w:p>
          <w:p w:rsidR="00156FB3" w:rsidRDefault="00156FB3" w:rsidP="00156FB3"/>
          <w:p w:rsidR="00156FB3" w:rsidRDefault="00156FB3" w:rsidP="00156FB3">
            <w:r>
              <w:t>.fa-shopping-bag:before {</w:t>
            </w:r>
          </w:p>
          <w:p w:rsidR="00156FB3" w:rsidRDefault="00156FB3" w:rsidP="00156FB3">
            <w:r>
              <w:t xml:space="preserve">    content: "\f290";</w:t>
            </w:r>
          </w:p>
          <w:p w:rsidR="00156FB3" w:rsidRDefault="00156FB3" w:rsidP="00156FB3">
            <w:r>
              <w:t>}</w:t>
            </w:r>
          </w:p>
          <w:p w:rsidR="00156FB3" w:rsidRDefault="00156FB3" w:rsidP="00156FB3"/>
          <w:p w:rsidR="00156FB3" w:rsidRDefault="00156FB3" w:rsidP="00156FB3">
            <w:r>
              <w:t>.fa-shopping-basket:before {</w:t>
            </w:r>
          </w:p>
          <w:p w:rsidR="00156FB3" w:rsidRDefault="00156FB3" w:rsidP="00156FB3">
            <w:r>
              <w:t xml:space="preserve">    content: "\f291";</w:t>
            </w:r>
          </w:p>
          <w:p w:rsidR="00156FB3" w:rsidRDefault="00156FB3" w:rsidP="00156FB3">
            <w:r>
              <w:t>}</w:t>
            </w:r>
          </w:p>
          <w:p w:rsidR="00156FB3" w:rsidRDefault="00156FB3" w:rsidP="00156FB3"/>
          <w:p w:rsidR="00156FB3" w:rsidRDefault="00156FB3" w:rsidP="00156FB3">
            <w:r>
              <w:t>.fa-shopping-cart:before {</w:t>
            </w:r>
          </w:p>
          <w:p w:rsidR="00156FB3" w:rsidRDefault="00156FB3" w:rsidP="00156FB3">
            <w:r>
              <w:t xml:space="preserve">    content: "\f07a";</w:t>
            </w:r>
          </w:p>
          <w:p w:rsidR="00156FB3" w:rsidRDefault="00156FB3" w:rsidP="00156FB3">
            <w:r>
              <w:t>}</w:t>
            </w:r>
          </w:p>
          <w:p w:rsidR="00156FB3" w:rsidRDefault="00156FB3" w:rsidP="00156FB3"/>
          <w:p w:rsidR="00156FB3" w:rsidRDefault="00156FB3" w:rsidP="00156FB3">
            <w:r>
              <w:t>.fa-shopware:before {</w:t>
            </w:r>
          </w:p>
          <w:p w:rsidR="00156FB3" w:rsidRDefault="00156FB3" w:rsidP="00156FB3">
            <w:r>
              <w:t xml:space="preserve">    content: "\f5b5";</w:t>
            </w:r>
          </w:p>
          <w:p w:rsidR="00156FB3" w:rsidRDefault="00156FB3" w:rsidP="00156FB3">
            <w:r>
              <w:t>}</w:t>
            </w:r>
          </w:p>
          <w:p w:rsidR="00156FB3" w:rsidRDefault="00156FB3" w:rsidP="00156FB3"/>
          <w:p w:rsidR="00156FB3" w:rsidRDefault="00156FB3" w:rsidP="00156FB3">
            <w:r>
              <w:t>.fa-shower:before {</w:t>
            </w:r>
          </w:p>
          <w:p w:rsidR="00156FB3" w:rsidRDefault="00156FB3" w:rsidP="00156FB3">
            <w:r>
              <w:t xml:space="preserve">    content: "\f2cc";</w:t>
            </w:r>
          </w:p>
          <w:p w:rsidR="00156FB3" w:rsidRDefault="00156FB3" w:rsidP="00156FB3">
            <w:r>
              <w:t>}</w:t>
            </w:r>
          </w:p>
          <w:p w:rsidR="00156FB3" w:rsidRDefault="00156FB3" w:rsidP="00156FB3"/>
          <w:p w:rsidR="00156FB3" w:rsidRDefault="00156FB3" w:rsidP="00156FB3">
            <w:r>
              <w:t>.fa-shuttle-van:before {</w:t>
            </w:r>
          </w:p>
          <w:p w:rsidR="00156FB3" w:rsidRDefault="00156FB3" w:rsidP="00156FB3">
            <w:r>
              <w:t xml:space="preserve">    content: "\f5b6";</w:t>
            </w:r>
          </w:p>
          <w:p w:rsidR="00156FB3" w:rsidRDefault="00156FB3" w:rsidP="00156FB3">
            <w:r>
              <w:t>}</w:t>
            </w:r>
          </w:p>
          <w:p w:rsidR="00156FB3" w:rsidRDefault="00156FB3" w:rsidP="00156FB3"/>
          <w:p w:rsidR="00156FB3" w:rsidRDefault="00156FB3" w:rsidP="00156FB3">
            <w:r>
              <w:t>.fa-sign:before {</w:t>
            </w:r>
          </w:p>
          <w:p w:rsidR="00156FB3" w:rsidRDefault="00156FB3" w:rsidP="00156FB3">
            <w:r>
              <w:t xml:space="preserve">    content: "\f4d9";</w:t>
            </w:r>
          </w:p>
          <w:p w:rsidR="00156FB3" w:rsidRDefault="00156FB3" w:rsidP="00156FB3">
            <w:r>
              <w:t>}</w:t>
            </w:r>
          </w:p>
          <w:p w:rsidR="00156FB3" w:rsidRDefault="00156FB3" w:rsidP="00156FB3"/>
          <w:p w:rsidR="00156FB3" w:rsidRDefault="00156FB3" w:rsidP="00156FB3">
            <w:r>
              <w:t>.fa-sign-in-alt:before {</w:t>
            </w:r>
          </w:p>
          <w:p w:rsidR="00156FB3" w:rsidRDefault="00156FB3" w:rsidP="00156FB3">
            <w:r>
              <w:t xml:space="preserve">    content: "\f2f6";</w:t>
            </w:r>
          </w:p>
          <w:p w:rsidR="00156FB3" w:rsidRDefault="00156FB3" w:rsidP="00156FB3">
            <w:r>
              <w:t>}</w:t>
            </w:r>
          </w:p>
          <w:p w:rsidR="00156FB3" w:rsidRDefault="00156FB3" w:rsidP="00156FB3"/>
          <w:p w:rsidR="00156FB3" w:rsidRDefault="00156FB3" w:rsidP="00156FB3">
            <w:r>
              <w:t>.fa-sign-language:before {</w:t>
            </w:r>
          </w:p>
          <w:p w:rsidR="00156FB3" w:rsidRDefault="00156FB3" w:rsidP="00156FB3">
            <w:r>
              <w:t xml:space="preserve">    content: "\f2a7";</w:t>
            </w:r>
          </w:p>
          <w:p w:rsidR="00156FB3" w:rsidRDefault="00156FB3" w:rsidP="00156FB3">
            <w:r>
              <w:t>}</w:t>
            </w:r>
          </w:p>
          <w:p w:rsidR="00156FB3" w:rsidRDefault="00156FB3" w:rsidP="00156FB3"/>
          <w:p w:rsidR="00156FB3" w:rsidRDefault="00156FB3" w:rsidP="00156FB3">
            <w:r>
              <w:t>.fa-sign-out-alt:before {</w:t>
            </w:r>
          </w:p>
          <w:p w:rsidR="00156FB3" w:rsidRDefault="00156FB3" w:rsidP="00156FB3">
            <w:r>
              <w:t xml:space="preserve">    content: "\f2f5";</w:t>
            </w:r>
          </w:p>
          <w:p w:rsidR="00156FB3" w:rsidRDefault="00156FB3" w:rsidP="00156FB3">
            <w:r>
              <w:t>}</w:t>
            </w:r>
          </w:p>
          <w:p w:rsidR="00156FB3" w:rsidRDefault="00156FB3" w:rsidP="00156FB3"/>
          <w:p w:rsidR="00156FB3" w:rsidRDefault="00156FB3" w:rsidP="00156FB3">
            <w:r>
              <w:t>.fa-signal:before {</w:t>
            </w:r>
          </w:p>
          <w:p w:rsidR="00156FB3" w:rsidRDefault="00156FB3" w:rsidP="00156FB3">
            <w:r>
              <w:lastRenderedPageBreak/>
              <w:t xml:space="preserve">    content: "\f012";</w:t>
            </w:r>
          </w:p>
          <w:p w:rsidR="00156FB3" w:rsidRDefault="00156FB3" w:rsidP="00156FB3">
            <w:r>
              <w:t>}</w:t>
            </w:r>
          </w:p>
          <w:p w:rsidR="00156FB3" w:rsidRDefault="00156FB3" w:rsidP="00156FB3"/>
          <w:p w:rsidR="00156FB3" w:rsidRDefault="00156FB3" w:rsidP="00156FB3">
            <w:r>
              <w:t>.fa-signature:before {</w:t>
            </w:r>
          </w:p>
          <w:p w:rsidR="00156FB3" w:rsidRDefault="00156FB3" w:rsidP="00156FB3">
            <w:r>
              <w:t xml:space="preserve">    content: "\f5b7";</w:t>
            </w:r>
          </w:p>
          <w:p w:rsidR="00156FB3" w:rsidRDefault="00156FB3" w:rsidP="00156FB3">
            <w:r>
              <w:t>}</w:t>
            </w:r>
          </w:p>
          <w:p w:rsidR="00156FB3" w:rsidRDefault="00156FB3" w:rsidP="00156FB3"/>
          <w:p w:rsidR="00156FB3" w:rsidRDefault="00156FB3" w:rsidP="00156FB3">
            <w:r>
              <w:t>.fa-sim-card:before {</w:t>
            </w:r>
          </w:p>
          <w:p w:rsidR="00156FB3" w:rsidRDefault="00156FB3" w:rsidP="00156FB3">
            <w:r>
              <w:t xml:space="preserve">    content: "\f7c4";</w:t>
            </w:r>
          </w:p>
          <w:p w:rsidR="00156FB3" w:rsidRDefault="00156FB3" w:rsidP="00156FB3">
            <w:r>
              <w:t>}</w:t>
            </w:r>
          </w:p>
          <w:p w:rsidR="00156FB3" w:rsidRDefault="00156FB3" w:rsidP="00156FB3"/>
          <w:p w:rsidR="00156FB3" w:rsidRDefault="00156FB3" w:rsidP="00156FB3">
            <w:r>
              <w:t>.fa-simplybuilt:before {</w:t>
            </w:r>
          </w:p>
          <w:p w:rsidR="00156FB3" w:rsidRDefault="00156FB3" w:rsidP="00156FB3">
            <w:r>
              <w:t xml:space="preserve">    content: "\f215";</w:t>
            </w:r>
          </w:p>
          <w:p w:rsidR="00156FB3" w:rsidRDefault="00156FB3" w:rsidP="00156FB3">
            <w:r>
              <w:t>}</w:t>
            </w:r>
          </w:p>
          <w:p w:rsidR="00156FB3" w:rsidRDefault="00156FB3" w:rsidP="00156FB3"/>
          <w:p w:rsidR="00156FB3" w:rsidRDefault="00156FB3" w:rsidP="00156FB3">
            <w:r>
              <w:t>.fa-sistrix:before {</w:t>
            </w:r>
          </w:p>
          <w:p w:rsidR="00156FB3" w:rsidRDefault="00156FB3" w:rsidP="00156FB3">
            <w:r>
              <w:t xml:space="preserve">    content: "\f3ee";</w:t>
            </w:r>
          </w:p>
          <w:p w:rsidR="00156FB3" w:rsidRDefault="00156FB3" w:rsidP="00156FB3">
            <w:r>
              <w:t>}</w:t>
            </w:r>
          </w:p>
          <w:p w:rsidR="00156FB3" w:rsidRDefault="00156FB3" w:rsidP="00156FB3"/>
          <w:p w:rsidR="00156FB3" w:rsidRDefault="00156FB3" w:rsidP="00156FB3">
            <w:r>
              <w:t>.fa-sitemap:before {</w:t>
            </w:r>
          </w:p>
          <w:p w:rsidR="00156FB3" w:rsidRDefault="00156FB3" w:rsidP="00156FB3">
            <w:r>
              <w:t xml:space="preserve">    content: "\f0e8";</w:t>
            </w:r>
          </w:p>
          <w:p w:rsidR="00156FB3" w:rsidRDefault="00156FB3" w:rsidP="00156FB3">
            <w:r>
              <w:t>}</w:t>
            </w:r>
          </w:p>
          <w:p w:rsidR="00156FB3" w:rsidRDefault="00156FB3" w:rsidP="00156FB3"/>
          <w:p w:rsidR="00156FB3" w:rsidRDefault="00156FB3" w:rsidP="00156FB3">
            <w:r>
              <w:t>.fa-sith:before {</w:t>
            </w:r>
          </w:p>
          <w:p w:rsidR="00156FB3" w:rsidRDefault="00156FB3" w:rsidP="00156FB3">
            <w:r>
              <w:t xml:space="preserve">    content: "\f512";</w:t>
            </w:r>
          </w:p>
          <w:p w:rsidR="00156FB3" w:rsidRDefault="00156FB3" w:rsidP="00156FB3">
            <w:r>
              <w:t>}</w:t>
            </w:r>
          </w:p>
          <w:p w:rsidR="00156FB3" w:rsidRDefault="00156FB3" w:rsidP="00156FB3"/>
          <w:p w:rsidR="00156FB3" w:rsidRDefault="00156FB3" w:rsidP="00156FB3">
            <w:r>
              <w:t>.fa-skating:before {</w:t>
            </w:r>
          </w:p>
          <w:p w:rsidR="00156FB3" w:rsidRDefault="00156FB3" w:rsidP="00156FB3">
            <w:r>
              <w:t xml:space="preserve">    content: "\f7c5";</w:t>
            </w:r>
          </w:p>
          <w:p w:rsidR="00156FB3" w:rsidRDefault="00156FB3" w:rsidP="00156FB3">
            <w:r>
              <w:t>}</w:t>
            </w:r>
          </w:p>
          <w:p w:rsidR="00156FB3" w:rsidRDefault="00156FB3" w:rsidP="00156FB3"/>
          <w:p w:rsidR="00156FB3" w:rsidRDefault="00156FB3" w:rsidP="00156FB3">
            <w:r>
              <w:t>.fa-sketch:before {</w:t>
            </w:r>
          </w:p>
          <w:p w:rsidR="00156FB3" w:rsidRDefault="00156FB3" w:rsidP="00156FB3">
            <w:r>
              <w:t xml:space="preserve">    content: "\f7c6";</w:t>
            </w:r>
          </w:p>
          <w:p w:rsidR="00156FB3" w:rsidRDefault="00156FB3" w:rsidP="00156FB3">
            <w:r>
              <w:t>}</w:t>
            </w:r>
          </w:p>
          <w:p w:rsidR="00156FB3" w:rsidRDefault="00156FB3" w:rsidP="00156FB3"/>
          <w:p w:rsidR="00156FB3" w:rsidRDefault="00156FB3" w:rsidP="00156FB3">
            <w:r>
              <w:t>.fa-skiing:before {</w:t>
            </w:r>
          </w:p>
          <w:p w:rsidR="00156FB3" w:rsidRDefault="00156FB3" w:rsidP="00156FB3">
            <w:r>
              <w:t xml:space="preserve">    content: "\f7c9";</w:t>
            </w:r>
          </w:p>
          <w:p w:rsidR="00156FB3" w:rsidRDefault="00156FB3" w:rsidP="00156FB3">
            <w:r>
              <w:t>}</w:t>
            </w:r>
          </w:p>
          <w:p w:rsidR="00156FB3" w:rsidRDefault="00156FB3" w:rsidP="00156FB3"/>
          <w:p w:rsidR="00156FB3" w:rsidRDefault="00156FB3" w:rsidP="00156FB3">
            <w:r>
              <w:t>.fa-skiing-nordic:before {</w:t>
            </w:r>
          </w:p>
          <w:p w:rsidR="00156FB3" w:rsidRDefault="00156FB3" w:rsidP="00156FB3">
            <w:r>
              <w:t xml:space="preserve">    content: "\f7ca";</w:t>
            </w:r>
          </w:p>
          <w:p w:rsidR="00156FB3" w:rsidRDefault="00156FB3" w:rsidP="00156FB3">
            <w:r>
              <w:t>}</w:t>
            </w:r>
          </w:p>
          <w:p w:rsidR="00156FB3" w:rsidRDefault="00156FB3" w:rsidP="00156FB3"/>
          <w:p w:rsidR="00156FB3" w:rsidRDefault="00156FB3" w:rsidP="00156FB3">
            <w:r>
              <w:t>.fa-skull:before {</w:t>
            </w:r>
          </w:p>
          <w:p w:rsidR="00156FB3" w:rsidRDefault="00156FB3" w:rsidP="00156FB3">
            <w:r>
              <w:t xml:space="preserve">    content: "\f54c";</w:t>
            </w:r>
          </w:p>
          <w:p w:rsidR="00156FB3" w:rsidRDefault="00156FB3" w:rsidP="00156FB3">
            <w:r>
              <w:t>}</w:t>
            </w:r>
          </w:p>
          <w:p w:rsidR="00156FB3" w:rsidRDefault="00156FB3" w:rsidP="00156FB3"/>
          <w:p w:rsidR="00156FB3" w:rsidRDefault="00156FB3" w:rsidP="00156FB3">
            <w:r>
              <w:t>.fa-skull-crossbones:before {</w:t>
            </w:r>
          </w:p>
          <w:p w:rsidR="00156FB3" w:rsidRDefault="00156FB3" w:rsidP="00156FB3">
            <w:r>
              <w:lastRenderedPageBreak/>
              <w:t xml:space="preserve">    content: "\f714";</w:t>
            </w:r>
          </w:p>
          <w:p w:rsidR="00156FB3" w:rsidRDefault="00156FB3" w:rsidP="00156FB3">
            <w:r>
              <w:t>}</w:t>
            </w:r>
          </w:p>
          <w:p w:rsidR="00156FB3" w:rsidRDefault="00156FB3" w:rsidP="00156FB3"/>
          <w:p w:rsidR="00156FB3" w:rsidRDefault="00156FB3" w:rsidP="00156FB3">
            <w:r>
              <w:t>.fa-skyatlas:before {</w:t>
            </w:r>
          </w:p>
          <w:p w:rsidR="00156FB3" w:rsidRDefault="00156FB3" w:rsidP="00156FB3">
            <w:r>
              <w:t xml:space="preserve">    content: "\f216";</w:t>
            </w:r>
          </w:p>
          <w:p w:rsidR="00156FB3" w:rsidRDefault="00156FB3" w:rsidP="00156FB3">
            <w:r>
              <w:t>}</w:t>
            </w:r>
          </w:p>
          <w:p w:rsidR="00156FB3" w:rsidRDefault="00156FB3" w:rsidP="00156FB3"/>
          <w:p w:rsidR="00156FB3" w:rsidRDefault="00156FB3" w:rsidP="00156FB3">
            <w:r>
              <w:t>.fa-skype:before {</w:t>
            </w:r>
          </w:p>
          <w:p w:rsidR="00156FB3" w:rsidRDefault="00156FB3" w:rsidP="00156FB3">
            <w:r>
              <w:t xml:space="preserve">    content: "\f17e";</w:t>
            </w:r>
          </w:p>
          <w:p w:rsidR="00156FB3" w:rsidRDefault="00156FB3" w:rsidP="00156FB3">
            <w:r>
              <w:t>}</w:t>
            </w:r>
          </w:p>
          <w:p w:rsidR="00156FB3" w:rsidRDefault="00156FB3" w:rsidP="00156FB3"/>
          <w:p w:rsidR="00156FB3" w:rsidRDefault="00156FB3" w:rsidP="00156FB3">
            <w:r>
              <w:t>.fa-slack:before {</w:t>
            </w:r>
          </w:p>
          <w:p w:rsidR="00156FB3" w:rsidRDefault="00156FB3" w:rsidP="00156FB3">
            <w:r>
              <w:t xml:space="preserve">    content: "\f198";</w:t>
            </w:r>
          </w:p>
          <w:p w:rsidR="00156FB3" w:rsidRDefault="00156FB3" w:rsidP="00156FB3">
            <w:r>
              <w:t>}</w:t>
            </w:r>
          </w:p>
          <w:p w:rsidR="00156FB3" w:rsidRDefault="00156FB3" w:rsidP="00156FB3"/>
          <w:p w:rsidR="00156FB3" w:rsidRDefault="00156FB3" w:rsidP="00156FB3">
            <w:r>
              <w:t>.fa-slack-hash:before {</w:t>
            </w:r>
          </w:p>
          <w:p w:rsidR="00156FB3" w:rsidRDefault="00156FB3" w:rsidP="00156FB3">
            <w:r>
              <w:t xml:space="preserve">    content: "\f3ef";</w:t>
            </w:r>
          </w:p>
          <w:p w:rsidR="00156FB3" w:rsidRDefault="00156FB3" w:rsidP="00156FB3">
            <w:r>
              <w:t>}</w:t>
            </w:r>
          </w:p>
          <w:p w:rsidR="00156FB3" w:rsidRDefault="00156FB3" w:rsidP="00156FB3"/>
          <w:p w:rsidR="00156FB3" w:rsidRDefault="00156FB3" w:rsidP="00156FB3">
            <w:r>
              <w:t>.fa-slash:before {</w:t>
            </w:r>
          </w:p>
          <w:p w:rsidR="00156FB3" w:rsidRDefault="00156FB3" w:rsidP="00156FB3">
            <w:r>
              <w:t xml:space="preserve">    content: "\f715";</w:t>
            </w:r>
          </w:p>
          <w:p w:rsidR="00156FB3" w:rsidRDefault="00156FB3" w:rsidP="00156FB3">
            <w:r>
              <w:t>}</w:t>
            </w:r>
          </w:p>
          <w:p w:rsidR="00156FB3" w:rsidRDefault="00156FB3" w:rsidP="00156FB3"/>
          <w:p w:rsidR="00156FB3" w:rsidRDefault="00156FB3" w:rsidP="00156FB3">
            <w:r>
              <w:t>.fa-sleigh:before {</w:t>
            </w:r>
          </w:p>
          <w:p w:rsidR="00156FB3" w:rsidRDefault="00156FB3" w:rsidP="00156FB3">
            <w:r>
              <w:t xml:space="preserve">    content: "\f7cc";</w:t>
            </w:r>
          </w:p>
          <w:p w:rsidR="00156FB3" w:rsidRDefault="00156FB3" w:rsidP="00156FB3">
            <w:r>
              <w:t>}</w:t>
            </w:r>
          </w:p>
          <w:p w:rsidR="00156FB3" w:rsidRDefault="00156FB3" w:rsidP="00156FB3"/>
          <w:p w:rsidR="00156FB3" w:rsidRDefault="00156FB3" w:rsidP="00156FB3">
            <w:r>
              <w:t>.fa-sliders-h:before {</w:t>
            </w:r>
          </w:p>
          <w:p w:rsidR="00156FB3" w:rsidRDefault="00156FB3" w:rsidP="00156FB3">
            <w:r>
              <w:t xml:space="preserve">    content: "\f1de";</w:t>
            </w:r>
          </w:p>
          <w:p w:rsidR="00156FB3" w:rsidRDefault="00156FB3" w:rsidP="00156FB3">
            <w:r>
              <w:t>}</w:t>
            </w:r>
          </w:p>
          <w:p w:rsidR="00156FB3" w:rsidRDefault="00156FB3" w:rsidP="00156FB3"/>
          <w:p w:rsidR="00156FB3" w:rsidRDefault="00156FB3" w:rsidP="00156FB3">
            <w:r>
              <w:t>.fa-slideshare:before {</w:t>
            </w:r>
          </w:p>
          <w:p w:rsidR="00156FB3" w:rsidRDefault="00156FB3" w:rsidP="00156FB3">
            <w:r>
              <w:t xml:space="preserve">    content: "\f1e7";</w:t>
            </w:r>
          </w:p>
          <w:p w:rsidR="00156FB3" w:rsidRDefault="00156FB3" w:rsidP="00156FB3">
            <w:r>
              <w:t>}</w:t>
            </w:r>
          </w:p>
          <w:p w:rsidR="00156FB3" w:rsidRDefault="00156FB3" w:rsidP="00156FB3"/>
          <w:p w:rsidR="00156FB3" w:rsidRDefault="00156FB3" w:rsidP="00156FB3">
            <w:r>
              <w:t>.fa-smile:before {</w:t>
            </w:r>
          </w:p>
          <w:p w:rsidR="00156FB3" w:rsidRDefault="00156FB3" w:rsidP="00156FB3">
            <w:r>
              <w:t xml:space="preserve">    content: "\f118";</w:t>
            </w:r>
          </w:p>
          <w:p w:rsidR="00156FB3" w:rsidRDefault="00156FB3" w:rsidP="00156FB3">
            <w:r>
              <w:t>}</w:t>
            </w:r>
          </w:p>
          <w:p w:rsidR="00156FB3" w:rsidRDefault="00156FB3" w:rsidP="00156FB3"/>
          <w:p w:rsidR="00156FB3" w:rsidRDefault="00156FB3" w:rsidP="00156FB3">
            <w:r>
              <w:t>.fa-smile-beam:before {</w:t>
            </w:r>
          </w:p>
          <w:p w:rsidR="00156FB3" w:rsidRDefault="00156FB3" w:rsidP="00156FB3">
            <w:r>
              <w:t xml:space="preserve">    content: "\f5b8";</w:t>
            </w:r>
          </w:p>
          <w:p w:rsidR="00156FB3" w:rsidRDefault="00156FB3" w:rsidP="00156FB3">
            <w:r>
              <w:t>}</w:t>
            </w:r>
          </w:p>
          <w:p w:rsidR="00156FB3" w:rsidRDefault="00156FB3" w:rsidP="00156FB3"/>
          <w:p w:rsidR="00156FB3" w:rsidRDefault="00156FB3" w:rsidP="00156FB3">
            <w:r>
              <w:t>.fa-smile-wink:before {</w:t>
            </w:r>
          </w:p>
          <w:p w:rsidR="00156FB3" w:rsidRDefault="00156FB3" w:rsidP="00156FB3">
            <w:r>
              <w:t xml:space="preserve">    content: "\f4da";</w:t>
            </w:r>
          </w:p>
          <w:p w:rsidR="00156FB3" w:rsidRDefault="00156FB3" w:rsidP="00156FB3">
            <w:r>
              <w:t>}</w:t>
            </w:r>
          </w:p>
          <w:p w:rsidR="00156FB3" w:rsidRDefault="00156FB3" w:rsidP="00156FB3"/>
          <w:p w:rsidR="00156FB3" w:rsidRDefault="00156FB3" w:rsidP="00156FB3">
            <w:r>
              <w:t>.fa-smog:before {</w:t>
            </w:r>
          </w:p>
          <w:p w:rsidR="00156FB3" w:rsidRDefault="00156FB3" w:rsidP="00156FB3">
            <w:r>
              <w:lastRenderedPageBreak/>
              <w:t xml:space="preserve">    content: "\f75f";</w:t>
            </w:r>
          </w:p>
          <w:p w:rsidR="00156FB3" w:rsidRDefault="00156FB3" w:rsidP="00156FB3">
            <w:r>
              <w:t>}</w:t>
            </w:r>
          </w:p>
          <w:p w:rsidR="00156FB3" w:rsidRDefault="00156FB3" w:rsidP="00156FB3"/>
          <w:p w:rsidR="00156FB3" w:rsidRDefault="00156FB3" w:rsidP="00156FB3">
            <w:r>
              <w:t>.fa-smoking:before {</w:t>
            </w:r>
          </w:p>
          <w:p w:rsidR="00156FB3" w:rsidRDefault="00156FB3" w:rsidP="00156FB3">
            <w:r>
              <w:t xml:space="preserve">    content: "\f48d";</w:t>
            </w:r>
          </w:p>
          <w:p w:rsidR="00156FB3" w:rsidRDefault="00156FB3" w:rsidP="00156FB3">
            <w:r>
              <w:t>}</w:t>
            </w:r>
          </w:p>
          <w:p w:rsidR="00156FB3" w:rsidRDefault="00156FB3" w:rsidP="00156FB3"/>
          <w:p w:rsidR="00156FB3" w:rsidRDefault="00156FB3" w:rsidP="00156FB3">
            <w:r>
              <w:t>.fa-smoking-ban:before {</w:t>
            </w:r>
          </w:p>
          <w:p w:rsidR="00156FB3" w:rsidRDefault="00156FB3" w:rsidP="00156FB3">
            <w:r>
              <w:t xml:space="preserve">    content: "\f54d";</w:t>
            </w:r>
          </w:p>
          <w:p w:rsidR="00156FB3" w:rsidRDefault="00156FB3" w:rsidP="00156FB3">
            <w:r>
              <w:t>}</w:t>
            </w:r>
          </w:p>
          <w:p w:rsidR="00156FB3" w:rsidRDefault="00156FB3" w:rsidP="00156FB3"/>
          <w:p w:rsidR="00156FB3" w:rsidRDefault="00156FB3" w:rsidP="00156FB3">
            <w:r>
              <w:t>.fa-sms:before {</w:t>
            </w:r>
          </w:p>
          <w:p w:rsidR="00156FB3" w:rsidRDefault="00156FB3" w:rsidP="00156FB3">
            <w:r>
              <w:t xml:space="preserve">    content: "\f7cd";</w:t>
            </w:r>
          </w:p>
          <w:p w:rsidR="00156FB3" w:rsidRDefault="00156FB3" w:rsidP="00156FB3">
            <w:r>
              <w:t>}</w:t>
            </w:r>
          </w:p>
          <w:p w:rsidR="00156FB3" w:rsidRDefault="00156FB3" w:rsidP="00156FB3"/>
          <w:p w:rsidR="00156FB3" w:rsidRDefault="00156FB3" w:rsidP="00156FB3">
            <w:r>
              <w:t>.fa-snapchat:before {</w:t>
            </w:r>
          </w:p>
          <w:p w:rsidR="00156FB3" w:rsidRDefault="00156FB3" w:rsidP="00156FB3">
            <w:r>
              <w:t xml:space="preserve">    content: "\f2ab";</w:t>
            </w:r>
          </w:p>
          <w:p w:rsidR="00156FB3" w:rsidRDefault="00156FB3" w:rsidP="00156FB3">
            <w:r>
              <w:t>}</w:t>
            </w:r>
          </w:p>
          <w:p w:rsidR="00156FB3" w:rsidRDefault="00156FB3" w:rsidP="00156FB3"/>
          <w:p w:rsidR="00156FB3" w:rsidRDefault="00156FB3" w:rsidP="00156FB3">
            <w:r>
              <w:t>.fa-snapchat-ghost:before {</w:t>
            </w:r>
          </w:p>
          <w:p w:rsidR="00156FB3" w:rsidRDefault="00156FB3" w:rsidP="00156FB3">
            <w:r>
              <w:t xml:space="preserve">    content: "\f2ac";</w:t>
            </w:r>
          </w:p>
          <w:p w:rsidR="00156FB3" w:rsidRDefault="00156FB3" w:rsidP="00156FB3">
            <w:r>
              <w:t>}</w:t>
            </w:r>
          </w:p>
          <w:p w:rsidR="00156FB3" w:rsidRDefault="00156FB3" w:rsidP="00156FB3"/>
          <w:p w:rsidR="00156FB3" w:rsidRDefault="00156FB3" w:rsidP="00156FB3">
            <w:r>
              <w:t>.fa-snapchat-square:before {</w:t>
            </w:r>
          </w:p>
          <w:p w:rsidR="00156FB3" w:rsidRDefault="00156FB3" w:rsidP="00156FB3">
            <w:r>
              <w:t xml:space="preserve">    content: "\f2ad";</w:t>
            </w:r>
          </w:p>
          <w:p w:rsidR="00156FB3" w:rsidRDefault="00156FB3" w:rsidP="00156FB3">
            <w:r>
              <w:t>}</w:t>
            </w:r>
          </w:p>
          <w:p w:rsidR="00156FB3" w:rsidRDefault="00156FB3" w:rsidP="00156FB3"/>
          <w:p w:rsidR="00156FB3" w:rsidRDefault="00156FB3" w:rsidP="00156FB3">
            <w:r>
              <w:t>.fa-snowboarding:before {</w:t>
            </w:r>
          </w:p>
          <w:p w:rsidR="00156FB3" w:rsidRDefault="00156FB3" w:rsidP="00156FB3">
            <w:r>
              <w:t xml:space="preserve">    content: "\f7ce";</w:t>
            </w:r>
          </w:p>
          <w:p w:rsidR="00156FB3" w:rsidRDefault="00156FB3" w:rsidP="00156FB3">
            <w:r>
              <w:t>}</w:t>
            </w:r>
          </w:p>
          <w:p w:rsidR="00156FB3" w:rsidRDefault="00156FB3" w:rsidP="00156FB3"/>
          <w:p w:rsidR="00156FB3" w:rsidRDefault="00156FB3" w:rsidP="00156FB3">
            <w:r>
              <w:t>.fa-snowflake:before {</w:t>
            </w:r>
          </w:p>
          <w:p w:rsidR="00156FB3" w:rsidRDefault="00156FB3" w:rsidP="00156FB3">
            <w:r>
              <w:t xml:space="preserve">    content: "\f2dc";</w:t>
            </w:r>
          </w:p>
          <w:p w:rsidR="00156FB3" w:rsidRDefault="00156FB3" w:rsidP="00156FB3">
            <w:r>
              <w:t>}</w:t>
            </w:r>
          </w:p>
          <w:p w:rsidR="00156FB3" w:rsidRDefault="00156FB3" w:rsidP="00156FB3"/>
          <w:p w:rsidR="00156FB3" w:rsidRDefault="00156FB3" w:rsidP="00156FB3">
            <w:r>
              <w:t>.fa-snowman:before {</w:t>
            </w:r>
          </w:p>
          <w:p w:rsidR="00156FB3" w:rsidRDefault="00156FB3" w:rsidP="00156FB3">
            <w:r>
              <w:t xml:space="preserve">    content: "\f7d0";</w:t>
            </w:r>
          </w:p>
          <w:p w:rsidR="00156FB3" w:rsidRDefault="00156FB3" w:rsidP="00156FB3">
            <w:r>
              <w:t>}</w:t>
            </w:r>
          </w:p>
          <w:p w:rsidR="00156FB3" w:rsidRDefault="00156FB3" w:rsidP="00156FB3"/>
          <w:p w:rsidR="00156FB3" w:rsidRDefault="00156FB3" w:rsidP="00156FB3">
            <w:r>
              <w:t>.fa-snowplow:before {</w:t>
            </w:r>
          </w:p>
          <w:p w:rsidR="00156FB3" w:rsidRDefault="00156FB3" w:rsidP="00156FB3">
            <w:r>
              <w:t xml:space="preserve">    content: "\f7d2";</w:t>
            </w:r>
          </w:p>
          <w:p w:rsidR="00156FB3" w:rsidRDefault="00156FB3" w:rsidP="00156FB3">
            <w:r>
              <w:t>}</w:t>
            </w:r>
          </w:p>
          <w:p w:rsidR="00156FB3" w:rsidRDefault="00156FB3" w:rsidP="00156FB3"/>
          <w:p w:rsidR="00156FB3" w:rsidRDefault="00156FB3" w:rsidP="00156FB3">
            <w:r>
              <w:t>.fa-soap:before {</w:t>
            </w:r>
          </w:p>
          <w:p w:rsidR="00156FB3" w:rsidRDefault="00156FB3" w:rsidP="00156FB3">
            <w:r>
              <w:t xml:space="preserve">    content: "\f96e";</w:t>
            </w:r>
          </w:p>
          <w:p w:rsidR="00156FB3" w:rsidRDefault="00156FB3" w:rsidP="00156FB3">
            <w:r>
              <w:t>}</w:t>
            </w:r>
          </w:p>
          <w:p w:rsidR="00156FB3" w:rsidRDefault="00156FB3" w:rsidP="00156FB3"/>
          <w:p w:rsidR="00156FB3" w:rsidRDefault="00156FB3" w:rsidP="00156FB3">
            <w:r>
              <w:t>.fa-socks:before {</w:t>
            </w:r>
          </w:p>
          <w:p w:rsidR="00156FB3" w:rsidRDefault="00156FB3" w:rsidP="00156FB3">
            <w:r>
              <w:lastRenderedPageBreak/>
              <w:t xml:space="preserve">    content: "\f696";</w:t>
            </w:r>
          </w:p>
          <w:p w:rsidR="00156FB3" w:rsidRDefault="00156FB3" w:rsidP="00156FB3">
            <w:r>
              <w:t>}</w:t>
            </w:r>
          </w:p>
          <w:p w:rsidR="00156FB3" w:rsidRDefault="00156FB3" w:rsidP="00156FB3"/>
          <w:p w:rsidR="00156FB3" w:rsidRDefault="00156FB3" w:rsidP="00156FB3">
            <w:r>
              <w:t>.fa-solar-panel:before {</w:t>
            </w:r>
          </w:p>
          <w:p w:rsidR="00156FB3" w:rsidRDefault="00156FB3" w:rsidP="00156FB3">
            <w:r>
              <w:t xml:space="preserve">    content: "\f5ba";</w:t>
            </w:r>
          </w:p>
          <w:p w:rsidR="00156FB3" w:rsidRDefault="00156FB3" w:rsidP="00156FB3">
            <w:r>
              <w:t>}</w:t>
            </w:r>
          </w:p>
          <w:p w:rsidR="00156FB3" w:rsidRDefault="00156FB3" w:rsidP="00156FB3"/>
          <w:p w:rsidR="00156FB3" w:rsidRDefault="00156FB3" w:rsidP="00156FB3">
            <w:r>
              <w:t>.fa-sort:before {</w:t>
            </w:r>
          </w:p>
          <w:p w:rsidR="00156FB3" w:rsidRDefault="00156FB3" w:rsidP="00156FB3">
            <w:r>
              <w:t xml:space="preserve">    content: "\f0dc";</w:t>
            </w:r>
          </w:p>
          <w:p w:rsidR="00156FB3" w:rsidRDefault="00156FB3" w:rsidP="00156FB3">
            <w:r>
              <w:t>}</w:t>
            </w:r>
          </w:p>
          <w:p w:rsidR="00156FB3" w:rsidRDefault="00156FB3" w:rsidP="00156FB3"/>
          <w:p w:rsidR="00156FB3" w:rsidRDefault="00156FB3" w:rsidP="00156FB3">
            <w:r>
              <w:t>.fa-sort-alpha-down:before {</w:t>
            </w:r>
          </w:p>
          <w:p w:rsidR="00156FB3" w:rsidRDefault="00156FB3" w:rsidP="00156FB3">
            <w:r>
              <w:t xml:space="preserve">    content: "\f15d";</w:t>
            </w:r>
          </w:p>
          <w:p w:rsidR="00156FB3" w:rsidRDefault="00156FB3" w:rsidP="00156FB3">
            <w:r>
              <w:t>}</w:t>
            </w:r>
          </w:p>
          <w:p w:rsidR="00156FB3" w:rsidRDefault="00156FB3" w:rsidP="00156FB3"/>
          <w:p w:rsidR="00156FB3" w:rsidRDefault="00156FB3" w:rsidP="00156FB3">
            <w:r>
              <w:t>.fa-sort-alpha-down-alt:before {</w:t>
            </w:r>
          </w:p>
          <w:p w:rsidR="00156FB3" w:rsidRDefault="00156FB3" w:rsidP="00156FB3">
            <w:r>
              <w:t xml:space="preserve">    content: "\f881";</w:t>
            </w:r>
          </w:p>
          <w:p w:rsidR="00156FB3" w:rsidRDefault="00156FB3" w:rsidP="00156FB3">
            <w:r>
              <w:t>}</w:t>
            </w:r>
          </w:p>
          <w:p w:rsidR="00156FB3" w:rsidRDefault="00156FB3" w:rsidP="00156FB3"/>
          <w:p w:rsidR="00156FB3" w:rsidRDefault="00156FB3" w:rsidP="00156FB3">
            <w:r>
              <w:t>.fa-sort-alpha-up:before {</w:t>
            </w:r>
          </w:p>
          <w:p w:rsidR="00156FB3" w:rsidRDefault="00156FB3" w:rsidP="00156FB3">
            <w:r>
              <w:t xml:space="preserve">    content: "\f15e";</w:t>
            </w:r>
          </w:p>
          <w:p w:rsidR="00156FB3" w:rsidRDefault="00156FB3" w:rsidP="00156FB3">
            <w:r>
              <w:t>}</w:t>
            </w:r>
          </w:p>
          <w:p w:rsidR="00156FB3" w:rsidRDefault="00156FB3" w:rsidP="00156FB3"/>
          <w:p w:rsidR="00156FB3" w:rsidRDefault="00156FB3" w:rsidP="00156FB3">
            <w:r>
              <w:t>.fa-sort-alpha-up-alt:before {</w:t>
            </w:r>
          </w:p>
          <w:p w:rsidR="00156FB3" w:rsidRDefault="00156FB3" w:rsidP="00156FB3">
            <w:r>
              <w:t xml:space="preserve">    content: "\f882";</w:t>
            </w:r>
          </w:p>
          <w:p w:rsidR="00156FB3" w:rsidRDefault="00156FB3" w:rsidP="00156FB3">
            <w:r>
              <w:t>}</w:t>
            </w:r>
          </w:p>
          <w:p w:rsidR="00156FB3" w:rsidRDefault="00156FB3" w:rsidP="00156FB3"/>
          <w:p w:rsidR="00156FB3" w:rsidRDefault="00156FB3" w:rsidP="00156FB3">
            <w:r>
              <w:t>.fa-sort-amount-down:before {</w:t>
            </w:r>
          </w:p>
          <w:p w:rsidR="00156FB3" w:rsidRDefault="00156FB3" w:rsidP="00156FB3">
            <w:r>
              <w:t xml:space="preserve">    content: "\f160";</w:t>
            </w:r>
          </w:p>
          <w:p w:rsidR="00156FB3" w:rsidRDefault="00156FB3" w:rsidP="00156FB3">
            <w:r>
              <w:t>}</w:t>
            </w:r>
          </w:p>
          <w:p w:rsidR="00156FB3" w:rsidRDefault="00156FB3" w:rsidP="00156FB3"/>
          <w:p w:rsidR="00156FB3" w:rsidRDefault="00156FB3" w:rsidP="00156FB3">
            <w:r>
              <w:t>.fa-sort-amount-down-alt:before {</w:t>
            </w:r>
          </w:p>
          <w:p w:rsidR="00156FB3" w:rsidRDefault="00156FB3" w:rsidP="00156FB3">
            <w:r>
              <w:t xml:space="preserve">    content: "\f884";</w:t>
            </w:r>
          </w:p>
          <w:p w:rsidR="00156FB3" w:rsidRDefault="00156FB3" w:rsidP="00156FB3">
            <w:r>
              <w:t>}</w:t>
            </w:r>
          </w:p>
          <w:p w:rsidR="00156FB3" w:rsidRDefault="00156FB3" w:rsidP="00156FB3"/>
          <w:p w:rsidR="00156FB3" w:rsidRDefault="00156FB3" w:rsidP="00156FB3">
            <w:r>
              <w:t>.fa-sort-amount-up:before {</w:t>
            </w:r>
          </w:p>
          <w:p w:rsidR="00156FB3" w:rsidRDefault="00156FB3" w:rsidP="00156FB3">
            <w:r>
              <w:t xml:space="preserve">    content: "\f161";</w:t>
            </w:r>
          </w:p>
          <w:p w:rsidR="00156FB3" w:rsidRDefault="00156FB3" w:rsidP="00156FB3">
            <w:r>
              <w:t>}</w:t>
            </w:r>
          </w:p>
          <w:p w:rsidR="00156FB3" w:rsidRDefault="00156FB3" w:rsidP="00156FB3"/>
          <w:p w:rsidR="00156FB3" w:rsidRDefault="00156FB3" w:rsidP="00156FB3">
            <w:r>
              <w:t>.fa-sort-amount-up-alt:before {</w:t>
            </w:r>
          </w:p>
          <w:p w:rsidR="00156FB3" w:rsidRDefault="00156FB3" w:rsidP="00156FB3">
            <w:r>
              <w:t xml:space="preserve">    content: "\f885";</w:t>
            </w:r>
          </w:p>
          <w:p w:rsidR="00156FB3" w:rsidRDefault="00156FB3" w:rsidP="00156FB3">
            <w:r>
              <w:t>}</w:t>
            </w:r>
          </w:p>
          <w:p w:rsidR="00156FB3" w:rsidRDefault="00156FB3" w:rsidP="00156FB3"/>
          <w:p w:rsidR="00156FB3" w:rsidRDefault="00156FB3" w:rsidP="00156FB3">
            <w:r>
              <w:t>.fa-sort-down:before {</w:t>
            </w:r>
          </w:p>
          <w:p w:rsidR="00156FB3" w:rsidRDefault="00156FB3" w:rsidP="00156FB3">
            <w:r>
              <w:t xml:space="preserve">    content: "\f0dd";</w:t>
            </w:r>
          </w:p>
          <w:p w:rsidR="00156FB3" w:rsidRDefault="00156FB3" w:rsidP="00156FB3">
            <w:r>
              <w:t>}</w:t>
            </w:r>
          </w:p>
          <w:p w:rsidR="00156FB3" w:rsidRDefault="00156FB3" w:rsidP="00156FB3"/>
          <w:p w:rsidR="00156FB3" w:rsidRDefault="00156FB3" w:rsidP="00156FB3">
            <w:r>
              <w:t>.fa-sort-numeric-down:before {</w:t>
            </w:r>
          </w:p>
          <w:p w:rsidR="00156FB3" w:rsidRDefault="00156FB3" w:rsidP="00156FB3">
            <w:r>
              <w:lastRenderedPageBreak/>
              <w:t xml:space="preserve">    content: "\f162";</w:t>
            </w:r>
          </w:p>
          <w:p w:rsidR="00156FB3" w:rsidRDefault="00156FB3" w:rsidP="00156FB3">
            <w:r>
              <w:t>}</w:t>
            </w:r>
          </w:p>
          <w:p w:rsidR="00156FB3" w:rsidRDefault="00156FB3" w:rsidP="00156FB3"/>
          <w:p w:rsidR="00156FB3" w:rsidRDefault="00156FB3" w:rsidP="00156FB3">
            <w:r>
              <w:t>.fa-sort-numeric-down-alt:before {</w:t>
            </w:r>
          </w:p>
          <w:p w:rsidR="00156FB3" w:rsidRDefault="00156FB3" w:rsidP="00156FB3">
            <w:r>
              <w:t xml:space="preserve">    content: "\f886";</w:t>
            </w:r>
          </w:p>
          <w:p w:rsidR="00156FB3" w:rsidRDefault="00156FB3" w:rsidP="00156FB3">
            <w:r>
              <w:t>}</w:t>
            </w:r>
          </w:p>
          <w:p w:rsidR="00156FB3" w:rsidRDefault="00156FB3" w:rsidP="00156FB3"/>
          <w:p w:rsidR="00156FB3" w:rsidRDefault="00156FB3" w:rsidP="00156FB3">
            <w:r>
              <w:t>.fa-sort-numeric-up:before {</w:t>
            </w:r>
          </w:p>
          <w:p w:rsidR="00156FB3" w:rsidRDefault="00156FB3" w:rsidP="00156FB3">
            <w:r>
              <w:t xml:space="preserve">    content: "\f163";</w:t>
            </w:r>
          </w:p>
          <w:p w:rsidR="00156FB3" w:rsidRDefault="00156FB3" w:rsidP="00156FB3">
            <w:r>
              <w:t>}</w:t>
            </w:r>
          </w:p>
          <w:p w:rsidR="00156FB3" w:rsidRDefault="00156FB3" w:rsidP="00156FB3"/>
          <w:p w:rsidR="00156FB3" w:rsidRDefault="00156FB3" w:rsidP="00156FB3">
            <w:r>
              <w:t>.fa-sort-numeric-up-alt:before {</w:t>
            </w:r>
          </w:p>
          <w:p w:rsidR="00156FB3" w:rsidRDefault="00156FB3" w:rsidP="00156FB3">
            <w:r>
              <w:t xml:space="preserve">    content: "\f887";</w:t>
            </w:r>
          </w:p>
          <w:p w:rsidR="00156FB3" w:rsidRDefault="00156FB3" w:rsidP="00156FB3">
            <w:r>
              <w:t>}</w:t>
            </w:r>
          </w:p>
          <w:p w:rsidR="00156FB3" w:rsidRDefault="00156FB3" w:rsidP="00156FB3"/>
          <w:p w:rsidR="00156FB3" w:rsidRDefault="00156FB3" w:rsidP="00156FB3">
            <w:r>
              <w:t>.fa-sort-up:before {</w:t>
            </w:r>
          </w:p>
          <w:p w:rsidR="00156FB3" w:rsidRDefault="00156FB3" w:rsidP="00156FB3">
            <w:r>
              <w:t xml:space="preserve">    content: "\f0de";</w:t>
            </w:r>
          </w:p>
          <w:p w:rsidR="00156FB3" w:rsidRDefault="00156FB3" w:rsidP="00156FB3">
            <w:r>
              <w:t>}</w:t>
            </w:r>
          </w:p>
          <w:p w:rsidR="00156FB3" w:rsidRDefault="00156FB3" w:rsidP="00156FB3"/>
          <w:p w:rsidR="00156FB3" w:rsidRDefault="00156FB3" w:rsidP="00156FB3">
            <w:r>
              <w:t>.fa-soundcloud:before {</w:t>
            </w:r>
          </w:p>
          <w:p w:rsidR="00156FB3" w:rsidRDefault="00156FB3" w:rsidP="00156FB3">
            <w:r>
              <w:t xml:space="preserve">    content: "\f1be";</w:t>
            </w:r>
          </w:p>
          <w:p w:rsidR="00156FB3" w:rsidRDefault="00156FB3" w:rsidP="00156FB3">
            <w:r>
              <w:t>}</w:t>
            </w:r>
          </w:p>
          <w:p w:rsidR="00156FB3" w:rsidRDefault="00156FB3" w:rsidP="00156FB3"/>
          <w:p w:rsidR="00156FB3" w:rsidRDefault="00156FB3" w:rsidP="00156FB3">
            <w:r>
              <w:t>.fa-sourcetree:before {</w:t>
            </w:r>
          </w:p>
          <w:p w:rsidR="00156FB3" w:rsidRDefault="00156FB3" w:rsidP="00156FB3">
            <w:r>
              <w:t xml:space="preserve">    content: "\f7d3";</w:t>
            </w:r>
          </w:p>
          <w:p w:rsidR="00156FB3" w:rsidRDefault="00156FB3" w:rsidP="00156FB3">
            <w:r>
              <w:t>}</w:t>
            </w:r>
          </w:p>
          <w:p w:rsidR="00156FB3" w:rsidRDefault="00156FB3" w:rsidP="00156FB3"/>
          <w:p w:rsidR="00156FB3" w:rsidRDefault="00156FB3" w:rsidP="00156FB3">
            <w:r>
              <w:t>.fa-spa:before {</w:t>
            </w:r>
          </w:p>
          <w:p w:rsidR="00156FB3" w:rsidRDefault="00156FB3" w:rsidP="00156FB3">
            <w:r>
              <w:t xml:space="preserve">    content: "\f5bb";</w:t>
            </w:r>
          </w:p>
          <w:p w:rsidR="00156FB3" w:rsidRDefault="00156FB3" w:rsidP="00156FB3">
            <w:r>
              <w:t>}</w:t>
            </w:r>
          </w:p>
          <w:p w:rsidR="00156FB3" w:rsidRDefault="00156FB3" w:rsidP="00156FB3"/>
          <w:p w:rsidR="00156FB3" w:rsidRDefault="00156FB3" w:rsidP="00156FB3">
            <w:r>
              <w:t>.fa-space-shuttle:before {</w:t>
            </w:r>
          </w:p>
          <w:p w:rsidR="00156FB3" w:rsidRDefault="00156FB3" w:rsidP="00156FB3">
            <w:r>
              <w:t xml:space="preserve">    content: "\f197";</w:t>
            </w:r>
          </w:p>
          <w:p w:rsidR="00156FB3" w:rsidRDefault="00156FB3" w:rsidP="00156FB3">
            <w:r>
              <w:t>}</w:t>
            </w:r>
          </w:p>
          <w:p w:rsidR="00156FB3" w:rsidRDefault="00156FB3" w:rsidP="00156FB3"/>
          <w:p w:rsidR="00156FB3" w:rsidRDefault="00156FB3" w:rsidP="00156FB3">
            <w:r>
              <w:t>.fa-speakap:before {</w:t>
            </w:r>
          </w:p>
          <w:p w:rsidR="00156FB3" w:rsidRDefault="00156FB3" w:rsidP="00156FB3">
            <w:r>
              <w:t xml:space="preserve">    content: "\f3f3";</w:t>
            </w:r>
          </w:p>
          <w:p w:rsidR="00156FB3" w:rsidRDefault="00156FB3" w:rsidP="00156FB3">
            <w:r>
              <w:t>}</w:t>
            </w:r>
          </w:p>
          <w:p w:rsidR="00156FB3" w:rsidRDefault="00156FB3" w:rsidP="00156FB3"/>
          <w:p w:rsidR="00156FB3" w:rsidRDefault="00156FB3" w:rsidP="00156FB3">
            <w:r>
              <w:t>.fa-speaker-deck:before {</w:t>
            </w:r>
          </w:p>
          <w:p w:rsidR="00156FB3" w:rsidRDefault="00156FB3" w:rsidP="00156FB3">
            <w:r>
              <w:t xml:space="preserve">    content: "\f83c";</w:t>
            </w:r>
          </w:p>
          <w:p w:rsidR="00156FB3" w:rsidRDefault="00156FB3" w:rsidP="00156FB3">
            <w:r>
              <w:t>}</w:t>
            </w:r>
          </w:p>
          <w:p w:rsidR="00156FB3" w:rsidRDefault="00156FB3" w:rsidP="00156FB3"/>
          <w:p w:rsidR="00156FB3" w:rsidRDefault="00156FB3" w:rsidP="00156FB3">
            <w:r>
              <w:t>.fa-spell-check:before {</w:t>
            </w:r>
          </w:p>
          <w:p w:rsidR="00156FB3" w:rsidRDefault="00156FB3" w:rsidP="00156FB3">
            <w:r>
              <w:t xml:space="preserve">    content: "\f891";</w:t>
            </w:r>
          </w:p>
          <w:p w:rsidR="00156FB3" w:rsidRDefault="00156FB3" w:rsidP="00156FB3">
            <w:r>
              <w:t>}</w:t>
            </w:r>
          </w:p>
          <w:p w:rsidR="00156FB3" w:rsidRDefault="00156FB3" w:rsidP="00156FB3"/>
          <w:p w:rsidR="00156FB3" w:rsidRDefault="00156FB3" w:rsidP="00156FB3">
            <w:r>
              <w:t>.fa-spider:before {</w:t>
            </w:r>
          </w:p>
          <w:p w:rsidR="00156FB3" w:rsidRDefault="00156FB3" w:rsidP="00156FB3">
            <w:r>
              <w:lastRenderedPageBreak/>
              <w:t xml:space="preserve">    content: "\f717";</w:t>
            </w:r>
          </w:p>
          <w:p w:rsidR="00156FB3" w:rsidRDefault="00156FB3" w:rsidP="00156FB3">
            <w:r>
              <w:t>}</w:t>
            </w:r>
          </w:p>
          <w:p w:rsidR="00156FB3" w:rsidRDefault="00156FB3" w:rsidP="00156FB3"/>
          <w:p w:rsidR="00156FB3" w:rsidRDefault="00156FB3" w:rsidP="00156FB3">
            <w:r>
              <w:t>.fa-spinner:before {</w:t>
            </w:r>
          </w:p>
          <w:p w:rsidR="00156FB3" w:rsidRDefault="00156FB3" w:rsidP="00156FB3">
            <w:r>
              <w:t xml:space="preserve">    content: "\f110";</w:t>
            </w:r>
          </w:p>
          <w:p w:rsidR="00156FB3" w:rsidRDefault="00156FB3" w:rsidP="00156FB3">
            <w:r>
              <w:t>}</w:t>
            </w:r>
          </w:p>
          <w:p w:rsidR="00156FB3" w:rsidRDefault="00156FB3" w:rsidP="00156FB3"/>
          <w:p w:rsidR="00156FB3" w:rsidRDefault="00156FB3" w:rsidP="00156FB3">
            <w:r>
              <w:t>.fa-splotch:before {</w:t>
            </w:r>
          </w:p>
          <w:p w:rsidR="00156FB3" w:rsidRDefault="00156FB3" w:rsidP="00156FB3">
            <w:r>
              <w:t xml:space="preserve">    content: "\f5bc";</w:t>
            </w:r>
          </w:p>
          <w:p w:rsidR="00156FB3" w:rsidRDefault="00156FB3" w:rsidP="00156FB3">
            <w:r>
              <w:t>}</w:t>
            </w:r>
          </w:p>
          <w:p w:rsidR="00156FB3" w:rsidRDefault="00156FB3" w:rsidP="00156FB3"/>
          <w:p w:rsidR="00156FB3" w:rsidRDefault="00156FB3" w:rsidP="00156FB3">
            <w:r>
              <w:t>.fa-spotify:before {</w:t>
            </w:r>
          </w:p>
          <w:p w:rsidR="00156FB3" w:rsidRDefault="00156FB3" w:rsidP="00156FB3">
            <w:r>
              <w:t xml:space="preserve">    content: "\f1bc";</w:t>
            </w:r>
          </w:p>
          <w:p w:rsidR="00156FB3" w:rsidRDefault="00156FB3" w:rsidP="00156FB3">
            <w:r>
              <w:t>}</w:t>
            </w:r>
          </w:p>
          <w:p w:rsidR="00156FB3" w:rsidRDefault="00156FB3" w:rsidP="00156FB3"/>
          <w:p w:rsidR="00156FB3" w:rsidRDefault="00156FB3" w:rsidP="00156FB3">
            <w:r>
              <w:t>.fa-spray-can:before {</w:t>
            </w:r>
          </w:p>
          <w:p w:rsidR="00156FB3" w:rsidRDefault="00156FB3" w:rsidP="00156FB3">
            <w:r>
              <w:t xml:space="preserve">    content: "\f5bd";</w:t>
            </w:r>
          </w:p>
          <w:p w:rsidR="00156FB3" w:rsidRDefault="00156FB3" w:rsidP="00156FB3">
            <w:r>
              <w:t>}</w:t>
            </w:r>
          </w:p>
          <w:p w:rsidR="00156FB3" w:rsidRDefault="00156FB3" w:rsidP="00156FB3"/>
          <w:p w:rsidR="00156FB3" w:rsidRDefault="00156FB3" w:rsidP="00156FB3">
            <w:r>
              <w:t>.fa-square:before {</w:t>
            </w:r>
          </w:p>
          <w:p w:rsidR="00156FB3" w:rsidRDefault="00156FB3" w:rsidP="00156FB3">
            <w:r>
              <w:t xml:space="preserve">    content: "\f0c8";</w:t>
            </w:r>
          </w:p>
          <w:p w:rsidR="00156FB3" w:rsidRDefault="00156FB3" w:rsidP="00156FB3">
            <w:r>
              <w:t>}</w:t>
            </w:r>
          </w:p>
          <w:p w:rsidR="00156FB3" w:rsidRDefault="00156FB3" w:rsidP="00156FB3"/>
          <w:p w:rsidR="00156FB3" w:rsidRDefault="00156FB3" w:rsidP="00156FB3">
            <w:r>
              <w:t>.fa-square-full:before {</w:t>
            </w:r>
          </w:p>
          <w:p w:rsidR="00156FB3" w:rsidRDefault="00156FB3" w:rsidP="00156FB3">
            <w:r>
              <w:t xml:space="preserve">    content: "\f45c";</w:t>
            </w:r>
          </w:p>
          <w:p w:rsidR="00156FB3" w:rsidRDefault="00156FB3" w:rsidP="00156FB3">
            <w:r>
              <w:t>}</w:t>
            </w:r>
          </w:p>
          <w:p w:rsidR="00156FB3" w:rsidRDefault="00156FB3" w:rsidP="00156FB3"/>
          <w:p w:rsidR="00156FB3" w:rsidRDefault="00156FB3" w:rsidP="00156FB3">
            <w:r>
              <w:t>.fa-square-root-alt:before {</w:t>
            </w:r>
          </w:p>
          <w:p w:rsidR="00156FB3" w:rsidRDefault="00156FB3" w:rsidP="00156FB3">
            <w:r>
              <w:t xml:space="preserve">    content: "\f698";</w:t>
            </w:r>
          </w:p>
          <w:p w:rsidR="00156FB3" w:rsidRDefault="00156FB3" w:rsidP="00156FB3">
            <w:r>
              <w:t>}</w:t>
            </w:r>
          </w:p>
          <w:p w:rsidR="00156FB3" w:rsidRDefault="00156FB3" w:rsidP="00156FB3"/>
          <w:p w:rsidR="00156FB3" w:rsidRDefault="00156FB3" w:rsidP="00156FB3">
            <w:r>
              <w:t>.fa-squarespace:before {</w:t>
            </w:r>
          </w:p>
          <w:p w:rsidR="00156FB3" w:rsidRDefault="00156FB3" w:rsidP="00156FB3">
            <w:r>
              <w:t xml:space="preserve">    content: "\f5be";</w:t>
            </w:r>
          </w:p>
          <w:p w:rsidR="00156FB3" w:rsidRDefault="00156FB3" w:rsidP="00156FB3">
            <w:r>
              <w:t>}</w:t>
            </w:r>
          </w:p>
          <w:p w:rsidR="00156FB3" w:rsidRDefault="00156FB3" w:rsidP="00156FB3"/>
          <w:p w:rsidR="00156FB3" w:rsidRDefault="00156FB3" w:rsidP="00156FB3">
            <w:r>
              <w:t>.fa-stack-exchange:before {</w:t>
            </w:r>
          </w:p>
          <w:p w:rsidR="00156FB3" w:rsidRDefault="00156FB3" w:rsidP="00156FB3">
            <w:r>
              <w:t xml:space="preserve">    content: "\f18d";</w:t>
            </w:r>
          </w:p>
          <w:p w:rsidR="00156FB3" w:rsidRDefault="00156FB3" w:rsidP="00156FB3">
            <w:r>
              <w:t>}</w:t>
            </w:r>
          </w:p>
          <w:p w:rsidR="00156FB3" w:rsidRDefault="00156FB3" w:rsidP="00156FB3"/>
          <w:p w:rsidR="00156FB3" w:rsidRDefault="00156FB3" w:rsidP="00156FB3">
            <w:r>
              <w:t>.fa-stack-overflow:before {</w:t>
            </w:r>
          </w:p>
          <w:p w:rsidR="00156FB3" w:rsidRDefault="00156FB3" w:rsidP="00156FB3">
            <w:r>
              <w:t xml:space="preserve">    content: "\f16c";</w:t>
            </w:r>
          </w:p>
          <w:p w:rsidR="00156FB3" w:rsidRDefault="00156FB3" w:rsidP="00156FB3">
            <w:r>
              <w:t>}</w:t>
            </w:r>
          </w:p>
          <w:p w:rsidR="00156FB3" w:rsidRDefault="00156FB3" w:rsidP="00156FB3"/>
          <w:p w:rsidR="00156FB3" w:rsidRDefault="00156FB3" w:rsidP="00156FB3">
            <w:r>
              <w:t>.fa-stackpath:before {</w:t>
            </w:r>
          </w:p>
          <w:p w:rsidR="00156FB3" w:rsidRDefault="00156FB3" w:rsidP="00156FB3">
            <w:r>
              <w:t xml:space="preserve">    content: "\f842";</w:t>
            </w:r>
          </w:p>
          <w:p w:rsidR="00156FB3" w:rsidRDefault="00156FB3" w:rsidP="00156FB3">
            <w:r>
              <w:t>}</w:t>
            </w:r>
          </w:p>
          <w:p w:rsidR="00156FB3" w:rsidRDefault="00156FB3" w:rsidP="00156FB3"/>
          <w:p w:rsidR="00156FB3" w:rsidRDefault="00156FB3" w:rsidP="00156FB3">
            <w:r>
              <w:t>.fa-stamp:before {</w:t>
            </w:r>
          </w:p>
          <w:p w:rsidR="00156FB3" w:rsidRDefault="00156FB3" w:rsidP="00156FB3">
            <w:r>
              <w:lastRenderedPageBreak/>
              <w:t xml:space="preserve">    content: "\f5bf";</w:t>
            </w:r>
          </w:p>
          <w:p w:rsidR="00156FB3" w:rsidRDefault="00156FB3" w:rsidP="00156FB3">
            <w:r>
              <w:t>}</w:t>
            </w:r>
          </w:p>
          <w:p w:rsidR="00156FB3" w:rsidRDefault="00156FB3" w:rsidP="00156FB3"/>
          <w:p w:rsidR="00156FB3" w:rsidRDefault="00156FB3" w:rsidP="00156FB3">
            <w:r>
              <w:t>.fa-star:before {</w:t>
            </w:r>
          </w:p>
          <w:p w:rsidR="00156FB3" w:rsidRDefault="00156FB3" w:rsidP="00156FB3">
            <w:r>
              <w:t xml:space="preserve">    content: "\f005";</w:t>
            </w:r>
          </w:p>
          <w:p w:rsidR="00156FB3" w:rsidRDefault="00156FB3" w:rsidP="00156FB3">
            <w:r>
              <w:t>}</w:t>
            </w:r>
          </w:p>
          <w:p w:rsidR="00156FB3" w:rsidRDefault="00156FB3" w:rsidP="00156FB3"/>
          <w:p w:rsidR="00156FB3" w:rsidRDefault="00156FB3" w:rsidP="00156FB3">
            <w:r>
              <w:t>.fa-star-and-crescent:before {</w:t>
            </w:r>
          </w:p>
          <w:p w:rsidR="00156FB3" w:rsidRDefault="00156FB3" w:rsidP="00156FB3">
            <w:r>
              <w:t xml:space="preserve">    content: "\f699";</w:t>
            </w:r>
          </w:p>
          <w:p w:rsidR="00156FB3" w:rsidRDefault="00156FB3" w:rsidP="00156FB3">
            <w:r>
              <w:t>}</w:t>
            </w:r>
          </w:p>
          <w:p w:rsidR="00156FB3" w:rsidRDefault="00156FB3" w:rsidP="00156FB3"/>
          <w:p w:rsidR="00156FB3" w:rsidRDefault="00156FB3" w:rsidP="00156FB3">
            <w:r>
              <w:t>.fa-star-half:before {</w:t>
            </w:r>
          </w:p>
          <w:p w:rsidR="00156FB3" w:rsidRDefault="00156FB3" w:rsidP="00156FB3">
            <w:r>
              <w:t xml:space="preserve">    content: "\f089";</w:t>
            </w:r>
          </w:p>
          <w:p w:rsidR="00156FB3" w:rsidRDefault="00156FB3" w:rsidP="00156FB3">
            <w:r>
              <w:t>}</w:t>
            </w:r>
          </w:p>
          <w:p w:rsidR="00156FB3" w:rsidRDefault="00156FB3" w:rsidP="00156FB3"/>
          <w:p w:rsidR="00156FB3" w:rsidRDefault="00156FB3" w:rsidP="00156FB3">
            <w:r>
              <w:t>.fa-star-half-alt:before {</w:t>
            </w:r>
          </w:p>
          <w:p w:rsidR="00156FB3" w:rsidRDefault="00156FB3" w:rsidP="00156FB3">
            <w:r>
              <w:t xml:space="preserve">    content: "\f5c0";</w:t>
            </w:r>
          </w:p>
          <w:p w:rsidR="00156FB3" w:rsidRDefault="00156FB3" w:rsidP="00156FB3">
            <w:r>
              <w:t>}</w:t>
            </w:r>
          </w:p>
          <w:p w:rsidR="00156FB3" w:rsidRDefault="00156FB3" w:rsidP="00156FB3"/>
          <w:p w:rsidR="00156FB3" w:rsidRDefault="00156FB3" w:rsidP="00156FB3">
            <w:r>
              <w:t>.fa-star-of-david:before {</w:t>
            </w:r>
          </w:p>
          <w:p w:rsidR="00156FB3" w:rsidRDefault="00156FB3" w:rsidP="00156FB3">
            <w:r>
              <w:t xml:space="preserve">    content: "\f69a";</w:t>
            </w:r>
          </w:p>
          <w:p w:rsidR="00156FB3" w:rsidRDefault="00156FB3" w:rsidP="00156FB3">
            <w:r>
              <w:t>}</w:t>
            </w:r>
          </w:p>
          <w:p w:rsidR="00156FB3" w:rsidRDefault="00156FB3" w:rsidP="00156FB3"/>
          <w:p w:rsidR="00156FB3" w:rsidRDefault="00156FB3" w:rsidP="00156FB3">
            <w:r>
              <w:t>.fa-star-of-life:before {</w:t>
            </w:r>
          </w:p>
          <w:p w:rsidR="00156FB3" w:rsidRDefault="00156FB3" w:rsidP="00156FB3">
            <w:r>
              <w:t xml:space="preserve">    content: "\f621";</w:t>
            </w:r>
          </w:p>
          <w:p w:rsidR="00156FB3" w:rsidRDefault="00156FB3" w:rsidP="00156FB3">
            <w:r>
              <w:t>}</w:t>
            </w:r>
          </w:p>
          <w:p w:rsidR="00156FB3" w:rsidRDefault="00156FB3" w:rsidP="00156FB3"/>
          <w:p w:rsidR="00156FB3" w:rsidRDefault="00156FB3" w:rsidP="00156FB3">
            <w:r>
              <w:t>.fa-staylinked:before {</w:t>
            </w:r>
          </w:p>
          <w:p w:rsidR="00156FB3" w:rsidRDefault="00156FB3" w:rsidP="00156FB3">
            <w:r>
              <w:t xml:space="preserve">    content: "\f3f5";</w:t>
            </w:r>
          </w:p>
          <w:p w:rsidR="00156FB3" w:rsidRDefault="00156FB3" w:rsidP="00156FB3">
            <w:r>
              <w:t>}</w:t>
            </w:r>
          </w:p>
          <w:p w:rsidR="00156FB3" w:rsidRDefault="00156FB3" w:rsidP="00156FB3"/>
          <w:p w:rsidR="00156FB3" w:rsidRDefault="00156FB3" w:rsidP="00156FB3">
            <w:r>
              <w:t>.fa-steam:before {</w:t>
            </w:r>
          </w:p>
          <w:p w:rsidR="00156FB3" w:rsidRDefault="00156FB3" w:rsidP="00156FB3">
            <w:r>
              <w:t xml:space="preserve">    content: "\f1b6";</w:t>
            </w:r>
          </w:p>
          <w:p w:rsidR="00156FB3" w:rsidRDefault="00156FB3" w:rsidP="00156FB3">
            <w:r>
              <w:t>}</w:t>
            </w:r>
          </w:p>
          <w:p w:rsidR="00156FB3" w:rsidRDefault="00156FB3" w:rsidP="00156FB3"/>
          <w:p w:rsidR="00156FB3" w:rsidRDefault="00156FB3" w:rsidP="00156FB3">
            <w:r>
              <w:t>.fa-steam-square:before {</w:t>
            </w:r>
          </w:p>
          <w:p w:rsidR="00156FB3" w:rsidRDefault="00156FB3" w:rsidP="00156FB3">
            <w:r>
              <w:t xml:space="preserve">    content: "\f1b7";</w:t>
            </w:r>
          </w:p>
          <w:p w:rsidR="00156FB3" w:rsidRDefault="00156FB3" w:rsidP="00156FB3">
            <w:r>
              <w:t>}</w:t>
            </w:r>
          </w:p>
          <w:p w:rsidR="00156FB3" w:rsidRDefault="00156FB3" w:rsidP="00156FB3"/>
          <w:p w:rsidR="00156FB3" w:rsidRDefault="00156FB3" w:rsidP="00156FB3">
            <w:r>
              <w:t>.fa-steam-symbol:before {</w:t>
            </w:r>
          </w:p>
          <w:p w:rsidR="00156FB3" w:rsidRDefault="00156FB3" w:rsidP="00156FB3">
            <w:r>
              <w:t xml:space="preserve">    content: "\f3f6";</w:t>
            </w:r>
          </w:p>
          <w:p w:rsidR="00156FB3" w:rsidRDefault="00156FB3" w:rsidP="00156FB3">
            <w:r>
              <w:t>}</w:t>
            </w:r>
          </w:p>
          <w:p w:rsidR="00156FB3" w:rsidRDefault="00156FB3" w:rsidP="00156FB3"/>
          <w:p w:rsidR="00156FB3" w:rsidRDefault="00156FB3" w:rsidP="00156FB3">
            <w:r>
              <w:t>.fa-step-backward:before {</w:t>
            </w:r>
          </w:p>
          <w:p w:rsidR="00156FB3" w:rsidRDefault="00156FB3" w:rsidP="00156FB3">
            <w:r>
              <w:t xml:space="preserve">    content: "\f048";</w:t>
            </w:r>
          </w:p>
          <w:p w:rsidR="00156FB3" w:rsidRDefault="00156FB3" w:rsidP="00156FB3">
            <w:r>
              <w:t>}</w:t>
            </w:r>
          </w:p>
          <w:p w:rsidR="00156FB3" w:rsidRDefault="00156FB3" w:rsidP="00156FB3"/>
          <w:p w:rsidR="00156FB3" w:rsidRDefault="00156FB3" w:rsidP="00156FB3">
            <w:r>
              <w:t>.fa-step-forward:before {</w:t>
            </w:r>
          </w:p>
          <w:p w:rsidR="00156FB3" w:rsidRDefault="00156FB3" w:rsidP="00156FB3">
            <w:r>
              <w:lastRenderedPageBreak/>
              <w:t xml:space="preserve">    content: "\f051";</w:t>
            </w:r>
          </w:p>
          <w:p w:rsidR="00156FB3" w:rsidRDefault="00156FB3" w:rsidP="00156FB3">
            <w:r>
              <w:t>}</w:t>
            </w:r>
          </w:p>
          <w:p w:rsidR="00156FB3" w:rsidRDefault="00156FB3" w:rsidP="00156FB3"/>
          <w:p w:rsidR="00156FB3" w:rsidRDefault="00156FB3" w:rsidP="00156FB3">
            <w:r>
              <w:t>.fa-stethoscope:before {</w:t>
            </w:r>
          </w:p>
          <w:p w:rsidR="00156FB3" w:rsidRDefault="00156FB3" w:rsidP="00156FB3">
            <w:r>
              <w:t xml:space="preserve">    content: "\f0f1";</w:t>
            </w:r>
          </w:p>
          <w:p w:rsidR="00156FB3" w:rsidRDefault="00156FB3" w:rsidP="00156FB3">
            <w:r>
              <w:t>}</w:t>
            </w:r>
          </w:p>
          <w:p w:rsidR="00156FB3" w:rsidRDefault="00156FB3" w:rsidP="00156FB3"/>
          <w:p w:rsidR="00156FB3" w:rsidRDefault="00156FB3" w:rsidP="00156FB3">
            <w:r>
              <w:t>.fa-sticker-mule:before {</w:t>
            </w:r>
          </w:p>
          <w:p w:rsidR="00156FB3" w:rsidRDefault="00156FB3" w:rsidP="00156FB3">
            <w:r>
              <w:t xml:space="preserve">    content: "\f3f7";</w:t>
            </w:r>
          </w:p>
          <w:p w:rsidR="00156FB3" w:rsidRDefault="00156FB3" w:rsidP="00156FB3">
            <w:r>
              <w:t>}</w:t>
            </w:r>
          </w:p>
          <w:p w:rsidR="00156FB3" w:rsidRDefault="00156FB3" w:rsidP="00156FB3"/>
          <w:p w:rsidR="00156FB3" w:rsidRDefault="00156FB3" w:rsidP="00156FB3">
            <w:r>
              <w:t>.fa-sticky-note:before {</w:t>
            </w:r>
          </w:p>
          <w:p w:rsidR="00156FB3" w:rsidRDefault="00156FB3" w:rsidP="00156FB3">
            <w:r>
              <w:t xml:space="preserve">    content: "\f249";</w:t>
            </w:r>
          </w:p>
          <w:p w:rsidR="00156FB3" w:rsidRDefault="00156FB3" w:rsidP="00156FB3">
            <w:r>
              <w:t>}</w:t>
            </w:r>
          </w:p>
          <w:p w:rsidR="00156FB3" w:rsidRDefault="00156FB3" w:rsidP="00156FB3"/>
          <w:p w:rsidR="00156FB3" w:rsidRDefault="00156FB3" w:rsidP="00156FB3">
            <w:r>
              <w:t>.fa-stop:before {</w:t>
            </w:r>
          </w:p>
          <w:p w:rsidR="00156FB3" w:rsidRDefault="00156FB3" w:rsidP="00156FB3">
            <w:r>
              <w:t xml:space="preserve">    content: "\f04d";</w:t>
            </w:r>
          </w:p>
          <w:p w:rsidR="00156FB3" w:rsidRDefault="00156FB3" w:rsidP="00156FB3">
            <w:r>
              <w:t>}</w:t>
            </w:r>
          </w:p>
          <w:p w:rsidR="00156FB3" w:rsidRDefault="00156FB3" w:rsidP="00156FB3"/>
          <w:p w:rsidR="00156FB3" w:rsidRDefault="00156FB3" w:rsidP="00156FB3">
            <w:r>
              <w:t>.fa-stop-circle:before {</w:t>
            </w:r>
          </w:p>
          <w:p w:rsidR="00156FB3" w:rsidRDefault="00156FB3" w:rsidP="00156FB3">
            <w:r>
              <w:t xml:space="preserve">    content: "\f28d";</w:t>
            </w:r>
          </w:p>
          <w:p w:rsidR="00156FB3" w:rsidRDefault="00156FB3" w:rsidP="00156FB3">
            <w:r>
              <w:t>}</w:t>
            </w:r>
          </w:p>
          <w:p w:rsidR="00156FB3" w:rsidRDefault="00156FB3" w:rsidP="00156FB3"/>
          <w:p w:rsidR="00156FB3" w:rsidRDefault="00156FB3" w:rsidP="00156FB3">
            <w:r>
              <w:t>.fa-stopwatch:before {</w:t>
            </w:r>
          </w:p>
          <w:p w:rsidR="00156FB3" w:rsidRDefault="00156FB3" w:rsidP="00156FB3">
            <w:r>
              <w:t xml:space="preserve">    content: "\f2f2";</w:t>
            </w:r>
          </w:p>
          <w:p w:rsidR="00156FB3" w:rsidRDefault="00156FB3" w:rsidP="00156FB3">
            <w:r>
              <w:t>}</w:t>
            </w:r>
          </w:p>
          <w:p w:rsidR="00156FB3" w:rsidRDefault="00156FB3" w:rsidP="00156FB3"/>
          <w:p w:rsidR="00156FB3" w:rsidRDefault="00156FB3" w:rsidP="00156FB3">
            <w:r>
              <w:t>.fa-stopwatch-20:before {</w:t>
            </w:r>
          </w:p>
          <w:p w:rsidR="00156FB3" w:rsidRDefault="00156FB3" w:rsidP="00156FB3">
            <w:r>
              <w:t xml:space="preserve">    content: "\f96f";</w:t>
            </w:r>
          </w:p>
          <w:p w:rsidR="00156FB3" w:rsidRDefault="00156FB3" w:rsidP="00156FB3">
            <w:r>
              <w:t>}</w:t>
            </w:r>
          </w:p>
          <w:p w:rsidR="00156FB3" w:rsidRDefault="00156FB3" w:rsidP="00156FB3"/>
          <w:p w:rsidR="00156FB3" w:rsidRDefault="00156FB3" w:rsidP="00156FB3">
            <w:r>
              <w:t>.fa-store:before {</w:t>
            </w:r>
          </w:p>
          <w:p w:rsidR="00156FB3" w:rsidRDefault="00156FB3" w:rsidP="00156FB3">
            <w:r>
              <w:t xml:space="preserve">    content: "\f54e";</w:t>
            </w:r>
          </w:p>
          <w:p w:rsidR="00156FB3" w:rsidRDefault="00156FB3" w:rsidP="00156FB3">
            <w:r>
              <w:t>}</w:t>
            </w:r>
          </w:p>
          <w:p w:rsidR="00156FB3" w:rsidRDefault="00156FB3" w:rsidP="00156FB3"/>
          <w:p w:rsidR="00156FB3" w:rsidRDefault="00156FB3" w:rsidP="00156FB3">
            <w:r>
              <w:t>.fa-store-alt:before {</w:t>
            </w:r>
          </w:p>
          <w:p w:rsidR="00156FB3" w:rsidRDefault="00156FB3" w:rsidP="00156FB3">
            <w:r>
              <w:t xml:space="preserve">    content: "\f54f";</w:t>
            </w:r>
          </w:p>
          <w:p w:rsidR="00156FB3" w:rsidRDefault="00156FB3" w:rsidP="00156FB3">
            <w:r>
              <w:t>}</w:t>
            </w:r>
          </w:p>
          <w:p w:rsidR="00156FB3" w:rsidRDefault="00156FB3" w:rsidP="00156FB3"/>
          <w:p w:rsidR="00156FB3" w:rsidRDefault="00156FB3" w:rsidP="00156FB3">
            <w:r>
              <w:t>.fa-store-alt-slash:before {</w:t>
            </w:r>
          </w:p>
          <w:p w:rsidR="00156FB3" w:rsidRDefault="00156FB3" w:rsidP="00156FB3">
            <w:r>
              <w:t xml:space="preserve">    content: "\f970";</w:t>
            </w:r>
          </w:p>
          <w:p w:rsidR="00156FB3" w:rsidRDefault="00156FB3" w:rsidP="00156FB3">
            <w:r>
              <w:t>}</w:t>
            </w:r>
          </w:p>
          <w:p w:rsidR="00156FB3" w:rsidRDefault="00156FB3" w:rsidP="00156FB3"/>
          <w:p w:rsidR="00156FB3" w:rsidRDefault="00156FB3" w:rsidP="00156FB3">
            <w:r>
              <w:t>.fa-store-slash:before {</w:t>
            </w:r>
          </w:p>
          <w:p w:rsidR="00156FB3" w:rsidRDefault="00156FB3" w:rsidP="00156FB3">
            <w:r>
              <w:t xml:space="preserve">    content: "\f971";</w:t>
            </w:r>
          </w:p>
          <w:p w:rsidR="00156FB3" w:rsidRDefault="00156FB3" w:rsidP="00156FB3">
            <w:r>
              <w:t>}</w:t>
            </w:r>
          </w:p>
          <w:p w:rsidR="00156FB3" w:rsidRDefault="00156FB3" w:rsidP="00156FB3"/>
          <w:p w:rsidR="00156FB3" w:rsidRDefault="00156FB3" w:rsidP="00156FB3">
            <w:r>
              <w:t>.fa-strava:before {</w:t>
            </w:r>
          </w:p>
          <w:p w:rsidR="00156FB3" w:rsidRDefault="00156FB3" w:rsidP="00156FB3">
            <w:r>
              <w:lastRenderedPageBreak/>
              <w:t xml:space="preserve">    content: "\f428";</w:t>
            </w:r>
          </w:p>
          <w:p w:rsidR="00156FB3" w:rsidRDefault="00156FB3" w:rsidP="00156FB3">
            <w:r>
              <w:t>}</w:t>
            </w:r>
          </w:p>
          <w:p w:rsidR="00156FB3" w:rsidRDefault="00156FB3" w:rsidP="00156FB3"/>
          <w:p w:rsidR="00156FB3" w:rsidRDefault="00156FB3" w:rsidP="00156FB3">
            <w:r>
              <w:t>.fa-stream:before {</w:t>
            </w:r>
          </w:p>
          <w:p w:rsidR="00156FB3" w:rsidRDefault="00156FB3" w:rsidP="00156FB3">
            <w:r>
              <w:t xml:space="preserve">    content: "\f550";</w:t>
            </w:r>
          </w:p>
          <w:p w:rsidR="00156FB3" w:rsidRDefault="00156FB3" w:rsidP="00156FB3">
            <w:r>
              <w:t>}</w:t>
            </w:r>
          </w:p>
          <w:p w:rsidR="00156FB3" w:rsidRDefault="00156FB3" w:rsidP="00156FB3"/>
          <w:p w:rsidR="00156FB3" w:rsidRDefault="00156FB3" w:rsidP="00156FB3">
            <w:r>
              <w:t>.fa-street-view:before {</w:t>
            </w:r>
          </w:p>
          <w:p w:rsidR="00156FB3" w:rsidRDefault="00156FB3" w:rsidP="00156FB3">
            <w:r>
              <w:t xml:space="preserve">    content: "\f21d";</w:t>
            </w:r>
          </w:p>
          <w:p w:rsidR="00156FB3" w:rsidRDefault="00156FB3" w:rsidP="00156FB3">
            <w:r>
              <w:t>}</w:t>
            </w:r>
          </w:p>
          <w:p w:rsidR="00156FB3" w:rsidRDefault="00156FB3" w:rsidP="00156FB3"/>
          <w:p w:rsidR="00156FB3" w:rsidRDefault="00156FB3" w:rsidP="00156FB3">
            <w:r>
              <w:t>.fa-strikethrough:before {</w:t>
            </w:r>
          </w:p>
          <w:p w:rsidR="00156FB3" w:rsidRDefault="00156FB3" w:rsidP="00156FB3">
            <w:r>
              <w:t xml:space="preserve">    content: "\f0cc";</w:t>
            </w:r>
          </w:p>
          <w:p w:rsidR="00156FB3" w:rsidRDefault="00156FB3" w:rsidP="00156FB3">
            <w:r>
              <w:t>}</w:t>
            </w:r>
          </w:p>
          <w:p w:rsidR="00156FB3" w:rsidRDefault="00156FB3" w:rsidP="00156FB3"/>
          <w:p w:rsidR="00156FB3" w:rsidRDefault="00156FB3" w:rsidP="00156FB3">
            <w:r>
              <w:t>.fa-stripe:before {</w:t>
            </w:r>
          </w:p>
          <w:p w:rsidR="00156FB3" w:rsidRDefault="00156FB3" w:rsidP="00156FB3">
            <w:r>
              <w:t xml:space="preserve">    content: "\f429";</w:t>
            </w:r>
          </w:p>
          <w:p w:rsidR="00156FB3" w:rsidRDefault="00156FB3" w:rsidP="00156FB3">
            <w:r>
              <w:t>}</w:t>
            </w:r>
          </w:p>
          <w:p w:rsidR="00156FB3" w:rsidRDefault="00156FB3" w:rsidP="00156FB3"/>
          <w:p w:rsidR="00156FB3" w:rsidRDefault="00156FB3" w:rsidP="00156FB3">
            <w:r>
              <w:t>.fa-stripe-s:before {</w:t>
            </w:r>
          </w:p>
          <w:p w:rsidR="00156FB3" w:rsidRDefault="00156FB3" w:rsidP="00156FB3">
            <w:r>
              <w:t xml:space="preserve">    content: "\f42a";</w:t>
            </w:r>
          </w:p>
          <w:p w:rsidR="00156FB3" w:rsidRDefault="00156FB3" w:rsidP="00156FB3">
            <w:r>
              <w:t>}</w:t>
            </w:r>
          </w:p>
          <w:p w:rsidR="00156FB3" w:rsidRDefault="00156FB3" w:rsidP="00156FB3"/>
          <w:p w:rsidR="00156FB3" w:rsidRDefault="00156FB3" w:rsidP="00156FB3">
            <w:r>
              <w:t>.fa-stroopwafel:before {</w:t>
            </w:r>
          </w:p>
          <w:p w:rsidR="00156FB3" w:rsidRDefault="00156FB3" w:rsidP="00156FB3">
            <w:r>
              <w:t xml:space="preserve">    content: "\f551";</w:t>
            </w:r>
          </w:p>
          <w:p w:rsidR="00156FB3" w:rsidRDefault="00156FB3" w:rsidP="00156FB3">
            <w:r>
              <w:t>}</w:t>
            </w:r>
          </w:p>
          <w:p w:rsidR="00156FB3" w:rsidRDefault="00156FB3" w:rsidP="00156FB3"/>
          <w:p w:rsidR="00156FB3" w:rsidRDefault="00156FB3" w:rsidP="00156FB3">
            <w:r>
              <w:t>.fa-studiovinari:before {</w:t>
            </w:r>
          </w:p>
          <w:p w:rsidR="00156FB3" w:rsidRDefault="00156FB3" w:rsidP="00156FB3">
            <w:r>
              <w:t xml:space="preserve">    content: "\f3f8";</w:t>
            </w:r>
          </w:p>
          <w:p w:rsidR="00156FB3" w:rsidRDefault="00156FB3" w:rsidP="00156FB3">
            <w:r>
              <w:t>}</w:t>
            </w:r>
          </w:p>
          <w:p w:rsidR="00156FB3" w:rsidRDefault="00156FB3" w:rsidP="00156FB3"/>
          <w:p w:rsidR="00156FB3" w:rsidRDefault="00156FB3" w:rsidP="00156FB3">
            <w:r>
              <w:t>.fa-stumbleupon:before {</w:t>
            </w:r>
          </w:p>
          <w:p w:rsidR="00156FB3" w:rsidRDefault="00156FB3" w:rsidP="00156FB3">
            <w:r>
              <w:t xml:space="preserve">    content: "\f1a4";</w:t>
            </w:r>
          </w:p>
          <w:p w:rsidR="00156FB3" w:rsidRDefault="00156FB3" w:rsidP="00156FB3">
            <w:r>
              <w:t>}</w:t>
            </w:r>
          </w:p>
          <w:p w:rsidR="00156FB3" w:rsidRDefault="00156FB3" w:rsidP="00156FB3"/>
          <w:p w:rsidR="00156FB3" w:rsidRDefault="00156FB3" w:rsidP="00156FB3">
            <w:r>
              <w:t>.fa-stumbleupon-circle:before {</w:t>
            </w:r>
          </w:p>
          <w:p w:rsidR="00156FB3" w:rsidRDefault="00156FB3" w:rsidP="00156FB3">
            <w:r>
              <w:t xml:space="preserve">    content: "\f1a3";</w:t>
            </w:r>
          </w:p>
          <w:p w:rsidR="00156FB3" w:rsidRDefault="00156FB3" w:rsidP="00156FB3">
            <w:r>
              <w:t>}</w:t>
            </w:r>
          </w:p>
          <w:p w:rsidR="00156FB3" w:rsidRDefault="00156FB3" w:rsidP="00156FB3"/>
          <w:p w:rsidR="00156FB3" w:rsidRDefault="00156FB3" w:rsidP="00156FB3">
            <w:r>
              <w:t>.fa-subscript:before {</w:t>
            </w:r>
          </w:p>
          <w:p w:rsidR="00156FB3" w:rsidRDefault="00156FB3" w:rsidP="00156FB3">
            <w:r>
              <w:t xml:space="preserve">    content: "\f12c";</w:t>
            </w:r>
          </w:p>
          <w:p w:rsidR="00156FB3" w:rsidRDefault="00156FB3" w:rsidP="00156FB3">
            <w:r>
              <w:t>}</w:t>
            </w:r>
          </w:p>
          <w:p w:rsidR="00156FB3" w:rsidRDefault="00156FB3" w:rsidP="00156FB3"/>
          <w:p w:rsidR="00156FB3" w:rsidRDefault="00156FB3" w:rsidP="00156FB3">
            <w:r>
              <w:t>.fa-subway:before {</w:t>
            </w:r>
          </w:p>
          <w:p w:rsidR="00156FB3" w:rsidRDefault="00156FB3" w:rsidP="00156FB3">
            <w:r>
              <w:t xml:space="preserve">    content: "\f239";</w:t>
            </w:r>
          </w:p>
          <w:p w:rsidR="00156FB3" w:rsidRDefault="00156FB3" w:rsidP="00156FB3">
            <w:r>
              <w:t>}</w:t>
            </w:r>
          </w:p>
          <w:p w:rsidR="00156FB3" w:rsidRDefault="00156FB3" w:rsidP="00156FB3"/>
          <w:p w:rsidR="00156FB3" w:rsidRDefault="00156FB3" w:rsidP="00156FB3">
            <w:r>
              <w:t>.fa-suitcase:before {</w:t>
            </w:r>
          </w:p>
          <w:p w:rsidR="00156FB3" w:rsidRDefault="00156FB3" w:rsidP="00156FB3">
            <w:r>
              <w:lastRenderedPageBreak/>
              <w:t xml:space="preserve">    content: "\f0f2";</w:t>
            </w:r>
          </w:p>
          <w:p w:rsidR="00156FB3" w:rsidRDefault="00156FB3" w:rsidP="00156FB3">
            <w:r>
              <w:t>}</w:t>
            </w:r>
          </w:p>
          <w:p w:rsidR="00156FB3" w:rsidRDefault="00156FB3" w:rsidP="00156FB3"/>
          <w:p w:rsidR="00156FB3" w:rsidRDefault="00156FB3" w:rsidP="00156FB3">
            <w:r>
              <w:t>.fa-suitcase-rolling:before {</w:t>
            </w:r>
          </w:p>
          <w:p w:rsidR="00156FB3" w:rsidRDefault="00156FB3" w:rsidP="00156FB3">
            <w:r>
              <w:t xml:space="preserve">    content: "\f5c1";</w:t>
            </w:r>
          </w:p>
          <w:p w:rsidR="00156FB3" w:rsidRDefault="00156FB3" w:rsidP="00156FB3">
            <w:r>
              <w:t>}</w:t>
            </w:r>
          </w:p>
          <w:p w:rsidR="00156FB3" w:rsidRDefault="00156FB3" w:rsidP="00156FB3"/>
          <w:p w:rsidR="00156FB3" w:rsidRDefault="00156FB3" w:rsidP="00156FB3">
            <w:r>
              <w:t>.fa-sun:before {</w:t>
            </w:r>
          </w:p>
          <w:p w:rsidR="00156FB3" w:rsidRDefault="00156FB3" w:rsidP="00156FB3">
            <w:r>
              <w:t xml:space="preserve">    content: "\f185";</w:t>
            </w:r>
          </w:p>
          <w:p w:rsidR="00156FB3" w:rsidRDefault="00156FB3" w:rsidP="00156FB3">
            <w:r>
              <w:t>}</w:t>
            </w:r>
          </w:p>
          <w:p w:rsidR="00156FB3" w:rsidRDefault="00156FB3" w:rsidP="00156FB3"/>
          <w:p w:rsidR="00156FB3" w:rsidRDefault="00156FB3" w:rsidP="00156FB3">
            <w:r>
              <w:t>.fa-superpowers:before {</w:t>
            </w:r>
          </w:p>
          <w:p w:rsidR="00156FB3" w:rsidRDefault="00156FB3" w:rsidP="00156FB3">
            <w:r>
              <w:t xml:space="preserve">    content: "\f2dd";</w:t>
            </w:r>
          </w:p>
          <w:p w:rsidR="00156FB3" w:rsidRDefault="00156FB3" w:rsidP="00156FB3">
            <w:r>
              <w:t>}</w:t>
            </w:r>
          </w:p>
          <w:p w:rsidR="00156FB3" w:rsidRDefault="00156FB3" w:rsidP="00156FB3"/>
          <w:p w:rsidR="00156FB3" w:rsidRDefault="00156FB3" w:rsidP="00156FB3">
            <w:r>
              <w:t>.fa-superscript:before {</w:t>
            </w:r>
          </w:p>
          <w:p w:rsidR="00156FB3" w:rsidRDefault="00156FB3" w:rsidP="00156FB3">
            <w:r>
              <w:t xml:space="preserve">    content: "\f12b";</w:t>
            </w:r>
          </w:p>
          <w:p w:rsidR="00156FB3" w:rsidRDefault="00156FB3" w:rsidP="00156FB3">
            <w:r>
              <w:t>}</w:t>
            </w:r>
          </w:p>
          <w:p w:rsidR="00156FB3" w:rsidRDefault="00156FB3" w:rsidP="00156FB3"/>
          <w:p w:rsidR="00156FB3" w:rsidRDefault="00156FB3" w:rsidP="00156FB3">
            <w:r>
              <w:t>.fa-supple:before {</w:t>
            </w:r>
          </w:p>
          <w:p w:rsidR="00156FB3" w:rsidRDefault="00156FB3" w:rsidP="00156FB3">
            <w:r>
              <w:t xml:space="preserve">    content: "\f3f9";</w:t>
            </w:r>
          </w:p>
          <w:p w:rsidR="00156FB3" w:rsidRDefault="00156FB3" w:rsidP="00156FB3">
            <w:r>
              <w:t>}</w:t>
            </w:r>
          </w:p>
          <w:p w:rsidR="00156FB3" w:rsidRDefault="00156FB3" w:rsidP="00156FB3"/>
          <w:p w:rsidR="00156FB3" w:rsidRDefault="00156FB3" w:rsidP="00156FB3">
            <w:r>
              <w:t>.fa-surprise:before {</w:t>
            </w:r>
          </w:p>
          <w:p w:rsidR="00156FB3" w:rsidRDefault="00156FB3" w:rsidP="00156FB3">
            <w:r>
              <w:t xml:space="preserve">    content: "\f5c2";</w:t>
            </w:r>
          </w:p>
          <w:p w:rsidR="00156FB3" w:rsidRDefault="00156FB3" w:rsidP="00156FB3">
            <w:r>
              <w:t>}</w:t>
            </w:r>
          </w:p>
          <w:p w:rsidR="00156FB3" w:rsidRDefault="00156FB3" w:rsidP="00156FB3"/>
          <w:p w:rsidR="00156FB3" w:rsidRDefault="00156FB3" w:rsidP="00156FB3">
            <w:r>
              <w:t>.fa-suse:before {</w:t>
            </w:r>
          </w:p>
          <w:p w:rsidR="00156FB3" w:rsidRDefault="00156FB3" w:rsidP="00156FB3">
            <w:r>
              <w:t xml:space="preserve">    content: "\f7d6";</w:t>
            </w:r>
          </w:p>
          <w:p w:rsidR="00156FB3" w:rsidRDefault="00156FB3" w:rsidP="00156FB3">
            <w:r>
              <w:t>}</w:t>
            </w:r>
          </w:p>
          <w:p w:rsidR="00156FB3" w:rsidRDefault="00156FB3" w:rsidP="00156FB3"/>
          <w:p w:rsidR="00156FB3" w:rsidRDefault="00156FB3" w:rsidP="00156FB3">
            <w:r>
              <w:t>.fa-swatchbook:before {</w:t>
            </w:r>
          </w:p>
          <w:p w:rsidR="00156FB3" w:rsidRDefault="00156FB3" w:rsidP="00156FB3">
            <w:r>
              <w:t xml:space="preserve">    content: "\f5c3";</w:t>
            </w:r>
          </w:p>
          <w:p w:rsidR="00156FB3" w:rsidRDefault="00156FB3" w:rsidP="00156FB3">
            <w:r>
              <w:t>}</w:t>
            </w:r>
          </w:p>
          <w:p w:rsidR="00156FB3" w:rsidRDefault="00156FB3" w:rsidP="00156FB3"/>
          <w:p w:rsidR="00156FB3" w:rsidRDefault="00156FB3" w:rsidP="00156FB3">
            <w:r>
              <w:t>.fa-swift:before {</w:t>
            </w:r>
          </w:p>
          <w:p w:rsidR="00156FB3" w:rsidRDefault="00156FB3" w:rsidP="00156FB3">
            <w:r>
              <w:t xml:space="preserve">    content: "\f8e1";</w:t>
            </w:r>
          </w:p>
          <w:p w:rsidR="00156FB3" w:rsidRDefault="00156FB3" w:rsidP="00156FB3">
            <w:r>
              <w:t>}</w:t>
            </w:r>
          </w:p>
          <w:p w:rsidR="00156FB3" w:rsidRDefault="00156FB3" w:rsidP="00156FB3"/>
          <w:p w:rsidR="00156FB3" w:rsidRDefault="00156FB3" w:rsidP="00156FB3">
            <w:r>
              <w:t>.fa-swimmer:before {</w:t>
            </w:r>
          </w:p>
          <w:p w:rsidR="00156FB3" w:rsidRDefault="00156FB3" w:rsidP="00156FB3">
            <w:r>
              <w:t xml:space="preserve">    content: "\f5c4";</w:t>
            </w:r>
          </w:p>
          <w:p w:rsidR="00156FB3" w:rsidRDefault="00156FB3" w:rsidP="00156FB3">
            <w:r>
              <w:t>}</w:t>
            </w:r>
          </w:p>
          <w:p w:rsidR="00156FB3" w:rsidRDefault="00156FB3" w:rsidP="00156FB3"/>
          <w:p w:rsidR="00156FB3" w:rsidRDefault="00156FB3" w:rsidP="00156FB3">
            <w:r>
              <w:t>.fa-swimming-pool:before {</w:t>
            </w:r>
          </w:p>
          <w:p w:rsidR="00156FB3" w:rsidRDefault="00156FB3" w:rsidP="00156FB3">
            <w:r>
              <w:t xml:space="preserve">    content: "\f5c5";</w:t>
            </w:r>
          </w:p>
          <w:p w:rsidR="00156FB3" w:rsidRDefault="00156FB3" w:rsidP="00156FB3">
            <w:r>
              <w:t>}</w:t>
            </w:r>
          </w:p>
          <w:p w:rsidR="00156FB3" w:rsidRDefault="00156FB3" w:rsidP="00156FB3"/>
          <w:p w:rsidR="00156FB3" w:rsidRDefault="00156FB3" w:rsidP="00156FB3">
            <w:r>
              <w:t>.fa-symfony:before {</w:t>
            </w:r>
          </w:p>
          <w:p w:rsidR="00156FB3" w:rsidRDefault="00156FB3" w:rsidP="00156FB3">
            <w:r>
              <w:lastRenderedPageBreak/>
              <w:t xml:space="preserve">    content: "\f83d";</w:t>
            </w:r>
          </w:p>
          <w:p w:rsidR="00156FB3" w:rsidRDefault="00156FB3" w:rsidP="00156FB3">
            <w:r>
              <w:t>}</w:t>
            </w:r>
          </w:p>
          <w:p w:rsidR="00156FB3" w:rsidRDefault="00156FB3" w:rsidP="00156FB3"/>
          <w:p w:rsidR="00156FB3" w:rsidRDefault="00156FB3" w:rsidP="00156FB3">
            <w:r>
              <w:t>.fa-synagogue:before {</w:t>
            </w:r>
          </w:p>
          <w:p w:rsidR="00156FB3" w:rsidRDefault="00156FB3" w:rsidP="00156FB3">
            <w:r>
              <w:t xml:space="preserve">    content: "\f69b";</w:t>
            </w:r>
          </w:p>
          <w:p w:rsidR="00156FB3" w:rsidRDefault="00156FB3" w:rsidP="00156FB3">
            <w:r>
              <w:t>}</w:t>
            </w:r>
          </w:p>
          <w:p w:rsidR="00156FB3" w:rsidRDefault="00156FB3" w:rsidP="00156FB3"/>
          <w:p w:rsidR="00156FB3" w:rsidRDefault="00156FB3" w:rsidP="00156FB3">
            <w:r>
              <w:t>.fa-sync:before {</w:t>
            </w:r>
          </w:p>
          <w:p w:rsidR="00156FB3" w:rsidRDefault="00156FB3" w:rsidP="00156FB3">
            <w:r>
              <w:t xml:space="preserve">    content: "\f021";</w:t>
            </w:r>
          </w:p>
          <w:p w:rsidR="00156FB3" w:rsidRDefault="00156FB3" w:rsidP="00156FB3">
            <w:r>
              <w:t>}</w:t>
            </w:r>
          </w:p>
          <w:p w:rsidR="00156FB3" w:rsidRDefault="00156FB3" w:rsidP="00156FB3"/>
          <w:p w:rsidR="00156FB3" w:rsidRDefault="00156FB3" w:rsidP="00156FB3">
            <w:r>
              <w:t>.fa-sync-alt:before {</w:t>
            </w:r>
          </w:p>
          <w:p w:rsidR="00156FB3" w:rsidRDefault="00156FB3" w:rsidP="00156FB3">
            <w:r>
              <w:t xml:space="preserve">    content: "\f2f1";</w:t>
            </w:r>
          </w:p>
          <w:p w:rsidR="00156FB3" w:rsidRDefault="00156FB3" w:rsidP="00156FB3">
            <w:r>
              <w:t>}</w:t>
            </w:r>
          </w:p>
          <w:p w:rsidR="00156FB3" w:rsidRDefault="00156FB3" w:rsidP="00156FB3"/>
          <w:p w:rsidR="00156FB3" w:rsidRDefault="00156FB3" w:rsidP="00156FB3">
            <w:r>
              <w:t>.fa-syringe:before {</w:t>
            </w:r>
          </w:p>
          <w:p w:rsidR="00156FB3" w:rsidRDefault="00156FB3" w:rsidP="00156FB3">
            <w:r>
              <w:t xml:space="preserve">    content: "\f48e";</w:t>
            </w:r>
          </w:p>
          <w:p w:rsidR="00156FB3" w:rsidRDefault="00156FB3" w:rsidP="00156FB3">
            <w:r>
              <w:t>}</w:t>
            </w:r>
          </w:p>
          <w:p w:rsidR="00156FB3" w:rsidRDefault="00156FB3" w:rsidP="00156FB3"/>
          <w:p w:rsidR="00156FB3" w:rsidRDefault="00156FB3" w:rsidP="00156FB3">
            <w:r>
              <w:t>.fa-table:before {</w:t>
            </w:r>
          </w:p>
          <w:p w:rsidR="00156FB3" w:rsidRDefault="00156FB3" w:rsidP="00156FB3">
            <w:r>
              <w:t xml:space="preserve">    content: "\f0ce";</w:t>
            </w:r>
          </w:p>
          <w:p w:rsidR="00156FB3" w:rsidRDefault="00156FB3" w:rsidP="00156FB3">
            <w:r>
              <w:t>}</w:t>
            </w:r>
          </w:p>
          <w:p w:rsidR="00156FB3" w:rsidRDefault="00156FB3" w:rsidP="00156FB3"/>
          <w:p w:rsidR="00156FB3" w:rsidRDefault="00156FB3" w:rsidP="00156FB3">
            <w:r>
              <w:t>.fa-table-tennis:before {</w:t>
            </w:r>
          </w:p>
          <w:p w:rsidR="00156FB3" w:rsidRDefault="00156FB3" w:rsidP="00156FB3">
            <w:r>
              <w:t xml:space="preserve">    content: "\f45d";</w:t>
            </w:r>
          </w:p>
          <w:p w:rsidR="00156FB3" w:rsidRDefault="00156FB3" w:rsidP="00156FB3">
            <w:r>
              <w:t>}</w:t>
            </w:r>
          </w:p>
          <w:p w:rsidR="00156FB3" w:rsidRDefault="00156FB3" w:rsidP="00156FB3"/>
          <w:p w:rsidR="00156FB3" w:rsidRDefault="00156FB3" w:rsidP="00156FB3">
            <w:r>
              <w:t>.fa-tablet:before {</w:t>
            </w:r>
          </w:p>
          <w:p w:rsidR="00156FB3" w:rsidRDefault="00156FB3" w:rsidP="00156FB3">
            <w:r>
              <w:t xml:space="preserve">    content: "\f10a";</w:t>
            </w:r>
          </w:p>
          <w:p w:rsidR="00156FB3" w:rsidRDefault="00156FB3" w:rsidP="00156FB3">
            <w:r>
              <w:t>}</w:t>
            </w:r>
          </w:p>
          <w:p w:rsidR="00156FB3" w:rsidRDefault="00156FB3" w:rsidP="00156FB3"/>
          <w:p w:rsidR="00156FB3" w:rsidRDefault="00156FB3" w:rsidP="00156FB3">
            <w:r>
              <w:t>.fa-tablet-alt:before {</w:t>
            </w:r>
          </w:p>
          <w:p w:rsidR="00156FB3" w:rsidRDefault="00156FB3" w:rsidP="00156FB3">
            <w:r>
              <w:t xml:space="preserve">    content: "\f3fa";</w:t>
            </w:r>
          </w:p>
          <w:p w:rsidR="00156FB3" w:rsidRDefault="00156FB3" w:rsidP="00156FB3">
            <w:r>
              <w:t>}</w:t>
            </w:r>
          </w:p>
          <w:p w:rsidR="00156FB3" w:rsidRDefault="00156FB3" w:rsidP="00156FB3"/>
          <w:p w:rsidR="00156FB3" w:rsidRDefault="00156FB3" w:rsidP="00156FB3">
            <w:r>
              <w:t>.fa-tablets:before {</w:t>
            </w:r>
          </w:p>
          <w:p w:rsidR="00156FB3" w:rsidRDefault="00156FB3" w:rsidP="00156FB3">
            <w:r>
              <w:t xml:space="preserve">    content: "\f490";</w:t>
            </w:r>
          </w:p>
          <w:p w:rsidR="00156FB3" w:rsidRDefault="00156FB3" w:rsidP="00156FB3">
            <w:r>
              <w:t>}</w:t>
            </w:r>
          </w:p>
          <w:p w:rsidR="00156FB3" w:rsidRDefault="00156FB3" w:rsidP="00156FB3"/>
          <w:p w:rsidR="00156FB3" w:rsidRDefault="00156FB3" w:rsidP="00156FB3">
            <w:r>
              <w:t>.fa-tachometer-alt:before {</w:t>
            </w:r>
          </w:p>
          <w:p w:rsidR="00156FB3" w:rsidRDefault="00156FB3" w:rsidP="00156FB3">
            <w:r>
              <w:t xml:space="preserve">    content: "\f3fd";</w:t>
            </w:r>
          </w:p>
          <w:p w:rsidR="00156FB3" w:rsidRDefault="00156FB3" w:rsidP="00156FB3">
            <w:r>
              <w:t>}</w:t>
            </w:r>
          </w:p>
          <w:p w:rsidR="00156FB3" w:rsidRDefault="00156FB3" w:rsidP="00156FB3"/>
          <w:p w:rsidR="00156FB3" w:rsidRDefault="00156FB3" w:rsidP="00156FB3">
            <w:r>
              <w:t>.fa-tag:before {</w:t>
            </w:r>
          </w:p>
          <w:p w:rsidR="00156FB3" w:rsidRDefault="00156FB3" w:rsidP="00156FB3">
            <w:r>
              <w:t xml:space="preserve">    content: "\f02b";</w:t>
            </w:r>
          </w:p>
          <w:p w:rsidR="00156FB3" w:rsidRDefault="00156FB3" w:rsidP="00156FB3">
            <w:r>
              <w:t>}</w:t>
            </w:r>
          </w:p>
          <w:p w:rsidR="00156FB3" w:rsidRDefault="00156FB3" w:rsidP="00156FB3"/>
          <w:p w:rsidR="00156FB3" w:rsidRDefault="00156FB3" w:rsidP="00156FB3">
            <w:r>
              <w:t>.fa-tags:before {</w:t>
            </w:r>
          </w:p>
          <w:p w:rsidR="00156FB3" w:rsidRDefault="00156FB3" w:rsidP="00156FB3">
            <w:r>
              <w:lastRenderedPageBreak/>
              <w:t xml:space="preserve">    content: "\f02c";</w:t>
            </w:r>
          </w:p>
          <w:p w:rsidR="00156FB3" w:rsidRDefault="00156FB3" w:rsidP="00156FB3">
            <w:r>
              <w:t>}</w:t>
            </w:r>
          </w:p>
          <w:p w:rsidR="00156FB3" w:rsidRDefault="00156FB3" w:rsidP="00156FB3"/>
          <w:p w:rsidR="00156FB3" w:rsidRDefault="00156FB3" w:rsidP="00156FB3">
            <w:r>
              <w:t>.fa-tape:before {</w:t>
            </w:r>
          </w:p>
          <w:p w:rsidR="00156FB3" w:rsidRDefault="00156FB3" w:rsidP="00156FB3">
            <w:r>
              <w:t xml:space="preserve">    content: "\f4db";</w:t>
            </w:r>
          </w:p>
          <w:p w:rsidR="00156FB3" w:rsidRDefault="00156FB3" w:rsidP="00156FB3">
            <w:r>
              <w:t>}</w:t>
            </w:r>
          </w:p>
          <w:p w:rsidR="00156FB3" w:rsidRDefault="00156FB3" w:rsidP="00156FB3"/>
          <w:p w:rsidR="00156FB3" w:rsidRDefault="00156FB3" w:rsidP="00156FB3">
            <w:r>
              <w:t>.fa-tasks:before {</w:t>
            </w:r>
          </w:p>
          <w:p w:rsidR="00156FB3" w:rsidRDefault="00156FB3" w:rsidP="00156FB3">
            <w:r>
              <w:t xml:space="preserve">    content: "\f0ae";</w:t>
            </w:r>
          </w:p>
          <w:p w:rsidR="00156FB3" w:rsidRDefault="00156FB3" w:rsidP="00156FB3">
            <w:r>
              <w:t>}</w:t>
            </w:r>
          </w:p>
          <w:p w:rsidR="00156FB3" w:rsidRDefault="00156FB3" w:rsidP="00156FB3"/>
          <w:p w:rsidR="00156FB3" w:rsidRDefault="00156FB3" w:rsidP="00156FB3">
            <w:r>
              <w:t>.fa-taxi:before {</w:t>
            </w:r>
          </w:p>
          <w:p w:rsidR="00156FB3" w:rsidRDefault="00156FB3" w:rsidP="00156FB3">
            <w:r>
              <w:t xml:space="preserve">    content: "\f1ba";</w:t>
            </w:r>
          </w:p>
          <w:p w:rsidR="00156FB3" w:rsidRDefault="00156FB3" w:rsidP="00156FB3">
            <w:r>
              <w:t>}</w:t>
            </w:r>
          </w:p>
          <w:p w:rsidR="00156FB3" w:rsidRDefault="00156FB3" w:rsidP="00156FB3"/>
          <w:p w:rsidR="00156FB3" w:rsidRDefault="00156FB3" w:rsidP="00156FB3">
            <w:r>
              <w:t>.fa-teamspeak:before {</w:t>
            </w:r>
          </w:p>
          <w:p w:rsidR="00156FB3" w:rsidRDefault="00156FB3" w:rsidP="00156FB3">
            <w:r>
              <w:t xml:space="preserve">    content: "\f4f9";</w:t>
            </w:r>
          </w:p>
          <w:p w:rsidR="00156FB3" w:rsidRDefault="00156FB3" w:rsidP="00156FB3">
            <w:r>
              <w:t>}</w:t>
            </w:r>
          </w:p>
          <w:p w:rsidR="00156FB3" w:rsidRDefault="00156FB3" w:rsidP="00156FB3"/>
          <w:p w:rsidR="00156FB3" w:rsidRDefault="00156FB3" w:rsidP="00156FB3">
            <w:r>
              <w:t>.fa-teeth:before {</w:t>
            </w:r>
          </w:p>
          <w:p w:rsidR="00156FB3" w:rsidRDefault="00156FB3" w:rsidP="00156FB3">
            <w:r>
              <w:t xml:space="preserve">    content: "\f62e";</w:t>
            </w:r>
          </w:p>
          <w:p w:rsidR="00156FB3" w:rsidRDefault="00156FB3" w:rsidP="00156FB3">
            <w:r>
              <w:t>}</w:t>
            </w:r>
          </w:p>
          <w:p w:rsidR="00156FB3" w:rsidRDefault="00156FB3" w:rsidP="00156FB3"/>
          <w:p w:rsidR="00156FB3" w:rsidRDefault="00156FB3" w:rsidP="00156FB3">
            <w:r>
              <w:t>.fa-teeth-open:before {</w:t>
            </w:r>
          </w:p>
          <w:p w:rsidR="00156FB3" w:rsidRDefault="00156FB3" w:rsidP="00156FB3">
            <w:r>
              <w:t xml:space="preserve">    content: "\f62f";</w:t>
            </w:r>
          </w:p>
          <w:p w:rsidR="00156FB3" w:rsidRDefault="00156FB3" w:rsidP="00156FB3">
            <w:r>
              <w:t>}</w:t>
            </w:r>
          </w:p>
          <w:p w:rsidR="00156FB3" w:rsidRDefault="00156FB3" w:rsidP="00156FB3"/>
          <w:p w:rsidR="00156FB3" w:rsidRDefault="00156FB3" w:rsidP="00156FB3">
            <w:r>
              <w:t>.fa-telegram:before {</w:t>
            </w:r>
          </w:p>
          <w:p w:rsidR="00156FB3" w:rsidRDefault="00156FB3" w:rsidP="00156FB3">
            <w:r>
              <w:t xml:space="preserve">    content: "\f2c6";</w:t>
            </w:r>
          </w:p>
          <w:p w:rsidR="00156FB3" w:rsidRDefault="00156FB3" w:rsidP="00156FB3">
            <w:r>
              <w:t>}</w:t>
            </w:r>
          </w:p>
          <w:p w:rsidR="00156FB3" w:rsidRDefault="00156FB3" w:rsidP="00156FB3"/>
          <w:p w:rsidR="00156FB3" w:rsidRDefault="00156FB3" w:rsidP="00156FB3">
            <w:r>
              <w:t>.fa-telegram-plane:before {</w:t>
            </w:r>
          </w:p>
          <w:p w:rsidR="00156FB3" w:rsidRDefault="00156FB3" w:rsidP="00156FB3">
            <w:r>
              <w:t xml:space="preserve">    content: "\f3fe";</w:t>
            </w:r>
          </w:p>
          <w:p w:rsidR="00156FB3" w:rsidRDefault="00156FB3" w:rsidP="00156FB3">
            <w:r>
              <w:t>}</w:t>
            </w:r>
          </w:p>
          <w:p w:rsidR="00156FB3" w:rsidRDefault="00156FB3" w:rsidP="00156FB3"/>
          <w:p w:rsidR="00156FB3" w:rsidRDefault="00156FB3" w:rsidP="00156FB3">
            <w:r>
              <w:t>.fa-temperature-high:before {</w:t>
            </w:r>
          </w:p>
          <w:p w:rsidR="00156FB3" w:rsidRDefault="00156FB3" w:rsidP="00156FB3">
            <w:r>
              <w:t xml:space="preserve">    content: "\f769";</w:t>
            </w:r>
          </w:p>
          <w:p w:rsidR="00156FB3" w:rsidRDefault="00156FB3" w:rsidP="00156FB3">
            <w:r>
              <w:t>}</w:t>
            </w:r>
          </w:p>
          <w:p w:rsidR="00156FB3" w:rsidRDefault="00156FB3" w:rsidP="00156FB3"/>
          <w:p w:rsidR="00156FB3" w:rsidRDefault="00156FB3" w:rsidP="00156FB3">
            <w:r>
              <w:t>.fa-temperature-low:before {</w:t>
            </w:r>
          </w:p>
          <w:p w:rsidR="00156FB3" w:rsidRDefault="00156FB3" w:rsidP="00156FB3">
            <w:r>
              <w:t xml:space="preserve">    content: "\f76b";</w:t>
            </w:r>
          </w:p>
          <w:p w:rsidR="00156FB3" w:rsidRDefault="00156FB3" w:rsidP="00156FB3">
            <w:r>
              <w:t>}</w:t>
            </w:r>
          </w:p>
          <w:p w:rsidR="00156FB3" w:rsidRDefault="00156FB3" w:rsidP="00156FB3"/>
          <w:p w:rsidR="00156FB3" w:rsidRDefault="00156FB3" w:rsidP="00156FB3">
            <w:r>
              <w:t>.fa-tencent-weibo:before {</w:t>
            </w:r>
          </w:p>
          <w:p w:rsidR="00156FB3" w:rsidRDefault="00156FB3" w:rsidP="00156FB3">
            <w:r>
              <w:t xml:space="preserve">    content: "\f1d5";</w:t>
            </w:r>
          </w:p>
          <w:p w:rsidR="00156FB3" w:rsidRDefault="00156FB3" w:rsidP="00156FB3">
            <w:r>
              <w:t>}</w:t>
            </w:r>
          </w:p>
          <w:p w:rsidR="00156FB3" w:rsidRDefault="00156FB3" w:rsidP="00156FB3"/>
          <w:p w:rsidR="00156FB3" w:rsidRDefault="00156FB3" w:rsidP="00156FB3">
            <w:r>
              <w:t>.fa-tenge:before {</w:t>
            </w:r>
          </w:p>
          <w:p w:rsidR="00156FB3" w:rsidRDefault="00156FB3" w:rsidP="00156FB3">
            <w:r>
              <w:lastRenderedPageBreak/>
              <w:t xml:space="preserve">    content: "\f7d7";</w:t>
            </w:r>
          </w:p>
          <w:p w:rsidR="00156FB3" w:rsidRDefault="00156FB3" w:rsidP="00156FB3">
            <w:r>
              <w:t>}</w:t>
            </w:r>
          </w:p>
          <w:p w:rsidR="00156FB3" w:rsidRDefault="00156FB3" w:rsidP="00156FB3"/>
          <w:p w:rsidR="00156FB3" w:rsidRDefault="00156FB3" w:rsidP="00156FB3">
            <w:r>
              <w:t>.fa-terminal:before {</w:t>
            </w:r>
          </w:p>
          <w:p w:rsidR="00156FB3" w:rsidRDefault="00156FB3" w:rsidP="00156FB3">
            <w:r>
              <w:t xml:space="preserve">    content: "\f120";</w:t>
            </w:r>
          </w:p>
          <w:p w:rsidR="00156FB3" w:rsidRDefault="00156FB3" w:rsidP="00156FB3">
            <w:r>
              <w:t>}</w:t>
            </w:r>
          </w:p>
          <w:p w:rsidR="00156FB3" w:rsidRDefault="00156FB3" w:rsidP="00156FB3"/>
          <w:p w:rsidR="00156FB3" w:rsidRDefault="00156FB3" w:rsidP="00156FB3">
            <w:r>
              <w:t>.fa-text-height:before {</w:t>
            </w:r>
          </w:p>
          <w:p w:rsidR="00156FB3" w:rsidRDefault="00156FB3" w:rsidP="00156FB3">
            <w:r>
              <w:t xml:space="preserve">    content: "\f034";</w:t>
            </w:r>
          </w:p>
          <w:p w:rsidR="00156FB3" w:rsidRDefault="00156FB3" w:rsidP="00156FB3">
            <w:r>
              <w:t>}</w:t>
            </w:r>
          </w:p>
          <w:p w:rsidR="00156FB3" w:rsidRDefault="00156FB3" w:rsidP="00156FB3"/>
          <w:p w:rsidR="00156FB3" w:rsidRDefault="00156FB3" w:rsidP="00156FB3">
            <w:r>
              <w:t>.fa-text-width:before {</w:t>
            </w:r>
          </w:p>
          <w:p w:rsidR="00156FB3" w:rsidRDefault="00156FB3" w:rsidP="00156FB3">
            <w:r>
              <w:t xml:space="preserve">    content: "\f035";</w:t>
            </w:r>
          </w:p>
          <w:p w:rsidR="00156FB3" w:rsidRDefault="00156FB3" w:rsidP="00156FB3">
            <w:r>
              <w:t>}</w:t>
            </w:r>
          </w:p>
          <w:p w:rsidR="00156FB3" w:rsidRDefault="00156FB3" w:rsidP="00156FB3"/>
          <w:p w:rsidR="00156FB3" w:rsidRDefault="00156FB3" w:rsidP="00156FB3">
            <w:r>
              <w:t>.fa-th:before {</w:t>
            </w:r>
          </w:p>
          <w:p w:rsidR="00156FB3" w:rsidRDefault="00156FB3" w:rsidP="00156FB3">
            <w:r>
              <w:t xml:space="preserve">    content: "\f00a";</w:t>
            </w:r>
          </w:p>
          <w:p w:rsidR="00156FB3" w:rsidRDefault="00156FB3" w:rsidP="00156FB3">
            <w:r>
              <w:t>}</w:t>
            </w:r>
          </w:p>
          <w:p w:rsidR="00156FB3" w:rsidRDefault="00156FB3" w:rsidP="00156FB3"/>
          <w:p w:rsidR="00156FB3" w:rsidRDefault="00156FB3" w:rsidP="00156FB3">
            <w:r>
              <w:t>.fa-th-large:before {</w:t>
            </w:r>
          </w:p>
          <w:p w:rsidR="00156FB3" w:rsidRDefault="00156FB3" w:rsidP="00156FB3">
            <w:r>
              <w:t xml:space="preserve">    content: "\f009";</w:t>
            </w:r>
          </w:p>
          <w:p w:rsidR="00156FB3" w:rsidRDefault="00156FB3" w:rsidP="00156FB3">
            <w:r>
              <w:t>}</w:t>
            </w:r>
          </w:p>
          <w:p w:rsidR="00156FB3" w:rsidRDefault="00156FB3" w:rsidP="00156FB3"/>
          <w:p w:rsidR="00156FB3" w:rsidRDefault="00156FB3" w:rsidP="00156FB3">
            <w:r>
              <w:t>.fa-th-list:before {</w:t>
            </w:r>
          </w:p>
          <w:p w:rsidR="00156FB3" w:rsidRDefault="00156FB3" w:rsidP="00156FB3">
            <w:r>
              <w:t xml:space="preserve">    content: "\f00b";</w:t>
            </w:r>
          </w:p>
          <w:p w:rsidR="00156FB3" w:rsidRDefault="00156FB3" w:rsidP="00156FB3">
            <w:r>
              <w:t>}</w:t>
            </w:r>
          </w:p>
          <w:p w:rsidR="00156FB3" w:rsidRDefault="00156FB3" w:rsidP="00156FB3"/>
          <w:p w:rsidR="00156FB3" w:rsidRDefault="00156FB3" w:rsidP="00156FB3">
            <w:r>
              <w:t>.fa-the-red-yeti:before {</w:t>
            </w:r>
          </w:p>
          <w:p w:rsidR="00156FB3" w:rsidRDefault="00156FB3" w:rsidP="00156FB3">
            <w:r>
              <w:t xml:space="preserve">    content: "\f69d";</w:t>
            </w:r>
          </w:p>
          <w:p w:rsidR="00156FB3" w:rsidRDefault="00156FB3" w:rsidP="00156FB3">
            <w:r>
              <w:t>}</w:t>
            </w:r>
          </w:p>
          <w:p w:rsidR="00156FB3" w:rsidRDefault="00156FB3" w:rsidP="00156FB3"/>
          <w:p w:rsidR="00156FB3" w:rsidRDefault="00156FB3" w:rsidP="00156FB3">
            <w:r>
              <w:t>.fa-theater-masks:before {</w:t>
            </w:r>
          </w:p>
          <w:p w:rsidR="00156FB3" w:rsidRDefault="00156FB3" w:rsidP="00156FB3">
            <w:r>
              <w:t xml:space="preserve">    content: "\f630";</w:t>
            </w:r>
          </w:p>
          <w:p w:rsidR="00156FB3" w:rsidRDefault="00156FB3" w:rsidP="00156FB3">
            <w:r>
              <w:t>}</w:t>
            </w:r>
          </w:p>
          <w:p w:rsidR="00156FB3" w:rsidRDefault="00156FB3" w:rsidP="00156FB3"/>
          <w:p w:rsidR="00156FB3" w:rsidRDefault="00156FB3" w:rsidP="00156FB3">
            <w:r>
              <w:t>.fa-themeco:before {</w:t>
            </w:r>
          </w:p>
          <w:p w:rsidR="00156FB3" w:rsidRDefault="00156FB3" w:rsidP="00156FB3">
            <w:r>
              <w:t xml:space="preserve">    content: "\f5c6";</w:t>
            </w:r>
          </w:p>
          <w:p w:rsidR="00156FB3" w:rsidRDefault="00156FB3" w:rsidP="00156FB3">
            <w:r>
              <w:t>}</w:t>
            </w:r>
          </w:p>
          <w:p w:rsidR="00156FB3" w:rsidRDefault="00156FB3" w:rsidP="00156FB3"/>
          <w:p w:rsidR="00156FB3" w:rsidRDefault="00156FB3" w:rsidP="00156FB3">
            <w:r>
              <w:t>.fa-themeisle:before {</w:t>
            </w:r>
          </w:p>
          <w:p w:rsidR="00156FB3" w:rsidRDefault="00156FB3" w:rsidP="00156FB3">
            <w:r>
              <w:t xml:space="preserve">    content: "\f2b2";</w:t>
            </w:r>
          </w:p>
          <w:p w:rsidR="00156FB3" w:rsidRDefault="00156FB3" w:rsidP="00156FB3">
            <w:r>
              <w:t>}</w:t>
            </w:r>
          </w:p>
          <w:p w:rsidR="00156FB3" w:rsidRDefault="00156FB3" w:rsidP="00156FB3"/>
          <w:p w:rsidR="00156FB3" w:rsidRDefault="00156FB3" w:rsidP="00156FB3">
            <w:r>
              <w:t>.fa-thermometer:before {</w:t>
            </w:r>
          </w:p>
          <w:p w:rsidR="00156FB3" w:rsidRDefault="00156FB3" w:rsidP="00156FB3">
            <w:r>
              <w:t xml:space="preserve">    content: "\f491";</w:t>
            </w:r>
          </w:p>
          <w:p w:rsidR="00156FB3" w:rsidRDefault="00156FB3" w:rsidP="00156FB3">
            <w:r>
              <w:t>}</w:t>
            </w:r>
          </w:p>
          <w:p w:rsidR="00156FB3" w:rsidRDefault="00156FB3" w:rsidP="00156FB3"/>
          <w:p w:rsidR="00156FB3" w:rsidRDefault="00156FB3" w:rsidP="00156FB3">
            <w:r>
              <w:t>.fa-thermometer-empty:before {</w:t>
            </w:r>
          </w:p>
          <w:p w:rsidR="00156FB3" w:rsidRDefault="00156FB3" w:rsidP="00156FB3">
            <w:r>
              <w:lastRenderedPageBreak/>
              <w:t xml:space="preserve">    content: "\f2cb";</w:t>
            </w:r>
          </w:p>
          <w:p w:rsidR="00156FB3" w:rsidRDefault="00156FB3" w:rsidP="00156FB3">
            <w:r>
              <w:t>}</w:t>
            </w:r>
          </w:p>
          <w:p w:rsidR="00156FB3" w:rsidRDefault="00156FB3" w:rsidP="00156FB3"/>
          <w:p w:rsidR="00156FB3" w:rsidRDefault="00156FB3" w:rsidP="00156FB3">
            <w:r>
              <w:t>.fa-thermometer-full:before {</w:t>
            </w:r>
          </w:p>
          <w:p w:rsidR="00156FB3" w:rsidRDefault="00156FB3" w:rsidP="00156FB3">
            <w:r>
              <w:t xml:space="preserve">    content: "\f2c7";</w:t>
            </w:r>
          </w:p>
          <w:p w:rsidR="00156FB3" w:rsidRDefault="00156FB3" w:rsidP="00156FB3">
            <w:r>
              <w:t>}</w:t>
            </w:r>
          </w:p>
          <w:p w:rsidR="00156FB3" w:rsidRDefault="00156FB3" w:rsidP="00156FB3"/>
          <w:p w:rsidR="00156FB3" w:rsidRDefault="00156FB3" w:rsidP="00156FB3">
            <w:r>
              <w:t>.fa-thermometer-half:before {</w:t>
            </w:r>
          </w:p>
          <w:p w:rsidR="00156FB3" w:rsidRDefault="00156FB3" w:rsidP="00156FB3">
            <w:r>
              <w:t xml:space="preserve">    content: "\f2c9";</w:t>
            </w:r>
          </w:p>
          <w:p w:rsidR="00156FB3" w:rsidRDefault="00156FB3" w:rsidP="00156FB3">
            <w:r>
              <w:t>}</w:t>
            </w:r>
          </w:p>
          <w:p w:rsidR="00156FB3" w:rsidRDefault="00156FB3" w:rsidP="00156FB3"/>
          <w:p w:rsidR="00156FB3" w:rsidRDefault="00156FB3" w:rsidP="00156FB3">
            <w:r>
              <w:t>.fa-thermometer-quarter:before {</w:t>
            </w:r>
          </w:p>
          <w:p w:rsidR="00156FB3" w:rsidRDefault="00156FB3" w:rsidP="00156FB3">
            <w:r>
              <w:t xml:space="preserve">    content: "\f2ca";</w:t>
            </w:r>
          </w:p>
          <w:p w:rsidR="00156FB3" w:rsidRDefault="00156FB3" w:rsidP="00156FB3">
            <w:r>
              <w:t>}</w:t>
            </w:r>
          </w:p>
          <w:p w:rsidR="00156FB3" w:rsidRDefault="00156FB3" w:rsidP="00156FB3"/>
          <w:p w:rsidR="00156FB3" w:rsidRDefault="00156FB3" w:rsidP="00156FB3">
            <w:r>
              <w:t>.fa-thermometer-three-quarters:before {</w:t>
            </w:r>
          </w:p>
          <w:p w:rsidR="00156FB3" w:rsidRDefault="00156FB3" w:rsidP="00156FB3">
            <w:r>
              <w:t xml:space="preserve">    content: "\f2c8";</w:t>
            </w:r>
          </w:p>
          <w:p w:rsidR="00156FB3" w:rsidRDefault="00156FB3" w:rsidP="00156FB3">
            <w:r>
              <w:t>}</w:t>
            </w:r>
          </w:p>
          <w:p w:rsidR="00156FB3" w:rsidRDefault="00156FB3" w:rsidP="00156FB3"/>
          <w:p w:rsidR="00156FB3" w:rsidRDefault="00156FB3" w:rsidP="00156FB3">
            <w:r>
              <w:t>.fa-think-peaks:before {</w:t>
            </w:r>
          </w:p>
          <w:p w:rsidR="00156FB3" w:rsidRDefault="00156FB3" w:rsidP="00156FB3">
            <w:r>
              <w:t xml:space="preserve">    content: "\f731";</w:t>
            </w:r>
          </w:p>
          <w:p w:rsidR="00156FB3" w:rsidRDefault="00156FB3" w:rsidP="00156FB3">
            <w:r>
              <w:t>}</w:t>
            </w:r>
          </w:p>
          <w:p w:rsidR="00156FB3" w:rsidRDefault="00156FB3" w:rsidP="00156FB3"/>
          <w:p w:rsidR="00156FB3" w:rsidRDefault="00156FB3" w:rsidP="00156FB3">
            <w:r>
              <w:t>.fa-thumbs-down:before {</w:t>
            </w:r>
          </w:p>
          <w:p w:rsidR="00156FB3" w:rsidRDefault="00156FB3" w:rsidP="00156FB3">
            <w:r>
              <w:t xml:space="preserve">    content: "\f165";</w:t>
            </w:r>
          </w:p>
          <w:p w:rsidR="00156FB3" w:rsidRDefault="00156FB3" w:rsidP="00156FB3">
            <w:r>
              <w:t>}</w:t>
            </w:r>
          </w:p>
          <w:p w:rsidR="00156FB3" w:rsidRDefault="00156FB3" w:rsidP="00156FB3"/>
          <w:p w:rsidR="00156FB3" w:rsidRDefault="00156FB3" w:rsidP="00156FB3">
            <w:r>
              <w:t>.fa-thumbs-up:before {</w:t>
            </w:r>
          </w:p>
          <w:p w:rsidR="00156FB3" w:rsidRDefault="00156FB3" w:rsidP="00156FB3">
            <w:r>
              <w:t xml:space="preserve">    content: "\f164";</w:t>
            </w:r>
          </w:p>
          <w:p w:rsidR="00156FB3" w:rsidRDefault="00156FB3" w:rsidP="00156FB3">
            <w:r>
              <w:t>}</w:t>
            </w:r>
          </w:p>
          <w:p w:rsidR="00156FB3" w:rsidRDefault="00156FB3" w:rsidP="00156FB3"/>
          <w:p w:rsidR="00156FB3" w:rsidRDefault="00156FB3" w:rsidP="00156FB3">
            <w:r>
              <w:t>.fa-thumbtack:before {</w:t>
            </w:r>
          </w:p>
          <w:p w:rsidR="00156FB3" w:rsidRDefault="00156FB3" w:rsidP="00156FB3">
            <w:r>
              <w:t xml:space="preserve">    content: "\f08d";</w:t>
            </w:r>
          </w:p>
          <w:p w:rsidR="00156FB3" w:rsidRDefault="00156FB3" w:rsidP="00156FB3">
            <w:r>
              <w:t>}</w:t>
            </w:r>
          </w:p>
          <w:p w:rsidR="00156FB3" w:rsidRDefault="00156FB3" w:rsidP="00156FB3"/>
          <w:p w:rsidR="00156FB3" w:rsidRDefault="00156FB3" w:rsidP="00156FB3">
            <w:r>
              <w:t>.fa-ticket-alt:before {</w:t>
            </w:r>
          </w:p>
          <w:p w:rsidR="00156FB3" w:rsidRDefault="00156FB3" w:rsidP="00156FB3">
            <w:r>
              <w:t xml:space="preserve">    content: "\f3ff";</w:t>
            </w:r>
          </w:p>
          <w:p w:rsidR="00156FB3" w:rsidRDefault="00156FB3" w:rsidP="00156FB3">
            <w:r>
              <w:t>}</w:t>
            </w:r>
          </w:p>
          <w:p w:rsidR="00156FB3" w:rsidRDefault="00156FB3" w:rsidP="00156FB3"/>
          <w:p w:rsidR="00156FB3" w:rsidRDefault="00156FB3" w:rsidP="00156FB3">
            <w:r>
              <w:t>.fa-times:before {</w:t>
            </w:r>
          </w:p>
          <w:p w:rsidR="00156FB3" w:rsidRDefault="00156FB3" w:rsidP="00156FB3">
            <w:r>
              <w:t xml:space="preserve">    content: "\f00d";</w:t>
            </w:r>
          </w:p>
          <w:p w:rsidR="00156FB3" w:rsidRDefault="00156FB3" w:rsidP="00156FB3">
            <w:r>
              <w:t>}</w:t>
            </w:r>
          </w:p>
          <w:p w:rsidR="00156FB3" w:rsidRDefault="00156FB3" w:rsidP="00156FB3"/>
          <w:p w:rsidR="00156FB3" w:rsidRDefault="00156FB3" w:rsidP="00156FB3">
            <w:r>
              <w:t>.fa-times-circle:before {</w:t>
            </w:r>
          </w:p>
          <w:p w:rsidR="00156FB3" w:rsidRDefault="00156FB3" w:rsidP="00156FB3">
            <w:r>
              <w:t xml:space="preserve">    content: "\f057";</w:t>
            </w:r>
          </w:p>
          <w:p w:rsidR="00156FB3" w:rsidRDefault="00156FB3" w:rsidP="00156FB3">
            <w:r>
              <w:t>}</w:t>
            </w:r>
          </w:p>
          <w:p w:rsidR="00156FB3" w:rsidRDefault="00156FB3" w:rsidP="00156FB3"/>
          <w:p w:rsidR="00156FB3" w:rsidRDefault="00156FB3" w:rsidP="00156FB3">
            <w:r>
              <w:t>.fa-tint:before {</w:t>
            </w:r>
          </w:p>
          <w:p w:rsidR="00156FB3" w:rsidRDefault="00156FB3" w:rsidP="00156FB3">
            <w:r>
              <w:lastRenderedPageBreak/>
              <w:t xml:space="preserve">    content: "\f043";</w:t>
            </w:r>
          </w:p>
          <w:p w:rsidR="00156FB3" w:rsidRDefault="00156FB3" w:rsidP="00156FB3">
            <w:r>
              <w:t>}</w:t>
            </w:r>
          </w:p>
          <w:p w:rsidR="00156FB3" w:rsidRDefault="00156FB3" w:rsidP="00156FB3"/>
          <w:p w:rsidR="00156FB3" w:rsidRDefault="00156FB3" w:rsidP="00156FB3">
            <w:r>
              <w:t>.fa-tint-slash:before {</w:t>
            </w:r>
          </w:p>
          <w:p w:rsidR="00156FB3" w:rsidRDefault="00156FB3" w:rsidP="00156FB3">
            <w:r>
              <w:t xml:space="preserve">    content: "\f5c7";</w:t>
            </w:r>
          </w:p>
          <w:p w:rsidR="00156FB3" w:rsidRDefault="00156FB3" w:rsidP="00156FB3">
            <w:r>
              <w:t>}</w:t>
            </w:r>
          </w:p>
          <w:p w:rsidR="00156FB3" w:rsidRDefault="00156FB3" w:rsidP="00156FB3"/>
          <w:p w:rsidR="00156FB3" w:rsidRDefault="00156FB3" w:rsidP="00156FB3">
            <w:r>
              <w:t>.fa-tired:before {</w:t>
            </w:r>
          </w:p>
          <w:p w:rsidR="00156FB3" w:rsidRDefault="00156FB3" w:rsidP="00156FB3">
            <w:r>
              <w:t xml:space="preserve">    content: "\f5c8";</w:t>
            </w:r>
          </w:p>
          <w:p w:rsidR="00156FB3" w:rsidRDefault="00156FB3" w:rsidP="00156FB3">
            <w:r>
              <w:t>}</w:t>
            </w:r>
          </w:p>
          <w:p w:rsidR="00156FB3" w:rsidRDefault="00156FB3" w:rsidP="00156FB3"/>
          <w:p w:rsidR="00156FB3" w:rsidRDefault="00156FB3" w:rsidP="00156FB3">
            <w:r>
              <w:t>.fa-toggle-off:before {</w:t>
            </w:r>
          </w:p>
          <w:p w:rsidR="00156FB3" w:rsidRDefault="00156FB3" w:rsidP="00156FB3">
            <w:r>
              <w:t xml:space="preserve">    content: "\f204";</w:t>
            </w:r>
          </w:p>
          <w:p w:rsidR="00156FB3" w:rsidRDefault="00156FB3" w:rsidP="00156FB3">
            <w:r>
              <w:t>}</w:t>
            </w:r>
          </w:p>
          <w:p w:rsidR="00156FB3" w:rsidRDefault="00156FB3" w:rsidP="00156FB3"/>
          <w:p w:rsidR="00156FB3" w:rsidRDefault="00156FB3" w:rsidP="00156FB3">
            <w:r>
              <w:t>.fa-toggle-on:before {</w:t>
            </w:r>
          </w:p>
          <w:p w:rsidR="00156FB3" w:rsidRDefault="00156FB3" w:rsidP="00156FB3">
            <w:r>
              <w:t xml:space="preserve">    content: "\f205";</w:t>
            </w:r>
          </w:p>
          <w:p w:rsidR="00156FB3" w:rsidRDefault="00156FB3" w:rsidP="00156FB3">
            <w:r>
              <w:t>}</w:t>
            </w:r>
          </w:p>
          <w:p w:rsidR="00156FB3" w:rsidRDefault="00156FB3" w:rsidP="00156FB3"/>
          <w:p w:rsidR="00156FB3" w:rsidRDefault="00156FB3" w:rsidP="00156FB3">
            <w:r>
              <w:t>.fa-toilet:before {</w:t>
            </w:r>
          </w:p>
          <w:p w:rsidR="00156FB3" w:rsidRDefault="00156FB3" w:rsidP="00156FB3">
            <w:r>
              <w:t xml:space="preserve">    content: "\f7d8";</w:t>
            </w:r>
          </w:p>
          <w:p w:rsidR="00156FB3" w:rsidRDefault="00156FB3" w:rsidP="00156FB3">
            <w:r>
              <w:t>}</w:t>
            </w:r>
          </w:p>
          <w:p w:rsidR="00156FB3" w:rsidRDefault="00156FB3" w:rsidP="00156FB3"/>
          <w:p w:rsidR="00156FB3" w:rsidRDefault="00156FB3" w:rsidP="00156FB3">
            <w:r>
              <w:t>.fa-toilet-paper:before {</w:t>
            </w:r>
          </w:p>
          <w:p w:rsidR="00156FB3" w:rsidRDefault="00156FB3" w:rsidP="00156FB3">
            <w:r>
              <w:t xml:space="preserve">    content: "\f71e";</w:t>
            </w:r>
          </w:p>
          <w:p w:rsidR="00156FB3" w:rsidRDefault="00156FB3" w:rsidP="00156FB3">
            <w:r>
              <w:t>}</w:t>
            </w:r>
          </w:p>
          <w:p w:rsidR="00156FB3" w:rsidRDefault="00156FB3" w:rsidP="00156FB3"/>
          <w:p w:rsidR="00156FB3" w:rsidRDefault="00156FB3" w:rsidP="00156FB3">
            <w:r>
              <w:t>.fa-toilet-paper-slash:before {</w:t>
            </w:r>
          </w:p>
          <w:p w:rsidR="00156FB3" w:rsidRDefault="00156FB3" w:rsidP="00156FB3">
            <w:r>
              <w:t xml:space="preserve">    content: "\f972";</w:t>
            </w:r>
          </w:p>
          <w:p w:rsidR="00156FB3" w:rsidRDefault="00156FB3" w:rsidP="00156FB3">
            <w:r>
              <w:t>}</w:t>
            </w:r>
          </w:p>
          <w:p w:rsidR="00156FB3" w:rsidRDefault="00156FB3" w:rsidP="00156FB3"/>
          <w:p w:rsidR="00156FB3" w:rsidRDefault="00156FB3" w:rsidP="00156FB3">
            <w:r>
              <w:t>.fa-toolbox:before {</w:t>
            </w:r>
          </w:p>
          <w:p w:rsidR="00156FB3" w:rsidRDefault="00156FB3" w:rsidP="00156FB3">
            <w:r>
              <w:t xml:space="preserve">    content: "\f552";</w:t>
            </w:r>
          </w:p>
          <w:p w:rsidR="00156FB3" w:rsidRDefault="00156FB3" w:rsidP="00156FB3">
            <w:r>
              <w:t>}</w:t>
            </w:r>
          </w:p>
          <w:p w:rsidR="00156FB3" w:rsidRDefault="00156FB3" w:rsidP="00156FB3"/>
          <w:p w:rsidR="00156FB3" w:rsidRDefault="00156FB3" w:rsidP="00156FB3">
            <w:r>
              <w:t>.fa-tools:before {</w:t>
            </w:r>
          </w:p>
          <w:p w:rsidR="00156FB3" w:rsidRDefault="00156FB3" w:rsidP="00156FB3">
            <w:r>
              <w:t xml:space="preserve">    content: "\f7d9";</w:t>
            </w:r>
          </w:p>
          <w:p w:rsidR="00156FB3" w:rsidRDefault="00156FB3" w:rsidP="00156FB3">
            <w:r>
              <w:t>}</w:t>
            </w:r>
          </w:p>
          <w:p w:rsidR="00156FB3" w:rsidRDefault="00156FB3" w:rsidP="00156FB3"/>
          <w:p w:rsidR="00156FB3" w:rsidRDefault="00156FB3" w:rsidP="00156FB3">
            <w:r>
              <w:t>.fa-tooth:before {</w:t>
            </w:r>
          </w:p>
          <w:p w:rsidR="00156FB3" w:rsidRDefault="00156FB3" w:rsidP="00156FB3">
            <w:r>
              <w:t xml:space="preserve">    content: "\f5c9";</w:t>
            </w:r>
          </w:p>
          <w:p w:rsidR="00156FB3" w:rsidRDefault="00156FB3" w:rsidP="00156FB3">
            <w:r>
              <w:t>}</w:t>
            </w:r>
          </w:p>
          <w:p w:rsidR="00156FB3" w:rsidRDefault="00156FB3" w:rsidP="00156FB3"/>
          <w:p w:rsidR="00156FB3" w:rsidRDefault="00156FB3" w:rsidP="00156FB3">
            <w:r>
              <w:t>.fa-torah:before {</w:t>
            </w:r>
          </w:p>
          <w:p w:rsidR="00156FB3" w:rsidRDefault="00156FB3" w:rsidP="00156FB3">
            <w:r>
              <w:t xml:space="preserve">    content: "\f6a0";</w:t>
            </w:r>
          </w:p>
          <w:p w:rsidR="00156FB3" w:rsidRDefault="00156FB3" w:rsidP="00156FB3">
            <w:r>
              <w:t>}</w:t>
            </w:r>
          </w:p>
          <w:p w:rsidR="00156FB3" w:rsidRDefault="00156FB3" w:rsidP="00156FB3"/>
          <w:p w:rsidR="00156FB3" w:rsidRDefault="00156FB3" w:rsidP="00156FB3">
            <w:r>
              <w:t>.fa-torii-gate:before {</w:t>
            </w:r>
          </w:p>
          <w:p w:rsidR="00156FB3" w:rsidRDefault="00156FB3" w:rsidP="00156FB3">
            <w:r>
              <w:lastRenderedPageBreak/>
              <w:t xml:space="preserve">    content: "\f6a1";</w:t>
            </w:r>
          </w:p>
          <w:p w:rsidR="00156FB3" w:rsidRDefault="00156FB3" w:rsidP="00156FB3">
            <w:r>
              <w:t>}</w:t>
            </w:r>
          </w:p>
          <w:p w:rsidR="00156FB3" w:rsidRDefault="00156FB3" w:rsidP="00156FB3"/>
          <w:p w:rsidR="00156FB3" w:rsidRDefault="00156FB3" w:rsidP="00156FB3">
            <w:r>
              <w:t>.fa-tractor:before {</w:t>
            </w:r>
          </w:p>
          <w:p w:rsidR="00156FB3" w:rsidRDefault="00156FB3" w:rsidP="00156FB3">
            <w:r>
              <w:t xml:space="preserve">    content: "\f722";</w:t>
            </w:r>
          </w:p>
          <w:p w:rsidR="00156FB3" w:rsidRDefault="00156FB3" w:rsidP="00156FB3">
            <w:r>
              <w:t>}</w:t>
            </w:r>
          </w:p>
          <w:p w:rsidR="00156FB3" w:rsidRDefault="00156FB3" w:rsidP="00156FB3"/>
          <w:p w:rsidR="00156FB3" w:rsidRDefault="00156FB3" w:rsidP="00156FB3">
            <w:r>
              <w:t>.fa-trade-federation:before {</w:t>
            </w:r>
          </w:p>
          <w:p w:rsidR="00156FB3" w:rsidRDefault="00156FB3" w:rsidP="00156FB3">
            <w:r>
              <w:t xml:space="preserve">    content: "\f513";</w:t>
            </w:r>
          </w:p>
          <w:p w:rsidR="00156FB3" w:rsidRDefault="00156FB3" w:rsidP="00156FB3">
            <w:r>
              <w:t>}</w:t>
            </w:r>
          </w:p>
          <w:p w:rsidR="00156FB3" w:rsidRDefault="00156FB3" w:rsidP="00156FB3"/>
          <w:p w:rsidR="00156FB3" w:rsidRDefault="00156FB3" w:rsidP="00156FB3">
            <w:r>
              <w:t>.fa-trademark:before {</w:t>
            </w:r>
          </w:p>
          <w:p w:rsidR="00156FB3" w:rsidRDefault="00156FB3" w:rsidP="00156FB3">
            <w:r>
              <w:t xml:space="preserve">    content: "\f25c";</w:t>
            </w:r>
          </w:p>
          <w:p w:rsidR="00156FB3" w:rsidRDefault="00156FB3" w:rsidP="00156FB3">
            <w:r>
              <w:t>}</w:t>
            </w:r>
          </w:p>
          <w:p w:rsidR="00156FB3" w:rsidRDefault="00156FB3" w:rsidP="00156FB3"/>
          <w:p w:rsidR="00156FB3" w:rsidRDefault="00156FB3" w:rsidP="00156FB3">
            <w:r>
              <w:t>.fa-traffic-light:before {</w:t>
            </w:r>
          </w:p>
          <w:p w:rsidR="00156FB3" w:rsidRDefault="00156FB3" w:rsidP="00156FB3">
            <w:r>
              <w:t xml:space="preserve">    content: "\f637";</w:t>
            </w:r>
          </w:p>
          <w:p w:rsidR="00156FB3" w:rsidRDefault="00156FB3" w:rsidP="00156FB3">
            <w:r>
              <w:t>}</w:t>
            </w:r>
          </w:p>
          <w:p w:rsidR="00156FB3" w:rsidRDefault="00156FB3" w:rsidP="00156FB3"/>
          <w:p w:rsidR="00156FB3" w:rsidRDefault="00156FB3" w:rsidP="00156FB3">
            <w:r>
              <w:t>.fa-trailer:before {</w:t>
            </w:r>
          </w:p>
          <w:p w:rsidR="00156FB3" w:rsidRDefault="00156FB3" w:rsidP="00156FB3">
            <w:r>
              <w:t xml:space="preserve">    content: "\f941";</w:t>
            </w:r>
          </w:p>
          <w:p w:rsidR="00156FB3" w:rsidRDefault="00156FB3" w:rsidP="00156FB3">
            <w:r>
              <w:t>}</w:t>
            </w:r>
          </w:p>
          <w:p w:rsidR="00156FB3" w:rsidRDefault="00156FB3" w:rsidP="00156FB3"/>
          <w:p w:rsidR="00156FB3" w:rsidRDefault="00156FB3" w:rsidP="00156FB3">
            <w:r>
              <w:t>.fa-train:before {</w:t>
            </w:r>
          </w:p>
          <w:p w:rsidR="00156FB3" w:rsidRDefault="00156FB3" w:rsidP="00156FB3">
            <w:r>
              <w:t xml:space="preserve">    content: "\f238";</w:t>
            </w:r>
          </w:p>
          <w:p w:rsidR="00156FB3" w:rsidRDefault="00156FB3" w:rsidP="00156FB3">
            <w:r>
              <w:t>}</w:t>
            </w:r>
          </w:p>
          <w:p w:rsidR="00156FB3" w:rsidRDefault="00156FB3" w:rsidP="00156FB3"/>
          <w:p w:rsidR="00156FB3" w:rsidRDefault="00156FB3" w:rsidP="00156FB3">
            <w:r>
              <w:t>.fa-tram:before {</w:t>
            </w:r>
          </w:p>
          <w:p w:rsidR="00156FB3" w:rsidRDefault="00156FB3" w:rsidP="00156FB3">
            <w:r>
              <w:t xml:space="preserve">    content: "\f7da";</w:t>
            </w:r>
          </w:p>
          <w:p w:rsidR="00156FB3" w:rsidRDefault="00156FB3" w:rsidP="00156FB3">
            <w:r>
              <w:t>}</w:t>
            </w:r>
          </w:p>
          <w:p w:rsidR="00156FB3" w:rsidRDefault="00156FB3" w:rsidP="00156FB3"/>
          <w:p w:rsidR="00156FB3" w:rsidRDefault="00156FB3" w:rsidP="00156FB3">
            <w:r>
              <w:t>.fa-transgender:before {</w:t>
            </w:r>
          </w:p>
          <w:p w:rsidR="00156FB3" w:rsidRDefault="00156FB3" w:rsidP="00156FB3">
            <w:r>
              <w:t xml:space="preserve">    content: "\f224";</w:t>
            </w:r>
          </w:p>
          <w:p w:rsidR="00156FB3" w:rsidRDefault="00156FB3" w:rsidP="00156FB3">
            <w:r>
              <w:t>}</w:t>
            </w:r>
          </w:p>
          <w:p w:rsidR="00156FB3" w:rsidRDefault="00156FB3" w:rsidP="00156FB3"/>
          <w:p w:rsidR="00156FB3" w:rsidRDefault="00156FB3" w:rsidP="00156FB3">
            <w:r>
              <w:t>.fa-transgender-alt:before {</w:t>
            </w:r>
          </w:p>
          <w:p w:rsidR="00156FB3" w:rsidRDefault="00156FB3" w:rsidP="00156FB3">
            <w:r>
              <w:t xml:space="preserve">    content: "\f225";</w:t>
            </w:r>
          </w:p>
          <w:p w:rsidR="00156FB3" w:rsidRDefault="00156FB3" w:rsidP="00156FB3">
            <w:r>
              <w:t>}</w:t>
            </w:r>
          </w:p>
          <w:p w:rsidR="00156FB3" w:rsidRDefault="00156FB3" w:rsidP="00156FB3"/>
          <w:p w:rsidR="00156FB3" w:rsidRDefault="00156FB3" w:rsidP="00156FB3">
            <w:r>
              <w:t>.fa-trash:before {</w:t>
            </w:r>
          </w:p>
          <w:p w:rsidR="00156FB3" w:rsidRDefault="00156FB3" w:rsidP="00156FB3">
            <w:r>
              <w:t xml:space="preserve">    content: "\f1f8";</w:t>
            </w:r>
          </w:p>
          <w:p w:rsidR="00156FB3" w:rsidRDefault="00156FB3" w:rsidP="00156FB3">
            <w:r>
              <w:t>}</w:t>
            </w:r>
          </w:p>
          <w:p w:rsidR="00156FB3" w:rsidRDefault="00156FB3" w:rsidP="00156FB3"/>
          <w:p w:rsidR="00156FB3" w:rsidRDefault="00156FB3" w:rsidP="00156FB3">
            <w:r>
              <w:t>.fa-trash-alt:before {</w:t>
            </w:r>
          </w:p>
          <w:p w:rsidR="00156FB3" w:rsidRDefault="00156FB3" w:rsidP="00156FB3">
            <w:r>
              <w:t xml:space="preserve">    content: "\f2ed";</w:t>
            </w:r>
          </w:p>
          <w:p w:rsidR="00156FB3" w:rsidRDefault="00156FB3" w:rsidP="00156FB3">
            <w:r>
              <w:t>}</w:t>
            </w:r>
          </w:p>
          <w:p w:rsidR="00156FB3" w:rsidRDefault="00156FB3" w:rsidP="00156FB3"/>
          <w:p w:rsidR="00156FB3" w:rsidRDefault="00156FB3" w:rsidP="00156FB3">
            <w:r>
              <w:t>.fa-trash-restore:before {</w:t>
            </w:r>
          </w:p>
          <w:p w:rsidR="00156FB3" w:rsidRDefault="00156FB3" w:rsidP="00156FB3">
            <w:r>
              <w:lastRenderedPageBreak/>
              <w:t xml:space="preserve">    content: "\f829";</w:t>
            </w:r>
          </w:p>
          <w:p w:rsidR="00156FB3" w:rsidRDefault="00156FB3" w:rsidP="00156FB3">
            <w:r>
              <w:t>}</w:t>
            </w:r>
          </w:p>
          <w:p w:rsidR="00156FB3" w:rsidRDefault="00156FB3" w:rsidP="00156FB3"/>
          <w:p w:rsidR="00156FB3" w:rsidRDefault="00156FB3" w:rsidP="00156FB3">
            <w:r>
              <w:t>.fa-trash-restore-alt:before {</w:t>
            </w:r>
          </w:p>
          <w:p w:rsidR="00156FB3" w:rsidRDefault="00156FB3" w:rsidP="00156FB3">
            <w:r>
              <w:t xml:space="preserve">    content: "\f82a";</w:t>
            </w:r>
          </w:p>
          <w:p w:rsidR="00156FB3" w:rsidRDefault="00156FB3" w:rsidP="00156FB3">
            <w:r>
              <w:t>}</w:t>
            </w:r>
          </w:p>
          <w:p w:rsidR="00156FB3" w:rsidRDefault="00156FB3" w:rsidP="00156FB3"/>
          <w:p w:rsidR="00156FB3" w:rsidRDefault="00156FB3" w:rsidP="00156FB3">
            <w:r>
              <w:t>.fa-tree:before {</w:t>
            </w:r>
          </w:p>
          <w:p w:rsidR="00156FB3" w:rsidRDefault="00156FB3" w:rsidP="00156FB3">
            <w:r>
              <w:t xml:space="preserve">    content: "\f1bb";</w:t>
            </w:r>
          </w:p>
          <w:p w:rsidR="00156FB3" w:rsidRDefault="00156FB3" w:rsidP="00156FB3">
            <w:r>
              <w:t>}</w:t>
            </w:r>
          </w:p>
          <w:p w:rsidR="00156FB3" w:rsidRDefault="00156FB3" w:rsidP="00156FB3"/>
          <w:p w:rsidR="00156FB3" w:rsidRDefault="00156FB3" w:rsidP="00156FB3">
            <w:r>
              <w:t>.fa-trello:before {</w:t>
            </w:r>
          </w:p>
          <w:p w:rsidR="00156FB3" w:rsidRDefault="00156FB3" w:rsidP="00156FB3">
            <w:r>
              <w:t xml:space="preserve">    content: "\f181";</w:t>
            </w:r>
          </w:p>
          <w:p w:rsidR="00156FB3" w:rsidRDefault="00156FB3" w:rsidP="00156FB3">
            <w:r>
              <w:t>}</w:t>
            </w:r>
          </w:p>
          <w:p w:rsidR="00156FB3" w:rsidRDefault="00156FB3" w:rsidP="00156FB3"/>
          <w:p w:rsidR="00156FB3" w:rsidRDefault="00156FB3" w:rsidP="00156FB3">
            <w:r>
              <w:t>.fa-tripadvisor:before {</w:t>
            </w:r>
          </w:p>
          <w:p w:rsidR="00156FB3" w:rsidRDefault="00156FB3" w:rsidP="00156FB3">
            <w:r>
              <w:t xml:space="preserve">    content: "\f262";</w:t>
            </w:r>
          </w:p>
          <w:p w:rsidR="00156FB3" w:rsidRDefault="00156FB3" w:rsidP="00156FB3">
            <w:r>
              <w:t>}</w:t>
            </w:r>
          </w:p>
          <w:p w:rsidR="00156FB3" w:rsidRDefault="00156FB3" w:rsidP="00156FB3"/>
          <w:p w:rsidR="00156FB3" w:rsidRDefault="00156FB3" w:rsidP="00156FB3">
            <w:r>
              <w:t>.fa-trophy:before {</w:t>
            </w:r>
          </w:p>
          <w:p w:rsidR="00156FB3" w:rsidRDefault="00156FB3" w:rsidP="00156FB3">
            <w:r>
              <w:t xml:space="preserve">    content: "\f091";</w:t>
            </w:r>
          </w:p>
          <w:p w:rsidR="00156FB3" w:rsidRDefault="00156FB3" w:rsidP="00156FB3">
            <w:r>
              <w:t>}</w:t>
            </w:r>
          </w:p>
          <w:p w:rsidR="00156FB3" w:rsidRDefault="00156FB3" w:rsidP="00156FB3"/>
          <w:p w:rsidR="00156FB3" w:rsidRDefault="00156FB3" w:rsidP="00156FB3">
            <w:r>
              <w:t>.fa-truck:before {</w:t>
            </w:r>
          </w:p>
          <w:p w:rsidR="00156FB3" w:rsidRDefault="00156FB3" w:rsidP="00156FB3">
            <w:r>
              <w:t xml:space="preserve">    content: "\f0d1";</w:t>
            </w:r>
          </w:p>
          <w:p w:rsidR="00156FB3" w:rsidRDefault="00156FB3" w:rsidP="00156FB3">
            <w:r>
              <w:t>}</w:t>
            </w:r>
          </w:p>
          <w:p w:rsidR="00156FB3" w:rsidRDefault="00156FB3" w:rsidP="00156FB3"/>
          <w:p w:rsidR="00156FB3" w:rsidRDefault="00156FB3" w:rsidP="00156FB3">
            <w:r>
              <w:t>.fa-truck-loading:before {</w:t>
            </w:r>
          </w:p>
          <w:p w:rsidR="00156FB3" w:rsidRDefault="00156FB3" w:rsidP="00156FB3">
            <w:r>
              <w:t xml:space="preserve">    content: "\f4de";</w:t>
            </w:r>
          </w:p>
          <w:p w:rsidR="00156FB3" w:rsidRDefault="00156FB3" w:rsidP="00156FB3">
            <w:r>
              <w:t>}</w:t>
            </w:r>
          </w:p>
          <w:p w:rsidR="00156FB3" w:rsidRDefault="00156FB3" w:rsidP="00156FB3"/>
          <w:p w:rsidR="00156FB3" w:rsidRDefault="00156FB3" w:rsidP="00156FB3">
            <w:r>
              <w:t>.fa-truck-monster:before {</w:t>
            </w:r>
          </w:p>
          <w:p w:rsidR="00156FB3" w:rsidRDefault="00156FB3" w:rsidP="00156FB3">
            <w:r>
              <w:t xml:space="preserve">    content: "\f63b";</w:t>
            </w:r>
          </w:p>
          <w:p w:rsidR="00156FB3" w:rsidRDefault="00156FB3" w:rsidP="00156FB3">
            <w:r>
              <w:t>}</w:t>
            </w:r>
          </w:p>
          <w:p w:rsidR="00156FB3" w:rsidRDefault="00156FB3" w:rsidP="00156FB3"/>
          <w:p w:rsidR="00156FB3" w:rsidRDefault="00156FB3" w:rsidP="00156FB3">
            <w:r>
              <w:t>.fa-truck-moving:before {</w:t>
            </w:r>
          </w:p>
          <w:p w:rsidR="00156FB3" w:rsidRDefault="00156FB3" w:rsidP="00156FB3">
            <w:r>
              <w:t xml:space="preserve">    content: "\f4df";</w:t>
            </w:r>
          </w:p>
          <w:p w:rsidR="00156FB3" w:rsidRDefault="00156FB3" w:rsidP="00156FB3">
            <w:r>
              <w:t>}</w:t>
            </w:r>
          </w:p>
          <w:p w:rsidR="00156FB3" w:rsidRDefault="00156FB3" w:rsidP="00156FB3"/>
          <w:p w:rsidR="00156FB3" w:rsidRDefault="00156FB3" w:rsidP="00156FB3">
            <w:r>
              <w:t>.fa-truck-pickup:before {</w:t>
            </w:r>
          </w:p>
          <w:p w:rsidR="00156FB3" w:rsidRDefault="00156FB3" w:rsidP="00156FB3">
            <w:r>
              <w:t xml:space="preserve">    content: "\f63c";</w:t>
            </w:r>
          </w:p>
          <w:p w:rsidR="00156FB3" w:rsidRDefault="00156FB3" w:rsidP="00156FB3">
            <w:r>
              <w:t>}</w:t>
            </w:r>
          </w:p>
          <w:p w:rsidR="00156FB3" w:rsidRDefault="00156FB3" w:rsidP="00156FB3"/>
          <w:p w:rsidR="00156FB3" w:rsidRDefault="00156FB3" w:rsidP="00156FB3">
            <w:r>
              <w:t>.fa-tshirt:before {</w:t>
            </w:r>
          </w:p>
          <w:p w:rsidR="00156FB3" w:rsidRDefault="00156FB3" w:rsidP="00156FB3">
            <w:r>
              <w:t xml:space="preserve">    content: "\f553";</w:t>
            </w:r>
          </w:p>
          <w:p w:rsidR="00156FB3" w:rsidRDefault="00156FB3" w:rsidP="00156FB3">
            <w:r>
              <w:t>}</w:t>
            </w:r>
          </w:p>
          <w:p w:rsidR="00156FB3" w:rsidRDefault="00156FB3" w:rsidP="00156FB3"/>
          <w:p w:rsidR="00156FB3" w:rsidRDefault="00156FB3" w:rsidP="00156FB3">
            <w:r>
              <w:t>.fa-tty:before {</w:t>
            </w:r>
          </w:p>
          <w:p w:rsidR="00156FB3" w:rsidRDefault="00156FB3" w:rsidP="00156FB3">
            <w:r>
              <w:lastRenderedPageBreak/>
              <w:t xml:space="preserve">    content: "\f1e4";</w:t>
            </w:r>
          </w:p>
          <w:p w:rsidR="00156FB3" w:rsidRDefault="00156FB3" w:rsidP="00156FB3">
            <w:r>
              <w:t>}</w:t>
            </w:r>
          </w:p>
          <w:p w:rsidR="00156FB3" w:rsidRDefault="00156FB3" w:rsidP="00156FB3"/>
          <w:p w:rsidR="00156FB3" w:rsidRDefault="00156FB3" w:rsidP="00156FB3">
            <w:r>
              <w:t>.fa-tumblr:before {</w:t>
            </w:r>
          </w:p>
          <w:p w:rsidR="00156FB3" w:rsidRDefault="00156FB3" w:rsidP="00156FB3">
            <w:r>
              <w:t xml:space="preserve">    content: "\f173";</w:t>
            </w:r>
          </w:p>
          <w:p w:rsidR="00156FB3" w:rsidRDefault="00156FB3" w:rsidP="00156FB3">
            <w:r>
              <w:t>}</w:t>
            </w:r>
          </w:p>
          <w:p w:rsidR="00156FB3" w:rsidRDefault="00156FB3" w:rsidP="00156FB3"/>
          <w:p w:rsidR="00156FB3" w:rsidRDefault="00156FB3" w:rsidP="00156FB3">
            <w:r>
              <w:t>.fa-tumblr-square:before {</w:t>
            </w:r>
          </w:p>
          <w:p w:rsidR="00156FB3" w:rsidRDefault="00156FB3" w:rsidP="00156FB3">
            <w:r>
              <w:t xml:space="preserve">    content: "\f174";</w:t>
            </w:r>
          </w:p>
          <w:p w:rsidR="00156FB3" w:rsidRDefault="00156FB3" w:rsidP="00156FB3">
            <w:r>
              <w:t>}</w:t>
            </w:r>
          </w:p>
          <w:p w:rsidR="00156FB3" w:rsidRDefault="00156FB3" w:rsidP="00156FB3"/>
          <w:p w:rsidR="00156FB3" w:rsidRDefault="00156FB3" w:rsidP="00156FB3">
            <w:r>
              <w:t>.fa-tv:before {</w:t>
            </w:r>
          </w:p>
          <w:p w:rsidR="00156FB3" w:rsidRDefault="00156FB3" w:rsidP="00156FB3">
            <w:r>
              <w:t xml:space="preserve">    content: "\f26c";</w:t>
            </w:r>
          </w:p>
          <w:p w:rsidR="00156FB3" w:rsidRDefault="00156FB3" w:rsidP="00156FB3">
            <w:r>
              <w:t>}</w:t>
            </w:r>
          </w:p>
          <w:p w:rsidR="00156FB3" w:rsidRDefault="00156FB3" w:rsidP="00156FB3"/>
          <w:p w:rsidR="00156FB3" w:rsidRDefault="00156FB3" w:rsidP="00156FB3">
            <w:r>
              <w:t>.fa-twitch:before {</w:t>
            </w:r>
          </w:p>
          <w:p w:rsidR="00156FB3" w:rsidRDefault="00156FB3" w:rsidP="00156FB3">
            <w:r>
              <w:t xml:space="preserve">    content: "\f1e8";</w:t>
            </w:r>
          </w:p>
          <w:p w:rsidR="00156FB3" w:rsidRDefault="00156FB3" w:rsidP="00156FB3">
            <w:r>
              <w:t>}</w:t>
            </w:r>
          </w:p>
          <w:p w:rsidR="00156FB3" w:rsidRDefault="00156FB3" w:rsidP="00156FB3"/>
          <w:p w:rsidR="00156FB3" w:rsidRDefault="00156FB3" w:rsidP="00156FB3">
            <w:r>
              <w:t>.fa-twitter:before {</w:t>
            </w:r>
          </w:p>
          <w:p w:rsidR="00156FB3" w:rsidRDefault="00156FB3" w:rsidP="00156FB3">
            <w:r>
              <w:t xml:space="preserve">    content: "\f099";</w:t>
            </w:r>
          </w:p>
          <w:p w:rsidR="00156FB3" w:rsidRDefault="00156FB3" w:rsidP="00156FB3">
            <w:r>
              <w:t>}</w:t>
            </w:r>
          </w:p>
          <w:p w:rsidR="00156FB3" w:rsidRDefault="00156FB3" w:rsidP="00156FB3"/>
          <w:p w:rsidR="00156FB3" w:rsidRDefault="00156FB3" w:rsidP="00156FB3">
            <w:r>
              <w:t>.fa-twitter-square:before {</w:t>
            </w:r>
          </w:p>
          <w:p w:rsidR="00156FB3" w:rsidRDefault="00156FB3" w:rsidP="00156FB3">
            <w:r>
              <w:t xml:space="preserve">    content: "\f081";</w:t>
            </w:r>
          </w:p>
          <w:p w:rsidR="00156FB3" w:rsidRDefault="00156FB3" w:rsidP="00156FB3">
            <w:r>
              <w:t>}</w:t>
            </w:r>
          </w:p>
          <w:p w:rsidR="00156FB3" w:rsidRDefault="00156FB3" w:rsidP="00156FB3"/>
          <w:p w:rsidR="00156FB3" w:rsidRDefault="00156FB3" w:rsidP="00156FB3">
            <w:r>
              <w:t>.fa-typo3:before {</w:t>
            </w:r>
          </w:p>
          <w:p w:rsidR="00156FB3" w:rsidRDefault="00156FB3" w:rsidP="00156FB3">
            <w:r>
              <w:t xml:space="preserve">    content: "\f42b";</w:t>
            </w:r>
          </w:p>
          <w:p w:rsidR="00156FB3" w:rsidRDefault="00156FB3" w:rsidP="00156FB3">
            <w:r>
              <w:t>}</w:t>
            </w:r>
          </w:p>
          <w:p w:rsidR="00156FB3" w:rsidRDefault="00156FB3" w:rsidP="00156FB3"/>
          <w:p w:rsidR="00156FB3" w:rsidRDefault="00156FB3" w:rsidP="00156FB3">
            <w:r>
              <w:t>.fa-uber:before {</w:t>
            </w:r>
          </w:p>
          <w:p w:rsidR="00156FB3" w:rsidRDefault="00156FB3" w:rsidP="00156FB3">
            <w:r>
              <w:t xml:space="preserve">    content: "\f402";</w:t>
            </w:r>
          </w:p>
          <w:p w:rsidR="00156FB3" w:rsidRDefault="00156FB3" w:rsidP="00156FB3">
            <w:r>
              <w:t>}</w:t>
            </w:r>
          </w:p>
          <w:p w:rsidR="00156FB3" w:rsidRDefault="00156FB3" w:rsidP="00156FB3"/>
          <w:p w:rsidR="00156FB3" w:rsidRDefault="00156FB3" w:rsidP="00156FB3">
            <w:r>
              <w:t>.fa-ubuntu:before {</w:t>
            </w:r>
          </w:p>
          <w:p w:rsidR="00156FB3" w:rsidRDefault="00156FB3" w:rsidP="00156FB3">
            <w:r>
              <w:t xml:space="preserve">    content: "\f7df";</w:t>
            </w:r>
          </w:p>
          <w:p w:rsidR="00156FB3" w:rsidRDefault="00156FB3" w:rsidP="00156FB3">
            <w:r>
              <w:t>}</w:t>
            </w:r>
          </w:p>
          <w:p w:rsidR="00156FB3" w:rsidRDefault="00156FB3" w:rsidP="00156FB3"/>
          <w:p w:rsidR="00156FB3" w:rsidRDefault="00156FB3" w:rsidP="00156FB3">
            <w:r>
              <w:t>.fa-uikit:before {</w:t>
            </w:r>
          </w:p>
          <w:p w:rsidR="00156FB3" w:rsidRDefault="00156FB3" w:rsidP="00156FB3">
            <w:r>
              <w:t xml:space="preserve">    content: "\f403";</w:t>
            </w:r>
          </w:p>
          <w:p w:rsidR="00156FB3" w:rsidRDefault="00156FB3" w:rsidP="00156FB3">
            <w:r>
              <w:t>}</w:t>
            </w:r>
          </w:p>
          <w:p w:rsidR="00156FB3" w:rsidRDefault="00156FB3" w:rsidP="00156FB3"/>
          <w:p w:rsidR="00156FB3" w:rsidRDefault="00156FB3" w:rsidP="00156FB3">
            <w:r>
              <w:t>.fa-umbraco:before {</w:t>
            </w:r>
          </w:p>
          <w:p w:rsidR="00156FB3" w:rsidRDefault="00156FB3" w:rsidP="00156FB3">
            <w:r>
              <w:t xml:space="preserve">    content: "\f8e8";</w:t>
            </w:r>
          </w:p>
          <w:p w:rsidR="00156FB3" w:rsidRDefault="00156FB3" w:rsidP="00156FB3">
            <w:r>
              <w:t>}</w:t>
            </w:r>
          </w:p>
          <w:p w:rsidR="00156FB3" w:rsidRDefault="00156FB3" w:rsidP="00156FB3"/>
          <w:p w:rsidR="00156FB3" w:rsidRDefault="00156FB3" w:rsidP="00156FB3">
            <w:r>
              <w:t>.fa-umbrella:before {</w:t>
            </w:r>
          </w:p>
          <w:p w:rsidR="00156FB3" w:rsidRDefault="00156FB3" w:rsidP="00156FB3">
            <w:r>
              <w:lastRenderedPageBreak/>
              <w:t xml:space="preserve">    content: "\f0e9";</w:t>
            </w:r>
          </w:p>
          <w:p w:rsidR="00156FB3" w:rsidRDefault="00156FB3" w:rsidP="00156FB3">
            <w:r>
              <w:t>}</w:t>
            </w:r>
          </w:p>
          <w:p w:rsidR="00156FB3" w:rsidRDefault="00156FB3" w:rsidP="00156FB3"/>
          <w:p w:rsidR="00156FB3" w:rsidRDefault="00156FB3" w:rsidP="00156FB3">
            <w:r>
              <w:t>.fa-umbrella-beach:before {</w:t>
            </w:r>
          </w:p>
          <w:p w:rsidR="00156FB3" w:rsidRDefault="00156FB3" w:rsidP="00156FB3">
            <w:r>
              <w:t xml:space="preserve">    content: "\f5ca";</w:t>
            </w:r>
          </w:p>
          <w:p w:rsidR="00156FB3" w:rsidRDefault="00156FB3" w:rsidP="00156FB3">
            <w:r>
              <w:t>}</w:t>
            </w:r>
          </w:p>
          <w:p w:rsidR="00156FB3" w:rsidRDefault="00156FB3" w:rsidP="00156FB3"/>
          <w:p w:rsidR="00156FB3" w:rsidRDefault="00156FB3" w:rsidP="00156FB3">
            <w:r>
              <w:t>.fa-underline:before {</w:t>
            </w:r>
          </w:p>
          <w:p w:rsidR="00156FB3" w:rsidRDefault="00156FB3" w:rsidP="00156FB3">
            <w:r>
              <w:t xml:space="preserve">    content: "\f0cd";</w:t>
            </w:r>
          </w:p>
          <w:p w:rsidR="00156FB3" w:rsidRDefault="00156FB3" w:rsidP="00156FB3">
            <w:r>
              <w:t>}</w:t>
            </w:r>
          </w:p>
          <w:p w:rsidR="00156FB3" w:rsidRDefault="00156FB3" w:rsidP="00156FB3"/>
          <w:p w:rsidR="00156FB3" w:rsidRDefault="00156FB3" w:rsidP="00156FB3">
            <w:r>
              <w:t>.fa-undo:before {</w:t>
            </w:r>
          </w:p>
          <w:p w:rsidR="00156FB3" w:rsidRDefault="00156FB3" w:rsidP="00156FB3">
            <w:r>
              <w:t xml:space="preserve">    content: "\f0e2";</w:t>
            </w:r>
          </w:p>
          <w:p w:rsidR="00156FB3" w:rsidRDefault="00156FB3" w:rsidP="00156FB3">
            <w:r>
              <w:t>}</w:t>
            </w:r>
          </w:p>
          <w:p w:rsidR="00156FB3" w:rsidRDefault="00156FB3" w:rsidP="00156FB3"/>
          <w:p w:rsidR="00156FB3" w:rsidRDefault="00156FB3" w:rsidP="00156FB3">
            <w:r>
              <w:t>.fa-undo-alt:before {</w:t>
            </w:r>
          </w:p>
          <w:p w:rsidR="00156FB3" w:rsidRDefault="00156FB3" w:rsidP="00156FB3">
            <w:r>
              <w:t xml:space="preserve">    content: "\f2ea";</w:t>
            </w:r>
          </w:p>
          <w:p w:rsidR="00156FB3" w:rsidRDefault="00156FB3" w:rsidP="00156FB3">
            <w:r>
              <w:t>}</w:t>
            </w:r>
          </w:p>
          <w:p w:rsidR="00156FB3" w:rsidRDefault="00156FB3" w:rsidP="00156FB3"/>
          <w:p w:rsidR="00156FB3" w:rsidRDefault="00156FB3" w:rsidP="00156FB3">
            <w:r>
              <w:t>.fa-uniregistry:before {</w:t>
            </w:r>
          </w:p>
          <w:p w:rsidR="00156FB3" w:rsidRDefault="00156FB3" w:rsidP="00156FB3">
            <w:r>
              <w:t xml:space="preserve">    content: "\f404";</w:t>
            </w:r>
          </w:p>
          <w:p w:rsidR="00156FB3" w:rsidRDefault="00156FB3" w:rsidP="00156FB3">
            <w:r>
              <w:t>}</w:t>
            </w:r>
          </w:p>
          <w:p w:rsidR="00156FB3" w:rsidRDefault="00156FB3" w:rsidP="00156FB3"/>
          <w:p w:rsidR="00156FB3" w:rsidRDefault="00156FB3" w:rsidP="00156FB3">
            <w:r>
              <w:t>.fa-unity:before {</w:t>
            </w:r>
          </w:p>
          <w:p w:rsidR="00156FB3" w:rsidRDefault="00156FB3" w:rsidP="00156FB3">
            <w:r>
              <w:t xml:space="preserve">    content: "\f949";</w:t>
            </w:r>
          </w:p>
          <w:p w:rsidR="00156FB3" w:rsidRDefault="00156FB3" w:rsidP="00156FB3">
            <w:r>
              <w:t>}</w:t>
            </w:r>
          </w:p>
          <w:p w:rsidR="00156FB3" w:rsidRDefault="00156FB3" w:rsidP="00156FB3"/>
          <w:p w:rsidR="00156FB3" w:rsidRDefault="00156FB3" w:rsidP="00156FB3">
            <w:r>
              <w:t>.fa-universal-access:before {</w:t>
            </w:r>
          </w:p>
          <w:p w:rsidR="00156FB3" w:rsidRDefault="00156FB3" w:rsidP="00156FB3">
            <w:r>
              <w:t xml:space="preserve">    content: "\f29a";</w:t>
            </w:r>
          </w:p>
          <w:p w:rsidR="00156FB3" w:rsidRDefault="00156FB3" w:rsidP="00156FB3">
            <w:r>
              <w:t>}</w:t>
            </w:r>
          </w:p>
          <w:p w:rsidR="00156FB3" w:rsidRDefault="00156FB3" w:rsidP="00156FB3"/>
          <w:p w:rsidR="00156FB3" w:rsidRDefault="00156FB3" w:rsidP="00156FB3">
            <w:r>
              <w:t>.fa-university:before {</w:t>
            </w:r>
          </w:p>
          <w:p w:rsidR="00156FB3" w:rsidRDefault="00156FB3" w:rsidP="00156FB3">
            <w:r>
              <w:t xml:space="preserve">    content: "\f19c";</w:t>
            </w:r>
          </w:p>
          <w:p w:rsidR="00156FB3" w:rsidRDefault="00156FB3" w:rsidP="00156FB3">
            <w:r>
              <w:t>}</w:t>
            </w:r>
          </w:p>
          <w:p w:rsidR="00156FB3" w:rsidRDefault="00156FB3" w:rsidP="00156FB3"/>
          <w:p w:rsidR="00156FB3" w:rsidRDefault="00156FB3" w:rsidP="00156FB3">
            <w:r>
              <w:t>.fa-unlink:before {</w:t>
            </w:r>
          </w:p>
          <w:p w:rsidR="00156FB3" w:rsidRDefault="00156FB3" w:rsidP="00156FB3">
            <w:r>
              <w:t xml:space="preserve">    content: "\f127";</w:t>
            </w:r>
          </w:p>
          <w:p w:rsidR="00156FB3" w:rsidRDefault="00156FB3" w:rsidP="00156FB3">
            <w:r>
              <w:t>}</w:t>
            </w:r>
          </w:p>
          <w:p w:rsidR="00156FB3" w:rsidRDefault="00156FB3" w:rsidP="00156FB3"/>
          <w:p w:rsidR="00156FB3" w:rsidRDefault="00156FB3" w:rsidP="00156FB3">
            <w:r>
              <w:t>.fa-unlock:before {</w:t>
            </w:r>
          </w:p>
          <w:p w:rsidR="00156FB3" w:rsidRDefault="00156FB3" w:rsidP="00156FB3">
            <w:r>
              <w:t xml:space="preserve">    content: "\f09c";</w:t>
            </w:r>
          </w:p>
          <w:p w:rsidR="00156FB3" w:rsidRDefault="00156FB3" w:rsidP="00156FB3">
            <w:r>
              <w:t>}</w:t>
            </w:r>
          </w:p>
          <w:p w:rsidR="00156FB3" w:rsidRDefault="00156FB3" w:rsidP="00156FB3"/>
          <w:p w:rsidR="00156FB3" w:rsidRDefault="00156FB3" w:rsidP="00156FB3">
            <w:r>
              <w:t>.fa-unlock-alt:before {</w:t>
            </w:r>
          </w:p>
          <w:p w:rsidR="00156FB3" w:rsidRDefault="00156FB3" w:rsidP="00156FB3">
            <w:r>
              <w:t xml:space="preserve">    content: "\f13e";</w:t>
            </w:r>
          </w:p>
          <w:p w:rsidR="00156FB3" w:rsidRDefault="00156FB3" w:rsidP="00156FB3">
            <w:r>
              <w:t>}</w:t>
            </w:r>
          </w:p>
          <w:p w:rsidR="00156FB3" w:rsidRDefault="00156FB3" w:rsidP="00156FB3"/>
          <w:p w:rsidR="00156FB3" w:rsidRDefault="00156FB3" w:rsidP="00156FB3">
            <w:r>
              <w:t>.fa-untappd:before {</w:t>
            </w:r>
          </w:p>
          <w:p w:rsidR="00156FB3" w:rsidRDefault="00156FB3" w:rsidP="00156FB3">
            <w:r>
              <w:lastRenderedPageBreak/>
              <w:t xml:space="preserve">    content: "\f405";</w:t>
            </w:r>
          </w:p>
          <w:p w:rsidR="00156FB3" w:rsidRDefault="00156FB3" w:rsidP="00156FB3">
            <w:r>
              <w:t>}</w:t>
            </w:r>
          </w:p>
          <w:p w:rsidR="00156FB3" w:rsidRDefault="00156FB3" w:rsidP="00156FB3"/>
          <w:p w:rsidR="00156FB3" w:rsidRDefault="00156FB3" w:rsidP="00156FB3">
            <w:r>
              <w:t>.fa-upload:before {</w:t>
            </w:r>
          </w:p>
          <w:p w:rsidR="00156FB3" w:rsidRDefault="00156FB3" w:rsidP="00156FB3">
            <w:r>
              <w:t xml:space="preserve">    content: "\f093";</w:t>
            </w:r>
          </w:p>
          <w:p w:rsidR="00156FB3" w:rsidRDefault="00156FB3" w:rsidP="00156FB3">
            <w:r>
              <w:t>}</w:t>
            </w:r>
          </w:p>
          <w:p w:rsidR="00156FB3" w:rsidRDefault="00156FB3" w:rsidP="00156FB3"/>
          <w:p w:rsidR="00156FB3" w:rsidRDefault="00156FB3" w:rsidP="00156FB3">
            <w:r>
              <w:t>.fa-ups:before {</w:t>
            </w:r>
          </w:p>
          <w:p w:rsidR="00156FB3" w:rsidRDefault="00156FB3" w:rsidP="00156FB3">
            <w:r>
              <w:t xml:space="preserve">    content: "\f7e0";</w:t>
            </w:r>
          </w:p>
          <w:p w:rsidR="00156FB3" w:rsidRDefault="00156FB3" w:rsidP="00156FB3">
            <w:r>
              <w:t>}</w:t>
            </w:r>
          </w:p>
          <w:p w:rsidR="00156FB3" w:rsidRDefault="00156FB3" w:rsidP="00156FB3"/>
          <w:p w:rsidR="00156FB3" w:rsidRDefault="00156FB3" w:rsidP="00156FB3">
            <w:r>
              <w:t>.fa-usb:before {</w:t>
            </w:r>
          </w:p>
          <w:p w:rsidR="00156FB3" w:rsidRDefault="00156FB3" w:rsidP="00156FB3">
            <w:r>
              <w:t xml:space="preserve">    content: "\f287";</w:t>
            </w:r>
          </w:p>
          <w:p w:rsidR="00156FB3" w:rsidRDefault="00156FB3" w:rsidP="00156FB3">
            <w:r>
              <w:t>}</w:t>
            </w:r>
          </w:p>
          <w:p w:rsidR="00156FB3" w:rsidRDefault="00156FB3" w:rsidP="00156FB3"/>
          <w:p w:rsidR="00156FB3" w:rsidRDefault="00156FB3" w:rsidP="00156FB3">
            <w:r>
              <w:t>.fa-user:before {</w:t>
            </w:r>
          </w:p>
          <w:p w:rsidR="00156FB3" w:rsidRDefault="00156FB3" w:rsidP="00156FB3">
            <w:r>
              <w:t xml:space="preserve">    content: "\f007";</w:t>
            </w:r>
          </w:p>
          <w:p w:rsidR="00156FB3" w:rsidRDefault="00156FB3" w:rsidP="00156FB3">
            <w:r>
              <w:t>}</w:t>
            </w:r>
          </w:p>
          <w:p w:rsidR="00156FB3" w:rsidRDefault="00156FB3" w:rsidP="00156FB3"/>
          <w:p w:rsidR="00156FB3" w:rsidRDefault="00156FB3" w:rsidP="00156FB3">
            <w:r>
              <w:t>.fa-user-alt:before {</w:t>
            </w:r>
          </w:p>
          <w:p w:rsidR="00156FB3" w:rsidRDefault="00156FB3" w:rsidP="00156FB3">
            <w:r>
              <w:t xml:space="preserve">    content: "\f406";</w:t>
            </w:r>
          </w:p>
          <w:p w:rsidR="00156FB3" w:rsidRDefault="00156FB3" w:rsidP="00156FB3">
            <w:r>
              <w:t>}</w:t>
            </w:r>
          </w:p>
          <w:p w:rsidR="00156FB3" w:rsidRDefault="00156FB3" w:rsidP="00156FB3"/>
          <w:p w:rsidR="00156FB3" w:rsidRDefault="00156FB3" w:rsidP="00156FB3">
            <w:r>
              <w:t>.fa-user-alt-slash:before {</w:t>
            </w:r>
          </w:p>
          <w:p w:rsidR="00156FB3" w:rsidRDefault="00156FB3" w:rsidP="00156FB3">
            <w:r>
              <w:t xml:space="preserve">    content: "\f4fa";</w:t>
            </w:r>
          </w:p>
          <w:p w:rsidR="00156FB3" w:rsidRDefault="00156FB3" w:rsidP="00156FB3">
            <w:r>
              <w:t>}</w:t>
            </w:r>
          </w:p>
          <w:p w:rsidR="00156FB3" w:rsidRDefault="00156FB3" w:rsidP="00156FB3"/>
          <w:p w:rsidR="00156FB3" w:rsidRDefault="00156FB3" w:rsidP="00156FB3">
            <w:r>
              <w:t>.fa-user-astronaut:before {</w:t>
            </w:r>
          </w:p>
          <w:p w:rsidR="00156FB3" w:rsidRDefault="00156FB3" w:rsidP="00156FB3">
            <w:r>
              <w:t xml:space="preserve">    content: "\f4fb";</w:t>
            </w:r>
          </w:p>
          <w:p w:rsidR="00156FB3" w:rsidRDefault="00156FB3" w:rsidP="00156FB3">
            <w:r>
              <w:t>}</w:t>
            </w:r>
          </w:p>
          <w:p w:rsidR="00156FB3" w:rsidRDefault="00156FB3" w:rsidP="00156FB3"/>
          <w:p w:rsidR="00156FB3" w:rsidRDefault="00156FB3" w:rsidP="00156FB3">
            <w:r>
              <w:t>.fa-user-check:before {</w:t>
            </w:r>
          </w:p>
          <w:p w:rsidR="00156FB3" w:rsidRDefault="00156FB3" w:rsidP="00156FB3">
            <w:r>
              <w:t xml:space="preserve">    content: "\f4fc";</w:t>
            </w:r>
          </w:p>
          <w:p w:rsidR="00156FB3" w:rsidRDefault="00156FB3" w:rsidP="00156FB3">
            <w:r>
              <w:t>}</w:t>
            </w:r>
          </w:p>
          <w:p w:rsidR="00156FB3" w:rsidRDefault="00156FB3" w:rsidP="00156FB3"/>
          <w:p w:rsidR="00156FB3" w:rsidRDefault="00156FB3" w:rsidP="00156FB3">
            <w:r>
              <w:t>.fa-user-circle:before {</w:t>
            </w:r>
          </w:p>
          <w:p w:rsidR="00156FB3" w:rsidRDefault="00156FB3" w:rsidP="00156FB3">
            <w:r>
              <w:t xml:space="preserve">    content: "\f2bd";</w:t>
            </w:r>
          </w:p>
          <w:p w:rsidR="00156FB3" w:rsidRDefault="00156FB3" w:rsidP="00156FB3">
            <w:r>
              <w:t>}</w:t>
            </w:r>
          </w:p>
          <w:p w:rsidR="00156FB3" w:rsidRDefault="00156FB3" w:rsidP="00156FB3"/>
          <w:p w:rsidR="00156FB3" w:rsidRDefault="00156FB3" w:rsidP="00156FB3">
            <w:r>
              <w:t>.fa-user-clock:before {</w:t>
            </w:r>
          </w:p>
          <w:p w:rsidR="00156FB3" w:rsidRDefault="00156FB3" w:rsidP="00156FB3">
            <w:r>
              <w:t xml:space="preserve">    content: "\f4fd";</w:t>
            </w:r>
          </w:p>
          <w:p w:rsidR="00156FB3" w:rsidRDefault="00156FB3" w:rsidP="00156FB3">
            <w:r>
              <w:t>}</w:t>
            </w:r>
          </w:p>
          <w:p w:rsidR="00156FB3" w:rsidRDefault="00156FB3" w:rsidP="00156FB3"/>
          <w:p w:rsidR="00156FB3" w:rsidRDefault="00156FB3" w:rsidP="00156FB3">
            <w:r>
              <w:t>.fa-user-cog:before {</w:t>
            </w:r>
          </w:p>
          <w:p w:rsidR="00156FB3" w:rsidRDefault="00156FB3" w:rsidP="00156FB3">
            <w:r>
              <w:t xml:space="preserve">    content: "\f4fe";</w:t>
            </w:r>
          </w:p>
          <w:p w:rsidR="00156FB3" w:rsidRDefault="00156FB3" w:rsidP="00156FB3">
            <w:r>
              <w:t>}</w:t>
            </w:r>
          </w:p>
          <w:p w:rsidR="00156FB3" w:rsidRDefault="00156FB3" w:rsidP="00156FB3"/>
          <w:p w:rsidR="00156FB3" w:rsidRDefault="00156FB3" w:rsidP="00156FB3">
            <w:r>
              <w:t>.fa-user-edit:before {</w:t>
            </w:r>
          </w:p>
          <w:p w:rsidR="00156FB3" w:rsidRDefault="00156FB3" w:rsidP="00156FB3">
            <w:r>
              <w:lastRenderedPageBreak/>
              <w:t xml:space="preserve">    content: "\f4ff";</w:t>
            </w:r>
          </w:p>
          <w:p w:rsidR="00156FB3" w:rsidRDefault="00156FB3" w:rsidP="00156FB3">
            <w:r>
              <w:t>}</w:t>
            </w:r>
          </w:p>
          <w:p w:rsidR="00156FB3" w:rsidRDefault="00156FB3" w:rsidP="00156FB3"/>
          <w:p w:rsidR="00156FB3" w:rsidRDefault="00156FB3" w:rsidP="00156FB3">
            <w:r>
              <w:t>.fa-user-friends:before {</w:t>
            </w:r>
          </w:p>
          <w:p w:rsidR="00156FB3" w:rsidRDefault="00156FB3" w:rsidP="00156FB3">
            <w:r>
              <w:t xml:space="preserve">    content: "\f500";</w:t>
            </w:r>
          </w:p>
          <w:p w:rsidR="00156FB3" w:rsidRDefault="00156FB3" w:rsidP="00156FB3">
            <w:r>
              <w:t>}</w:t>
            </w:r>
          </w:p>
          <w:p w:rsidR="00156FB3" w:rsidRDefault="00156FB3" w:rsidP="00156FB3"/>
          <w:p w:rsidR="00156FB3" w:rsidRDefault="00156FB3" w:rsidP="00156FB3">
            <w:r>
              <w:t>.fa-user-graduate:before {</w:t>
            </w:r>
          </w:p>
          <w:p w:rsidR="00156FB3" w:rsidRDefault="00156FB3" w:rsidP="00156FB3">
            <w:r>
              <w:t xml:space="preserve">    content: "\f501";</w:t>
            </w:r>
          </w:p>
          <w:p w:rsidR="00156FB3" w:rsidRDefault="00156FB3" w:rsidP="00156FB3">
            <w:r>
              <w:t>}</w:t>
            </w:r>
          </w:p>
          <w:p w:rsidR="00156FB3" w:rsidRDefault="00156FB3" w:rsidP="00156FB3"/>
          <w:p w:rsidR="00156FB3" w:rsidRDefault="00156FB3" w:rsidP="00156FB3">
            <w:r>
              <w:t>.fa-user-injured:before {</w:t>
            </w:r>
          </w:p>
          <w:p w:rsidR="00156FB3" w:rsidRDefault="00156FB3" w:rsidP="00156FB3">
            <w:r>
              <w:t xml:space="preserve">    content: "\f728";</w:t>
            </w:r>
          </w:p>
          <w:p w:rsidR="00156FB3" w:rsidRDefault="00156FB3" w:rsidP="00156FB3">
            <w:r>
              <w:t>}</w:t>
            </w:r>
          </w:p>
          <w:p w:rsidR="00156FB3" w:rsidRDefault="00156FB3" w:rsidP="00156FB3"/>
          <w:p w:rsidR="00156FB3" w:rsidRDefault="00156FB3" w:rsidP="00156FB3">
            <w:r>
              <w:t>.fa-user-lock:before {</w:t>
            </w:r>
          </w:p>
          <w:p w:rsidR="00156FB3" w:rsidRDefault="00156FB3" w:rsidP="00156FB3">
            <w:r>
              <w:t xml:space="preserve">    content: "\f502";</w:t>
            </w:r>
          </w:p>
          <w:p w:rsidR="00156FB3" w:rsidRDefault="00156FB3" w:rsidP="00156FB3">
            <w:r>
              <w:t>}</w:t>
            </w:r>
          </w:p>
          <w:p w:rsidR="00156FB3" w:rsidRDefault="00156FB3" w:rsidP="00156FB3"/>
          <w:p w:rsidR="00156FB3" w:rsidRDefault="00156FB3" w:rsidP="00156FB3">
            <w:r>
              <w:t>.fa-user-md:before {</w:t>
            </w:r>
          </w:p>
          <w:p w:rsidR="00156FB3" w:rsidRDefault="00156FB3" w:rsidP="00156FB3">
            <w:r>
              <w:t xml:space="preserve">    content: "\f0f0";</w:t>
            </w:r>
          </w:p>
          <w:p w:rsidR="00156FB3" w:rsidRDefault="00156FB3" w:rsidP="00156FB3">
            <w:r>
              <w:t>}</w:t>
            </w:r>
          </w:p>
          <w:p w:rsidR="00156FB3" w:rsidRDefault="00156FB3" w:rsidP="00156FB3"/>
          <w:p w:rsidR="00156FB3" w:rsidRDefault="00156FB3" w:rsidP="00156FB3">
            <w:r>
              <w:t>.fa-user-minus:before {</w:t>
            </w:r>
          </w:p>
          <w:p w:rsidR="00156FB3" w:rsidRDefault="00156FB3" w:rsidP="00156FB3">
            <w:r>
              <w:t xml:space="preserve">    content: "\f503";</w:t>
            </w:r>
          </w:p>
          <w:p w:rsidR="00156FB3" w:rsidRDefault="00156FB3" w:rsidP="00156FB3">
            <w:r>
              <w:t>}</w:t>
            </w:r>
          </w:p>
          <w:p w:rsidR="00156FB3" w:rsidRDefault="00156FB3" w:rsidP="00156FB3"/>
          <w:p w:rsidR="00156FB3" w:rsidRDefault="00156FB3" w:rsidP="00156FB3">
            <w:r>
              <w:t>.fa-user-ninja:before {</w:t>
            </w:r>
          </w:p>
          <w:p w:rsidR="00156FB3" w:rsidRDefault="00156FB3" w:rsidP="00156FB3">
            <w:r>
              <w:t xml:space="preserve">    content: "\f504";</w:t>
            </w:r>
          </w:p>
          <w:p w:rsidR="00156FB3" w:rsidRDefault="00156FB3" w:rsidP="00156FB3">
            <w:r>
              <w:t>}</w:t>
            </w:r>
          </w:p>
          <w:p w:rsidR="00156FB3" w:rsidRDefault="00156FB3" w:rsidP="00156FB3"/>
          <w:p w:rsidR="00156FB3" w:rsidRDefault="00156FB3" w:rsidP="00156FB3">
            <w:r>
              <w:t>.fa-user-nurse:before {</w:t>
            </w:r>
          </w:p>
          <w:p w:rsidR="00156FB3" w:rsidRDefault="00156FB3" w:rsidP="00156FB3">
            <w:r>
              <w:t xml:space="preserve">    content: "\f82f";</w:t>
            </w:r>
          </w:p>
          <w:p w:rsidR="00156FB3" w:rsidRDefault="00156FB3" w:rsidP="00156FB3">
            <w:r>
              <w:t>}</w:t>
            </w:r>
          </w:p>
          <w:p w:rsidR="00156FB3" w:rsidRDefault="00156FB3" w:rsidP="00156FB3"/>
          <w:p w:rsidR="00156FB3" w:rsidRDefault="00156FB3" w:rsidP="00156FB3">
            <w:r>
              <w:t>.fa-user-plus:before {</w:t>
            </w:r>
          </w:p>
          <w:p w:rsidR="00156FB3" w:rsidRDefault="00156FB3" w:rsidP="00156FB3">
            <w:r>
              <w:t xml:space="preserve">    content: "\f234";</w:t>
            </w:r>
          </w:p>
          <w:p w:rsidR="00156FB3" w:rsidRDefault="00156FB3" w:rsidP="00156FB3">
            <w:r>
              <w:t>}</w:t>
            </w:r>
          </w:p>
          <w:p w:rsidR="00156FB3" w:rsidRDefault="00156FB3" w:rsidP="00156FB3"/>
          <w:p w:rsidR="00156FB3" w:rsidRDefault="00156FB3" w:rsidP="00156FB3">
            <w:r>
              <w:t>.fa-user-secret:before {</w:t>
            </w:r>
          </w:p>
          <w:p w:rsidR="00156FB3" w:rsidRDefault="00156FB3" w:rsidP="00156FB3">
            <w:r>
              <w:t xml:space="preserve">    content: "\f21b";</w:t>
            </w:r>
          </w:p>
          <w:p w:rsidR="00156FB3" w:rsidRDefault="00156FB3" w:rsidP="00156FB3">
            <w:r>
              <w:t>}</w:t>
            </w:r>
          </w:p>
          <w:p w:rsidR="00156FB3" w:rsidRDefault="00156FB3" w:rsidP="00156FB3"/>
          <w:p w:rsidR="00156FB3" w:rsidRDefault="00156FB3" w:rsidP="00156FB3">
            <w:r>
              <w:t>.fa-user-shield:before {</w:t>
            </w:r>
          </w:p>
          <w:p w:rsidR="00156FB3" w:rsidRDefault="00156FB3" w:rsidP="00156FB3">
            <w:r>
              <w:t xml:space="preserve">    content: "\f505";</w:t>
            </w:r>
          </w:p>
          <w:p w:rsidR="00156FB3" w:rsidRDefault="00156FB3" w:rsidP="00156FB3">
            <w:r>
              <w:t>}</w:t>
            </w:r>
          </w:p>
          <w:p w:rsidR="00156FB3" w:rsidRDefault="00156FB3" w:rsidP="00156FB3"/>
          <w:p w:rsidR="00156FB3" w:rsidRDefault="00156FB3" w:rsidP="00156FB3">
            <w:r>
              <w:t>.fa-user-slash:before {</w:t>
            </w:r>
          </w:p>
          <w:p w:rsidR="00156FB3" w:rsidRDefault="00156FB3" w:rsidP="00156FB3">
            <w:r>
              <w:lastRenderedPageBreak/>
              <w:t xml:space="preserve">    content: "\f506";</w:t>
            </w:r>
          </w:p>
          <w:p w:rsidR="00156FB3" w:rsidRDefault="00156FB3" w:rsidP="00156FB3">
            <w:r>
              <w:t>}</w:t>
            </w:r>
          </w:p>
          <w:p w:rsidR="00156FB3" w:rsidRDefault="00156FB3" w:rsidP="00156FB3"/>
          <w:p w:rsidR="00156FB3" w:rsidRDefault="00156FB3" w:rsidP="00156FB3">
            <w:r>
              <w:t>.fa-user-tag:before {</w:t>
            </w:r>
          </w:p>
          <w:p w:rsidR="00156FB3" w:rsidRDefault="00156FB3" w:rsidP="00156FB3">
            <w:r>
              <w:t xml:space="preserve">    content: "\f507";</w:t>
            </w:r>
          </w:p>
          <w:p w:rsidR="00156FB3" w:rsidRDefault="00156FB3" w:rsidP="00156FB3">
            <w:r>
              <w:t>}</w:t>
            </w:r>
          </w:p>
          <w:p w:rsidR="00156FB3" w:rsidRDefault="00156FB3" w:rsidP="00156FB3"/>
          <w:p w:rsidR="00156FB3" w:rsidRDefault="00156FB3" w:rsidP="00156FB3">
            <w:r>
              <w:t>.fa-user-tie:before {</w:t>
            </w:r>
          </w:p>
          <w:p w:rsidR="00156FB3" w:rsidRDefault="00156FB3" w:rsidP="00156FB3">
            <w:r>
              <w:t xml:space="preserve">    content: "\f508";</w:t>
            </w:r>
          </w:p>
          <w:p w:rsidR="00156FB3" w:rsidRDefault="00156FB3" w:rsidP="00156FB3">
            <w:r>
              <w:t>}</w:t>
            </w:r>
          </w:p>
          <w:p w:rsidR="00156FB3" w:rsidRDefault="00156FB3" w:rsidP="00156FB3"/>
          <w:p w:rsidR="00156FB3" w:rsidRDefault="00156FB3" w:rsidP="00156FB3">
            <w:r>
              <w:t>.fa-user-times:before {</w:t>
            </w:r>
          </w:p>
          <w:p w:rsidR="00156FB3" w:rsidRDefault="00156FB3" w:rsidP="00156FB3">
            <w:r>
              <w:t xml:space="preserve">    content: "\f235";</w:t>
            </w:r>
          </w:p>
          <w:p w:rsidR="00156FB3" w:rsidRDefault="00156FB3" w:rsidP="00156FB3">
            <w:r>
              <w:t>}</w:t>
            </w:r>
          </w:p>
          <w:p w:rsidR="00156FB3" w:rsidRDefault="00156FB3" w:rsidP="00156FB3"/>
          <w:p w:rsidR="00156FB3" w:rsidRDefault="00156FB3" w:rsidP="00156FB3">
            <w:r>
              <w:t>.fa-users:before {</w:t>
            </w:r>
          </w:p>
          <w:p w:rsidR="00156FB3" w:rsidRDefault="00156FB3" w:rsidP="00156FB3">
            <w:r>
              <w:t xml:space="preserve">    content: "\f0c0";</w:t>
            </w:r>
          </w:p>
          <w:p w:rsidR="00156FB3" w:rsidRDefault="00156FB3" w:rsidP="00156FB3">
            <w:r>
              <w:t>}</w:t>
            </w:r>
          </w:p>
          <w:p w:rsidR="00156FB3" w:rsidRDefault="00156FB3" w:rsidP="00156FB3"/>
          <w:p w:rsidR="00156FB3" w:rsidRDefault="00156FB3" w:rsidP="00156FB3">
            <w:r>
              <w:t>.fa-users-cog:before {</w:t>
            </w:r>
          </w:p>
          <w:p w:rsidR="00156FB3" w:rsidRDefault="00156FB3" w:rsidP="00156FB3">
            <w:r>
              <w:t xml:space="preserve">    content: "\f509";</w:t>
            </w:r>
          </w:p>
          <w:p w:rsidR="00156FB3" w:rsidRDefault="00156FB3" w:rsidP="00156FB3">
            <w:r>
              <w:t>}</w:t>
            </w:r>
          </w:p>
          <w:p w:rsidR="00156FB3" w:rsidRDefault="00156FB3" w:rsidP="00156FB3"/>
          <w:p w:rsidR="00156FB3" w:rsidRDefault="00156FB3" w:rsidP="00156FB3">
            <w:r>
              <w:t>.fa-usps:before {</w:t>
            </w:r>
          </w:p>
          <w:p w:rsidR="00156FB3" w:rsidRDefault="00156FB3" w:rsidP="00156FB3">
            <w:r>
              <w:t xml:space="preserve">    content: "\f7e1";</w:t>
            </w:r>
          </w:p>
          <w:p w:rsidR="00156FB3" w:rsidRDefault="00156FB3" w:rsidP="00156FB3">
            <w:r>
              <w:t>}</w:t>
            </w:r>
          </w:p>
          <w:p w:rsidR="00156FB3" w:rsidRDefault="00156FB3" w:rsidP="00156FB3"/>
          <w:p w:rsidR="00156FB3" w:rsidRDefault="00156FB3" w:rsidP="00156FB3">
            <w:r>
              <w:t>.fa-ussunnah:before {</w:t>
            </w:r>
          </w:p>
          <w:p w:rsidR="00156FB3" w:rsidRDefault="00156FB3" w:rsidP="00156FB3">
            <w:r>
              <w:t xml:space="preserve">    content: "\f407";</w:t>
            </w:r>
          </w:p>
          <w:p w:rsidR="00156FB3" w:rsidRDefault="00156FB3" w:rsidP="00156FB3">
            <w:r>
              <w:t>}</w:t>
            </w:r>
          </w:p>
          <w:p w:rsidR="00156FB3" w:rsidRDefault="00156FB3" w:rsidP="00156FB3"/>
          <w:p w:rsidR="00156FB3" w:rsidRDefault="00156FB3" w:rsidP="00156FB3">
            <w:r>
              <w:t>.fa-utensil-spoon:before {</w:t>
            </w:r>
          </w:p>
          <w:p w:rsidR="00156FB3" w:rsidRDefault="00156FB3" w:rsidP="00156FB3">
            <w:r>
              <w:t xml:space="preserve">    content: "\f2e5";</w:t>
            </w:r>
          </w:p>
          <w:p w:rsidR="00156FB3" w:rsidRDefault="00156FB3" w:rsidP="00156FB3">
            <w:r>
              <w:t>}</w:t>
            </w:r>
          </w:p>
          <w:p w:rsidR="00156FB3" w:rsidRDefault="00156FB3" w:rsidP="00156FB3"/>
          <w:p w:rsidR="00156FB3" w:rsidRDefault="00156FB3" w:rsidP="00156FB3">
            <w:r>
              <w:t>.fa-utensils:before {</w:t>
            </w:r>
          </w:p>
          <w:p w:rsidR="00156FB3" w:rsidRDefault="00156FB3" w:rsidP="00156FB3">
            <w:r>
              <w:t xml:space="preserve">    content: "\f2e7";</w:t>
            </w:r>
          </w:p>
          <w:p w:rsidR="00156FB3" w:rsidRDefault="00156FB3" w:rsidP="00156FB3">
            <w:r>
              <w:t>}</w:t>
            </w:r>
          </w:p>
          <w:p w:rsidR="00156FB3" w:rsidRDefault="00156FB3" w:rsidP="00156FB3"/>
          <w:p w:rsidR="00156FB3" w:rsidRDefault="00156FB3" w:rsidP="00156FB3">
            <w:r>
              <w:t>.fa-vaadin:before {</w:t>
            </w:r>
          </w:p>
          <w:p w:rsidR="00156FB3" w:rsidRDefault="00156FB3" w:rsidP="00156FB3">
            <w:r>
              <w:t xml:space="preserve">    content: "\f408";</w:t>
            </w:r>
          </w:p>
          <w:p w:rsidR="00156FB3" w:rsidRDefault="00156FB3" w:rsidP="00156FB3">
            <w:r>
              <w:t>}</w:t>
            </w:r>
          </w:p>
          <w:p w:rsidR="00156FB3" w:rsidRDefault="00156FB3" w:rsidP="00156FB3"/>
          <w:p w:rsidR="00156FB3" w:rsidRDefault="00156FB3" w:rsidP="00156FB3">
            <w:r>
              <w:t>.fa-vector-square:before {</w:t>
            </w:r>
          </w:p>
          <w:p w:rsidR="00156FB3" w:rsidRDefault="00156FB3" w:rsidP="00156FB3">
            <w:r>
              <w:t xml:space="preserve">    content: "\f5cb";</w:t>
            </w:r>
          </w:p>
          <w:p w:rsidR="00156FB3" w:rsidRDefault="00156FB3" w:rsidP="00156FB3">
            <w:r>
              <w:t>}</w:t>
            </w:r>
          </w:p>
          <w:p w:rsidR="00156FB3" w:rsidRDefault="00156FB3" w:rsidP="00156FB3"/>
          <w:p w:rsidR="00156FB3" w:rsidRDefault="00156FB3" w:rsidP="00156FB3">
            <w:r>
              <w:t>.fa-venus:before {</w:t>
            </w:r>
          </w:p>
          <w:p w:rsidR="00156FB3" w:rsidRDefault="00156FB3" w:rsidP="00156FB3">
            <w:r>
              <w:lastRenderedPageBreak/>
              <w:t xml:space="preserve">    content: "\f221";</w:t>
            </w:r>
          </w:p>
          <w:p w:rsidR="00156FB3" w:rsidRDefault="00156FB3" w:rsidP="00156FB3">
            <w:r>
              <w:t>}</w:t>
            </w:r>
          </w:p>
          <w:p w:rsidR="00156FB3" w:rsidRDefault="00156FB3" w:rsidP="00156FB3"/>
          <w:p w:rsidR="00156FB3" w:rsidRDefault="00156FB3" w:rsidP="00156FB3">
            <w:r>
              <w:t>.fa-venus-double:before {</w:t>
            </w:r>
          </w:p>
          <w:p w:rsidR="00156FB3" w:rsidRDefault="00156FB3" w:rsidP="00156FB3">
            <w:r>
              <w:t xml:space="preserve">    content: "\f226";</w:t>
            </w:r>
          </w:p>
          <w:p w:rsidR="00156FB3" w:rsidRDefault="00156FB3" w:rsidP="00156FB3">
            <w:r>
              <w:t>}</w:t>
            </w:r>
          </w:p>
          <w:p w:rsidR="00156FB3" w:rsidRDefault="00156FB3" w:rsidP="00156FB3"/>
          <w:p w:rsidR="00156FB3" w:rsidRDefault="00156FB3" w:rsidP="00156FB3">
            <w:r>
              <w:t>.fa-venus-mars:before {</w:t>
            </w:r>
          </w:p>
          <w:p w:rsidR="00156FB3" w:rsidRDefault="00156FB3" w:rsidP="00156FB3">
            <w:r>
              <w:t xml:space="preserve">    content: "\f228";</w:t>
            </w:r>
          </w:p>
          <w:p w:rsidR="00156FB3" w:rsidRDefault="00156FB3" w:rsidP="00156FB3">
            <w:r>
              <w:t>}</w:t>
            </w:r>
          </w:p>
          <w:p w:rsidR="00156FB3" w:rsidRDefault="00156FB3" w:rsidP="00156FB3"/>
          <w:p w:rsidR="00156FB3" w:rsidRDefault="00156FB3" w:rsidP="00156FB3">
            <w:r>
              <w:t>.fa-viacoin:before {</w:t>
            </w:r>
          </w:p>
          <w:p w:rsidR="00156FB3" w:rsidRDefault="00156FB3" w:rsidP="00156FB3">
            <w:r>
              <w:t xml:space="preserve">    content: "\f237";</w:t>
            </w:r>
          </w:p>
          <w:p w:rsidR="00156FB3" w:rsidRDefault="00156FB3" w:rsidP="00156FB3">
            <w:r>
              <w:t>}</w:t>
            </w:r>
          </w:p>
          <w:p w:rsidR="00156FB3" w:rsidRDefault="00156FB3" w:rsidP="00156FB3"/>
          <w:p w:rsidR="00156FB3" w:rsidRDefault="00156FB3" w:rsidP="00156FB3">
            <w:r>
              <w:t>.fa-viadeo:before {</w:t>
            </w:r>
          </w:p>
          <w:p w:rsidR="00156FB3" w:rsidRDefault="00156FB3" w:rsidP="00156FB3">
            <w:r>
              <w:t xml:space="preserve">    content: "\f2a9";</w:t>
            </w:r>
          </w:p>
          <w:p w:rsidR="00156FB3" w:rsidRDefault="00156FB3" w:rsidP="00156FB3">
            <w:r>
              <w:t>}</w:t>
            </w:r>
          </w:p>
          <w:p w:rsidR="00156FB3" w:rsidRDefault="00156FB3" w:rsidP="00156FB3"/>
          <w:p w:rsidR="00156FB3" w:rsidRDefault="00156FB3" w:rsidP="00156FB3">
            <w:r>
              <w:t>.fa-viadeo-square:before {</w:t>
            </w:r>
          </w:p>
          <w:p w:rsidR="00156FB3" w:rsidRDefault="00156FB3" w:rsidP="00156FB3">
            <w:r>
              <w:t xml:space="preserve">    content: "\f2aa";</w:t>
            </w:r>
          </w:p>
          <w:p w:rsidR="00156FB3" w:rsidRDefault="00156FB3" w:rsidP="00156FB3">
            <w:r>
              <w:t>}</w:t>
            </w:r>
          </w:p>
          <w:p w:rsidR="00156FB3" w:rsidRDefault="00156FB3" w:rsidP="00156FB3"/>
          <w:p w:rsidR="00156FB3" w:rsidRDefault="00156FB3" w:rsidP="00156FB3">
            <w:r>
              <w:t>.fa-vial:before {</w:t>
            </w:r>
          </w:p>
          <w:p w:rsidR="00156FB3" w:rsidRDefault="00156FB3" w:rsidP="00156FB3">
            <w:r>
              <w:t xml:space="preserve">    content: "\f492";</w:t>
            </w:r>
          </w:p>
          <w:p w:rsidR="00156FB3" w:rsidRDefault="00156FB3" w:rsidP="00156FB3">
            <w:r>
              <w:t>}</w:t>
            </w:r>
          </w:p>
          <w:p w:rsidR="00156FB3" w:rsidRDefault="00156FB3" w:rsidP="00156FB3"/>
          <w:p w:rsidR="00156FB3" w:rsidRDefault="00156FB3" w:rsidP="00156FB3">
            <w:r>
              <w:t>.fa-vials:before {</w:t>
            </w:r>
          </w:p>
          <w:p w:rsidR="00156FB3" w:rsidRDefault="00156FB3" w:rsidP="00156FB3">
            <w:r>
              <w:t xml:space="preserve">    content: "\f493";</w:t>
            </w:r>
          </w:p>
          <w:p w:rsidR="00156FB3" w:rsidRDefault="00156FB3" w:rsidP="00156FB3">
            <w:r>
              <w:t>}</w:t>
            </w:r>
          </w:p>
          <w:p w:rsidR="00156FB3" w:rsidRDefault="00156FB3" w:rsidP="00156FB3"/>
          <w:p w:rsidR="00156FB3" w:rsidRDefault="00156FB3" w:rsidP="00156FB3">
            <w:r>
              <w:t>.fa-viber:before {</w:t>
            </w:r>
          </w:p>
          <w:p w:rsidR="00156FB3" w:rsidRDefault="00156FB3" w:rsidP="00156FB3">
            <w:r>
              <w:t xml:space="preserve">    content: "\f409";</w:t>
            </w:r>
          </w:p>
          <w:p w:rsidR="00156FB3" w:rsidRDefault="00156FB3" w:rsidP="00156FB3">
            <w:r>
              <w:t>}</w:t>
            </w:r>
          </w:p>
          <w:p w:rsidR="00156FB3" w:rsidRDefault="00156FB3" w:rsidP="00156FB3"/>
          <w:p w:rsidR="00156FB3" w:rsidRDefault="00156FB3" w:rsidP="00156FB3">
            <w:r>
              <w:t>.fa-video:before {</w:t>
            </w:r>
          </w:p>
          <w:p w:rsidR="00156FB3" w:rsidRDefault="00156FB3" w:rsidP="00156FB3">
            <w:r>
              <w:t xml:space="preserve">    content: "\f03d";</w:t>
            </w:r>
          </w:p>
          <w:p w:rsidR="00156FB3" w:rsidRDefault="00156FB3" w:rsidP="00156FB3">
            <w:r>
              <w:t>}</w:t>
            </w:r>
          </w:p>
          <w:p w:rsidR="00156FB3" w:rsidRDefault="00156FB3" w:rsidP="00156FB3"/>
          <w:p w:rsidR="00156FB3" w:rsidRDefault="00156FB3" w:rsidP="00156FB3">
            <w:r>
              <w:t>.fa-video-slash:before {</w:t>
            </w:r>
          </w:p>
          <w:p w:rsidR="00156FB3" w:rsidRDefault="00156FB3" w:rsidP="00156FB3">
            <w:r>
              <w:t xml:space="preserve">    content: "\f4e2";</w:t>
            </w:r>
          </w:p>
          <w:p w:rsidR="00156FB3" w:rsidRDefault="00156FB3" w:rsidP="00156FB3">
            <w:r>
              <w:t>}</w:t>
            </w:r>
          </w:p>
          <w:p w:rsidR="00156FB3" w:rsidRDefault="00156FB3" w:rsidP="00156FB3"/>
          <w:p w:rsidR="00156FB3" w:rsidRDefault="00156FB3" w:rsidP="00156FB3">
            <w:r>
              <w:t>.fa-vihara:before {</w:t>
            </w:r>
          </w:p>
          <w:p w:rsidR="00156FB3" w:rsidRDefault="00156FB3" w:rsidP="00156FB3">
            <w:r>
              <w:t xml:space="preserve">    content: "\f6a7";</w:t>
            </w:r>
          </w:p>
          <w:p w:rsidR="00156FB3" w:rsidRDefault="00156FB3" w:rsidP="00156FB3">
            <w:r>
              <w:t>}</w:t>
            </w:r>
          </w:p>
          <w:p w:rsidR="00156FB3" w:rsidRDefault="00156FB3" w:rsidP="00156FB3"/>
          <w:p w:rsidR="00156FB3" w:rsidRDefault="00156FB3" w:rsidP="00156FB3">
            <w:r>
              <w:t>.fa-vimeo:before {</w:t>
            </w:r>
          </w:p>
          <w:p w:rsidR="00156FB3" w:rsidRDefault="00156FB3" w:rsidP="00156FB3">
            <w:r>
              <w:lastRenderedPageBreak/>
              <w:t xml:space="preserve">    content: "\f40a";</w:t>
            </w:r>
          </w:p>
          <w:p w:rsidR="00156FB3" w:rsidRDefault="00156FB3" w:rsidP="00156FB3">
            <w:r>
              <w:t>}</w:t>
            </w:r>
          </w:p>
          <w:p w:rsidR="00156FB3" w:rsidRDefault="00156FB3" w:rsidP="00156FB3"/>
          <w:p w:rsidR="00156FB3" w:rsidRDefault="00156FB3" w:rsidP="00156FB3">
            <w:r>
              <w:t>.fa-vimeo-square:before {</w:t>
            </w:r>
          </w:p>
          <w:p w:rsidR="00156FB3" w:rsidRDefault="00156FB3" w:rsidP="00156FB3">
            <w:r>
              <w:t xml:space="preserve">    content: "\f194";</w:t>
            </w:r>
          </w:p>
          <w:p w:rsidR="00156FB3" w:rsidRDefault="00156FB3" w:rsidP="00156FB3">
            <w:r>
              <w:t>}</w:t>
            </w:r>
          </w:p>
          <w:p w:rsidR="00156FB3" w:rsidRDefault="00156FB3" w:rsidP="00156FB3"/>
          <w:p w:rsidR="00156FB3" w:rsidRDefault="00156FB3" w:rsidP="00156FB3">
            <w:r>
              <w:t>.fa-vimeo-v:before {</w:t>
            </w:r>
          </w:p>
          <w:p w:rsidR="00156FB3" w:rsidRDefault="00156FB3" w:rsidP="00156FB3">
            <w:r>
              <w:t xml:space="preserve">    content: "\f27d";</w:t>
            </w:r>
          </w:p>
          <w:p w:rsidR="00156FB3" w:rsidRDefault="00156FB3" w:rsidP="00156FB3">
            <w:r>
              <w:t>}</w:t>
            </w:r>
          </w:p>
          <w:p w:rsidR="00156FB3" w:rsidRDefault="00156FB3" w:rsidP="00156FB3"/>
          <w:p w:rsidR="00156FB3" w:rsidRDefault="00156FB3" w:rsidP="00156FB3">
            <w:r>
              <w:t>.fa-vine:before {</w:t>
            </w:r>
          </w:p>
          <w:p w:rsidR="00156FB3" w:rsidRDefault="00156FB3" w:rsidP="00156FB3">
            <w:r>
              <w:t xml:space="preserve">    content: "\f1ca";</w:t>
            </w:r>
          </w:p>
          <w:p w:rsidR="00156FB3" w:rsidRDefault="00156FB3" w:rsidP="00156FB3">
            <w:r>
              <w:t>}</w:t>
            </w:r>
          </w:p>
          <w:p w:rsidR="00156FB3" w:rsidRDefault="00156FB3" w:rsidP="00156FB3"/>
          <w:p w:rsidR="00156FB3" w:rsidRDefault="00156FB3" w:rsidP="00156FB3">
            <w:r>
              <w:t>.fa-virus:before {</w:t>
            </w:r>
          </w:p>
          <w:p w:rsidR="00156FB3" w:rsidRDefault="00156FB3" w:rsidP="00156FB3">
            <w:r>
              <w:t xml:space="preserve">    content: "\f974";</w:t>
            </w:r>
          </w:p>
          <w:p w:rsidR="00156FB3" w:rsidRDefault="00156FB3" w:rsidP="00156FB3">
            <w:r>
              <w:t>}</w:t>
            </w:r>
          </w:p>
          <w:p w:rsidR="00156FB3" w:rsidRDefault="00156FB3" w:rsidP="00156FB3"/>
          <w:p w:rsidR="00156FB3" w:rsidRDefault="00156FB3" w:rsidP="00156FB3">
            <w:r>
              <w:t>.fa-virus-slash:before {</w:t>
            </w:r>
          </w:p>
          <w:p w:rsidR="00156FB3" w:rsidRDefault="00156FB3" w:rsidP="00156FB3">
            <w:r>
              <w:t xml:space="preserve">    content: "\f975";</w:t>
            </w:r>
          </w:p>
          <w:p w:rsidR="00156FB3" w:rsidRDefault="00156FB3" w:rsidP="00156FB3">
            <w:r>
              <w:t>}</w:t>
            </w:r>
          </w:p>
          <w:p w:rsidR="00156FB3" w:rsidRDefault="00156FB3" w:rsidP="00156FB3"/>
          <w:p w:rsidR="00156FB3" w:rsidRDefault="00156FB3" w:rsidP="00156FB3">
            <w:r>
              <w:t>.fa-viruses:before {</w:t>
            </w:r>
          </w:p>
          <w:p w:rsidR="00156FB3" w:rsidRDefault="00156FB3" w:rsidP="00156FB3">
            <w:r>
              <w:t xml:space="preserve">    content: "\f976";</w:t>
            </w:r>
          </w:p>
          <w:p w:rsidR="00156FB3" w:rsidRDefault="00156FB3" w:rsidP="00156FB3">
            <w:r>
              <w:t>}</w:t>
            </w:r>
          </w:p>
          <w:p w:rsidR="00156FB3" w:rsidRDefault="00156FB3" w:rsidP="00156FB3"/>
          <w:p w:rsidR="00156FB3" w:rsidRDefault="00156FB3" w:rsidP="00156FB3">
            <w:r>
              <w:t>.fa-vk:before {</w:t>
            </w:r>
          </w:p>
          <w:p w:rsidR="00156FB3" w:rsidRDefault="00156FB3" w:rsidP="00156FB3">
            <w:r>
              <w:t xml:space="preserve">    content: "\f189";</w:t>
            </w:r>
          </w:p>
          <w:p w:rsidR="00156FB3" w:rsidRDefault="00156FB3" w:rsidP="00156FB3">
            <w:r>
              <w:t>}</w:t>
            </w:r>
          </w:p>
          <w:p w:rsidR="00156FB3" w:rsidRDefault="00156FB3" w:rsidP="00156FB3"/>
          <w:p w:rsidR="00156FB3" w:rsidRDefault="00156FB3" w:rsidP="00156FB3">
            <w:r>
              <w:t>.fa-vnv:before {</w:t>
            </w:r>
          </w:p>
          <w:p w:rsidR="00156FB3" w:rsidRDefault="00156FB3" w:rsidP="00156FB3">
            <w:r>
              <w:t xml:space="preserve">    content: "\f40b";</w:t>
            </w:r>
          </w:p>
          <w:p w:rsidR="00156FB3" w:rsidRDefault="00156FB3" w:rsidP="00156FB3">
            <w:r>
              <w:t>}</w:t>
            </w:r>
          </w:p>
          <w:p w:rsidR="00156FB3" w:rsidRDefault="00156FB3" w:rsidP="00156FB3"/>
          <w:p w:rsidR="00156FB3" w:rsidRDefault="00156FB3" w:rsidP="00156FB3">
            <w:r>
              <w:t>.fa-voicemail:before {</w:t>
            </w:r>
          </w:p>
          <w:p w:rsidR="00156FB3" w:rsidRDefault="00156FB3" w:rsidP="00156FB3">
            <w:r>
              <w:t xml:space="preserve">    content: "\f897";</w:t>
            </w:r>
          </w:p>
          <w:p w:rsidR="00156FB3" w:rsidRDefault="00156FB3" w:rsidP="00156FB3">
            <w:r>
              <w:t>}</w:t>
            </w:r>
          </w:p>
          <w:p w:rsidR="00156FB3" w:rsidRDefault="00156FB3" w:rsidP="00156FB3"/>
          <w:p w:rsidR="00156FB3" w:rsidRDefault="00156FB3" w:rsidP="00156FB3">
            <w:r>
              <w:t>.fa-volleyball-ball:before {</w:t>
            </w:r>
          </w:p>
          <w:p w:rsidR="00156FB3" w:rsidRDefault="00156FB3" w:rsidP="00156FB3">
            <w:r>
              <w:t xml:space="preserve">    content: "\f45f";</w:t>
            </w:r>
          </w:p>
          <w:p w:rsidR="00156FB3" w:rsidRDefault="00156FB3" w:rsidP="00156FB3">
            <w:r>
              <w:t>}</w:t>
            </w:r>
          </w:p>
          <w:p w:rsidR="00156FB3" w:rsidRDefault="00156FB3" w:rsidP="00156FB3"/>
          <w:p w:rsidR="00156FB3" w:rsidRDefault="00156FB3" w:rsidP="00156FB3">
            <w:r>
              <w:t>.fa-volume-down:before {</w:t>
            </w:r>
          </w:p>
          <w:p w:rsidR="00156FB3" w:rsidRDefault="00156FB3" w:rsidP="00156FB3">
            <w:r>
              <w:t xml:space="preserve">    content: "\f027";</w:t>
            </w:r>
          </w:p>
          <w:p w:rsidR="00156FB3" w:rsidRDefault="00156FB3" w:rsidP="00156FB3">
            <w:r>
              <w:t>}</w:t>
            </w:r>
          </w:p>
          <w:p w:rsidR="00156FB3" w:rsidRDefault="00156FB3" w:rsidP="00156FB3"/>
          <w:p w:rsidR="00156FB3" w:rsidRDefault="00156FB3" w:rsidP="00156FB3">
            <w:r>
              <w:t>.fa-volume-mute:before {</w:t>
            </w:r>
          </w:p>
          <w:p w:rsidR="00156FB3" w:rsidRDefault="00156FB3" w:rsidP="00156FB3">
            <w:r>
              <w:lastRenderedPageBreak/>
              <w:t xml:space="preserve">    content: "\f6a9";</w:t>
            </w:r>
          </w:p>
          <w:p w:rsidR="00156FB3" w:rsidRDefault="00156FB3" w:rsidP="00156FB3">
            <w:r>
              <w:t>}</w:t>
            </w:r>
          </w:p>
          <w:p w:rsidR="00156FB3" w:rsidRDefault="00156FB3" w:rsidP="00156FB3"/>
          <w:p w:rsidR="00156FB3" w:rsidRDefault="00156FB3" w:rsidP="00156FB3">
            <w:r>
              <w:t>.fa-volume-off:before {</w:t>
            </w:r>
          </w:p>
          <w:p w:rsidR="00156FB3" w:rsidRDefault="00156FB3" w:rsidP="00156FB3">
            <w:r>
              <w:t xml:space="preserve">    content: "\f026";</w:t>
            </w:r>
          </w:p>
          <w:p w:rsidR="00156FB3" w:rsidRDefault="00156FB3" w:rsidP="00156FB3">
            <w:r>
              <w:t>}</w:t>
            </w:r>
          </w:p>
          <w:p w:rsidR="00156FB3" w:rsidRDefault="00156FB3" w:rsidP="00156FB3"/>
          <w:p w:rsidR="00156FB3" w:rsidRDefault="00156FB3" w:rsidP="00156FB3">
            <w:r>
              <w:t>.fa-volume-up:before {</w:t>
            </w:r>
          </w:p>
          <w:p w:rsidR="00156FB3" w:rsidRDefault="00156FB3" w:rsidP="00156FB3">
            <w:r>
              <w:t xml:space="preserve">    content: "\f028";</w:t>
            </w:r>
          </w:p>
          <w:p w:rsidR="00156FB3" w:rsidRDefault="00156FB3" w:rsidP="00156FB3">
            <w:r>
              <w:t>}</w:t>
            </w:r>
          </w:p>
          <w:p w:rsidR="00156FB3" w:rsidRDefault="00156FB3" w:rsidP="00156FB3"/>
          <w:p w:rsidR="00156FB3" w:rsidRDefault="00156FB3" w:rsidP="00156FB3">
            <w:r>
              <w:t>.fa-vote-yea:before {</w:t>
            </w:r>
          </w:p>
          <w:p w:rsidR="00156FB3" w:rsidRDefault="00156FB3" w:rsidP="00156FB3">
            <w:r>
              <w:t xml:space="preserve">    content: "\f772";</w:t>
            </w:r>
          </w:p>
          <w:p w:rsidR="00156FB3" w:rsidRDefault="00156FB3" w:rsidP="00156FB3">
            <w:r>
              <w:t>}</w:t>
            </w:r>
          </w:p>
          <w:p w:rsidR="00156FB3" w:rsidRDefault="00156FB3" w:rsidP="00156FB3"/>
          <w:p w:rsidR="00156FB3" w:rsidRDefault="00156FB3" w:rsidP="00156FB3">
            <w:r>
              <w:t>.fa-vr-cardboard:before {</w:t>
            </w:r>
          </w:p>
          <w:p w:rsidR="00156FB3" w:rsidRDefault="00156FB3" w:rsidP="00156FB3">
            <w:r>
              <w:t xml:space="preserve">    content: "\f729";</w:t>
            </w:r>
          </w:p>
          <w:p w:rsidR="00156FB3" w:rsidRDefault="00156FB3" w:rsidP="00156FB3">
            <w:r>
              <w:t>}</w:t>
            </w:r>
          </w:p>
          <w:p w:rsidR="00156FB3" w:rsidRDefault="00156FB3" w:rsidP="00156FB3"/>
          <w:p w:rsidR="00156FB3" w:rsidRDefault="00156FB3" w:rsidP="00156FB3">
            <w:r>
              <w:t>.fa-vuejs:before {</w:t>
            </w:r>
          </w:p>
          <w:p w:rsidR="00156FB3" w:rsidRDefault="00156FB3" w:rsidP="00156FB3">
            <w:r>
              <w:t xml:space="preserve">    content: "\f41f";</w:t>
            </w:r>
          </w:p>
          <w:p w:rsidR="00156FB3" w:rsidRDefault="00156FB3" w:rsidP="00156FB3">
            <w:r>
              <w:t>}</w:t>
            </w:r>
          </w:p>
          <w:p w:rsidR="00156FB3" w:rsidRDefault="00156FB3" w:rsidP="00156FB3"/>
          <w:p w:rsidR="00156FB3" w:rsidRDefault="00156FB3" w:rsidP="00156FB3">
            <w:r>
              <w:t>.fa-walking:before {</w:t>
            </w:r>
          </w:p>
          <w:p w:rsidR="00156FB3" w:rsidRDefault="00156FB3" w:rsidP="00156FB3">
            <w:r>
              <w:t xml:space="preserve">    content: "\f554";</w:t>
            </w:r>
          </w:p>
          <w:p w:rsidR="00156FB3" w:rsidRDefault="00156FB3" w:rsidP="00156FB3">
            <w:r>
              <w:t>}</w:t>
            </w:r>
          </w:p>
          <w:p w:rsidR="00156FB3" w:rsidRDefault="00156FB3" w:rsidP="00156FB3"/>
          <w:p w:rsidR="00156FB3" w:rsidRDefault="00156FB3" w:rsidP="00156FB3">
            <w:r>
              <w:t>.fa-wallet:before {</w:t>
            </w:r>
          </w:p>
          <w:p w:rsidR="00156FB3" w:rsidRDefault="00156FB3" w:rsidP="00156FB3">
            <w:r>
              <w:t xml:space="preserve">    content: "\f555";</w:t>
            </w:r>
          </w:p>
          <w:p w:rsidR="00156FB3" w:rsidRDefault="00156FB3" w:rsidP="00156FB3">
            <w:r>
              <w:t>}</w:t>
            </w:r>
          </w:p>
          <w:p w:rsidR="00156FB3" w:rsidRDefault="00156FB3" w:rsidP="00156FB3"/>
          <w:p w:rsidR="00156FB3" w:rsidRDefault="00156FB3" w:rsidP="00156FB3">
            <w:r>
              <w:t>.fa-warehouse:before {</w:t>
            </w:r>
          </w:p>
          <w:p w:rsidR="00156FB3" w:rsidRDefault="00156FB3" w:rsidP="00156FB3">
            <w:r>
              <w:t xml:space="preserve">    content: "\f494";</w:t>
            </w:r>
          </w:p>
          <w:p w:rsidR="00156FB3" w:rsidRDefault="00156FB3" w:rsidP="00156FB3">
            <w:r>
              <w:t>}</w:t>
            </w:r>
          </w:p>
          <w:p w:rsidR="00156FB3" w:rsidRDefault="00156FB3" w:rsidP="00156FB3"/>
          <w:p w:rsidR="00156FB3" w:rsidRDefault="00156FB3" w:rsidP="00156FB3">
            <w:r>
              <w:t>.fa-water:before {</w:t>
            </w:r>
          </w:p>
          <w:p w:rsidR="00156FB3" w:rsidRDefault="00156FB3" w:rsidP="00156FB3">
            <w:r>
              <w:t xml:space="preserve">    content: "\f773";</w:t>
            </w:r>
          </w:p>
          <w:p w:rsidR="00156FB3" w:rsidRDefault="00156FB3" w:rsidP="00156FB3">
            <w:r>
              <w:t>}</w:t>
            </w:r>
          </w:p>
          <w:p w:rsidR="00156FB3" w:rsidRDefault="00156FB3" w:rsidP="00156FB3"/>
          <w:p w:rsidR="00156FB3" w:rsidRDefault="00156FB3" w:rsidP="00156FB3">
            <w:r>
              <w:t>.fa-wave-square:before {</w:t>
            </w:r>
          </w:p>
          <w:p w:rsidR="00156FB3" w:rsidRDefault="00156FB3" w:rsidP="00156FB3">
            <w:r>
              <w:t xml:space="preserve">    content: "\f83e";</w:t>
            </w:r>
          </w:p>
          <w:p w:rsidR="00156FB3" w:rsidRDefault="00156FB3" w:rsidP="00156FB3">
            <w:r>
              <w:t>}</w:t>
            </w:r>
          </w:p>
          <w:p w:rsidR="00156FB3" w:rsidRDefault="00156FB3" w:rsidP="00156FB3"/>
          <w:p w:rsidR="00156FB3" w:rsidRDefault="00156FB3" w:rsidP="00156FB3">
            <w:r>
              <w:t>.fa-waze:before {</w:t>
            </w:r>
          </w:p>
          <w:p w:rsidR="00156FB3" w:rsidRDefault="00156FB3" w:rsidP="00156FB3">
            <w:r>
              <w:t xml:space="preserve">    content: "\f83f";</w:t>
            </w:r>
          </w:p>
          <w:p w:rsidR="00156FB3" w:rsidRDefault="00156FB3" w:rsidP="00156FB3">
            <w:r>
              <w:t>}</w:t>
            </w:r>
          </w:p>
          <w:p w:rsidR="00156FB3" w:rsidRDefault="00156FB3" w:rsidP="00156FB3"/>
          <w:p w:rsidR="00156FB3" w:rsidRDefault="00156FB3" w:rsidP="00156FB3">
            <w:r>
              <w:t>.fa-weebly:before {</w:t>
            </w:r>
          </w:p>
          <w:p w:rsidR="00156FB3" w:rsidRDefault="00156FB3" w:rsidP="00156FB3">
            <w:r>
              <w:lastRenderedPageBreak/>
              <w:t xml:space="preserve">    content: "\f5cc";</w:t>
            </w:r>
          </w:p>
          <w:p w:rsidR="00156FB3" w:rsidRDefault="00156FB3" w:rsidP="00156FB3">
            <w:r>
              <w:t>}</w:t>
            </w:r>
          </w:p>
          <w:p w:rsidR="00156FB3" w:rsidRDefault="00156FB3" w:rsidP="00156FB3"/>
          <w:p w:rsidR="00156FB3" w:rsidRDefault="00156FB3" w:rsidP="00156FB3">
            <w:r>
              <w:t>.fa-weibo:before {</w:t>
            </w:r>
          </w:p>
          <w:p w:rsidR="00156FB3" w:rsidRDefault="00156FB3" w:rsidP="00156FB3">
            <w:r>
              <w:t xml:space="preserve">    content: "\f18a";</w:t>
            </w:r>
          </w:p>
          <w:p w:rsidR="00156FB3" w:rsidRDefault="00156FB3" w:rsidP="00156FB3">
            <w:r>
              <w:t>}</w:t>
            </w:r>
          </w:p>
          <w:p w:rsidR="00156FB3" w:rsidRDefault="00156FB3" w:rsidP="00156FB3"/>
          <w:p w:rsidR="00156FB3" w:rsidRDefault="00156FB3" w:rsidP="00156FB3">
            <w:r>
              <w:t>.fa-weight:before {</w:t>
            </w:r>
          </w:p>
          <w:p w:rsidR="00156FB3" w:rsidRDefault="00156FB3" w:rsidP="00156FB3">
            <w:r>
              <w:t xml:space="preserve">    content: "\f496";</w:t>
            </w:r>
          </w:p>
          <w:p w:rsidR="00156FB3" w:rsidRDefault="00156FB3" w:rsidP="00156FB3">
            <w:r>
              <w:t>}</w:t>
            </w:r>
          </w:p>
          <w:p w:rsidR="00156FB3" w:rsidRDefault="00156FB3" w:rsidP="00156FB3"/>
          <w:p w:rsidR="00156FB3" w:rsidRDefault="00156FB3" w:rsidP="00156FB3">
            <w:r>
              <w:t>.fa-weight-hanging:before {</w:t>
            </w:r>
          </w:p>
          <w:p w:rsidR="00156FB3" w:rsidRDefault="00156FB3" w:rsidP="00156FB3">
            <w:r>
              <w:t xml:space="preserve">    content: "\f5cd";</w:t>
            </w:r>
          </w:p>
          <w:p w:rsidR="00156FB3" w:rsidRDefault="00156FB3" w:rsidP="00156FB3">
            <w:r>
              <w:t>}</w:t>
            </w:r>
          </w:p>
          <w:p w:rsidR="00156FB3" w:rsidRDefault="00156FB3" w:rsidP="00156FB3"/>
          <w:p w:rsidR="00156FB3" w:rsidRDefault="00156FB3" w:rsidP="00156FB3">
            <w:r>
              <w:t>.fa-weixin:before {</w:t>
            </w:r>
          </w:p>
          <w:p w:rsidR="00156FB3" w:rsidRDefault="00156FB3" w:rsidP="00156FB3">
            <w:r>
              <w:t xml:space="preserve">    content: "\f1d7";</w:t>
            </w:r>
          </w:p>
          <w:p w:rsidR="00156FB3" w:rsidRDefault="00156FB3" w:rsidP="00156FB3">
            <w:r>
              <w:t>}</w:t>
            </w:r>
          </w:p>
          <w:p w:rsidR="00156FB3" w:rsidRDefault="00156FB3" w:rsidP="00156FB3"/>
          <w:p w:rsidR="00156FB3" w:rsidRDefault="00156FB3" w:rsidP="00156FB3">
            <w:r>
              <w:t>.fa-whatsapp:before {</w:t>
            </w:r>
          </w:p>
          <w:p w:rsidR="00156FB3" w:rsidRDefault="00156FB3" w:rsidP="00156FB3">
            <w:r>
              <w:t xml:space="preserve">    content: "\f232";</w:t>
            </w:r>
          </w:p>
          <w:p w:rsidR="00156FB3" w:rsidRDefault="00156FB3" w:rsidP="00156FB3">
            <w:r>
              <w:t>}</w:t>
            </w:r>
          </w:p>
          <w:p w:rsidR="00156FB3" w:rsidRDefault="00156FB3" w:rsidP="00156FB3"/>
          <w:p w:rsidR="00156FB3" w:rsidRDefault="00156FB3" w:rsidP="00156FB3">
            <w:r>
              <w:t>.fa-whatsapp-square:before {</w:t>
            </w:r>
          </w:p>
          <w:p w:rsidR="00156FB3" w:rsidRDefault="00156FB3" w:rsidP="00156FB3">
            <w:r>
              <w:t xml:space="preserve">    content: "\f40c";</w:t>
            </w:r>
          </w:p>
          <w:p w:rsidR="00156FB3" w:rsidRDefault="00156FB3" w:rsidP="00156FB3">
            <w:r>
              <w:t>}</w:t>
            </w:r>
          </w:p>
          <w:p w:rsidR="00156FB3" w:rsidRDefault="00156FB3" w:rsidP="00156FB3"/>
          <w:p w:rsidR="00156FB3" w:rsidRDefault="00156FB3" w:rsidP="00156FB3">
            <w:r>
              <w:t>.fa-wheelchair:before {</w:t>
            </w:r>
          </w:p>
          <w:p w:rsidR="00156FB3" w:rsidRDefault="00156FB3" w:rsidP="00156FB3">
            <w:r>
              <w:t xml:space="preserve">    content: "\f193";</w:t>
            </w:r>
          </w:p>
          <w:p w:rsidR="00156FB3" w:rsidRDefault="00156FB3" w:rsidP="00156FB3">
            <w:r>
              <w:t>}</w:t>
            </w:r>
          </w:p>
          <w:p w:rsidR="00156FB3" w:rsidRDefault="00156FB3" w:rsidP="00156FB3"/>
          <w:p w:rsidR="00156FB3" w:rsidRDefault="00156FB3" w:rsidP="00156FB3">
            <w:r>
              <w:t>.fa-whmcs:before {</w:t>
            </w:r>
          </w:p>
          <w:p w:rsidR="00156FB3" w:rsidRDefault="00156FB3" w:rsidP="00156FB3">
            <w:r>
              <w:t xml:space="preserve">    content: "\f40d";</w:t>
            </w:r>
          </w:p>
          <w:p w:rsidR="00156FB3" w:rsidRDefault="00156FB3" w:rsidP="00156FB3">
            <w:r>
              <w:t>}</w:t>
            </w:r>
          </w:p>
          <w:p w:rsidR="00156FB3" w:rsidRDefault="00156FB3" w:rsidP="00156FB3"/>
          <w:p w:rsidR="00156FB3" w:rsidRDefault="00156FB3" w:rsidP="00156FB3">
            <w:r>
              <w:t>.fa-wifi:before {</w:t>
            </w:r>
          </w:p>
          <w:p w:rsidR="00156FB3" w:rsidRDefault="00156FB3" w:rsidP="00156FB3">
            <w:r>
              <w:t xml:space="preserve">    content: "\f1eb";</w:t>
            </w:r>
          </w:p>
          <w:p w:rsidR="00156FB3" w:rsidRDefault="00156FB3" w:rsidP="00156FB3">
            <w:r>
              <w:t>}</w:t>
            </w:r>
          </w:p>
          <w:p w:rsidR="00156FB3" w:rsidRDefault="00156FB3" w:rsidP="00156FB3"/>
          <w:p w:rsidR="00156FB3" w:rsidRDefault="00156FB3" w:rsidP="00156FB3">
            <w:r>
              <w:t>.fa-wikipedia-w:before {</w:t>
            </w:r>
          </w:p>
          <w:p w:rsidR="00156FB3" w:rsidRDefault="00156FB3" w:rsidP="00156FB3">
            <w:r>
              <w:t xml:space="preserve">    content: "\f266";</w:t>
            </w:r>
          </w:p>
          <w:p w:rsidR="00156FB3" w:rsidRDefault="00156FB3" w:rsidP="00156FB3">
            <w:r>
              <w:t>}</w:t>
            </w:r>
          </w:p>
          <w:p w:rsidR="00156FB3" w:rsidRDefault="00156FB3" w:rsidP="00156FB3"/>
          <w:p w:rsidR="00156FB3" w:rsidRDefault="00156FB3" w:rsidP="00156FB3">
            <w:r>
              <w:t>.fa-wind:before {</w:t>
            </w:r>
          </w:p>
          <w:p w:rsidR="00156FB3" w:rsidRDefault="00156FB3" w:rsidP="00156FB3">
            <w:r>
              <w:t xml:space="preserve">    content: "\f72e";</w:t>
            </w:r>
          </w:p>
          <w:p w:rsidR="00156FB3" w:rsidRDefault="00156FB3" w:rsidP="00156FB3">
            <w:r>
              <w:t>}</w:t>
            </w:r>
          </w:p>
          <w:p w:rsidR="00156FB3" w:rsidRDefault="00156FB3" w:rsidP="00156FB3"/>
          <w:p w:rsidR="00156FB3" w:rsidRDefault="00156FB3" w:rsidP="00156FB3">
            <w:r>
              <w:t>.fa-window-close:before {</w:t>
            </w:r>
          </w:p>
          <w:p w:rsidR="00156FB3" w:rsidRDefault="00156FB3" w:rsidP="00156FB3">
            <w:r>
              <w:lastRenderedPageBreak/>
              <w:t xml:space="preserve">    content: "\f410";</w:t>
            </w:r>
          </w:p>
          <w:p w:rsidR="00156FB3" w:rsidRDefault="00156FB3" w:rsidP="00156FB3">
            <w:r>
              <w:t>}</w:t>
            </w:r>
          </w:p>
          <w:p w:rsidR="00156FB3" w:rsidRDefault="00156FB3" w:rsidP="00156FB3"/>
          <w:p w:rsidR="00156FB3" w:rsidRDefault="00156FB3" w:rsidP="00156FB3">
            <w:r>
              <w:t>.fa-window-maximize:before {</w:t>
            </w:r>
          </w:p>
          <w:p w:rsidR="00156FB3" w:rsidRDefault="00156FB3" w:rsidP="00156FB3">
            <w:r>
              <w:t xml:space="preserve">    content: "\f2d0";</w:t>
            </w:r>
          </w:p>
          <w:p w:rsidR="00156FB3" w:rsidRDefault="00156FB3" w:rsidP="00156FB3">
            <w:r>
              <w:t>}</w:t>
            </w:r>
          </w:p>
          <w:p w:rsidR="00156FB3" w:rsidRDefault="00156FB3" w:rsidP="00156FB3"/>
          <w:p w:rsidR="00156FB3" w:rsidRDefault="00156FB3" w:rsidP="00156FB3">
            <w:r>
              <w:t>.fa-window-minimize:before {</w:t>
            </w:r>
          </w:p>
          <w:p w:rsidR="00156FB3" w:rsidRDefault="00156FB3" w:rsidP="00156FB3">
            <w:r>
              <w:t xml:space="preserve">    content: "\f2d1";</w:t>
            </w:r>
          </w:p>
          <w:p w:rsidR="00156FB3" w:rsidRDefault="00156FB3" w:rsidP="00156FB3">
            <w:r>
              <w:t>}</w:t>
            </w:r>
          </w:p>
          <w:p w:rsidR="00156FB3" w:rsidRDefault="00156FB3" w:rsidP="00156FB3"/>
          <w:p w:rsidR="00156FB3" w:rsidRDefault="00156FB3" w:rsidP="00156FB3">
            <w:r>
              <w:t>.fa-window-restore:before {</w:t>
            </w:r>
          </w:p>
          <w:p w:rsidR="00156FB3" w:rsidRDefault="00156FB3" w:rsidP="00156FB3">
            <w:r>
              <w:t xml:space="preserve">    content: "\f2d2";</w:t>
            </w:r>
          </w:p>
          <w:p w:rsidR="00156FB3" w:rsidRDefault="00156FB3" w:rsidP="00156FB3">
            <w:r>
              <w:t>}</w:t>
            </w:r>
          </w:p>
          <w:p w:rsidR="00156FB3" w:rsidRDefault="00156FB3" w:rsidP="00156FB3"/>
          <w:p w:rsidR="00156FB3" w:rsidRDefault="00156FB3" w:rsidP="00156FB3">
            <w:r>
              <w:t>.fa-windows:before {</w:t>
            </w:r>
          </w:p>
          <w:p w:rsidR="00156FB3" w:rsidRDefault="00156FB3" w:rsidP="00156FB3">
            <w:r>
              <w:t xml:space="preserve">    content: "\f17a";</w:t>
            </w:r>
          </w:p>
          <w:p w:rsidR="00156FB3" w:rsidRDefault="00156FB3" w:rsidP="00156FB3">
            <w:r>
              <w:t>}</w:t>
            </w:r>
          </w:p>
          <w:p w:rsidR="00156FB3" w:rsidRDefault="00156FB3" w:rsidP="00156FB3"/>
          <w:p w:rsidR="00156FB3" w:rsidRDefault="00156FB3" w:rsidP="00156FB3">
            <w:r>
              <w:t>.fa-wine-bottle:before {</w:t>
            </w:r>
          </w:p>
          <w:p w:rsidR="00156FB3" w:rsidRDefault="00156FB3" w:rsidP="00156FB3">
            <w:r>
              <w:t xml:space="preserve">    content: "\f72f";</w:t>
            </w:r>
          </w:p>
          <w:p w:rsidR="00156FB3" w:rsidRDefault="00156FB3" w:rsidP="00156FB3">
            <w:r>
              <w:t>}</w:t>
            </w:r>
          </w:p>
          <w:p w:rsidR="00156FB3" w:rsidRDefault="00156FB3" w:rsidP="00156FB3"/>
          <w:p w:rsidR="00156FB3" w:rsidRDefault="00156FB3" w:rsidP="00156FB3">
            <w:r>
              <w:t>.fa-wine-glass:before {</w:t>
            </w:r>
          </w:p>
          <w:p w:rsidR="00156FB3" w:rsidRDefault="00156FB3" w:rsidP="00156FB3">
            <w:r>
              <w:t xml:space="preserve">    content: "\f4e3";</w:t>
            </w:r>
          </w:p>
          <w:p w:rsidR="00156FB3" w:rsidRDefault="00156FB3" w:rsidP="00156FB3">
            <w:r>
              <w:t>}</w:t>
            </w:r>
          </w:p>
          <w:p w:rsidR="00156FB3" w:rsidRDefault="00156FB3" w:rsidP="00156FB3"/>
          <w:p w:rsidR="00156FB3" w:rsidRDefault="00156FB3" w:rsidP="00156FB3">
            <w:r>
              <w:t>.fa-wine-glass-alt:before {</w:t>
            </w:r>
          </w:p>
          <w:p w:rsidR="00156FB3" w:rsidRDefault="00156FB3" w:rsidP="00156FB3">
            <w:r>
              <w:t xml:space="preserve">    content: "\f5ce";</w:t>
            </w:r>
          </w:p>
          <w:p w:rsidR="00156FB3" w:rsidRDefault="00156FB3" w:rsidP="00156FB3">
            <w:r>
              <w:t>}</w:t>
            </w:r>
          </w:p>
          <w:p w:rsidR="00156FB3" w:rsidRDefault="00156FB3" w:rsidP="00156FB3"/>
          <w:p w:rsidR="00156FB3" w:rsidRDefault="00156FB3" w:rsidP="00156FB3">
            <w:r>
              <w:t>.fa-wix:before {</w:t>
            </w:r>
          </w:p>
          <w:p w:rsidR="00156FB3" w:rsidRDefault="00156FB3" w:rsidP="00156FB3">
            <w:r>
              <w:t xml:space="preserve">    content: "\f5cf";</w:t>
            </w:r>
          </w:p>
          <w:p w:rsidR="00156FB3" w:rsidRDefault="00156FB3" w:rsidP="00156FB3">
            <w:r>
              <w:t>}</w:t>
            </w:r>
          </w:p>
          <w:p w:rsidR="00156FB3" w:rsidRDefault="00156FB3" w:rsidP="00156FB3"/>
          <w:p w:rsidR="00156FB3" w:rsidRDefault="00156FB3" w:rsidP="00156FB3">
            <w:r>
              <w:t>.fa-wizards-of-the-coast:before {</w:t>
            </w:r>
          </w:p>
          <w:p w:rsidR="00156FB3" w:rsidRDefault="00156FB3" w:rsidP="00156FB3">
            <w:r>
              <w:t xml:space="preserve">    content: "\f730";</w:t>
            </w:r>
          </w:p>
          <w:p w:rsidR="00156FB3" w:rsidRDefault="00156FB3" w:rsidP="00156FB3">
            <w:r>
              <w:t>}</w:t>
            </w:r>
          </w:p>
          <w:p w:rsidR="00156FB3" w:rsidRDefault="00156FB3" w:rsidP="00156FB3"/>
          <w:p w:rsidR="00156FB3" w:rsidRDefault="00156FB3" w:rsidP="00156FB3">
            <w:r>
              <w:t>.fa-wolf-pack-battalion:before {</w:t>
            </w:r>
          </w:p>
          <w:p w:rsidR="00156FB3" w:rsidRDefault="00156FB3" w:rsidP="00156FB3">
            <w:r>
              <w:t xml:space="preserve">    content: "\f514";</w:t>
            </w:r>
          </w:p>
          <w:p w:rsidR="00156FB3" w:rsidRDefault="00156FB3" w:rsidP="00156FB3">
            <w:r>
              <w:t>}</w:t>
            </w:r>
          </w:p>
          <w:p w:rsidR="00156FB3" w:rsidRDefault="00156FB3" w:rsidP="00156FB3"/>
          <w:p w:rsidR="00156FB3" w:rsidRDefault="00156FB3" w:rsidP="00156FB3">
            <w:r>
              <w:t>.fa-won-sign:before {</w:t>
            </w:r>
          </w:p>
          <w:p w:rsidR="00156FB3" w:rsidRDefault="00156FB3" w:rsidP="00156FB3">
            <w:r>
              <w:t xml:space="preserve">    content: "\f159";</w:t>
            </w:r>
          </w:p>
          <w:p w:rsidR="00156FB3" w:rsidRDefault="00156FB3" w:rsidP="00156FB3">
            <w:r>
              <w:t>}</w:t>
            </w:r>
          </w:p>
          <w:p w:rsidR="00156FB3" w:rsidRDefault="00156FB3" w:rsidP="00156FB3"/>
          <w:p w:rsidR="00156FB3" w:rsidRDefault="00156FB3" w:rsidP="00156FB3">
            <w:r>
              <w:t>.fa-wordpress:before {</w:t>
            </w:r>
          </w:p>
          <w:p w:rsidR="00156FB3" w:rsidRDefault="00156FB3" w:rsidP="00156FB3">
            <w:r>
              <w:lastRenderedPageBreak/>
              <w:t xml:space="preserve">    content: "\f19a";</w:t>
            </w:r>
          </w:p>
          <w:p w:rsidR="00156FB3" w:rsidRDefault="00156FB3" w:rsidP="00156FB3">
            <w:r>
              <w:t>}</w:t>
            </w:r>
          </w:p>
          <w:p w:rsidR="00156FB3" w:rsidRDefault="00156FB3" w:rsidP="00156FB3"/>
          <w:p w:rsidR="00156FB3" w:rsidRDefault="00156FB3" w:rsidP="00156FB3">
            <w:r>
              <w:t>.fa-wordpress-simple:before {</w:t>
            </w:r>
          </w:p>
          <w:p w:rsidR="00156FB3" w:rsidRDefault="00156FB3" w:rsidP="00156FB3">
            <w:r>
              <w:t xml:space="preserve">    content: "\f411";</w:t>
            </w:r>
          </w:p>
          <w:p w:rsidR="00156FB3" w:rsidRDefault="00156FB3" w:rsidP="00156FB3">
            <w:r>
              <w:t>}</w:t>
            </w:r>
          </w:p>
          <w:p w:rsidR="00156FB3" w:rsidRDefault="00156FB3" w:rsidP="00156FB3"/>
          <w:p w:rsidR="00156FB3" w:rsidRDefault="00156FB3" w:rsidP="00156FB3">
            <w:r>
              <w:t>.fa-wpbeginner:before {</w:t>
            </w:r>
          </w:p>
          <w:p w:rsidR="00156FB3" w:rsidRDefault="00156FB3" w:rsidP="00156FB3">
            <w:r>
              <w:t xml:space="preserve">    content: "\f297";</w:t>
            </w:r>
          </w:p>
          <w:p w:rsidR="00156FB3" w:rsidRDefault="00156FB3" w:rsidP="00156FB3">
            <w:r>
              <w:t>}</w:t>
            </w:r>
          </w:p>
          <w:p w:rsidR="00156FB3" w:rsidRDefault="00156FB3" w:rsidP="00156FB3"/>
          <w:p w:rsidR="00156FB3" w:rsidRDefault="00156FB3" w:rsidP="00156FB3">
            <w:r>
              <w:t>.fa-wpexplorer:before {</w:t>
            </w:r>
          </w:p>
          <w:p w:rsidR="00156FB3" w:rsidRDefault="00156FB3" w:rsidP="00156FB3">
            <w:r>
              <w:t xml:space="preserve">    content: "\f2de";</w:t>
            </w:r>
          </w:p>
          <w:p w:rsidR="00156FB3" w:rsidRDefault="00156FB3" w:rsidP="00156FB3">
            <w:r>
              <w:t>}</w:t>
            </w:r>
          </w:p>
          <w:p w:rsidR="00156FB3" w:rsidRDefault="00156FB3" w:rsidP="00156FB3"/>
          <w:p w:rsidR="00156FB3" w:rsidRDefault="00156FB3" w:rsidP="00156FB3">
            <w:r>
              <w:t>.fa-wpforms:before {</w:t>
            </w:r>
          </w:p>
          <w:p w:rsidR="00156FB3" w:rsidRDefault="00156FB3" w:rsidP="00156FB3">
            <w:r>
              <w:t xml:space="preserve">    content: "\f298";</w:t>
            </w:r>
          </w:p>
          <w:p w:rsidR="00156FB3" w:rsidRDefault="00156FB3" w:rsidP="00156FB3">
            <w:r>
              <w:t>}</w:t>
            </w:r>
          </w:p>
          <w:p w:rsidR="00156FB3" w:rsidRDefault="00156FB3" w:rsidP="00156FB3"/>
          <w:p w:rsidR="00156FB3" w:rsidRDefault="00156FB3" w:rsidP="00156FB3">
            <w:r>
              <w:t>.fa-wpressr:before {</w:t>
            </w:r>
          </w:p>
          <w:p w:rsidR="00156FB3" w:rsidRDefault="00156FB3" w:rsidP="00156FB3">
            <w:r>
              <w:t xml:space="preserve">    content: "\f3e4";</w:t>
            </w:r>
          </w:p>
          <w:p w:rsidR="00156FB3" w:rsidRDefault="00156FB3" w:rsidP="00156FB3">
            <w:r>
              <w:t>}</w:t>
            </w:r>
          </w:p>
          <w:p w:rsidR="00156FB3" w:rsidRDefault="00156FB3" w:rsidP="00156FB3"/>
          <w:p w:rsidR="00156FB3" w:rsidRDefault="00156FB3" w:rsidP="00156FB3">
            <w:r>
              <w:t>.fa-wrench:before {</w:t>
            </w:r>
          </w:p>
          <w:p w:rsidR="00156FB3" w:rsidRDefault="00156FB3" w:rsidP="00156FB3">
            <w:r>
              <w:t xml:space="preserve">    content: "\f0ad";</w:t>
            </w:r>
          </w:p>
          <w:p w:rsidR="00156FB3" w:rsidRDefault="00156FB3" w:rsidP="00156FB3">
            <w:r>
              <w:t>}</w:t>
            </w:r>
          </w:p>
          <w:p w:rsidR="00156FB3" w:rsidRDefault="00156FB3" w:rsidP="00156FB3"/>
          <w:p w:rsidR="00156FB3" w:rsidRDefault="00156FB3" w:rsidP="00156FB3">
            <w:r>
              <w:t>.fa-x-ray:before {</w:t>
            </w:r>
          </w:p>
          <w:p w:rsidR="00156FB3" w:rsidRDefault="00156FB3" w:rsidP="00156FB3">
            <w:r>
              <w:t xml:space="preserve">    content: "\f497";</w:t>
            </w:r>
          </w:p>
          <w:p w:rsidR="00156FB3" w:rsidRDefault="00156FB3" w:rsidP="00156FB3">
            <w:r>
              <w:t>}</w:t>
            </w:r>
          </w:p>
          <w:p w:rsidR="00156FB3" w:rsidRDefault="00156FB3" w:rsidP="00156FB3"/>
          <w:p w:rsidR="00156FB3" w:rsidRDefault="00156FB3" w:rsidP="00156FB3">
            <w:r>
              <w:t>.fa-xbox:before {</w:t>
            </w:r>
          </w:p>
          <w:p w:rsidR="00156FB3" w:rsidRDefault="00156FB3" w:rsidP="00156FB3">
            <w:r>
              <w:t xml:space="preserve">    content: "\f412";</w:t>
            </w:r>
          </w:p>
          <w:p w:rsidR="00156FB3" w:rsidRDefault="00156FB3" w:rsidP="00156FB3">
            <w:r>
              <w:t>}</w:t>
            </w:r>
          </w:p>
          <w:p w:rsidR="00156FB3" w:rsidRDefault="00156FB3" w:rsidP="00156FB3"/>
          <w:p w:rsidR="00156FB3" w:rsidRDefault="00156FB3" w:rsidP="00156FB3">
            <w:r>
              <w:t>.fa-xing:before {</w:t>
            </w:r>
          </w:p>
          <w:p w:rsidR="00156FB3" w:rsidRDefault="00156FB3" w:rsidP="00156FB3">
            <w:r>
              <w:t xml:space="preserve">    content: "\f168";</w:t>
            </w:r>
          </w:p>
          <w:p w:rsidR="00156FB3" w:rsidRDefault="00156FB3" w:rsidP="00156FB3">
            <w:r>
              <w:t>}</w:t>
            </w:r>
          </w:p>
          <w:p w:rsidR="00156FB3" w:rsidRDefault="00156FB3" w:rsidP="00156FB3"/>
          <w:p w:rsidR="00156FB3" w:rsidRDefault="00156FB3" w:rsidP="00156FB3">
            <w:r>
              <w:t>.fa-xing-square:before {</w:t>
            </w:r>
          </w:p>
          <w:p w:rsidR="00156FB3" w:rsidRDefault="00156FB3" w:rsidP="00156FB3">
            <w:r>
              <w:t xml:space="preserve">    content: "\f169";</w:t>
            </w:r>
          </w:p>
          <w:p w:rsidR="00156FB3" w:rsidRDefault="00156FB3" w:rsidP="00156FB3">
            <w:r>
              <w:t>}</w:t>
            </w:r>
          </w:p>
          <w:p w:rsidR="00156FB3" w:rsidRDefault="00156FB3" w:rsidP="00156FB3"/>
          <w:p w:rsidR="00156FB3" w:rsidRDefault="00156FB3" w:rsidP="00156FB3">
            <w:r>
              <w:t>.fa-y-combinator:before {</w:t>
            </w:r>
          </w:p>
          <w:p w:rsidR="00156FB3" w:rsidRDefault="00156FB3" w:rsidP="00156FB3">
            <w:r>
              <w:t xml:space="preserve">    content: "\f23b";</w:t>
            </w:r>
          </w:p>
          <w:p w:rsidR="00156FB3" w:rsidRDefault="00156FB3" w:rsidP="00156FB3">
            <w:r>
              <w:t>}</w:t>
            </w:r>
          </w:p>
          <w:p w:rsidR="00156FB3" w:rsidRDefault="00156FB3" w:rsidP="00156FB3"/>
          <w:p w:rsidR="00156FB3" w:rsidRDefault="00156FB3" w:rsidP="00156FB3">
            <w:r>
              <w:t>.fa-yahoo:before {</w:t>
            </w:r>
          </w:p>
          <w:p w:rsidR="00156FB3" w:rsidRDefault="00156FB3" w:rsidP="00156FB3">
            <w:r>
              <w:lastRenderedPageBreak/>
              <w:t xml:space="preserve">    content: "\f19e";</w:t>
            </w:r>
          </w:p>
          <w:p w:rsidR="00156FB3" w:rsidRDefault="00156FB3" w:rsidP="00156FB3">
            <w:r>
              <w:t>}</w:t>
            </w:r>
          </w:p>
          <w:p w:rsidR="00156FB3" w:rsidRDefault="00156FB3" w:rsidP="00156FB3"/>
          <w:p w:rsidR="00156FB3" w:rsidRDefault="00156FB3" w:rsidP="00156FB3">
            <w:r>
              <w:t>.fa-yammer:before {</w:t>
            </w:r>
          </w:p>
          <w:p w:rsidR="00156FB3" w:rsidRDefault="00156FB3" w:rsidP="00156FB3">
            <w:r>
              <w:t xml:space="preserve">    content: "\f840";</w:t>
            </w:r>
          </w:p>
          <w:p w:rsidR="00156FB3" w:rsidRDefault="00156FB3" w:rsidP="00156FB3">
            <w:r>
              <w:t>}</w:t>
            </w:r>
          </w:p>
          <w:p w:rsidR="00156FB3" w:rsidRDefault="00156FB3" w:rsidP="00156FB3"/>
          <w:p w:rsidR="00156FB3" w:rsidRDefault="00156FB3" w:rsidP="00156FB3">
            <w:r>
              <w:t>.fa-yandex:before {</w:t>
            </w:r>
          </w:p>
          <w:p w:rsidR="00156FB3" w:rsidRDefault="00156FB3" w:rsidP="00156FB3">
            <w:r>
              <w:t xml:space="preserve">    content: "\f413";</w:t>
            </w:r>
          </w:p>
          <w:p w:rsidR="00156FB3" w:rsidRDefault="00156FB3" w:rsidP="00156FB3">
            <w:r>
              <w:t>}</w:t>
            </w:r>
          </w:p>
          <w:p w:rsidR="00156FB3" w:rsidRDefault="00156FB3" w:rsidP="00156FB3"/>
          <w:p w:rsidR="00156FB3" w:rsidRDefault="00156FB3" w:rsidP="00156FB3">
            <w:r>
              <w:t>.fa-yandex-international:before {</w:t>
            </w:r>
          </w:p>
          <w:p w:rsidR="00156FB3" w:rsidRDefault="00156FB3" w:rsidP="00156FB3">
            <w:r>
              <w:t xml:space="preserve">    content: "\f414";</w:t>
            </w:r>
          </w:p>
          <w:p w:rsidR="00156FB3" w:rsidRDefault="00156FB3" w:rsidP="00156FB3">
            <w:r>
              <w:t>}</w:t>
            </w:r>
          </w:p>
          <w:p w:rsidR="00156FB3" w:rsidRDefault="00156FB3" w:rsidP="00156FB3"/>
          <w:p w:rsidR="00156FB3" w:rsidRDefault="00156FB3" w:rsidP="00156FB3">
            <w:r>
              <w:t>.fa-yarn:before {</w:t>
            </w:r>
          </w:p>
          <w:p w:rsidR="00156FB3" w:rsidRDefault="00156FB3" w:rsidP="00156FB3">
            <w:r>
              <w:t xml:space="preserve">    content: "\f7e3";</w:t>
            </w:r>
          </w:p>
          <w:p w:rsidR="00156FB3" w:rsidRDefault="00156FB3" w:rsidP="00156FB3">
            <w:r>
              <w:t>}</w:t>
            </w:r>
          </w:p>
          <w:p w:rsidR="00156FB3" w:rsidRDefault="00156FB3" w:rsidP="00156FB3"/>
          <w:p w:rsidR="00156FB3" w:rsidRDefault="00156FB3" w:rsidP="00156FB3">
            <w:r>
              <w:t>.fa-yelp:before {</w:t>
            </w:r>
          </w:p>
          <w:p w:rsidR="00156FB3" w:rsidRDefault="00156FB3" w:rsidP="00156FB3">
            <w:r>
              <w:t xml:space="preserve">    content: "\f1e9";</w:t>
            </w:r>
          </w:p>
          <w:p w:rsidR="00156FB3" w:rsidRDefault="00156FB3" w:rsidP="00156FB3">
            <w:r>
              <w:t>}</w:t>
            </w:r>
          </w:p>
          <w:p w:rsidR="00156FB3" w:rsidRDefault="00156FB3" w:rsidP="00156FB3"/>
          <w:p w:rsidR="00156FB3" w:rsidRDefault="00156FB3" w:rsidP="00156FB3">
            <w:r>
              <w:t>.fa-yen-sign:before {</w:t>
            </w:r>
          </w:p>
          <w:p w:rsidR="00156FB3" w:rsidRDefault="00156FB3" w:rsidP="00156FB3">
            <w:r>
              <w:t xml:space="preserve">    content: "\f157";</w:t>
            </w:r>
          </w:p>
          <w:p w:rsidR="00156FB3" w:rsidRDefault="00156FB3" w:rsidP="00156FB3">
            <w:r>
              <w:t>}</w:t>
            </w:r>
          </w:p>
          <w:p w:rsidR="00156FB3" w:rsidRDefault="00156FB3" w:rsidP="00156FB3"/>
          <w:p w:rsidR="00156FB3" w:rsidRDefault="00156FB3" w:rsidP="00156FB3">
            <w:r>
              <w:t>.fa-yin-yang:before {</w:t>
            </w:r>
          </w:p>
          <w:p w:rsidR="00156FB3" w:rsidRDefault="00156FB3" w:rsidP="00156FB3">
            <w:r>
              <w:t xml:space="preserve">    content: "\f6ad";</w:t>
            </w:r>
          </w:p>
          <w:p w:rsidR="00156FB3" w:rsidRDefault="00156FB3" w:rsidP="00156FB3">
            <w:r>
              <w:t>}</w:t>
            </w:r>
          </w:p>
          <w:p w:rsidR="00156FB3" w:rsidRDefault="00156FB3" w:rsidP="00156FB3"/>
          <w:p w:rsidR="00156FB3" w:rsidRDefault="00156FB3" w:rsidP="00156FB3">
            <w:r>
              <w:t>.fa-yoast:before {</w:t>
            </w:r>
          </w:p>
          <w:p w:rsidR="00156FB3" w:rsidRDefault="00156FB3" w:rsidP="00156FB3">
            <w:r>
              <w:t xml:space="preserve">    content: "\f2b1";</w:t>
            </w:r>
          </w:p>
          <w:p w:rsidR="00156FB3" w:rsidRDefault="00156FB3" w:rsidP="00156FB3">
            <w:r>
              <w:t>}</w:t>
            </w:r>
          </w:p>
          <w:p w:rsidR="00156FB3" w:rsidRDefault="00156FB3" w:rsidP="00156FB3"/>
          <w:p w:rsidR="00156FB3" w:rsidRDefault="00156FB3" w:rsidP="00156FB3">
            <w:r>
              <w:t>.fa-youtube:before {</w:t>
            </w:r>
          </w:p>
          <w:p w:rsidR="00156FB3" w:rsidRDefault="00156FB3" w:rsidP="00156FB3">
            <w:r>
              <w:t xml:space="preserve">    content: "\f167";</w:t>
            </w:r>
          </w:p>
          <w:p w:rsidR="00156FB3" w:rsidRDefault="00156FB3" w:rsidP="00156FB3">
            <w:r>
              <w:t>}</w:t>
            </w:r>
          </w:p>
          <w:p w:rsidR="00156FB3" w:rsidRDefault="00156FB3" w:rsidP="00156FB3"/>
          <w:p w:rsidR="00156FB3" w:rsidRDefault="00156FB3" w:rsidP="00156FB3">
            <w:r>
              <w:t>.fa-youtube-square:before {</w:t>
            </w:r>
          </w:p>
          <w:p w:rsidR="00156FB3" w:rsidRDefault="00156FB3" w:rsidP="00156FB3">
            <w:r>
              <w:t xml:space="preserve">    content: "\f431";</w:t>
            </w:r>
          </w:p>
          <w:p w:rsidR="00156FB3" w:rsidRDefault="00156FB3" w:rsidP="00156FB3">
            <w:r>
              <w:t>}</w:t>
            </w:r>
          </w:p>
          <w:p w:rsidR="00156FB3" w:rsidRDefault="00156FB3" w:rsidP="00156FB3"/>
          <w:p w:rsidR="00156FB3" w:rsidRDefault="00156FB3" w:rsidP="00156FB3">
            <w:r>
              <w:t>.fa-zhihu:before {</w:t>
            </w:r>
          </w:p>
          <w:p w:rsidR="00156FB3" w:rsidRDefault="00156FB3" w:rsidP="00156FB3">
            <w:r>
              <w:t xml:space="preserve">    content: "\f63f";</w:t>
            </w:r>
          </w:p>
          <w:p w:rsidR="00156FB3" w:rsidRDefault="00156FB3" w:rsidP="00156FB3">
            <w:r>
              <w:t>}</w:t>
            </w:r>
          </w:p>
          <w:p w:rsidR="00156FB3" w:rsidRDefault="00156FB3" w:rsidP="00156FB3"/>
          <w:p w:rsidR="00156FB3" w:rsidRDefault="00156FB3" w:rsidP="00156FB3">
            <w:r>
              <w:t>.sr-only {</w:t>
            </w:r>
          </w:p>
          <w:p w:rsidR="00156FB3" w:rsidRDefault="00156FB3" w:rsidP="00156FB3">
            <w:r>
              <w:lastRenderedPageBreak/>
              <w:t xml:space="preserve">    border: 0;</w:t>
            </w:r>
          </w:p>
          <w:p w:rsidR="00156FB3" w:rsidRDefault="00156FB3" w:rsidP="00156FB3">
            <w:r>
              <w:t xml:space="preserve">    clip: rect(0, 0, 0, 0);</w:t>
            </w:r>
          </w:p>
          <w:p w:rsidR="00156FB3" w:rsidRDefault="00156FB3" w:rsidP="00156FB3">
            <w:r>
              <w:t xml:space="preserve">    height: 1px;</w:t>
            </w:r>
          </w:p>
          <w:p w:rsidR="00156FB3" w:rsidRDefault="00156FB3" w:rsidP="00156FB3">
            <w:r>
              <w:t xml:space="preserve">    margin: -1px;</w:t>
            </w:r>
          </w:p>
          <w:p w:rsidR="00156FB3" w:rsidRDefault="00156FB3" w:rsidP="00156FB3">
            <w:r>
              <w:t xml:space="preserve">    overflow: hidden;</w:t>
            </w:r>
          </w:p>
          <w:p w:rsidR="00156FB3" w:rsidRDefault="00156FB3" w:rsidP="00156FB3">
            <w:r>
              <w:t xml:space="preserve">    padding: 0;</w:t>
            </w:r>
          </w:p>
          <w:p w:rsidR="00156FB3" w:rsidRDefault="00156FB3" w:rsidP="00156FB3">
            <w:r>
              <w:t xml:space="preserve">    position: absolute;</w:t>
            </w:r>
          </w:p>
          <w:p w:rsidR="00156FB3" w:rsidRDefault="00156FB3" w:rsidP="00156FB3">
            <w:r>
              <w:t xml:space="preserve">    width: 1px;</w:t>
            </w:r>
          </w:p>
          <w:p w:rsidR="00156FB3" w:rsidRDefault="00156FB3" w:rsidP="00156FB3">
            <w:r>
              <w:t>}</w:t>
            </w:r>
          </w:p>
          <w:p w:rsidR="00156FB3" w:rsidRDefault="00156FB3" w:rsidP="00156FB3"/>
          <w:p w:rsidR="00156FB3" w:rsidRDefault="00156FB3" w:rsidP="00156FB3">
            <w:r>
              <w:t>.sr-only-focusable:active, .sr-only-focusable:focus {</w:t>
            </w:r>
          </w:p>
          <w:p w:rsidR="00156FB3" w:rsidRDefault="00156FB3" w:rsidP="00156FB3">
            <w:r>
              <w:t xml:space="preserve">    clip: auto;</w:t>
            </w:r>
          </w:p>
          <w:p w:rsidR="00156FB3" w:rsidRDefault="00156FB3" w:rsidP="00156FB3">
            <w:r>
              <w:t xml:space="preserve">    height: auto;</w:t>
            </w:r>
          </w:p>
          <w:p w:rsidR="00156FB3" w:rsidRDefault="00156FB3" w:rsidP="00156FB3">
            <w:r>
              <w:t xml:space="preserve">    margin: 0;</w:t>
            </w:r>
          </w:p>
          <w:p w:rsidR="00156FB3" w:rsidRDefault="00156FB3" w:rsidP="00156FB3">
            <w:r>
              <w:t xml:space="preserve">    overflow: visible;</w:t>
            </w:r>
          </w:p>
          <w:p w:rsidR="00156FB3" w:rsidRDefault="00156FB3" w:rsidP="00156FB3">
            <w:r>
              <w:t xml:space="preserve">    position: static;</w:t>
            </w:r>
          </w:p>
          <w:p w:rsidR="00156FB3" w:rsidRDefault="00156FB3" w:rsidP="00156FB3">
            <w:r>
              <w:t xml:space="preserve">    width: auto;</w:t>
            </w:r>
          </w:p>
          <w:p w:rsidR="00156FB3" w:rsidRDefault="00156FB3" w:rsidP="00156FB3">
            <w:r>
              <w:t>}</w:t>
            </w:r>
          </w:p>
          <w:p w:rsidR="00156FB3" w:rsidRDefault="00156FB3" w:rsidP="00156FB3"/>
          <w:p w:rsidR="00156FB3" w:rsidRDefault="00156FB3" w:rsidP="00156FB3">
            <w:r>
              <w:t>@font-face {</w:t>
            </w:r>
          </w:p>
          <w:p w:rsidR="00156FB3" w:rsidRDefault="00156FB3" w:rsidP="00156FB3">
            <w:r>
              <w:t xml:space="preserve">    font-family: 'Font Awesome 5 Brands';</w:t>
            </w:r>
          </w:p>
          <w:p w:rsidR="00156FB3" w:rsidRDefault="00156FB3" w:rsidP="00156FB3">
            <w:r>
              <w:t xml:space="preserve">    font-style: normal;</w:t>
            </w:r>
          </w:p>
          <w:p w:rsidR="00156FB3" w:rsidRDefault="00156FB3" w:rsidP="00156FB3">
            <w:r>
              <w:t xml:space="preserve">    font-weight: 400;</w:t>
            </w:r>
          </w:p>
          <w:p w:rsidR="00156FB3" w:rsidRDefault="00156FB3" w:rsidP="00156FB3">
            <w:r>
              <w:t xml:space="preserve">    font-display: block;</w:t>
            </w:r>
          </w:p>
          <w:p w:rsidR="00156FB3" w:rsidRDefault="00156FB3" w:rsidP="00156FB3">
            <w:r>
              <w:t xml:space="preserve">    src: url("https://assets.reachseniors.com/fonts/fa-brands-400.eot");</w:t>
            </w:r>
          </w:p>
          <w:p w:rsidR="00156FB3" w:rsidRDefault="00156FB3" w:rsidP="00156FB3">
            <w:r>
              <w:t xml:space="preserve">    src: url("https://assets.reachseniors.com/fonts/fa-brands-400.eot?#iefix") format("embedded-opentype"), url("https://assets.reachseniors.com/fonts/fa-brands-400.woff2") format("woff2"), url("https://assets.reachseniors.com/fonts/fa-brands-400.woff") format("woff"), url("https://assets.reachseniors.com/fonts/fa-brands-400.ttf") format("truetype"), url("https://assets.reachseniors.com/fonts/fa-brands-400.svg#fontawesome") format("svg");</w:t>
            </w:r>
          </w:p>
          <w:p w:rsidR="00156FB3" w:rsidRDefault="00156FB3" w:rsidP="00156FB3">
            <w:r>
              <w:t>}</w:t>
            </w:r>
          </w:p>
          <w:p w:rsidR="00156FB3" w:rsidRDefault="00156FB3" w:rsidP="00156FB3"/>
          <w:p w:rsidR="00156FB3" w:rsidRDefault="00156FB3" w:rsidP="00156FB3">
            <w:r>
              <w:t>.fab {</w:t>
            </w:r>
          </w:p>
          <w:p w:rsidR="00156FB3" w:rsidRDefault="00156FB3" w:rsidP="00156FB3">
            <w:r>
              <w:t xml:space="preserve">    font-family: 'Font Awesome 5 Brands';</w:t>
            </w:r>
          </w:p>
          <w:p w:rsidR="00156FB3" w:rsidRDefault="00156FB3" w:rsidP="00156FB3">
            <w:r>
              <w:t xml:space="preserve">    font-weight: 400;</w:t>
            </w:r>
          </w:p>
          <w:p w:rsidR="00156FB3" w:rsidRDefault="00156FB3" w:rsidP="00156FB3">
            <w:r>
              <w:t>}</w:t>
            </w:r>
          </w:p>
          <w:p w:rsidR="00156FB3" w:rsidRDefault="00156FB3" w:rsidP="00156FB3"/>
          <w:p w:rsidR="00156FB3" w:rsidRDefault="00156FB3" w:rsidP="00156FB3">
            <w:r>
              <w:t>@font-face {</w:t>
            </w:r>
          </w:p>
          <w:p w:rsidR="00156FB3" w:rsidRDefault="00156FB3" w:rsidP="00156FB3">
            <w:r>
              <w:t xml:space="preserve">    font-family: 'Font Awesome 5 Free';</w:t>
            </w:r>
          </w:p>
          <w:p w:rsidR="00156FB3" w:rsidRDefault="00156FB3" w:rsidP="00156FB3">
            <w:r>
              <w:t xml:space="preserve">    font-style: normal;</w:t>
            </w:r>
          </w:p>
          <w:p w:rsidR="00156FB3" w:rsidRDefault="00156FB3" w:rsidP="00156FB3">
            <w:r>
              <w:t xml:space="preserve">    font-weight: 400;</w:t>
            </w:r>
          </w:p>
          <w:p w:rsidR="00156FB3" w:rsidRDefault="00156FB3" w:rsidP="00156FB3">
            <w:r>
              <w:t xml:space="preserve">    font-display: block;</w:t>
            </w:r>
          </w:p>
          <w:p w:rsidR="00156FB3" w:rsidRDefault="00156FB3" w:rsidP="00156FB3">
            <w:r>
              <w:t xml:space="preserve">    src: url("https://assets.reachseniors.com/fonts/fa-regular-400.eot");</w:t>
            </w:r>
          </w:p>
          <w:p w:rsidR="00156FB3" w:rsidRDefault="00156FB3" w:rsidP="00156FB3">
            <w:r>
              <w:t xml:space="preserve">    src: url("https://assets.reachseniors.com/fonts/fa-regular-400.eot?#iefix") format("embedded-opentype"), url("https://assets.reachseniors.com/fonts/fa-regular-400.woff2") format("woff2"), url("https://assets.reachseniors.com/fonts/fa-regular-400.woff") format("woff"), url("https://assets.reachseniors.com/fonts/fa-regular-400.ttf") format("truetype"), url("https://assets.reachseniors.com/fonts/fa-regular-400.svg#fontawesome") format("svg");</w:t>
            </w:r>
          </w:p>
          <w:p w:rsidR="00156FB3" w:rsidRDefault="00156FB3" w:rsidP="00156FB3">
            <w:r>
              <w:lastRenderedPageBreak/>
              <w:t>}</w:t>
            </w:r>
          </w:p>
          <w:p w:rsidR="00156FB3" w:rsidRDefault="00156FB3" w:rsidP="00156FB3"/>
          <w:p w:rsidR="00156FB3" w:rsidRDefault="00156FB3" w:rsidP="00156FB3">
            <w:r>
              <w:t>.far {</w:t>
            </w:r>
          </w:p>
          <w:p w:rsidR="00156FB3" w:rsidRDefault="00156FB3" w:rsidP="00156FB3">
            <w:r>
              <w:t xml:space="preserve">    font-family: 'Font Awesome 5 Free';</w:t>
            </w:r>
          </w:p>
          <w:p w:rsidR="00156FB3" w:rsidRDefault="00156FB3" w:rsidP="00156FB3">
            <w:r>
              <w:t xml:space="preserve">    font-weight: 400;</w:t>
            </w:r>
          </w:p>
          <w:p w:rsidR="00156FB3" w:rsidRDefault="00156FB3" w:rsidP="00156FB3">
            <w:r>
              <w:t>}</w:t>
            </w:r>
          </w:p>
          <w:p w:rsidR="00156FB3" w:rsidRDefault="00156FB3" w:rsidP="00156FB3"/>
          <w:p w:rsidR="00156FB3" w:rsidRDefault="00156FB3" w:rsidP="00156FB3">
            <w:r>
              <w:t>@font-face {</w:t>
            </w:r>
          </w:p>
          <w:p w:rsidR="00156FB3" w:rsidRDefault="00156FB3" w:rsidP="00156FB3">
            <w:r>
              <w:t xml:space="preserve">    font-family: 'Font Awesome 5 Free';</w:t>
            </w:r>
          </w:p>
          <w:p w:rsidR="00156FB3" w:rsidRDefault="00156FB3" w:rsidP="00156FB3">
            <w:r>
              <w:t xml:space="preserve">    font-style: normal;</w:t>
            </w:r>
          </w:p>
          <w:p w:rsidR="00156FB3" w:rsidRDefault="00156FB3" w:rsidP="00156FB3">
            <w:r>
              <w:t xml:space="preserve">    font-weight: 900;</w:t>
            </w:r>
          </w:p>
          <w:p w:rsidR="00156FB3" w:rsidRDefault="00156FB3" w:rsidP="00156FB3">
            <w:r>
              <w:t xml:space="preserve">    font-display: block;</w:t>
            </w:r>
          </w:p>
          <w:p w:rsidR="00156FB3" w:rsidRDefault="00156FB3" w:rsidP="00156FB3">
            <w:r>
              <w:t xml:space="preserve">    src: url("https://assets.reachseniors.com/fonts/fa-solid-900.eot");</w:t>
            </w:r>
          </w:p>
          <w:p w:rsidR="00156FB3" w:rsidRDefault="00156FB3" w:rsidP="00156FB3">
            <w:r>
              <w:t xml:space="preserve">    src: url("https://assets.reachseniors.com/fonts/fa-solid-900.eot?#iefix") format("embedded-opentype"), url("https://assets.reachseniors.com/fonts/fa-solid-900.woff2") format("woff2"), url("https://assets.reachseniors.com/fonts/fa-solid-900.woff") format("woff"), url("https://assets.reachseniors.com/fonts/fa-solid-900.ttf") format("truetype"), url("https://assets.reachseniors.com/fonts/fa-solid-900.svg#fontawesome") format("svg");</w:t>
            </w:r>
          </w:p>
          <w:p w:rsidR="00156FB3" w:rsidRDefault="00156FB3" w:rsidP="00156FB3">
            <w:r>
              <w:t>}</w:t>
            </w:r>
          </w:p>
          <w:p w:rsidR="00156FB3" w:rsidRDefault="00156FB3" w:rsidP="00156FB3"/>
          <w:p w:rsidR="00156FB3" w:rsidRDefault="00156FB3" w:rsidP="00156FB3">
            <w:r>
              <w:t>.fa,</w:t>
            </w:r>
          </w:p>
          <w:p w:rsidR="00156FB3" w:rsidRDefault="00156FB3" w:rsidP="00156FB3">
            <w:r>
              <w:t>.fas {</w:t>
            </w:r>
          </w:p>
          <w:p w:rsidR="00156FB3" w:rsidRDefault="00156FB3" w:rsidP="00156FB3">
            <w:r>
              <w:t xml:space="preserve">    font-family: 'Font Awesome 5 Free';</w:t>
            </w:r>
          </w:p>
          <w:p w:rsidR="00156FB3" w:rsidRDefault="00156FB3" w:rsidP="00156FB3">
            <w:r>
              <w:t xml:space="preserve">    font-weight: 900;</w:t>
            </w:r>
          </w:p>
          <w:p w:rsidR="00156FB3" w:rsidRDefault="00156FB3" w:rsidP="00156FB3">
            <w:r>
              <w:t>}</w:t>
            </w:r>
          </w:p>
          <w:p w:rsidR="00156FB3" w:rsidRDefault="00156FB3" w:rsidP="00156FB3"/>
          <w:p w:rsidR="00156FB3" w:rsidRDefault="00156FB3" w:rsidP="00156FB3">
            <w:r>
              <w:t>@font-face {</w:t>
            </w:r>
          </w:p>
          <w:p w:rsidR="00156FB3" w:rsidRDefault="00156FB3" w:rsidP="00156FB3">
            <w:r>
              <w:t xml:space="preserve">    font-family: 'Simple-Line-Icons';</w:t>
            </w:r>
          </w:p>
          <w:p w:rsidR="00156FB3" w:rsidRDefault="00156FB3" w:rsidP="00156FB3">
            <w:r>
              <w:t xml:space="preserve">    src: url('https://assets.reachseniors.com/fonts/Simple-Line-Icons.eot');</w:t>
            </w:r>
          </w:p>
          <w:p w:rsidR="00156FB3" w:rsidRDefault="00156FB3" w:rsidP="00156FB3">
            <w:r>
              <w:t xml:space="preserve">    src: url('https://assets.reachseniors.com/fonts/Simple-Line-Icons.eot?#iefix') format('embedded-opentype'),</w:t>
            </w:r>
          </w:p>
          <w:p w:rsidR="00156FB3" w:rsidRDefault="00156FB3" w:rsidP="00156FB3">
            <w:r>
              <w:t xml:space="preserve">    url(data:font/x-font-woff;charset=utf-8;base64,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</w:t>
            </w:r>
            <w:r>
              <w:lastRenderedPageBreak/>
              <w:t>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</w:t>
            </w:r>
            <w:r>
              <w:lastRenderedPageBreak/>
              <w:t>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</w:t>
            </w:r>
            <w:r>
              <w:lastRenderedPageBreak/>
              <w:t>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</w:t>
            </w:r>
            <w:r>
              <w:lastRenderedPageBreak/>
              <w:t>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</w:t>
            </w:r>
            <w:r>
              <w:lastRenderedPageBreak/>
              <w:t>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</w:t>
            </w:r>
            <w:r>
              <w:lastRenderedPageBreak/>
              <w:t>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</w:t>
            </w:r>
            <w:r>
              <w:lastRenderedPageBreak/>
              <w:t>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</w:t>
            </w:r>
            <w:r>
              <w:lastRenderedPageBreak/>
              <w:t>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</w:t>
            </w:r>
            <w:r>
              <w:lastRenderedPageBreak/>
              <w:t>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</w:t>
            </w:r>
            <w:r>
              <w:lastRenderedPageBreak/>
              <w:t>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</w:t>
            </w:r>
            <w:r>
              <w:lastRenderedPageBreak/>
              <w:t>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</w:t>
            </w:r>
            <w:r>
              <w:lastRenderedPageBreak/>
              <w:t>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</w:t>
            </w:r>
            <w:r>
              <w:lastRenderedPageBreak/>
              <w:t>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</w:t>
            </w:r>
            <w:r>
              <w:lastRenderedPageBreak/>
              <w:t>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</w:t>
            </w:r>
            <w:r>
              <w:lastRenderedPageBreak/>
              <w:t>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</w:t>
            </w:r>
            <w:r>
              <w:lastRenderedPageBreak/>
              <w:t>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</w:t>
            </w:r>
            <w:r>
              <w:lastRenderedPageBreak/>
              <w:t>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</w:t>
            </w:r>
            <w:r>
              <w:lastRenderedPageBreak/>
              <w:t>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</w:t>
            </w:r>
            <w:r>
              <w:lastRenderedPageBreak/>
              <w:t>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</w:t>
            </w:r>
            <w:r>
              <w:lastRenderedPageBreak/>
              <w:t>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) format('woff'),</w:t>
            </w:r>
          </w:p>
          <w:p w:rsidR="00156FB3" w:rsidRDefault="00156FB3" w:rsidP="00156FB3">
            <w:r>
              <w:t xml:space="preserve">    url('https://assets.reachseniors.com/fonts/Simple-Line-Icons.ttf') format('truetype'),</w:t>
            </w:r>
          </w:p>
          <w:p w:rsidR="00156FB3" w:rsidRDefault="00156FB3" w:rsidP="00156FB3">
            <w:r>
              <w:t xml:space="preserve">    url('https://assets.reachseniors.com/fonts/Simple-Line-Icons.svg#Simple-Line-Icons') format('svg');</w:t>
            </w:r>
          </w:p>
          <w:p w:rsidR="00156FB3" w:rsidRDefault="00156FB3" w:rsidP="00156FB3">
            <w:r>
              <w:t xml:space="preserve">    font-weight: normal;</w:t>
            </w:r>
          </w:p>
          <w:p w:rsidR="00156FB3" w:rsidRDefault="00156FB3" w:rsidP="00156FB3">
            <w:r>
              <w:t xml:space="preserve">    font-style: normal;</w:t>
            </w:r>
          </w:p>
          <w:p w:rsidR="00156FB3" w:rsidRDefault="00156FB3" w:rsidP="00156FB3">
            <w:r>
              <w:t>}</w:t>
            </w:r>
          </w:p>
          <w:p w:rsidR="00156FB3" w:rsidRDefault="00156FB3" w:rsidP="00156FB3"/>
          <w:p w:rsidR="00156FB3" w:rsidRDefault="00156FB3" w:rsidP="00156FB3">
            <w:r>
              <w:t>/* Use the following CSS code if you want to use data attributes for inserting your icons */</w:t>
            </w:r>
          </w:p>
          <w:p w:rsidR="00156FB3" w:rsidRDefault="00156FB3" w:rsidP="00156FB3">
            <w:r>
              <w:t>[data-icon]:before {</w:t>
            </w:r>
          </w:p>
          <w:p w:rsidR="00156FB3" w:rsidRDefault="00156FB3" w:rsidP="00156FB3">
            <w:r>
              <w:t xml:space="preserve">    font-family: 'Simple-Line-Icons' !important;</w:t>
            </w:r>
          </w:p>
          <w:p w:rsidR="00156FB3" w:rsidRDefault="00156FB3" w:rsidP="00156FB3">
            <w:r>
              <w:t xml:space="preserve">    content: attr(data-icon);</w:t>
            </w:r>
          </w:p>
          <w:p w:rsidR="00156FB3" w:rsidRDefault="00156FB3" w:rsidP="00156FB3">
            <w:r>
              <w:t xml:space="preserve">    speak: none;</w:t>
            </w:r>
          </w:p>
          <w:p w:rsidR="00156FB3" w:rsidRDefault="00156FB3" w:rsidP="00156FB3">
            <w:r>
              <w:t xml:space="preserve">    font-weight: normal;</w:t>
            </w:r>
          </w:p>
          <w:p w:rsidR="00156FB3" w:rsidRDefault="00156FB3" w:rsidP="00156FB3">
            <w:r>
              <w:t xml:space="preserve">    font-variant: normal;</w:t>
            </w:r>
          </w:p>
          <w:p w:rsidR="00156FB3" w:rsidRDefault="00156FB3" w:rsidP="00156FB3">
            <w:r>
              <w:t xml:space="preserve">    text-transform: none;</w:t>
            </w:r>
          </w:p>
          <w:p w:rsidR="00156FB3" w:rsidRDefault="00156FB3" w:rsidP="00156FB3">
            <w:r>
              <w:t xml:space="preserve">    line-height: 1;</w:t>
            </w:r>
          </w:p>
          <w:p w:rsidR="00156FB3" w:rsidRDefault="00156FB3" w:rsidP="00156FB3">
            <w:r>
              <w:t xml:space="preserve">    -webkit-font-smoothing: antialiased;</w:t>
            </w:r>
          </w:p>
          <w:p w:rsidR="00156FB3" w:rsidRDefault="00156FB3" w:rsidP="00156FB3">
            <w:r>
              <w:t xml:space="preserve">    -moz-osx-font-smoothing: grayscale;</w:t>
            </w:r>
          </w:p>
          <w:p w:rsidR="00156FB3" w:rsidRDefault="00156FB3" w:rsidP="00156FB3">
            <w:r>
              <w:t>}</w:t>
            </w:r>
          </w:p>
          <w:p w:rsidR="00156FB3" w:rsidRDefault="00156FB3" w:rsidP="00156FB3"/>
          <w:p w:rsidR="00156FB3" w:rsidRDefault="00156FB3" w:rsidP="00156FB3">
            <w:r>
              <w:t>/* Use the following CSS code if you want to have a class per icon */</w:t>
            </w:r>
          </w:p>
          <w:p w:rsidR="00156FB3" w:rsidRDefault="00156FB3" w:rsidP="00156FB3">
            <w:r>
              <w:t>/*</w:t>
            </w:r>
          </w:p>
          <w:p w:rsidR="00156FB3" w:rsidRDefault="00156FB3" w:rsidP="00156FB3">
            <w:r>
              <w:t>Instead of a list of all class selectors,</w:t>
            </w:r>
          </w:p>
          <w:p w:rsidR="00156FB3" w:rsidRDefault="00156FB3" w:rsidP="00156FB3">
            <w:r>
              <w:t>you can use the generic selector below, but it's slower:</w:t>
            </w:r>
          </w:p>
          <w:p w:rsidR="00156FB3" w:rsidRDefault="00156FB3" w:rsidP="00156FB3">
            <w:r>
              <w:t>[class*="icon-"] {</w:t>
            </w:r>
          </w:p>
          <w:p w:rsidR="00156FB3" w:rsidRDefault="00156FB3" w:rsidP="00156FB3">
            <w:r>
              <w:t>*/</w:t>
            </w:r>
          </w:p>
          <w:p w:rsidR="00156FB3" w:rsidRDefault="00156FB3" w:rsidP="00156FB3">
            <w:r>
              <w:t xml:space="preserve">.icon-user-female, .icon-user-follow, .icon-user-following, .icon-user-unfollow, .icon-trophy, .icon-screen-smartphone, .icon-screen-desktop, .icon-plane, .icon-notebook, .icon-moustache, .icon-mouse, .icon-magnet, .icon-energy, .icon-emoticon-smile, .icon-disc, .icon-cursor-move, .icon-crop, .icon-credit-card, .icon-chemistry, .icon-user, .icon-speedometer, .icon-social-youtube, .icon-social-twitter, .icon-social-tumblr, .icon-social-facebook, .icon-social-dropbox, .icon-social-dribbble, .icon-shield, .icon-screen-tablet, .icon-magic-wand, .icon-hourglass, .icon-graduation, .icon-ghost, .icon-game-controller, .icon-fire, .icon-eyeglasses, .icon-envelope-open, .icon-envelope-letter, .icon-bell, .icon-badge, .icon-anchor, .icon-wallet, .icon-vector, .icon-speech, .icon-puzzle, .icon-printer, .icon-present, .icon-playlist, .icon-pin, .icon-picture, .icon-map, .icon-layers, .icon-handbag, .icon-globe-alt, .icon-globe, .icon-frame, .icon-folder-alt, .icon-film, .icon-feed, .icon-earphones-alt, .icon-earphones, .icon-drop, .icon-drawer, </w:t>
            </w:r>
            <w:r>
              <w:lastRenderedPageBreak/>
              <w:t>.icon-docs, .icon-directions, .icon-direction, .icon-diamond, .icon-cup, .icon-compass, .icon-call-out, .icon-call-in, .icon-call-end, .icon-calculator, .icon-bubbles, .icon-briefcase, .icon-book-open, .icon-basket-loaded, .icon-basket, .icon-bag, .icon-action-undo, .icon-action-redo, .icon-wrench, .icon-umbrella, .icon-trash, .icon-tag, .icon-support, .icon-size-fullscreen, .icon-size-actual, .icon-shuffle, .icon-share-alt, .icon-share, .icon-rocket, .icon-question, .icon-pie-chart, .icon-pencil, .icon-note, .icon-music-tone-alt, .icon-music-tone, .icon-microphone, .icon-loop, .icon-logout, .icon-login, .icon-list, .icon-like, .icon-home, .icon-grid, .icon-graph, .icon-equalizer, .icon-dislike, .icon-cursor, .icon-control-start, .icon-control-rewind, .icon-control-play, .icon-control-pause, .icon-control-forward, .icon-control-end, .icon-calendar, .icon-bulb, .icon-bar-chart, .icon-arrow-up, .icon-arrow-right, .icon-arrow-left, .icon-arrow-down, .icon-ban, .icon-bubble, .icon-camcorder, .icon-camera, .icon-check, .icon-clock, .icon-close, .icon-cloud-download, .icon-cloud-upload, .icon-doc, .icon-envelope, .icon-eye, .icon-flag, .icon-folder, .icon-heart, .icon-info, .icon-key, .icon-link, .icon-lock, .icon-lock-open, .icon-magnifier, .icon-magnifier-add, .icon-magnifier-remove, .icon-paper-clip, .icon-paper-plane, .icon-plus, .icon-pointer, .icon-power, .icon-refresh, .icon-reload, .icon-settings, .icon-star, .icon-symbol-female, .icon-symbol-male, .icon-target, .icon-volume-1, .icon-volume-2, .icon-volume-off, .icon-users {</w:t>
            </w:r>
          </w:p>
          <w:p w:rsidR="00156FB3" w:rsidRDefault="00156FB3" w:rsidP="00156FB3">
            <w:r>
              <w:t xml:space="preserve">    font-family: 'Simple-Line-Icons' !important;</w:t>
            </w:r>
          </w:p>
          <w:p w:rsidR="00156FB3" w:rsidRDefault="00156FB3" w:rsidP="00156FB3">
            <w:r>
              <w:t xml:space="preserve">    speak: none;</w:t>
            </w:r>
          </w:p>
          <w:p w:rsidR="00156FB3" w:rsidRDefault="00156FB3" w:rsidP="00156FB3">
            <w:r>
              <w:t xml:space="preserve">    font-style: normal;</w:t>
            </w:r>
          </w:p>
          <w:p w:rsidR="00156FB3" w:rsidRDefault="00156FB3" w:rsidP="00156FB3">
            <w:r>
              <w:t xml:space="preserve">    font-weight: normal;</w:t>
            </w:r>
          </w:p>
          <w:p w:rsidR="00156FB3" w:rsidRDefault="00156FB3" w:rsidP="00156FB3">
            <w:r>
              <w:t xml:space="preserve">    font-variant: normal;</w:t>
            </w:r>
          </w:p>
          <w:p w:rsidR="00156FB3" w:rsidRDefault="00156FB3" w:rsidP="00156FB3">
            <w:r>
              <w:t xml:space="preserve">    text-transform: none;</w:t>
            </w:r>
          </w:p>
          <w:p w:rsidR="00156FB3" w:rsidRDefault="00156FB3" w:rsidP="00156FB3">
            <w:r>
              <w:t xml:space="preserve">    line-height: 1;</w:t>
            </w:r>
          </w:p>
          <w:p w:rsidR="00156FB3" w:rsidRDefault="00156FB3" w:rsidP="00156FB3">
            <w:r>
              <w:t xml:space="preserve">    -webkit-font-smoothing: antialiased;</w:t>
            </w:r>
          </w:p>
          <w:p w:rsidR="00156FB3" w:rsidRDefault="00156FB3" w:rsidP="00156FB3">
            <w:r>
              <w:t>}</w:t>
            </w:r>
          </w:p>
          <w:p w:rsidR="00156FB3" w:rsidRDefault="00156FB3" w:rsidP="00156FB3"/>
          <w:p w:rsidR="00156FB3" w:rsidRDefault="00156FB3" w:rsidP="00156FB3">
            <w:r>
              <w:t>.icon-user-female:before {</w:t>
            </w:r>
          </w:p>
          <w:p w:rsidR="00156FB3" w:rsidRDefault="00156FB3" w:rsidP="00156FB3">
            <w:r>
              <w:t xml:space="preserve">    content: "\e000";</w:t>
            </w:r>
          </w:p>
          <w:p w:rsidR="00156FB3" w:rsidRDefault="00156FB3" w:rsidP="00156FB3">
            <w:r>
              <w:t>}</w:t>
            </w:r>
          </w:p>
          <w:p w:rsidR="00156FB3" w:rsidRDefault="00156FB3" w:rsidP="00156FB3"/>
          <w:p w:rsidR="00156FB3" w:rsidRDefault="00156FB3" w:rsidP="00156FB3">
            <w:r>
              <w:t>.icon-user-follow:before {</w:t>
            </w:r>
          </w:p>
          <w:p w:rsidR="00156FB3" w:rsidRDefault="00156FB3" w:rsidP="00156FB3">
            <w:r>
              <w:t xml:space="preserve">    content: "\e002";</w:t>
            </w:r>
          </w:p>
          <w:p w:rsidR="00156FB3" w:rsidRDefault="00156FB3" w:rsidP="00156FB3">
            <w:r>
              <w:t>}</w:t>
            </w:r>
          </w:p>
          <w:p w:rsidR="00156FB3" w:rsidRDefault="00156FB3" w:rsidP="00156FB3"/>
          <w:p w:rsidR="00156FB3" w:rsidRDefault="00156FB3" w:rsidP="00156FB3">
            <w:r>
              <w:t>.icon-user-following:before {</w:t>
            </w:r>
          </w:p>
          <w:p w:rsidR="00156FB3" w:rsidRDefault="00156FB3" w:rsidP="00156FB3">
            <w:r>
              <w:t xml:space="preserve">    content: "\e003";</w:t>
            </w:r>
          </w:p>
          <w:p w:rsidR="00156FB3" w:rsidRDefault="00156FB3" w:rsidP="00156FB3">
            <w:r>
              <w:t>}</w:t>
            </w:r>
          </w:p>
          <w:p w:rsidR="00156FB3" w:rsidRDefault="00156FB3" w:rsidP="00156FB3"/>
          <w:p w:rsidR="00156FB3" w:rsidRDefault="00156FB3" w:rsidP="00156FB3">
            <w:r>
              <w:t>.icon-user-unfollow:before {</w:t>
            </w:r>
          </w:p>
          <w:p w:rsidR="00156FB3" w:rsidRDefault="00156FB3" w:rsidP="00156FB3">
            <w:r>
              <w:t xml:space="preserve">    content: "\e004";</w:t>
            </w:r>
          </w:p>
          <w:p w:rsidR="00156FB3" w:rsidRDefault="00156FB3" w:rsidP="00156FB3">
            <w:r>
              <w:t>}</w:t>
            </w:r>
          </w:p>
          <w:p w:rsidR="00156FB3" w:rsidRDefault="00156FB3" w:rsidP="00156FB3"/>
          <w:p w:rsidR="00156FB3" w:rsidRDefault="00156FB3" w:rsidP="00156FB3">
            <w:r>
              <w:t>.icon-trophy:before {</w:t>
            </w:r>
          </w:p>
          <w:p w:rsidR="00156FB3" w:rsidRDefault="00156FB3" w:rsidP="00156FB3">
            <w:r>
              <w:t xml:space="preserve">    content: "\e006";</w:t>
            </w:r>
          </w:p>
          <w:p w:rsidR="00156FB3" w:rsidRDefault="00156FB3" w:rsidP="00156FB3">
            <w:r>
              <w:t>}</w:t>
            </w:r>
          </w:p>
          <w:p w:rsidR="00156FB3" w:rsidRDefault="00156FB3" w:rsidP="00156FB3"/>
          <w:p w:rsidR="00156FB3" w:rsidRDefault="00156FB3" w:rsidP="00156FB3">
            <w:r>
              <w:t>.icon-screen-smartphone:before {</w:t>
            </w:r>
          </w:p>
          <w:p w:rsidR="00156FB3" w:rsidRDefault="00156FB3" w:rsidP="00156FB3">
            <w:r>
              <w:t xml:space="preserve">    content: "\e010";</w:t>
            </w:r>
          </w:p>
          <w:p w:rsidR="00156FB3" w:rsidRDefault="00156FB3" w:rsidP="00156FB3">
            <w:r>
              <w:t>}</w:t>
            </w:r>
          </w:p>
          <w:p w:rsidR="00156FB3" w:rsidRDefault="00156FB3" w:rsidP="00156FB3"/>
          <w:p w:rsidR="00156FB3" w:rsidRDefault="00156FB3" w:rsidP="00156FB3">
            <w:r>
              <w:t>.icon-screen-desktop:before {</w:t>
            </w:r>
          </w:p>
          <w:p w:rsidR="00156FB3" w:rsidRDefault="00156FB3" w:rsidP="00156FB3">
            <w:r>
              <w:t xml:space="preserve">    content: "\e011";</w:t>
            </w:r>
          </w:p>
          <w:p w:rsidR="00156FB3" w:rsidRDefault="00156FB3" w:rsidP="00156FB3">
            <w:r>
              <w:t>}</w:t>
            </w:r>
          </w:p>
          <w:p w:rsidR="00156FB3" w:rsidRDefault="00156FB3" w:rsidP="00156FB3"/>
          <w:p w:rsidR="00156FB3" w:rsidRDefault="00156FB3" w:rsidP="00156FB3">
            <w:r>
              <w:t>.icon-plane:before {</w:t>
            </w:r>
          </w:p>
          <w:p w:rsidR="00156FB3" w:rsidRDefault="00156FB3" w:rsidP="00156FB3">
            <w:r>
              <w:t xml:space="preserve">    content: "\e012";</w:t>
            </w:r>
          </w:p>
          <w:p w:rsidR="00156FB3" w:rsidRDefault="00156FB3" w:rsidP="00156FB3">
            <w:r>
              <w:t>}</w:t>
            </w:r>
          </w:p>
          <w:p w:rsidR="00156FB3" w:rsidRDefault="00156FB3" w:rsidP="00156FB3"/>
          <w:p w:rsidR="00156FB3" w:rsidRDefault="00156FB3" w:rsidP="00156FB3">
            <w:r>
              <w:t>.icon-notebook:before {</w:t>
            </w:r>
          </w:p>
          <w:p w:rsidR="00156FB3" w:rsidRDefault="00156FB3" w:rsidP="00156FB3">
            <w:r>
              <w:t xml:space="preserve">    content: "\e013";</w:t>
            </w:r>
          </w:p>
          <w:p w:rsidR="00156FB3" w:rsidRDefault="00156FB3" w:rsidP="00156FB3">
            <w:r>
              <w:t>}</w:t>
            </w:r>
          </w:p>
          <w:p w:rsidR="00156FB3" w:rsidRDefault="00156FB3" w:rsidP="00156FB3"/>
          <w:p w:rsidR="00156FB3" w:rsidRDefault="00156FB3" w:rsidP="00156FB3">
            <w:r>
              <w:t>.icon-moustache:before {</w:t>
            </w:r>
          </w:p>
          <w:p w:rsidR="00156FB3" w:rsidRDefault="00156FB3" w:rsidP="00156FB3">
            <w:r>
              <w:t xml:space="preserve">    content: "\e014";</w:t>
            </w:r>
          </w:p>
          <w:p w:rsidR="00156FB3" w:rsidRDefault="00156FB3" w:rsidP="00156FB3">
            <w:r>
              <w:t>}</w:t>
            </w:r>
          </w:p>
          <w:p w:rsidR="00156FB3" w:rsidRDefault="00156FB3" w:rsidP="00156FB3"/>
          <w:p w:rsidR="00156FB3" w:rsidRDefault="00156FB3" w:rsidP="00156FB3">
            <w:r>
              <w:t>.icon-mouse:before {</w:t>
            </w:r>
          </w:p>
          <w:p w:rsidR="00156FB3" w:rsidRDefault="00156FB3" w:rsidP="00156FB3">
            <w:r>
              <w:t xml:space="preserve">    content: "\e015";</w:t>
            </w:r>
          </w:p>
          <w:p w:rsidR="00156FB3" w:rsidRDefault="00156FB3" w:rsidP="00156FB3">
            <w:r>
              <w:t>}</w:t>
            </w:r>
          </w:p>
          <w:p w:rsidR="00156FB3" w:rsidRDefault="00156FB3" w:rsidP="00156FB3"/>
          <w:p w:rsidR="00156FB3" w:rsidRDefault="00156FB3" w:rsidP="00156FB3">
            <w:r>
              <w:t>.icon-magnet:before {</w:t>
            </w:r>
          </w:p>
          <w:p w:rsidR="00156FB3" w:rsidRDefault="00156FB3" w:rsidP="00156FB3">
            <w:r>
              <w:t xml:space="preserve">    content: "\e016";</w:t>
            </w:r>
          </w:p>
          <w:p w:rsidR="00156FB3" w:rsidRDefault="00156FB3" w:rsidP="00156FB3">
            <w:r>
              <w:t>}</w:t>
            </w:r>
          </w:p>
          <w:p w:rsidR="00156FB3" w:rsidRDefault="00156FB3" w:rsidP="00156FB3"/>
          <w:p w:rsidR="00156FB3" w:rsidRDefault="00156FB3" w:rsidP="00156FB3">
            <w:r>
              <w:t>.icon-energy:before {</w:t>
            </w:r>
          </w:p>
          <w:p w:rsidR="00156FB3" w:rsidRDefault="00156FB3" w:rsidP="00156FB3">
            <w:r>
              <w:t xml:space="preserve">    content: "\e020";</w:t>
            </w:r>
          </w:p>
          <w:p w:rsidR="00156FB3" w:rsidRDefault="00156FB3" w:rsidP="00156FB3">
            <w:r>
              <w:t>}</w:t>
            </w:r>
          </w:p>
          <w:p w:rsidR="00156FB3" w:rsidRDefault="00156FB3" w:rsidP="00156FB3"/>
          <w:p w:rsidR="00156FB3" w:rsidRDefault="00156FB3" w:rsidP="00156FB3">
            <w:r>
              <w:t>.icon-emoticon-smile:before {</w:t>
            </w:r>
          </w:p>
          <w:p w:rsidR="00156FB3" w:rsidRDefault="00156FB3" w:rsidP="00156FB3">
            <w:r>
              <w:t xml:space="preserve">    content: "\e021";</w:t>
            </w:r>
          </w:p>
          <w:p w:rsidR="00156FB3" w:rsidRDefault="00156FB3" w:rsidP="00156FB3">
            <w:r>
              <w:t>}</w:t>
            </w:r>
          </w:p>
          <w:p w:rsidR="00156FB3" w:rsidRDefault="00156FB3" w:rsidP="00156FB3"/>
          <w:p w:rsidR="00156FB3" w:rsidRDefault="00156FB3" w:rsidP="00156FB3">
            <w:r>
              <w:t>.icon-disc:before {</w:t>
            </w:r>
          </w:p>
          <w:p w:rsidR="00156FB3" w:rsidRDefault="00156FB3" w:rsidP="00156FB3">
            <w:r>
              <w:t xml:space="preserve">    content: "\e022";</w:t>
            </w:r>
          </w:p>
          <w:p w:rsidR="00156FB3" w:rsidRDefault="00156FB3" w:rsidP="00156FB3">
            <w:r>
              <w:t>}</w:t>
            </w:r>
          </w:p>
          <w:p w:rsidR="00156FB3" w:rsidRDefault="00156FB3" w:rsidP="00156FB3"/>
          <w:p w:rsidR="00156FB3" w:rsidRDefault="00156FB3" w:rsidP="00156FB3">
            <w:r>
              <w:t>.icon-cursor-move:before {</w:t>
            </w:r>
          </w:p>
          <w:p w:rsidR="00156FB3" w:rsidRDefault="00156FB3" w:rsidP="00156FB3">
            <w:r>
              <w:t xml:space="preserve">    content: "\e023";</w:t>
            </w:r>
          </w:p>
          <w:p w:rsidR="00156FB3" w:rsidRDefault="00156FB3" w:rsidP="00156FB3">
            <w:r>
              <w:t>}</w:t>
            </w:r>
          </w:p>
          <w:p w:rsidR="00156FB3" w:rsidRDefault="00156FB3" w:rsidP="00156FB3"/>
          <w:p w:rsidR="00156FB3" w:rsidRDefault="00156FB3" w:rsidP="00156FB3">
            <w:r>
              <w:t>.icon-crop:before {</w:t>
            </w:r>
          </w:p>
          <w:p w:rsidR="00156FB3" w:rsidRDefault="00156FB3" w:rsidP="00156FB3">
            <w:r>
              <w:t xml:space="preserve">    content: "\e024";</w:t>
            </w:r>
          </w:p>
          <w:p w:rsidR="00156FB3" w:rsidRDefault="00156FB3" w:rsidP="00156FB3">
            <w:r>
              <w:t>}</w:t>
            </w:r>
          </w:p>
          <w:p w:rsidR="00156FB3" w:rsidRDefault="00156FB3" w:rsidP="00156FB3"/>
          <w:p w:rsidR="00156FB3" w:rsidRDefault="00156FB3" w:rsidP="00156FB3">
            <w:r>
              <w:t>.icon-credit-card:before {</w:t>
            </w:r>
          </w:p>
          <w:p w:rsidR="00156FB3" w:rsidRDefault="00156FB3" w:rsidP="00156FB3">
            <w:r>
              <w:t xml:space="preserve">    content: "\e025";</w:t>
            </w:r>
          </w:p>
          <w:p w:rsidR="00156FB3" w:rsidRDefault="00156FB3" w:rsidP="00156FB3">
            <w:r>
              <w:t>}</w:t>
            </w:r>
          </w:p>
          <w:p w:rsidR="00156FB3" w:rsidRDefault="00156FB3" w:rsidP="00156FB3"/>
          <w:p w:rsidR="00156FB3" w:rsidRDefault="00156FB3" w:rsidP="00156FB3">
            <w:r>
              <w:t>.icon-chemistry:before {</w:t>
            </w:r>
          </w:p>
          <w:p w:rsidR="00156FB3" w:rsidRDefault="00156FB3" w:rsidP="00156FB3">
            <w:r>
              <w:t xml:space="preserve">    content: "\e026";</w:t>
            </w:r>
          </w:p>
          <w:p w:rsidR="00156FB3" w:rsidRDefault="00156FB3" w:rsidP="00156FB3">
            <w:r>
              <w:t>}</w:t>
            </w:r>
          </w:p>
          <w:p w:rsidR="00156FB3" w:rsidRDefault="00156FB3" w:rsidP="00156FB3"/>
          <w:p w:rsidR="00156FB3" w:rsidRDefault="00156FB3" w:rsidP="00156FB3">
            <w:r>
              <w:t>.icon-user:before {</w:t>
            </w:r>
          </w:p>
          <w:p w:rsidR="00156FB3" w:rsidRDefault="00156FB3" w:rsidP="00156FB3">
            <w:r>
              <w:t xml:space="preserve">    content: "\e005";</w:t>
            </w:r>
          </w:p>
          <w:p w:rsidR="00156FB3" w:rsidRDefault="00156FB3" w:rsidP="00156FB3">
            <w:r>
              <w:t>}</w:t>
            </w:r>
          </w:p>
          <w:p w:rsidR="00156FB3" w:rsidRDefault="00156FB3" w:rsidP="00156FB3"/>
          <w:p w:rsidR="00156FB3" w:rsidRDefault="00156FB3" w:rsidP="00156FB3">
            <w:r>
              <w:t>.icon-speedometer:before {</w:t>
            </w:r>
          </w:p>
          <w:p w:rsidR="00156FB3" w:rsidRDefault="00156FB3" w:rsidP="00156FB3">
            <w:r>
              <w:t xml:space="preserve">    content: "\e007";</w:t>
            </w:r>
          </w:p>
          <w:p w:rsidR="00156FB3" w:rsidRDefault="00156FB3" w:rsidP="00156FB3">
            <w:r>
              <w:t>}</w:t>
            </w:r>
          </w:p>
          <w:p w:rsidR="00156FB3" w:rsidRDefault="00156FB3" w:rsidP="00156FB3"/>
          <w:p w:rsidR="00156FB3" w:rsidRDefault="00156FB3" w:rsidP="00156FB3">
            <w:r>
              <w:t>.icon-social-youtube:before {</w:t>
            </w:r>
          </w:p>
          <w:p w:rsidR="00156FB3" w:rsidRDefault="00156FB3" w:rsidP="00156FB3">
            <w:r>
              <w:t xml:space="preserve">    content: "\e008";</w:t>
            </w:r>
          </w:p>
          <w:p w:rsidR="00156FB3" w:rsidRDefault="00156FB3" w:rsidP="00156FB3">
            <w:r>
              <w:t>}</w:t>
            </w:r>
          </w:p>
          <w:p w:rsidR="00156FB3" w:rsidRDefault="00156FB3" w:rsidP="00156FB3"/>
          <w:p w:rsidR="00156FB3" w:rsidRDefault="00156FB3" w:rsidP="00156FB3">
            <w:r>
              <w:t>.icon-social-twitter:before {</w:t>
            </w:r>
          </w:p>
          <w:p w:rsidR="00156FB3" w:rsidRDefault="00156FB3" w:rsidP="00156FB3">
            <w:r>
              <w:t xml:space="preserve">    content: "\e009";</w:t>
            </w:r>
          </w:p>
          <w:p w:rsidR="00156FB3" w:rsidRDefault="00156FB3" w:rsidP="00156FB3">
            <w:r>
              <w:t>}</w:t>
            </w:r>
          </w:p>
          <w:p w:rsidR="00156FB3" w:rsidRDefault="00156FB3" w:rsidP="00156FB3"/>
          <w:p w:rsidR="00156FB3" w:rsidRDefault="00156FB3" w:rsidP="00156FB3">
            <w:r>
              <w:t>.icon-social-tumblr:before {</w:t>
            </w:r>
          </w:p>
          <w:p w:rsidR="00156FB3" w:rsidRDefault="00156FB3" w:rsidP="00156FB3">
            <w:r>
              <w:t xml:space="preserve">    content: "\e00a";</w:t>
            </w:r>
          </w:p>
          <w:p w:rsidR="00156FB3" w:rsidRDefault="00156FB3" w:rsidP="00156FB3">
            <w:r>
              <w:t>}</w:t>
            </w:r>
          </w:p>
          <w:p w:rsidR="00156FB3" w:rsidRDefault="00156FB3" w:rsidP="00156FB3"/>
          <w:p w:rsidR="00156FB3" w:rsidRDefault="00156FB3" w:rsidP="00156FB3">
            <w:r>
              <w:t>.icon-social-facebook:before {</w:t>
            </w:r>
          </w:p>
          <w:p w:rsidR="00156FB3" w:rsidRDefault="00156FB3" w:rsidP="00156FB3">
            <w:r>
              <w:t xml:space="preserve">    content: "\e00b";</w:t>
            </w:r>
          </w:p>
          <w:p w:rsidR="00156FB3" w:rsidRDefault="00156FB3" w:rsidP="00156FB3">
            <w:r>
              <w:t>}</w:t>
            </w:r>
          </w:p>
          <w:p w:rsidR="00156FB3" w:rsidRDefault="00156FB3" w:rsidP="00156FB3"/>
          <w:p w:rsidR="00156FB3" w:rsidRDefault="00156FB3" w:rsidP="00156FB3">
            <w:r>
              <w:t>.icon-social-dropbox:before {</w:t>
            </w:r>
          </w:p>
          <w:p w:rsidR="00156FB3" w:rsidRDefault="00156FB3" w:rsidP="00156FB3">
            <w:r>
              <w:t xml:space="preserve">    content: "\e00c";</w:t>
            </w:r>
          </w:p>
          <w:p w:rsidR="00156FB3" w:rsidRDefault="00156FB3" w:rsidP="00156FB3">
            <w:r>
              <w:t>}</w:t>
            </w:r>
          </w:p>
          <w:p w:rsidR="00156FB3" w:rsidRDefault="00156FB3" w:rsidP="00156FB3"/>
          <w:p w:rsidR="00156FB3" w:rsidRDefault="00156FB3" w:rsidP="00156FB3">
            <w:r>
              <w:t>.icon-social-dribbble:before {</w:t>
            </w:r>
          </w:p>
          <w:p w:rsidR="00156FB3" w:rsidRDefault="00156FB3" w:rsidP="00156FB3">
            <w:r>
              <w:t xml:space="preserve">    content: "\e00d";</w:t>
            </w:r>
          </w:p>
          <w:p w:rsidR="00156FB3" w:rsidRDefault="00156FB3" w:rsidP="00156FB3">
            <w:r>
              <w:t>}</w:t>
            </w:r>
          </w:p>
          <w:p w:rsidR="00156FB3" w:rsidRDefault="00156FB3" w:rsidP="00156FB3"/>
          <w:p w:rsidR="00156FB3" w:rsidRDefault="00156FB3" w:rsidP="00156FB3">
            <w:r>
              <w:t>.icon-shield:before {</w:t>
            </w:r>
          </w:p>
          <w:p w:rsidR="00156FB3" w:rsidRDefault="00156FB3" w:rsidP="00156FB3">
            <w:r>
              <w:t xml:space="preserve">    content: "\e00e";</w:t>
            </w:r>
          </w:p>
          <w:p w:rsidR="00156FB3" w:rsidRDefault="00156FB3" w:rsidP="00156FB3">
            <w:r>
              <w:t>}</w:t>
            </w:r>
          </w:p>
          <w:p w:rsidR="00156FB3" w:rsidRDefault="00156FB3" w:rsidP="00156FB3"/>
          <w:p w:rsidR="00156FB3" w:rsidRDefault="00156FB3" w:rsidP="00156FB3">
            <w:r>
              <w:t>.icon-screen-tablet:before {</w:t>
            </w:r>
          </w:p>
          <w:p w:rsidR="00156FB3" w:rsidRDefault="00156FB3" w:rsidP="00156FB3">
            <w:r>
              <w:t xml:space="preserve">    content: "\e00f";</w:t>
            </w:r>
          </w:p>
          <w:p w:rsidR="00156FB3" w:rsidRDefault="00156FB3" w:rsidP="00156FB3">
            <w:r>
              <w:t>}</w:t>
            </w:r>
          </w:p>
          <w:p w:rsidR="00156FB3" w:rsidRDefault="00156FB3" w:rsidP="00156FB3"/>
          <w:p w:rsidR="00156FB3" w:rsidRDefault="00156FB3" w:rsidP="00156FB3">
            <w:r>
              <w:t>.icon-magic-wand:before {</w:t>
            </w:r>
          </w:p>
          <w:p w:rsidR="00156FB3" w:rsidRDefault="00156FB3" w:rsidP="00156FB3">
            <w:r>
              <w:t xml:space="preserve">    content: "\e017";</w:t>
            </w:r>
          </w:p>
          <w:p w:rsidR="00156FB3" w:rsidRDefault="00156FB3" w:rsidP="00156FB3">
            <w:r>
              <w:t>}</w:t>
            </w:r>
          </w:p>
          <w:p w:rsidR="00156FB3" w:rsidRDefault="00156FB3" w:rsidP="00156FB3"/>
          <w:p w:rsidR="00156FB3" w:rsidRDefault="00156FB3" w:rsidP="00156FB3">
            <w:r>
              <w:t>.icon-hourglass:before {</w:t>
            </w:r>
          </w:p>
          <w:p w:rsidR="00156FB3" w:rsidRDefault="00156FB3" w:rsidP="00156FB3">
            <w:r>
              <w:t xml:space="preserve">    content: "\e018";</w:t>
            </w:r>
          </w:p>
          <w:p w:rsidR="00156FB3" w:rsidRDefault="00156FB3" w:rsidP="00156FB3">
            <w:r>
              <w:t>}</w:t>
            </w:r>
          </w:p>
          <w:p w:rsidR="00156FB3" w:rsidRDefault="00156FB3" w:rsidP="00156FB3"/>
          <w:p w:rsidR="00156FB3" w:rsidRDefault="00156FB3" w:rsidP="00156FB3">
            <w:r>
              <w:t>.icon-graduation:before {</w:t>
            </w:r>
          </w:p>
          <w:p w:rsidR="00156FB3" w:rsidRDefault="00156FB3" w:rsidP="00156FB3">
            <w:r>
              <w:t xml:space="preserve">    content: "\e019";</w:t>
            </w:r>
          </w:p>
          <w:p w:rsidR="00156FB3" w:rsidRDefault="00156FB3" w:rsidP="00156FB3">
            <w:r>
              <w:t>}</w:t>
            </w:r>
          </w:p>
          <w:p w:rsidR="00156FB3" w:rsidRDefault="00156FB3" w:rsidP="00156FB3"/>
          <w:p w:rsidR="00156FB3" w:rsidRDefault="00156FB3" w:rsidP="00156FB3">
            <w:r>
              <w:t>.icon-ghost:before {</w:t>
            </w:r>
          </w:p>
          <w:p w:rsidR="00156FB3" w:rsidRDefault="00156FB3" w:rsidP="00156FB3">
            <w:r>
              <w:t xml:space="preserve">    content: "\e01a";</w:t>
            </w:r>
          </w:p>
          <w:p w:rsidR="00156FB3" w:rsidRDefault="00156FB3" w:rsidP="00156FB3">
            <w:r>
              <w:t>}</w:t>
            </w:r>
          </w:p>
          <w:p w:rsidR="00156FB3" w:rsidRDefault="00156FB3" w:rsidP="00156FB3"/>
          <w:p w:rsidR="00156FB3" w:rsidRDefault="00156FB3" w:rsidP="00156FB3">
            <w:r>
              <w:t>.icon-game-controller:before {</w:t>
            </w:r>
          </w:p>
          <w:p w:rsidR="00156FB3" w:rsidRDefault="00156FB3" w:rsidP="00156FB3">
            <w:r>
              <w:t xml:space="preserve">    content: "\e01b";</w:t>
            </w:r>
          </w:p>
          <w:p w:rsidR="00156FB3" w:rsidRDefault="00156FB3" w:rsidP="00156FB3">
            <w:r>
              <w:t>}</w:t>
            </w:r>
          </w:p>
          <w:p w:rsidR="00156FB3" w:rsidRDefault="00156FB3" w:rsidP="00156FB3"/>
          <w:p w:rsidR="00156FB3" w:rsidRDefault="00156FB3" w:rsidP="00156FB3">
            <w:r>
              <w:t>.icon-fire:before {</w:t>
            </w:r>
          </w:p>
          <w:p w:rsidR="00156FB3" w:rsidRDefault="00156FB3" w:rsidP="00156FB3">
            <w:r>
              <w:t xml:space="preserve">    content: "\e01c";</w:t>
            </w:r>
          </w:p>
          <w:p w:rsidR="00156FB3" w:rsidRDefault="00156FB3" w:rsidP="00156FB3">
            <w:r>
              <w:t>}</w:t>
            </w:r>
          </w:p>
          <w:p w:rsidR="00156FB3" w:rsidRDefault="00156FB3" w:rsidP="00156FB3"/>
          <w:p w:rsidR="00156FB3" w:rsidRDefault="00156FB3" w:rsidP="00156FB3">
            <w:r>
              <w:t>.icon-eyeglasses:before {</w:t>
            </w:r>
          </w:p>
          <w:p w:rsidR="00156FB3" w:rsidRDefault="00156FB3" w:rsidP="00156FB3">
            <w:r>
              <w:t xml:space="preserve">    content: "\e01d";</w:t>
            </w:r>
          </w:p>
          <w:p w:rsidR="00156FB3" w:rsidRDefault="00156FB3" w:rsidP="00156FB3">
            <w:r>
              <w:t>}</w:t>
            </w:r>
          </w:p>
          <w:p w:rsidR="00156FB3" w:rsidRDefault="00156FB3" w:rsidP="00156FB3"/>
          <w:p w:rsidR="00156FB3" w:rsidRDefault="00156FB3" w:rsidP="00156FB3">
            <w:r>
              <w:t>.icon-envelope-open:before {</w:t>
            </w:r>
          </w:p>
          <w:p w:rsidR="00156FB3" w:rsidRDefault="00156FB3" w:rsidP="00156FB3">
            <w:r>
              <w:t xml:space="preserve">    content: "\e01e";</w:t>
            </w:r>
          </w:p>
          <w:p w:rsidR="00156FB3" w:rsidRDefault="00156FB3" w:rsidP="00156FB3">
            <w:r>
              <w:t>}</w:t>
            </w:r>
          </w:p>
          <w:p w:rsidR="00156FB3" w:rsidRDefault="00156FB3" w:rsidP="00156FB3"/>
          <w:p w:rsidR="00156FB3" w:rsidRDefault="00156FB3" w:rsidP="00156FB3">
            <w:r>
              <w:t>.icon-envelope-letter:before {</w:t>
            </w:r>
          </w:p>
          <w:p w:rsidR="00156FB3" w:rsidRDefault="00156FB3" w:rsidP="00156FB3">
            <w:r>
              <w:t xml:space="preserve">    content: "\e01f";</w:t>
            </w:r>
          </w:p>
          <w:p w:rsidR="00156FB3" w:rsidRDefault="00156FB3" w:rsidP="00156FB3">
            <w:r>
              <w:t>}</w:t>
            </w:r>
          </w:p>
          <w:p w:rsidR="00156FB3" w:rsidRDefault="00156FB3" w:rsidP="00156FB3"/>
          <w:p w:rsidR="00156FB3" w:rsidRDefault="00156FB3" w:rsidP="00156FB3">
            <w:r>
              <w:t>.icon-bell:before {</w:t>
            </w:r>
          </w:p>
          <w:p w:rsidR="00156FB3" w:rsidRDefault="00156FB3" w:rsidP="00156FB3">
            <w:r>
              <w:t xml:space="preserve">    content: "\e027";</w:t>
            </w:r>
          </w:p>
          <w:p w:rsidR="00156FB3" w:rsidRDefault="00156FB3" w:rsidP="00156FB3">
            <w:r>
              <w:t>}</w:t>
            </w:r>
          </w:p>
          <w:p w:rsidR="00156FB3" w:rsidRDefault="00156FB3" w:rsidP="00156FB3"/>
          <w:p w:rsidR="00156FB3" w:rsidRDefault="00156FB3" w:rsidP="00156FB3">
            <w:r>
              <w:t>.icon-badge:before {</w:t>
            </w:r>
          </w:p>
          <w:p w:rsidR="00156FB3" w:rsidRDefault="00156FB3" w:rsidP="00156FB3">
            <w:r>
              <w:t xml:space="preserve">    content: "\e028";</w:t>
            </w:r>
          </w:p>
          <w:p w:rsidR="00156FB3" w:rsidRDefault="00156FB3" w:rsidP="00156FB3">
            <w:r>
              <w:t>}</w:t>
            </w:r>
          </w:p>
          <w:p w:rsidR="00156FB3" w:rsidRDefault="00156FB3" w:rsidP="00156FB3"/>
          <w:p w:rsidR="00156FB3" w:rsidRDefault="00156FB3" w:rsidP="00156FB3">
            <w:r>
              <w:t>.icon-anchor:before {</w:t>
            </w:r>
          </w:p>
          <w:p w:rsidR="00156FB3" w:rsidRDefault="00156FB3" w:rsidP="00156FB3">
            <w:r>
              <w:t xml:space="preserve">    content: "\e029";</w:t>
            </w:r>
          </w:p>
          <w:p w:rsidR="00156FB3" w:rsidRDefault="00156FB3" w:rsidP="00156FB3">
            <w:r>
              <w:t>}</w:t>
            </w:r>
          </w:p>
          <w:p w:rsidR="00156FB3" w:rsidRDefault="00156FB3" w:rsidP="00156FB3"/>
          <w:p w:rsidR="00156FB3" w:rsidRDefault="00156FB3" w:rsidP="00156FB3">
            <w:r>
              <w:t>.icon-wallet:before {</w:t>
            </w:r>
          </w:p>
          <w:p w:rsidR="00156FB3" w:rsidRDefault="00156FB3" w:rsidP="00156FB3">
            <w:r>
              <w:t xml:space="preserve">    content: "\e02a";</w:t>
            </w:r>
          </w:p>
          <w:p w:rsidR="00156FB3" w:rsidRDefault="00156FB3" w:rsidP="00156FB3">
            <w:r>
              <w:t>}</w:t>
            </w:r>
          </w:p>
          <w:p w:rsidR="00156FB3" w:rsidRDefault="00156FB3" w:rsidP="00156FB3"/>
          <w:p w:rsidR="00156FB3" w:rsidRDefault="00156FB3" w:rsidP="00156FB3">
            <w:r>
              <w:t>.icon-vector:before {</w:t>
            </w:r>
          </w:p>
          <w:p w:rsidR="00156FB3" w:rsidRDefault="00156FB3" w:rsidP="00156FB3">
            <w:r>
              <w:t xml:space="preserve">    content: "\e02b";</w:t>
            </w:r>
          </w:p>
          <w:p w:rsidR="00156FB3" w:rsidRDefault="00156FB3" w:rsidP="00156FB3">
            <w:r>
              <w:t>}</w:t>
            </w:r>
          </w:p>
          <w:p w:rsidR="00156FB3" w:rsidRDefault="00156FB3" w:rsidP="00156FB3"/>
          <w:p w:rsidR="00156FB3" w:rsidRDefault="00156FB3" w:rsidP="00156FB3">
            <w:r>
              <w:t>.icon-speech:before {</w:t>
            </w:r>
          </w:p>
          <w:p w:rsidR="00156FB3" w:rsidRDefault="00156FB3" w:rsidP="00156FB3">
            <w:r>
              <w:t xml:space="preserve">    content: "\e02c";</w:t>
            </w:r>
          </w:p>
          <w:p w:rsidR="00156FB3" w:rsidRDefault="00156FB3" w:rsidP="00156FB3">
            <w:r>
              <w:t>}</w:t>
            </w:r>
          </w:p>
          <w:p w:rsidR="00156FB3" w:rsidRDefault="00156FB3" w:rsidP="00156FB3"/>
          <w:p w:rsidR="00156FB3" w:rsidRDefault="00156FB3" w:rsidP="00156FB3">
            <w:r>
              <w:t>.icon-puzzle:before {</w:t>
            </w:r>
          </w:p>
          <w:p w:rsidR="00156FB3" w:rsidRDefault="00156FB3" w:rsidP="00156FB3">
            <w:r>
              <w:t xml:space="preserve">    content: "\e02d";</w:t>
            </w:r>
          </w:p>
          <w:p w:rsidR="00156FB3" w:rsidRDefault="00156FB3" w:rsidP="00156FB3">
            <w:r>
              <w:t>}</w:t>
            </w:r>
          </w:p>
          <w:p w:rsidR="00156FB3" w:rsidRDefault="00156FB3" w:rsidP="00156FB3"/>
          <w:p w:rsidR="00156FB3" w:rsidRDefault="00156FB3" w:rsidP="00156FB3">
            <w:r>
              <w:t>.icon-printer:before {</w:t>
            </w:r>
          </w:p>
          <w:p w:rsidR="00156FB3" w:rsidRDefault="00156FB3" w:rsidP="00156FB3">
            <w:r>
              <w:t xml:space="preserve">    content: "\e02e";</w:t>
            </w:r>
          </w:p>
          <w:p w:rsidR="00156FB3" w:rsidRDefault="00156FB3" w:rsidP="00156FB3">
            <w:r>
              <w:t>}</w:t>
            </w:r>
          </w:p>
          <w:p w:rsidR="00156FB3" w:rsidRDefault="00156FB3" w:rsidP="00156FB3"/>
          <w:p w:rsidR="00156FB3" w:rsidRDefault="00156FB3" w:rsidP="00156FB3">
            <w:r>
              <w:t>.icon-present:before {</w:t>
            </w:r>
          </w:p>
          <w:p w:rsidR="00156FB3" w:rsidRDefault="00156FB3" w:rsidP="00156FB3">
            <w:r>
              <w:t xml:space="preserve">    content: "\e02f";</w:t>
            </w:r>
          </w:p>
          <w:p w:rsidR="00156FB3" w:rsidRDefault="00156FB3" w:rsidP="00156FB3">
            <w:r>
              <w:t>}</w:t>
            </w:r>
          </w:p>
          <w:p w:rsidR="00156FB3" w:rsidRDefault="00156FB3" w:rsidP="00156FB3"/>
          <w:p w:rsidR="00156FB3" w:rsidRDefault="00156FB3" w:rsidP="00156FB3">
            <w:r>
              <w:t>.icon-playlist:before {</w:t>
            </w:r>
          </w:p>
          <w:p w:rsidR="00156FB3" w:rsidRDefault="00156FB3" w:rsidP="00156FB3">
            <w:r>
              <w:t xml:space="preserve">    content: "\e030";</w:t>
            </w:r>
          </w:p>
          <w:p w:rsidR="00156FB3" w:rsidRDefault="00156FB3" w:rsidP="00156FB3">
            <w:r>
              <w:t>}</w:t>
            </w:r>
          </w:p>
          <w:p w:rsidR="00156FB3" w:rsidRDefault="00156FB3" w:rsidP="00156FB3"/>
          <w:p w:rsidR="00156FB3" w:rsidRDefault="00156FB3" w:rsidP="00156FB3">
            <w:r>
              <w:t>.icon-pin:before {</w:t>
            </w:r>
          </w:p>
          <w:p w:rsidR="00156FB3" w:rsidRDefault="00156FB3" w:rsidP="00156FB3">
            <w:r>
              <w:t xml:space="preserve">    content: "\e031";</w:t>
            </w:r>
          </w:p>
          <w:p w:rsidR="00156FB3" w:rsidRDefault="00156FB3" w:rsidP="00156FB3">
            <w:r>
              <w:t>}</w:t>
            </w:r>
          </w:p>
          <w:p w:rsidR="00156FB3" w:rsidRDefault="00156FB3" w:rsidP="00156FB3"/>
          <w:p w:rsidR="00156FB3" w:rsidRDefault="00156FB3" w:rsidP="00156FB3">
            <w:r>
              <w:t>.icon-picture:before {</w:t>
            </w:r>
          </w:p>
          <w:p w:rsidR="00156FB3" w:rsidRDefault="00156FB3" w:rsidP="00156FB3">
            <w:r>
              <w:t xml:space="preserve">    content: "\e032";</w:t>
            </w:r>
          </w:p>
          <w:p w:rsidR="00156FB3" w:rsidRDefault="00156FB3" w:rsidP="00156FB3">
            <w:r>
              <w:t>}</w:t>
            </w:r>
          </w:p>
          <w:p w:rsidR="00156FB3" w:rsidRDefault="00156FB3" w:rsidP="00156FB3"/>
          <w:p w:rsidR="00156FB3" w:rsidRDefault="00156FB3" w:rsidP="00156FB3">
            <w:r>
              <w:t>.icon-map:before {</w:t>
            </w:r>
          </w:p>
          <w:p w:rsidR="00156FB3" w:rsidRDefault="00156FB3" w:rsidP="00156FB3">
            <w:r>
              <w:t xml:space="preserve">    content: "\e033";</w:t>
            </w:r>
          </w:p>
          <w:p w:rsidR="00156FB3" w:rsidRDefault="00156FB3" w:rsidP="00156FB3">
            <w:r>
              <w:t>}</w:t>
            </w:r>
          </w:p>
          <w:p w:rsidR="00156FB3" w:rsidRDefault="00156FB3" w:rsidP="00156FB3"/>
          <w:p w:rsidR="00156FB3" w:rsidRDefault="00156FB3" w:rsidP="00156FB3">
            <w:r>
              <w:t>.icon-layers:before {</w:t>
            </w:r>
          </w:p>
          <w:p w:rsidR="00156FB3" w:rsidRDefault="00156FB3" w:rsidP="00156FB3">
            <w:r>
              <w:t xml:space="preserve">    content: "\e034";</w:t>
            </w:r>
          </w:p>
          <w:p w:rsidR="00156FB3" w:rsidRDefault="00156FB3" w:rsidP="00156FB3">
            <w:r>
              <w:t>}</w:t>
            </w:r>
          </w:p>
          <w:p w:rsidR="00156FB3" w:rsidRDefault="00156FB3" w:rsidP="00156FB3"/>
          <w:p w:rsidR="00156FB3" w:rsidRDefault="00156FB3" w:rsidP="00156FB3">
            <w:r>
              <w:t>.icon-handbag:before {</w:t>
            </w:r>
          </w:p>
          <w:p w:rsidR="00156FB3" w:rsidRDefault="00156FB3" w:rsidP="00156FB3">
            <w:r>
              <w:t xml:space="preserve">    content: "\e035";</w:t>
            </w:r>
          </w:p>
          <w:p w:rsidR="00156FB3" w:rsidRDefault="00156FB3" w:rsidP="00156FB3">
            <w:r>
              <w:t>}</w:t>
            </w:r>
          </w:p>
          <w:p w:rsidR="00156FB3" w:rsidRDefault="00156FB3" w:rsidP="00156FB3"/>
          <w:p w:rsidR="00156FB3" w:rsidRDefault="00156FB3" w:rsidP="00156FB3">
            <w:r>
              <w:t>.icon-globe-alt:before {</w:t>
            </w:r>
          </w:p>
          <w:p w:rsidR="00156FB3" w:rsidRDefault="00156FB3" w:rsidP="00156FB3">
            <w:r>
              <w:t xml:space="preserve">    content: "\e036";</w:t>
            </w:r>
          </w:p>
          <w:p w:rsidR="00156FB3" w:rsidRDefault="00156FB3" w:rsidP="00156FB3">
            <w:r>
              <w:t>}</w:t>
            </w:r>
          </w:p>
          <w:p w:rsidR="00156FB3" w:rsidRDefault="00156FB3" w:rsidP="00156FB3"/>
          <w:p w:rsidR="00156FB3" w:rsidRDefault="00156FB3" w:rsidP="00156FB3">
            <w:r>
              <w:t>.icon-globe:before {</w:t>
            </w:r>
          </w:p>
          <w:p w:rsidR="00156FB3" w:rsidRDefault="00156FB3" w:rsidP="00156FB3">
            <w:r>
              <w:t xml:space="preserve">    content: "\e037";</w:t>
            </w:r>
          </w:p>
          <w:p w:rsidR="00156FB3" w:rsidRDefault="00156FB3" w:rsidP="00156FB3">
            <w:r>
              <w:t>}</w:t>
            </w:r>
          </w:p>
          <w:p w:rsidR="00156FB3" w:rsidRDefault="00156FB3" w:rsidP="00156FB3"/>
          <w:p w:rsidR="00156FB3" w:rsidRDefault="00156FB3" w:rsidP="00156FB3">
            <w:r>
              <w:t>.icon-frame:before {</w:t>
            </w:r>
          </w:p>
          <w:p w:rsidR="00156FB3" w:rsidRDefault="00156FB3" w:rsidP="00156FB3">
            <w:r>
              <w:t xml:space="preserve">    content: "\e038";</w:t>
            </w:r>
          </w:p>
          <w:p w:rsidR="00156FB3" w:rsidRDefault="00156FB3" w:rsidP="00156FB3">
            <w:r>
              <w:t>}</w:t>
            </w:r>
          </w:p>
          <w:p w:rsidR="00156FB3" w:rsidRDefault="00156FB3" w:rsidP="00156FB3"/>
          <w:p w:rsidR="00156FB3" w:rsidRDefault="00156FB3" w:rsidP="00156FB3">
            <w:r>
              <w:t>.icon-folder-alt:before {</w:t>
            </w:r>
          </w:p>
          <w:p w:rsidR="00156FB3" w:rsidRDefault="00156FB3" w:rsidP="00156FB3">
            <w:r>
              <w:t xml:space="preserve">    content: "\e039";</w:t>
            </w:r>
          </w:p>
          <w:p w:rsidR="00156FB3" w:rsidRDefault="00156FB3" w:rsidP="00156FB3">
            <w:r>
              <w:t>}</w:t>
            </w:r>
          </w:p>
          <w:p w:rsidR="00156FB3" w:rsidRDefault="00156FB3" w:rsidP="00156FB3"/>
          <w:p w:rsidR="00156FB3" w:rsidRDefault="00156FB3" w:rsidP="00156FB3">
            <w:r>
              <w:t>.icon-film:before {</w:t>
            </w:r>
          </w:p>
          <w:p w:rsidR="00156FB3" w:rsidRDefault="00156FB3" w:rsidP="00156FB3">
            <w:r>
              <w:t xml:space="preserve">    content: "\e03a";</w:t>
            </w:r>
          </w:p>
          <w:p w:rsidR="00156FB3" w:rsidRDefault="00156FB3" w:rsidP="00156FB3">
            <w:r>
              <w:t>}</w:t>
            </w:r>
          </w:p>
          <w:p w:rsidR="00156FB3" w:rsidRDefault="00156FB3" w:rsidP="00156FB3"/>
          <w:p w:rsidR="00156FB3" w:rsidRDefault="00156FB3" w:rsidP="00156FB3">
            <w:r>
              <w:t>.icon-feed:before {</w:t>
            </w:r>
          </w:p>
          <w:p w:rsidR="00156FB3" w:rsidRDefault="00156FB3" w:rsidP="00156FB3">
            <w:r>
              <w:t xml:space="preserve">    content: "\e03b";</w:t>
            </w:r>
          </w:p>
          <w:p w:rsidR="00156FB3" w:rsidRDefault="00156FB3" w:rsidP="00156FB3">
            <w:r>
              <w:t>}</w:t>
            </w:r>
          </w:p>
          <w:p w:rsidR="00156FB3" w:rsidRDefault="00156FB3" w:rsidP="00156FB3"/>
          <w:p w:rsidR="00156FB3" w:rsidRDefault="00156FB3" w:rsidP="00156FB3">
            <w:r>
              <w:t>.icon-earphones-alt:before {</w:t>
            </w:r>
          </w:p>
          <w:p w:rsidR="00156FB3" w:rsidRDefault="00156FB3" w:rsidP="00156FB3">
            <w:r>
              <w:t xml:space="preserve">    content: "\e03c";</w:t>
            </w:r>
          </w:p>
          <w:p w:rsidR="00156FB3" w:rsidRDefault="00156FB3" w:rsidP="00156FB3">
            <w:r>
              <w:t>}</w:t>
            </w:r>
          </w:p>
          <w:p w:rsidR="00156FB3" w:rsidRDefault="00156FB3" w:rsidP="00156FB3"/>
          <w:p w:rsidR="00156FB3" w:rsidRDefault="00156FB3" w:rsidP="00156FB3">
            <w:r>
              <w:t>.icon-earphones:before {</w:t>
            </w:r>
          </w:p>
          <w:p w:rsidR="00156FB3" w:rsidRDefault="00156FB3" w:rsidP="00156FB3">
            <w:r>
              <w:t xml:space="preserve">    content: "\e03d";</w:t>
            </w:r>
          </w:p>
          <w:p w:rsidR="00156FB3" w:rsidRDefault="00156FB3" w:rsidP="00156FB3">
            <w:r>
              <w:t>}</w:t>
            </w:r>
          </w:p>
          <w:p w:rsidR="00156FB3" w:rsidRDefault="00156FB3" w:rsidP="00156FB3"/>
          <w:p w:rsidR="00156FB3" w:rsidRDefault="00156FB3" w:rsidP="00156FB3">
            <w:r>
              <w:t>.icon-drop:before {</w:t>
            </w:r>
          </w:p>
          <w:p w:rsidR="00156FB3" w:rsidRDefault="00156FB3" w:rsidP="00156FB3">
            <w:r>
              <w:t xml:space="preserve">    content: "\e03e";</w:t>
            </w:r>
          </w:p>
          <w:p w:rsidR="00156FB3" w:rsidRDefault="00156FB3" w:rsidP="00156FB3">
            <w:r>
              <w:t>}</w:t>
            </w:r>
          </w:p>
          <w:p w:rsidR="00156FB3" w:rsidRDefault="00156FB3" w:rsidP="00156FB3"/>
          <w:p w:rsidR="00156FB3" w:rsidRDefault="00156FB3" w:rsidP="00156FB3">
            <w:r>
              <w:t>.icon-drawer:before {</w:t>
            </w:r>
          </w:p>
          <w:p w:rsidR="00156FB3" w:rsidRDefault="00156FB3" w:rsidP="00156FB3">
            <w:r>
              <w:t xml:space="preserve">    content: "\e03f";</w:t>
            </w:r>
          </w:p>
          <w:p w:rsidR="00156FB3" w:rsidRDefault="00156FB3" w:rsidP="00156FB3">
            <w:r>
              <w:t>}</w:t>
            </w:r>
          </w:p>
          <w:p w:rsidR="00156FB3" w:rsidRDefault="00156FB3" w:rsidP="00156FB3"/>
          <w:p w:rsidR="00156FB3" w:rsidRDefault="00156FB3" w:rsidP="00156FB3">
            <w:r>
              <w:t>.icon-docs:before {</w:t>
            </w:r>
          </w:p>
          <w:p w:rsidR="00156FB3" w:rsidRDefault="00156FB3" w:rsidP="00156FB3">
            <w:r>
              <w:t xml:space="preserve">    content: "\e040";</w:t>
            </w:r>
          </w:p>
          <w:p w:rsidR="00156FB3" w:rsidRDefault="00156FB3" w:rsidP="00156FB3">
            <w:r>
              <w:t>}</w:t>
            </w:r>
          </w:p>
          <w:p w:rsidR="00156FB3" w:rsidRDefault="00156FB3" w:rsidP="00156FB3"/>
          <w:p w:rsidR="00156FB3" w:rsidRDefault="00156FB3" w:rsidP="00156FB3">
            <w:r>
              <w:t>.icon-directions:before {</w:t>
            </w:r>
          </w:p>
          <w:p w:rsidR="00156FB3" w:rsidRDefault="00156FB3" w:rsidP="00156FB3">
            <w:r>
              <w:t xml:space="preserve">    content: "\e041";</w:t>
            </w:r>
          </w:p>
          <w:p w:rsidR="00156FB3" w:rsidRDefault="00156FB3" w:rsidP="00156FB3">
            <w:r>
              <w:t>}</w:t>
            </w:r>
          </w:p>
          <w:p w:rsidR="00156FB3" w:rsidRDefault="00156FB3" w:rsidP="00156FB3"/>
          <w:p w:rsidR="00156FB3" w:rsidRDefault="00156FB3" w:rsidP="00156FB3">
            <w:r>
              <w:t>.icon-direction:before {</w:t>
            </w:r>
          </w:p>
          <w:p w:rsidR="00156FB3" w:rsidRDefault="00156FB3" w:rsidP="00156FB3">
            <w:r>
              <w:t xml:space="preserve">    content: "\e042";</w:t>
            </w:r>
          </w:p>
          <w:p w:rsidR="00156FB3" w:rsidRDefault="00156FB3" w:rsidP="00156FB3">
            <w:r>
              <w:t>}</w:t>
            </w:r>
          </w:p>
          <w:p w:rsidR="00156FB3" w:rsidRDefault="00156FB3" w:rsidP="00156FB3"/>
          <w:p w:rsidR="00156FB3" w:rsidRDefault="00156FB3" w:rsidP="00156FB3">
            <w:r>
              <w:t>.icon-diamond:before {</w:t>
            </w:r>
          </w:p>
          <w:p w:rsidR="00156FB3" w:rsidRDefault="00156FB3" w:rsidP="00156FB3">
            <w:r>
              <w:t xml:space="preserve">    content: "\e043";</w:t>
            </w:r>
          </w:p>
          <w:p w:rsidR="00156FB3" w:rsidRDefault="00156FB3" w:rsidP="00156FB3">
            <w:r>
              <w:t>}</w:t>
            </w:r>
          </w:p>
          <w:p w:rsidR="00156FB3" w:rsidRDefault="00156FB3" w:rsidP="00156FB3"/>
          <w:p w:rsidR="00156FB3" w:rsidRDefault="00156FB3" w:rsidP="00156FB3">
            <w:r>
              <w:t>.icon-cup:before {</w:t>
            </w:r>
          </w:p>
          <w:p w:rsidR="00156FB3" w:rsidRDefault="00156FB3" w:rsidP="00156FB3">
            <w:r>
              <w:t xml:space="preserve">    content: "\e044";</w:t>
            </w:r>
          </w:p>
          <w:p w:rsidR="00156FB3" w:rsidRDefault="00156FB3" w:rsidP="00156FB3">
            <w:r>
              <w:t>}</w:t>
            </w:r>
          </w:p>
          <w:p w:rsidR="00156FB3" w:rsidRDefault="00156FB3" w:rsidP="00156FB3"/>
          <w:p w:rsidR="00156FB3" w:rsidRDefault="00156FB3" w:rsidP="00156FB3">
            <w:r>
              <w:t>.icon-compass:before {</w:t>
            </w:r>
          </w:p>
          <w:p w:rsidR="00156FB3" w:rsidRDefault="00156FB3" w:rsidP="00156FB3">
            <w:r>
              <w:t xml:space="preserve">    content: "\e045";</w:t>
            </w:r>
          </w:p>
          <w:p w:rsidR="00156FB3" w:rsidRDefault="00156FB3" w:rsidP="00156FB3">
            <w:r>
              <w:t>}</w:t>
            </w:r>
          </w:p>
          <w:p w:rsidR="00156FB3" w:rsidRDefault="00156FB3" w:rsidP="00156FB3"/>
          <w:p w:rsidR="00156FB3" w:rsidRDefault="00156FB3" w:rsidP="00156FB3">
            <w:r>
              <w:t>.icon-call-out:before {</w:t>
            </w:r>
          </w:p>
          <w:p w:rsidR="00156FB3" w:rsidRDefault="00156FB3" w:rsidP="00156FB3">
            <w:r>
              <w:t xml:space="preserve">    content: "\e046";</w:t>
            </w:r>
          </w:p>
          <w:p w:rsidR="00156FB3" w:rsidRDefault="00156FB3" w:rsidP="00156FB3">
            <w:r>
              <w:t>}</w:t>
            </w:r>
          </w:p>
          <w:p w:rsidR="00156FB3" w:rsidRDefault="00156FB3" w:rsidP="00156FB3"/>
          <w:p w:rsidR="00156FB3" w:rsidRDefault="00156FB3" w:rsidP="00156FB3">
            <w:r>
              <w:t>.icon-call-in:before {</w:t>
            </w:r>
          </w:p>
          <w:p w:rsidR="00156FB3" w:rsidRDefault="00156FB3" w:rsidP="00156FB3">
            <w:r>
              <w:t xml:space="preserve">    content: "\e047";</w:t>
            </w:r>
          </w:p>
          <w:p w:rsidR="00156FB3" w:rsidRDefault="00156FB3" w:rsidP="00156FB3">
            <w:r>
              <w:t>}</w:t>
            </w:r>
          </w:p>
          <w:p w:rsidR="00156FB3" w:rsidRDefault="00156FB3" w:rsidP="00156FB3"/>
          <w:p w:rsidR="00156FB3" w:rsidRDefault="00156FB3" w:rsidP="00156FB3">
            <w:r>
              <w:t>.icon-call-end:before {</w:t>
            </w:r>
          </w:p>
          <w:p w:rsidR="00156FB3" w:rsidRDefault="00156FB3" w:rsidP="00156FB3">
            <w:r>
              <w:t xml:space="preserve">    content: "\e048";</w:t>
            </w:r>
          </w:p>
          <w:p w:rsidR="00156FB3" w:rsidRDefault="00156FB3" w:rsidP="00156FB3">
            <w:r>
              <w:t>}</w:t>
            </w:r>
          </w:p>
          <w:p w:rsidR="00156FB3" w:rsidRDefault="00156FB3" w:rsidP="00156FB3"/>
          <w:p w:rsidR="00156FB3" w:rsidRDefault="00156FB3" w:rsidP="00156FB3">
            <w:r>
              <w:t>.icon-calculator:before {</w:t>
            </w:r>
          </w:p>
          <w:p w:rsidR="00156FB3" w:rsidRDefault="00156FB3" w:rsidP="00156FB3">
            <w:r>
              <w:t xml:space="preserve">    content: "\e049";</w:t>
            </w:r>
          </w:p>
          <w:p w:rsidR="00156FB3" w:rsidRDefault="00156FB3" w:rsidP="00156FB3">
            <w:r>
              <w:t>}</w:t>
            </w:r>
          </w:p>
          <w:p w:rsidR="00156FB3" w:rsidRDefault="00156FB3" w:rsidP="00156FB3"/>
          <w:p w:rsidR="00156FB3" w:rsidRDefault="00156FB3" w:rsidP="00156FB3">
            <w:r>
              <w:t>.icon-bubbles:before {</w:t>
            </w:r>
          </w:p>
          <w:p w:rsidR="00156FB3" w:rsidRDefault="00156FB3" w:rsidP="00156FB3">
            <w:r>
              <w:t xml:space="preserve">    content: "\e04a";</w:t>
            </w:r>
          </w:p>
          <w:p w:rsidR="00156FB3" w:rsidRDefault="00156FB3" w:rsidP="00156FB3">
            <w:r>
              <w:t>}</w:t>
            </w:r>
          </w:p>
          <w:p w:rsidR="00156FB3" w:rsidRDefault="00156FB3" w:rsidP="00156FB3"/>
          <w:p w:rsidR="00156FB3" w:rsidRDefault="00156FB3" w:rsidP="00156FB3">
            <w:r>
              <w:t>.icon-briefcase:before {</w:t>
            </w:r>
          </w:p>
          <w:p w:rsidR="00156FB3" w:rsidRDefault="00156FB3" w:rsidP="00156FB3">
            <w:r>
              <w:t xml:space="preserve">    content: "\e04b";</w:t>
            </w:r>
          </w:p>
          <w:p w:rsidR="00156FB3" w:rsidRDefault="00156FB3" w:rsidP="00156FB3">
            <w:r>
              <w:t>}</w:t>
            </w:r>
          </w:p>
          <w:p w:rsidR="00156FB3" w:rsidRDefault="00156FB3" w:rsidP="00156FB3"/>
          <w:p w:rsidR="00156FB3" w:rsidRDefault="00156FB3" w:rsidP="00156FB3">
            <w:r>
              <w:t>.icon-book-open:before {</w:t>
            </w:r>
          </w:p>
          <w:p w:rsidR="00156FB3" w:rsidRDefault="00156FB3" w:rsidP="00156FB3">
            <w:r>
              <w:t xml:space="preserve">    content: "\e04c";</w:t>
            </w:r>
          </w:p>
          <w:p w:rsidR="00156FB3" w:rsidRDefault="00156FB3" w:rsidP="00156FB3">
            <w:r>
              <w:t>}</w:t>
            </w:r>
          </w:p>
          <w:p w:rsidR="00156FB3" w:rsidRDefault="00156FB3" w:rsidP="00156FB3"/>
          <w:p w:rsidR="00156FB3" w:rsidRDefault="00156FB3" w:rsidP="00156FB3">
            <w:r>
              <w:t>.icon-basket-loaded:before {</w:t>
            </w:r>
          </w:p>
          <w:p w:rsidR="00156FB3" w:rsidRDefault="00156FB3" w:rsidP="00156FB3">
            <w:r>
              <w:t xml:space="preserve">    content: "\e04d";</w:t>
            </w:r>
          </w:p>
          <w:p w:rsidR="00156FB3" w:rsidRDefault="00156FB3" w:rsidP="00156FB3">
            <w:r>
              <w:t>}</w:t>
            </w:r>
          </w:p>
          <w:p w:rsidR="00156FB3" w:rsidRDefault="00156FB3" w:rsidP="00156FB3"/>
          <w:p w:rsidR="00156FB3" w:rsidRDefault="00156FB3" w:rsidP="00156FB3">
            <w:r>
              <w:t>.icon-basket:before {</w:t>
            </w:r>
          </w:p>
          <w:p w:rsidR="00156FB3" w:rsidRDefault="00156FB3" w:rsidP="00156FB3">
            <w:r>
              <w:t xml:space="preserve">    content: "\e04e";</w:t>
            </w:r>
          </w:p>
          <w:p w:rsidR="00156FB3" w:rsidRDefault="00156FB3" w:rsidP="00156FB3">
            <w:r>
              <w:t>}</w:t>
            </w:r>
          </w:p>
          <w:p w:rsidR="00156FB3" w:rsidRDefault="00156FB3" w:rsidP="00156FB3"/>
          <w:p w:rsidR="00156FB3" w:rsidRDefault="00156FB3" w:rsidP="00156FB3">
            <w:r>
              <w:t>.icon-bag:before {</w:t>
            </w:r>
          </w:p>
          <w:p w:rsidR="00156FB3" w:rsidRDefault="00156FB3" w:rsidP="00156FB3">
            <w:r>
              <w:t xml:space="preserve">    content: "\e04f";</w:t>
            </w:r>
          </w:p>
          <w:p w:rsidR="00156FB3" w:rsidRDefault="00156FB3" w:rsidP="00156FB3">
            <w:r>
              <w:t>}</w:t>
            </w:r>
          </w:p>
          <w:p w:rsidR="00156FB3" w:rsidRDefault="00156FB3" w:rsidP="00156FB3"/>
          <w:p w:rsidR="00156FB3" w:rsidRDefault="00156FB3" w:rsidP="00156FB3">
            <w:r>
              <w:t>.icon-action-undo:before {</w:t>
            </w:r>
          </w:p>
          <w:p w:rsidR="00156FB3" w:rsidRDefault="00156FB3" w:rsidP="00156FB3">
            <w:r>
              <w:t xml:space="preserve">    content: "\e050";</w:t>
            </w:r>
          </w:p>
          <w:p w:rsidR="00156FB3" w:rsidRDefault="00156FB3" w:rsidP="00156FB3">
            <w:r>
              <w:t>}</w:t>
            </w:r>
          </w:p>
          <w:p w:rsidR="00156FB3" w:rsidRDefault="00156FB3" w:rsidP="00156FB3"/>
          <w:p w:rsidR="00156FB3" w:rsidRDefault="00156FB3" w:rsidP="00156FB3">
            <w:r>
              <w:t>.icon-action-redo:before {</w:t>
            </w:r>
          </w:p>
          <w:p w:rsidR="00156FB3" w:rsidRDefault="00156FB3" w:rsidP="00156FB3">
            <w:r>
              <w:t xml:space="preserve">    content: "\e051";</w:t>
            </w:r>
          </w:p>
          <w:p w:rsidR="00156FB3" w:rsidRDefault="00156FB3" w:rsidP="00156FB3">
            <w:r>
              <w:t>}</w:t>
            </w:r>
          </w:p>
          <w:p w:rsidR="00156FB3" w:rsidRDefault="00156FB3" w:rsidP="00156FB3"/>
          <w:p w:rsidR="00156FB3" w:rsidRDefault="00156FB3" w:rsidP="00156FB3">
            <w:r>
              <w:t>.icon-wrench:before {</w:t>
            </w:r>
          </w:p>
          <w:p w:rsidR="00156FB3" w:rsidRDefault="00156FB3" w:rsidP="00156FB3">
            <w:r>
              <w:t xml:space="preserve">    content: "\e052";</w:t>
            </w:r>
          </w:p>
          <w:p w:rsidR="00156FB3" w:rsidRDefault="00156FB3" w:rsidP="00156FB3">
            <w:r>
              <w:t>}</w:t>
            </w:r>
          </w:p>
          <w:p w:rsidR="00156FB3" w:rsidRDefault="00156FB3" w:rsidP="00156FB3"/>
          <w:p w:rsidR="00156FB3" w:rsidRDefault="00156FB3" w:rsidP="00156FB3">
            <w:r>
              <w:t>.icon-umbrella:before {</w:t>
            </w:r>
          </w:p>
          <w:p w:rsidR="00156FB3" w:rsidRDefault="00156FB3" w:rsidP="00156FB3">
            <w:r>
              <w:t xml:space="preserve">    content: "\e053";</w:t>
            </w:r>
          </w:p>
          <w:p w:rsidR="00156FB3" w:rsidRDefault="00156FB3" w:rsidP="00156FB3">
            <w:r>
              <w:t>}</w:t>
            </w:r>
          </w:p>
          <w:p w:rsidR="00156FB3" w:rsidRDefault="00156FB3" w:rsidP="00156FB3"/>
          <w:p w:rsidR="00156FB3" w:rsidRDefault="00156FB3" w:rsidP="00156FB3">
            <w:r>
              <w:t>.icon-trash:before {</w:t>
            </w:r>
          </w:p>
          <w:p w:rsidR="00156FB3" w:rsidRDefault="00156FB3" w:rsidP="00156FB3">
            <w:r>
              <w:t xml:space="preserve">    content: "\e054";</w:t>
            </w:r>
          </w:p>
          <w:p w:rsidR="00156FB3" w:rsidRDefault="00156FB3" w:rsidP="00156FB3">
            <w:r>
              <w:t>}</w:t>
            </w:r>
          </w:p>
          <w:p w:rsidR="00156FB3" w:rsidRDefault="00156FB3" w:rsidP="00156FB3"/>
          <w:p w:rsidR="00156FB3" w:rsidRDefault="00156FB3" w:rsidP="00156FB3">
            <w:r>
              <w:t>.icon-tag:before {</w:t>
            </w:r>
          </w:p>
          <w:p w:rsidR="00156FB3" w:rsidRDefault="00156FB3" w:rsidP="00156FB3">
            <w:r>
              <w:t xml:space="preserve">    content: "\e055";</w:t>
            </w:r>
          </w:p>
          <w:p w:rsidR="00156FB3" w:rsidRDefault="00156FB3" w:rsidP="00156FB3">
            <w:r>
              <w:t>}</w:t>
            </w:r>
          </w:p>
          <w:p w:rsidR="00156FB3" w:rsidRDefault="00156FB3" w:rsidP="00156FB3"/>
          <w:p w:rsidR="00156FB3" w:rsidRDefault="00156FB3" w:rsidP="00156FB3">
            <w:r>
              <w:t>.icon-support:before {</w:t>
            </w:r>
          </w:p>
          <w:p w:rsidR="00156FB3" w:rsidRDefault="00156FB3" w:rsidP="00156FB3">
            <w:r>
              <w:t xml:space="preserve">    content: "\e056";</w:t>
            </w:r>
          </w:p>
          <w:p w:rsidR="00156FB3" w:rsidRDefault="00156FB3" w:rsidP="00156FB3">
            <w:r>
              <w:t>}</w:t>
            </w:r>
          </w:p>
          <w:p w:rsidR="00156FB3" w:rsidRDefault="00156FB3" w:rsidP="00156FB3"/>
          <w:p w:rsidR="00156FB3" w:rsidRDefault="00156FB3" w:rsidP="00156FB3">
            <w:r>
              <w:t>.icon-size-fullscreen:before {</w:t>
            </w:r>
          </w:p>
          <w:p w:rsidR="00156FB3" w:rsidRDefault="00156FB3" w:rsidP="00156FB3">
            <w:r>
              <w:t xml:space="preserve">    content: "\e057";</w:t>
            </w:r>
          </w:p>
          <w:p w:rsidR="00156FB3" w:rsidRDefault="00156FB3" w:rsidP="00156FB3">
            <w:r>
              <w:t>}</w:t>
            </w:r>
          </w:p>
          <w:p w:rsidR="00156FB3" w:rsidRDefault="00156FB3" w:rsidP="00156FB3"/>
          <w:p w:rsidR="00156FB3" w:rsidRDefault="00156FB3" w:rsidP="00156FB3">
            <w:r>
              <w:t>.icon-size-actual:before {</w:t>
            </w:r>
          </w:p>
          <w:p w:rsidR="00156FB3" w:rsidRDefault="00156FB3" w:rsidP="00156FB3">
            <w:r>
              <w:t xml:space="preserve">    content: "\e058";</w:t>
            </w:r>
          </w:p>
          <w:p w:rsidR="00156FB3" w:rsidRDefault="00156FB3" w:rsidP="00156FB3">
            <w:r>
              <w:t>}</w:t>
            </w:r>
          </w:p>
          <w:p w:rsidR="00156FB3" w:rsidRDefault="00156FB3" w:rsidP="00156FB3"/>
          <w:p w:rsidR="00156FB3" w:rsidRDefault="00156FB3" w:rsidP="00156FB3">
            <w:r>
              <w:t>.icon-shuffle:before {</w:t>
            </w:r>
          </w:p>
          <w:p w:rsidR="00156FB3" w:rsidRDefault="00156FB3" w:rsidP="00156FB3">
            <w:r>
              <w:t xml:space="preserve">    content: "\e059";</w:t>
            </w:r>
          </w:p>
          <w:p w:rsidR="00156FB3" w:rsidRDefault="00156FB3" w:rsidP="00156FB3">
            <w:r>
              <w:t>}</w:t>
            </w:r>
          </w:p>
          <w:p w:rsidR="00156FB3" w:rsidRDefault="00156FB3" w:rsidP="00156FB3"/>
          <w:p w:rsidR="00156FB3" w:rsidRDefault="00156FB3" w:rsidP="00156FB3">
            <w:r>
              <w:t>.icon-share-alt:before {</w:t>
            </w:r>
          </w:p>
          <w:p w:rsidR="00156FB3" w:rsidRDefault="00156FB3" w:rsidP="00156FB3">
            <w:r>
              <w:t xml:space="preserve">    content: "\e05a";</w:t>
            </w:r>
          </w:p>
          <w:p w:rsidR="00156FB3" w:rsidRDefault="00156FB3" w:rsidP="00156FB3">
            <w:r>
              <w:t>}</w:t>
            </w:r>
          </w:p>
          <w:p w:rsidR="00156FB3" w:rsidRDefault="00156FB3" w:rsidP="00156FB3"/>
          <w:p w:rsidR="00156FB3" w:rsidRDefault="00156FB3" w:rsidP="00156FB3">
            <w:r>
              <w:t>.icon-share:before {</w:t>
            </w:r>
          </w:p>
          <w:p w:rsidR="00156FB3" w:rsidRDefault="00156FB3" w:rsidP="00156FB3">
            <w:r>
              <w:t xml:space="preserve">    content: "\e05b";</w:t>
            </w:r>
          </w:p>
          <w:p w:rsidR="00156FB3" w:rsidRDefault="00156FB3" w:rsidP="00156FB3">
            <w:r>
              <w:t>}</w:t>
            </w:r>
          </w:p>
          <w:p w:rsidR="00156FB3" w:rsidRDefault="00156FB3" w:rsidP="00156FB3"/>
          <w:p w:rsidR="00156FB3" w:rsidRDefault="00156FB3" w:rsidP="00156FB3">
            <w:r>
              <w:t>.icon-rocket:before {</w:t>
            </w:r>
          </w:p>
          <w:p w:rsidR="00156FB3" w:rsidRDefault="00156FB3" w:rsidP="00156FB3">
            <w:r>
              <w:t xml:space="preserve">    content: "\e05c";</w:t>
            </w:r>
          </w:p>
          <w:p w:rsidR="00156FB3" w:rsidRDefault="00156FB3" w:rsidP="00156FB3">
            <w:r>
              <w:t>}</w:t>
            </w:r>
          </w:p>
          <w:p w:rsidR="00156FB3" w:rsidRDefault="00156FB3" w:rsidP="00156FB3"/>
          <w:p w:rsidR="00156FB3" w:rsidRDefault="00156FB3" w:rsidP="00156FB3">
            <w:r>
              <w:t>.icon-question:before {</w:t>
            </w:r>
          </w:p>
          <w:p w:rsidR="00156FB3" w:rsidRDefault="00156FB3" w:rsidP="00156FB3">
            <w:r>
              <w:t xml:space="preserve">    content: "\e05d";</w:t>
            </w:r>
          </w:p>
          <w:p w:rsidR="00156FB3" w:rsidRDefault="00156FB3" w:rsidP="00156FB3">
            <w:r>
              <w:t>}</w:t>
            </w:r>
          </w:p>
          <w:p w:rsidR="00156FB3" w:rsidRDefault="00156FB3" w:rsidP="00156FB3"/>
          <w:p w:rsidR="00156FB3" w:rsidRDefault="00156FB3" w:rsidP="00156FB3">
            <w:r>
              <w:t>.icon-pie-chart:before {</w:t>
            </w:r>
          </w:p>
          <w:p w:rsidR="00156FB3" w:rsidRDefault="00156FB3" w:rsidP="00156FB3">
            <w:r>
              <w:t xml:space="preserve">    content: "\e05e";</w:t>
            </w:r>
          </w:p>
          <w:p w:rsidR="00156FB3" w:rsidRDefault="00156FB3" w:rsidP="00156FB3">
            <w:r>
              <w:t>}</w:t>
            </w:r>
          </w:p>
          <w:p w:rsidR="00156FB3" w:rsidRDefault="00156FB3" w:rsidP="00156FB3"/>
          <w:p w:rsidR="00156FB3" w:rsidRDefault="00156FB3" w:rsidP="00156FB3">
            <w:r>
              <w:t>.icon-pencil:before {</w:t>
            </w:r>
          </w:p>
          <w:p w:rsidR="00156FB3" w:rsidRDefault="00156FB3" w:rsidP="00156FB3">
            <w:r>
              <w:t xml:space="preserve">    content: "\e05f";</w:t>
            </w:r>
          </w:p>
          <w:p w:rsidR="00156FB3" w:rsidRDefault="00156FB3" w:rsidP="00156FB3">
            <w:r>
              <w:t>}</w:t>
            </w:r>
          </w:p>
          <w:p w:rsidR="00156FB3" w:rsidRDefault="00156FB3" w:rsidP="00156FB3"/>
          <w:p w:rsidR="00156FB3" w:rsidRDefault="00156FB3" w:rsidP="00156FB3">
            <w:r>
              <w:t>.icon-note:before {</w:t>
            </w:r>
          </w:p>
          <w:p w:rsidR="00156FB3" w:rsidRDefault="00156FB3" w:rsidP="00156FB3">
            <w:r>
              <w:t xml:space="preserve">    content: "\e060";</w:t>
            </w:r>
          </w:p>
          <w:p w:rsidR="00156FB3" w:rsidRDefault="00156FB3" w:rsidP="00156FB3">
            <w:r>
              <w:t>}</w:t>
            </w:r>
          </w:p>
          <w:p w:rsidR="00156FB3" w:rsidRDefault="00156FB3" w:rsidP="00156FB3"/>
          <w:p w:rsidR="00156FB3" w:rsidRDefault="00156FB3" w:rsidP="00156FB3">
            <w:r>
              <w:t>.icon-music-tone-alt:before {</w:t>
            </w:r>
          </w:p>
          <w:p w:rsidR="00156FB3" w:rsidRDefault="00156FB3" w:rsidP="00156FB3">
            <w:r>
              <w:t xml:space="preserve">    content: "\e061";</w:t>
            </w:r>
          </w:p>
          <w:p w:rsidR="00156FB3" w:rsidRDefault="00156FB3" w:rsidP="00156FB3">
            <w:r>
              <w:t>}</w:t>
            </w:r>
          </w:p>
          <w:p w:rsidR="00156FB3" w:rsidRDefault="00156FB3" w:rsidP="00156FB3"/>
          <w:p w:rsidR="00156FB3" w:rsidRDefault="00156FB3" w:rsidP="00156FB3">
            <w:r>
              <w:t>.icon-music-tone:before {</w:t>
            </w:r>
          </w:p>
          <w:p w:rsidR="00156FB3" w:rsidRDefault="00156FB3" w:rsidP="00156FB3">
            <w:r>
              <w:t xml:space="preserve">    content: "\e062";</w:t>
            </w:r>
          </w:p>
          <w:p w:rsidR="00156FB3" w:rsidRDefault="00156FB3" w:rsidP="00156FB3">
            <w:r>
              <w:t>}</w:t>
            </w:r>
          </w:p>
          <w:p w:rsidR="00156FB3" w:rsidRDefault="00156FB3" w:rsidP="00156FB3"/>
          <w:p w:rsidR="00156FB3" w:rsidRDefault="00156FB3" w:rsidP="00156FB3">
            <w:r>
              <w:t>.icon-microphone:before {</w:t>
            </w:r>
          </w:p>
          <w:p w:rsidR="00156FB3" w:rsidRDefault="00156FB3" w:rsidP="00156FB3">
            <w:r>
              <w:t xml:space="preserve">    content: "\e063";</w:t>
            </w:r>
          </w:p>
          <w:p w:rsidR="00156FB3" w:rsidRDefault="00156FB3" w:rsidP="00156FB3">
            <w:r>
              <w:t>}</w:t>
            </w:r>
          </w:p>
          <w:p w:rsidR="00156FB3" w:rsidRDefault="00156FB3" w:rsidP="00156FB3"/>
          <w:p w:rsidR="00156FB3" w:rsidRDefault="00156FB3" w:rsidP="00156FB3">
            <w:r>
              <w:t>.icon-loop:before {</w:t>
            </w:r>
          </w:p>
          <w:p w:rsidR="00156FB3" w:rsidRDefault="00156FB3" w:rsidP="00156FB3">
            <w:r>
              <w:t xml:space="preserve">    content: "\e064";</w:t>
            </w:r>
          </w:p>
          <w:p w:rsidR="00156FB3" w:rsidRDefault="00156FB3" w:rsidP="00156FB3">
            <w:r>
              <w:t>}</w:t>
            </w:r>
          </w:p>
          <w:p w:rsidR="00156FB3" w:rsidRDefault="00156FB3" w:rsidP="00156FB3"/>
          <w:p w:rsidR="00156FB3" w:rsidRDefault="00156FB3" w:rsidP="00156FB3">
            <w:r>
              <w:t>.icon-logout:before {</w:t>
            </w:r>
          </w:p>
          <w:p w:rsidR="00156FB3" w:rsidRDefault="00156FB3" w:rsidP="00156FB3">
            <w:r>
              <w:t xml:space="preserve">    content: "\e065";</w:t>
            </w:r>
          </w:p>
          <w:p w:rsidR="00156FB3" w:rsidRDefault="00156FB3" w:rsidP="00156FB3">
            <w:r>
              <w:t>}</w:t>
            </w:r>
          </w:p>
          <w:p w:rsidR="00156FB3" w:rsidRDefault="00156FB3" w:rsidP="00156FB3"/>
          <w:p w:rsidR="00156FB3" w:rsidRDefault="00156FB3" w:rsidP="00156FB3">
            <w:r>
              <w:t>.icon-login:before {</w:t>
            </w:r>
          </w:p>
          <w:p w:rsidR="00156FB3" w:rsidRDefault="00156FB3" w:rsidP="00156FB3">
            <w:r>
              <w:t xml:space="preserve">    content: "\e066";</w:t>
            </w:r>
          </w:p>
          <w:p w:rsidR="00156FB3" w:rsidRDefault="00156FB3" w:rsidP="00156FB3">
            <w:r>
              <w:t>}</w:t>
            </w:r>
          </w:p>
          <w:p w:rsidR="00156FB3" w:rsidRDefault="00156FB3" w:rsidP="00156FB3"/>
          <w:p w:rsidR="00156FB3" w:rsidRDefault="00156FB3" w:rsidP="00156FB3">
            <w:r>
              <w:t>.icon-list:before {</w:t>
            </w:r>
          </w:p>
          <w:p w:rsidR="00156FB3" w:rsidRDefault="00156FB3" w:rsidP="00156FB3">
            <w:r>
              <w:t xml:space="preserve">    content: "\e067";</w:t>
            </w:r>
          </w:p>
          <w:p w:rsidR="00156FB3" w:rsidRDefault="00156FB3" w:rsidP="00156FB3">
            <w:r>
              <w:t>}</w:t>
            </w:r>
          </w:p>
          <w:p w:rsidR="00156FB3" w:rsidRDefault="00156FB3" w:rsidP="00156FB3"/>
          <w:p w:rsidR="00156FB3" w:rsidRDefault="00156FB3" w:rsidP="00156FB3">
            <w:r>
              <w:t>.icon-like:before {</w:t>
            </w:r>
          </w:p>
          <w:p w:rsidR="00156FB3" w:rsidRDefault="00156FB3" w:rsidP="00156FB3">
            <w:r>
              <w:t xml:space="preserve">    content: "\e068";</w:t>
            </w:r>
          </w:p>
          <w:p w:rsidR="00156FB3" w:rsidRDefault="00156FB3" w:rsidP="00156FB3">
            <w:r>
              <w:t>}</w:t>
            </w:r>
          </w:p>
          <w:p w:rsidR="00156FB3" w:rsidRDefault="00156FB3" w:rsidP="00156FB3"/>
          <w:p w:rsidR="00156FB3" w:rsidRDefault="00156FB3" w:rsidP="00156FB3">
            <w:r>
              <w:t>.icon-home:before {</w:t>
            </w:r>
          </w:p>
          <w:p w:rsidR="00156FB3" w:rsidRDefault="00156FB3" w:rsidP="00156FB3">
            <w:r>
              <w:t xml:space="preserve">    content: "\e069";</w:t>
            </w:r>
          </w:p>
          <w:p w:rsidR="00156FB3" w:rsidRDefault="00156FB3" w:rsidP="00156FB3">
            <w:r>
              <w:t>}</w:t>
            </w:r>
          </w:p>
          <w:p w:rsidR="00156FB3" w:rsidRDefault="00156FB3" w:rsidP="00156FB3"/>
          <w:p w:rsidR="00156FB3" w:rsidRDefault="00156FB3" w:rsidP="00156FB3">
            <w:r>
              <w:t>.icon-grid:before {</w:t>
            </w:r>
          </w:p>
          <w:p w:rsidR="00156FB3" w:rsidRDefault="00156FB3" w:rsidP="00156FB3">
            <w:r>
              <w:t xml:space="preserve">    content: "\e06a";</w:t>
            </w:r>
          </w:p>
          <w:p w:rsidR="00156FB3" w:rsidRDefault="00156FB3" w:rsidP="00156FB3">
            <w:r>
              <w:t>}</w:t>
            </w:r>
          </w:p>
          <w:p w:rsidR="00156FB3" w:rsidRDefault="00156FB3" w:rsidP="00156FB3"/>
          <w:p w:rsidR="00156FB3" w:rsidRDefault="00156FB3" w:rsidP="00156FB3">
            <w:r>
              <w:t>.icon-graph:before {</w:t>
            </w:r>
          </w:p>
          <w:p w:rsidR="00156FB3" w:rsidRDefault="00156FB3" w:rsidP="00156FB3">
            <w:r>
              <w:t xml:space="preserve">    content: "\e06b";</w:t>
            </w:r>
          </w:p>
          <w:p w:rsidR="00156FB3" w:rsidRDefault="00156FB3" w:rsidP="00156FB3">
            <w:r>
              <w:t>}</w:t>
            </w:r>
          </w:p>
          <w:p w:rsidR="00156FB3" w:rsidRDefault="00156FB3" w:rsidP="00156FB3"/>
          <w:p w:rsidR="00156FB3" w:rsidRDefault="00156FB3" w:rsidP="00156FB3">
            <w:r>
              <w:t>.icon-equalizer:before {</w:t>
            </w:r>
          </w:p>
          <w:p w:rsidR="00156FB3" w:rsidRDefault="00156FB3" w:rsidP="00156FB3">
            <w:r>
              <w:t xml:space="preserve">    content: "\e06c";</w:t>
            </w:r>
          </w:p>
          <w:p w:rsidR="00156FB3" w:rsidRDefault="00156FB3" w:rsidP="00156FB3">
            <w:r>
              <w:t>}</w:t>
            </w:r>
          </w:p>
          <w:p w:rsidR="00156FB3" w:rsidRDefault="00156FB3" w:rsidP="00156FB3"/>
          <w:p w:rsidR="00156FB3" w:rsidRDefault="00156FB3" w:rsidP="00156FB3">
            <w:r>
              <w:t>.icon-dislike:before {</w:t>
            </w:r>
          </w:p>
          <w:p w:rsidR="00156FB3" w:rsidRDefault="00156FB3" w:rsidP="00156FB3">
            <w:r>
              <w:t xml:space="preserve">    content: "\e06d";</w:t>
            </w:r>
          </w:p>
          <w:p w:rsidR="00156FB3" w:rsidRDefault="00156FB3" w:rsidP="00156FB3">
            <w:r>
              <w:t>}</w:t>
            </w:r>
          </w:p>
          <w:p w:rsidR="00156FB3" w:rsidRDefault="00156FB3" w:rsidP="00156FB3"/>
          <w:p w:rsidR="00156FB3" w:rsidRDefault="00156FB3" w:rsidP="00156FB3">
            <w:r>
              <w:t>.icon-cursor:before {</w:t>
            </w:r>
          </w:p>
          <w:p w:rsidR="00156FB3" w:rsidRDefault="00156FB3" w:rsidP="00156FB3">
            <w:r>
              <w:t xml:space="preserve">    content: "\e06e";</w:t>
            </w:r>
          </w:p>
          <w:p w:rsidR="00156FB3" w:rsidRDefault="00156FB3" w:rsidP="00156FB3">
            <w:r>
              <w:t>}</w:t>
            </w:r>
          </w:p>
          <w:p w:rsidR="00156FB3" w:rsidRDefault="00156FB3" w:rsidP="00156FB3"/>
          <w:p w:rsidR="00156FB3" w:rsidRDefault="00156FB3" w:rsidP="00156FB3">
            <w:r>
              <w:t>.icon-control-start:before {</w:t>
            </w:r>
          </w:p>
          <w:p w:rsidR="00156FB3" w:rsidRDefault="00156FB3" w:rsidP="00156FB3">
            <w:r>
              <w:t xml:space="preserve">    content: "\e06f";</w:t>
            </w:r>
          </w:p>
          <w:p w:rsidR="00156FB3" w:rsidRDefault="00156FB3" w:rsidP="00156FB3">
            <w:r>
              <w:t>}</w:t>
            </w:r>
          </w:p>
          <w:p w:rsidR="00156FB3" w:rsidRDefault="00156FB3" w:rsidP="00156FB3"/>
          <w:p w:rsidR="00156FB3" w:rsidRDefault="00156FB3" w:rsidP="00156FB3">
            <w:r>
              <w:t>.icon-control-rewind:before {</w:t>
            </w:r>
          </w:p>
          <w:p w:rsidR="00156FB3" w:rsidRDefault="00156FB3" w:rsidP="00156FB3">
            <w:r>
              <w:t xml:space="preserve">    content: "\e070";</w:t>
            </w:r>
          </w:p>
          <w:p w:rsidR="00156FB3" w:rsidRDefault="00156FB3" w:rsidP="00156FB3">
            <w:r>
              <w:t>}</w:t>
            </w:r>
          </w:p>
          <w:p w:rsidR="00156FB3" w:rsidRDefault="00156FB3" w:rsidP="00156FB3"/>
          <w:p w:rsidR="00156FB3" w:rsidRDefault="00156FB3" w:rsidP="00156FB3">
            <w:r>
              <w:t>.icon-control-play:before {</w:t>
            </w:r>
          </w:p>
          <w:p w:rsidR="00156FB3" w:rsidRDefault="00156FB3" w:rsidP="00156FB3">
            <w:r>
              <w:t xml:space="preserve">    content: "\e071";</w:t>
            </w:r>
          </w:p>
          <w:p w:rsidR="00156FB3" w:rsidRDefault="00156FB3" w:rsidP="00156FB3">
            <w:r>
              <w:t>}</w:t>
            </w:r>
          </w:p>
          <w:p w:rsidR="00156FB3" w:rsidRDefault="00156FB3" w:rsidP="00156FB3"/>
          <w:p w:rsidR="00156FB3" w:rsidRDefault="00156FB3" w:rsidP="00156FB3">
            <w:r>
              <w:t>.icon-control-pause:before {</w:t>
            </w:r>
          </w:p>
          <w:p w:rsidR="00156FB3" w:rsidRDefault="00156FB3" w:rsidP="00156FB3">
            <w:r>
              <w:t xml:space="preserve">    content: "\e072";</w:t>
            </w:r>
          </w:p>
          <w:p w:rsidR="00156FB3" w:rsidRDefault="00156FB3" w:rsidP="00156FB3">
            <w:r>
              <w:t>}</w:t>
            </w:r>
          </w:p>
          <w:p w:rsidR="00156FB3" w:rsidRDefault="00156FB3" w:rsidP="00156FB3"/>
          <w:p w:rsidR="00156FB3" w:rsidRDefault="00156FB3" w:rsidP="00156FB3">
            <w:r>
              <w:t>.icon-control-forward:before {</w:t>
            </w:r>
          </w:p>
          <w:p w:rsidR="00156FB3" w:rsidRDefault="00156FB3" w:rsidP="00156FB3">
            <w:r>
              <w:t xml:space="preserve">    content: "\e073";</w:t>
            </w:r>
          </w:p>
          <w:p w:rsidR="00156FB3" w:rsidRDefault="00156FB3" w:rsidP="00156FB3">
            <w:r>
              <w:t>}</w:t>
            </w:r>
          </w:p>
          <w:p w:rsidR="00156FB3" w:rsidRDefault="00156FB3" w:rsidP="00156FB3"/>
          <w:p w:rsidR="00156FB3" w:rsidRDefault="00156FB3" w:rsidP="00156FB3">
            <w:r>
              <w:t>.icon-control-end:before {</w:t>
            </w:r>
          </w:p>
          <w:p w:rsidR="00156FB3" w:rsidRDefault="00156FB3" w:rsidP="00156FB3">
            <w:r>
              <w:t xml:space="preserve">    content: "\e074";</w:t>
            </w:r>
          </w:p>
          <w:p w:rsidR="00156FB3" w:rsidRDefault="00156FB3" w:rsidP="00156FB3">
            <w:r>
              <w:t>}</w:t>
            </w:r>
          </w:p>
          <w:p w:rsidR="00156FB3" w:rsidRDefault="00156FB3" w:rsidP="00156FB3"/>
          <w:p w:rsidR="00156FB3" w:rsidRDefault="00156FB3" w:rsidP="00156FB3">
            <w:r>
              <w:t>.icon-calendar:before {</w:t>
            </w:r>
          </w:p>
          <w:p w:rsidR="00156FB3" w:rsidRDefault="00156FB3" w:rsidP="00156FB3">
            <w:r>
              <w:t xml:space="preserve">    content: "\e075";</w:t>
            </w:r>
          </w:p>
          <w:p w:rsidR="00156FB3" w:rsidRDefault="00156FB3" w:rsidP="00156FB3">
            <w:r>
              <w:t>}</w:t>
            </w:r>
          </w:p>
          <w:p w:rsidR="00156FB3" w:rsidRDefault="00156FB3" w:rsidP="00156FB3"/>
          <w:p w:rsidR="00156FB3" w:rsidRDefault="00156FB3" w:rsidP="00156FB3">
            <w:r>
              <w:t>.icon-bulb:before {</w:t>
            </w:r>
          </w:p>
          <w:p w:rsidR="00156FB3" w:rsidRDefault="00156FB3" w:rsidP="00156FB3">
            <w:r>
              <w:t xml:space="preserve">    content: "\e076";</w:t>
            </w:r>
          </w:p>
          <w:p w:rsidR="00156FB3" w:rsidRDefault="00156FB3" w:rsidP="00156FB3">
            <w:r>
              <w:t>}</w:t>
            </w:r>
          </w:p>
          <w:p w:rsidR="00156FB3" w:rsidRDefault="00156FB3" w:rsidP="00156FB3"/>
          <w:p w:rsidR="00156FB3" w:rsidRDefault="00156FB3" w:rsidP="00156FB3">
            <w:r>
              <w:t>.icon-bar-chart:before {</w:t>
            </w:r>
          </w:p>
          <w:p w:rsidR="00156FB3" w:rsidRDefault="00156FB3" w:rsidP="00156FB3">
            <w:r>
              <w:t xml:space="preserve">    content: "\e077";</w:t>
            </w:r>
          </w:p>
          <w:p w:rsidR="00156FB3" w:rsidRDefault="00156FB3" w:rsidP="00156FB3">
            <w:r>
              <w:t>}</w:t>
            </w:r>
          </w:p>
          <w:p w:rsidR="00156FB3" w:rsidRDefault="00156FB3" w:rsidP="00156FB3"/>
          <w:p w:rsidR="00156FB3" w:rsidRDefault="00156FB3" w:rsidP="00156FB3">
            <w:r>
              <w:t>.icon-arrow-up:before {</w:t>
            </w:r>
          </w:p>
          <w:p w:rsidR="00156FB3" w:rsidRDefault="00156FB3" w:rsidP="00156FB3">
            <w:r>
              <w:t xml:space="preserve">    content: "\e078";</w:t>
            </w:r>
          </w:p>
          <w:p w:rsidR="00156FB3" w:rsidRDefault="00156FB3" w:rsidP="00156FB3">
            <w:r>
              <w:t>}</w:t>
            </w:r>
          </w:p>
          <w:p w:rsidR="00156FB3" w:rsidRDefault="00156FB3" w:rsidP="00156FB3"/>
          <w:p w:rsidR="00156FB3" w:rsidRDefault="00156FB3" w:rsidP="00156FB3">
            <w:r>
              <w:t>.icon-arrow-right:before {</w:t>
            </w:r>
          </w:p>
          <w:p w:rsidR="00156FB3" w:rsidRDefault="00156FB3" w:rsidP="00156FB3">
            <w:r>
              <w:t xml:space="preserve">    content: "\e079";</w:t>
            </w:r>
          </w:p>
          <w:p w:rsidR="00156FB3" w:rsidRDefault="00156FB3" w:rsidP="00156FB3">
            <w:r>
              <w:t>}</w:t>
            </w:r>
          </w:p>
          <w:p w:rsidR="00156FB3" w:rsidRDefault="00156FB3" w:rsidP="00156FB3"/>
          <w:p w:rsidR="00156FB3" w:rsidRDefault="00156FB3" w:rsidP="00156FB3">
            <w:r>
              <w:t>.icon-arrow-left:before {</w:t>
            </w:r>
          </w:p>
          <w:p w:rsidR="00156FB3" w:rsidRDefault="00156FB3" w:rsidP="00156FB3">
            <w:r>
              <w:t xml:space="preserve">    content: "\e07a";</w:t>
            </w:r>
          </w:p>
          <w:p w:rsidR="00156FB3" w:rsidRDefault="00156FB3" w:rsidP="00156FB3">
            <w:r>
              <w:t>}</w:t>
            </w:r>
          </w:p>
          <w:p w:rsidR="00156FB3" w:rsidRDefault="00156FB3" w:rsidP="00156FB3"/>
          <w:p w:rsidR="00156FB3" w:rsidRDefault="00156FB3" w:rsidP="00156FB3">
            <w:r>
              <w:t>.icon-arrow-down:before {</w:t>
            </w:r>
          </w:p>
          <w:p w:rsidR="00156FB3" w:rsidRDefault="00156FB3" w:rsidP="00156FB3">
            <w:r>
              <w:t xml:space="preserve">    content: "\e07b";</w:t>
            </w:r>
          </w:p>
          <w:p w:rsidR="00156FB3" w:rsidRDefault="00156FB3" w:rsidP="00156FB3">
            <w:r>
              <w:t>}</w:t>
            </w:r>
          </w:p>
          <w:p w:rsidR="00156FB3" w:rsidRDefault="00156FB3" w:rsidP="00156FB3"/>
          <w:p w:rsidR="00156FB3" w:rsidRDefault="00156FB3" w:rsidP="00156FB3">
            <w:r>
              <w:t>.icon-ban:before {</w:t>
            </w:r>
          </w:p>
          <w:p w:rsidR="00156FB3" w:rsidRDefault="00156FB3" w:rsidP="00156FB3">
            <w:r>
              <w:t xml:space="preserve">    content: "\e07c";</w:t>
            </w:r>
          </w:p>
          <w:p w:rsidR="00156FB3" w:rsidRDefault="00156FB3" w:rsidP="00156FB3">
            <w:r>
              <w:t>}</w:t>
            </w:r>
          </w:p>
          <w:p w:rsidR="00156FB3" w:rsidRDefault="00156FB3" w:rsidP="00156FB3"/>
          <w:p w:rsidR="00156FB3" w:rsidRDefault="00156FB3" w:rsidP="00156FB3">
            <w:r>
              <w:t>.icon-bubble:before {</w:t>
            </w:r>
          </w:p>
          <w:p w:rsidR="00156FB3" w:rsidRDefault="00156FB3" w:rsidP="00156FB3">
            <w:r>
              <w:t xml:space="preserve">    content: "\e07d";</w:t>
            </w:r>
          </w:p>
          <w:p w:rsidR="00156FB3" w:rsidRDefault="00156FB3" w:rsidP="00156FB3">
            <w:r>
              <w:t>}</w:t>
            </w:r>
          </w:p>
          <w:p w:rsidR="00156FB3" w:rsidRDefault="00156FB3" w:rsidP="00156FB3"/>
          <w:p w:rsidR="00156FB3" w:rsidRDefault="00156FB3" w:rsidP="00156FB3">
            <w:r>
              <w:t>.icon-camcorder:before {</w:t>
            </w:r>
          </w:p>
          <w:p w:rsidR="00156FB3" w:rsidRDefault="00156FB3" w:rsidP="00156FB3">
            <w:r>
              <w:t xml:space="preserve">    content: "\e07e";</w:t>
            </w:r>
          </w:p>
          <w:p w:rsidR="00156FB3" w:rsidRDefault="00156FB3" w:rsidP="00156FB3">
            <w:r>
              <w:t>}</w:t>
            </w:r>
          </w:p>
          <w:p w:rsidR="00156FB3" w:rsidRDefault="00156FB3" w:rsidP="00156FB3"/>
          <w:p w:rsidR="00156FB3" w:rsidRDefault="00156FB3" w:rsidP="00156FB3">
            <w:r>
              <w:t>.icon-camera:before {</w:t>
            </w:r>
          </w:p>
          <w:p w:rsidR="00156FB3" w:rsidRDefault="00156FB3" w:rsidP="00156FB3">
            <w:r>
              <w:t xml:space="preserve">    content: "\e07f";</w:t>
            </w:r>
          </w:p>
          <w:p w:rsidR="00156FB3" w:rsidRDefault="00156FB3" w:rsidP="00156FB3">
            <w:r>
              <w:t>}</w:t>
            </w:r>
          </w:p>
          <w:p w:rsidR="00156FB3" w:rsidRDefault="00156FB3" w:rsidP="00156FB3"/>
          <w:p w:rsidR="00156FB3" w:rsidRDefault="00156FB3" w:rsidP="00156FB3">
            <w:r>
              <w:t>.icon-check:before {</w:t>
            </w:r>
          </w:p>
          <w:p w:rsidR="00156FB3" w:rsidRDefault="00156FB3" w:rsidP="00156FB3">
            <w:r>
              <w:t xml:space="preserve">    content: "\e080";</w:t>
            </w:r>
          </w:p>
          <w:p w:rsidR="00156FB3" w:rsidRDefault="00156FB3" w:rsidP="00156FB3">
            <w:r>
              <w:t>}</w:t>
            </w:r>
          </w:p>
          <w:p w:rsidR="00156FB3" w:rsidRDefault="00156FB3" w:rsidP="00156FB3"/>
          <w:p w:rsidR="00156FB3" w:rsidRDefault="00156FB3" w:rsidP="00156FB3">
            <w:r>
              <w:t>.icon-clock:before {</w:t>
            </w:r>
          </w:p>
          <w:p w:rsidR="00156FB3" w:rsidRDefault="00156FB3" w:rsidP="00156FB3">
            <w:r>
              <w:t xml:space="preserve">    content: "\e081";</w:t>
            </w:r>
          </w:p>
          <w:p w:rsidR="00156FB3" w:rsidRDefault="00156FB3" w:rsidP="00156FB3">
            <w:r>
              <w:t>}</w:t>
            </w:r>
          </w:p>
          <w:p w:rsidR="00156FB3" w:rsidRDefault="00156FB3" w:rsidP="00156FB3"/>
          <w:p w:rsidR="00156FB3" w:rsidRDefault="00156FB3" w:rsidP="00156FB3">
            <w:r>
              <w:t>.icon-close:before {</w:t>
            </w:r>
          </w:p>
          <w:p w:rsidR="00156FB3" w:rsidRDefault="00156FB3" w:rsidP="00156FB3">
            <w:r>
              <w:t xml:space="preserve">    content: "\e082";</w:t>
            </w:r>
          </w:p>
          <w:p w:rsidR="00156FB3" w:rsidRDefault="00156FB3" w:rsidP="00156FB3">
            <w:r>
              <w:t>}</w:t>
            </w:r>
          </w:p>
          <w:p w:rsidR="00156FB3" w:rsidRDefault="00156FB3" w:rsidP="00156FB3"/>
          <w:p w:rsidR="00156FB3" w:rsidRDefault="00156FB3" w:rsidP="00156FB3">
            <w:r>
              <w:t>.icon-cloud-download:before {</w:t>
            </w:r>
          </w:p>
          <w:p w:rsidR="00156FB3" w:rsidRDefault="00156FB3" w:rsidP="00156FB3">
            <w:r>
              <w:t xml:space="preserve">    content: "\e083";</w:t>
            </w:r>
          </w:p>
          <w:p w:rsidR="00156FB3" w:rsidRDefault="00156FB3" w:rsidP="00156FB3">
            <w:r>
              <w:t>}</w:t>
            </w:r>
          </w:p>
          <w:p w:rsidR="00156FB3" w:rsidRDefault="00156FB3" w:rsidP="00156FB3"/>
          <w:p w:rsidR="00156FB3" w:rsidRDefault="00156FB3" w:rsidP="00156FB3">
            <w:r>
              <w:t>.icon-cloud-upload:before {</w:t>
            </w:r>
          </w:p>
          <w:p w:rsidR="00156FB3" w:rsidRDefault="00156FB3" w:rsidP="00156FB3">
            <w:r>
              <w:t xml:space="preserve">    content: "\e084";</w:t>
            </w:r>
          </w:p>
          <w:p w:rsidR="00156FB3" w:rsidRDefault="00156FB3" w:rsidP="00156FB3">
            <w:r>
              <w:t>}</w:t>
            </w:r>
          </w:p>
          <w:p w:rsidR="00156FB3" w:rsidRDefault="00156FB3" w:rsidP="00156FB3"/>
          <w:p w:rsidR="00156FB3" w:rsidRDefault="00156FB3" w:rsidP="00156FB3">
            <w:r>
              <w:t>.icon-doc:before {</w:t>
            </w:r>
          </w:p>
          <w:p w:rsidR="00156FB3" w:rsidRDefault="00156FB3" w:rsidP="00156FB3">
            <w:r>
              <w:t xml:space="preserve">    content: "\e085";</w:t>
            </w:r>
          </w:p>
          <w:p w:rsidR="00156FB3" w:rsidRDefault="00156FB3" w:rsidP="00156FB3">
            <w:r>
              <w:t>}</w:t>
            </w:r>
          </w:p>
          <w:p w:rsidR="00156FB3" w:rsidRDefault="00156FB3" w:rsidP="00156FB3"/>
          <w:p w:rsidR="00156FB3" w:rsidRDefault="00156FB3" w:rsidP="00156FB3">
            <w:r>
              <w:t>.icon-envelope:before {</w:t>
            </w:r>
          </w:p>
          <w:p w:rsidR="00156FB3" w:rsidRDefault="00156FB3" w:rsidP="00156FB3">
            <w:r>
              <w:t xml:space="preserve">    content: "\e086";</w:t>
            </w:r>
          </w:p>
          <w:p w:rsidR="00156FB3" w:rsidRDefault="00156FB3" w:rsidP="00156FB3">
            <w:r>
              <w:t>}</w:t>
            </w:r>
          </w:p>
          <w:p w:rsidR="00156FB3" w:rsidRDefault="00156FB3" w:rsidP="00156FB3"/>
          <w:p w:rsidR="00156FB3" w:rsidRDefault="00156FB3" w:rsidP="00156FB3">
            <w:r>
              <w:t>.icon-eye:before {</w:t>
            </w:r>
          </w:p>
          <w:p w:rsidR="00156FB3" w:rsidRDefault="00156FB3" w:rsidP="00156FB3">
            <w:r>
              <w:t xml:space="preserve">    content: "\e087";</w:t>
            </w:r>
          </w:p>
          <w:p w:rsidR="00156FB3" w:rsidRDefault="00156FB3" w:rsidP="00156FB3">
            <w:r>
              <w:t>}</w:t>
            </w:r>
          </w:p>
          <w:p w:rsidR="00156FB3" w:rsidRDefault="00156FB3" w:rsidP="00156FB3"/>
          <w:p w:rsidR="00156FB3" w:rsidRDefault="00156FB3" w:rsidP="00156FB3">
            <w:r>
              <w:t>.icon-flag:before {</w:t>
            </w:r>
          </w:p>
          <w:p w:rsidR="00156FB3" w:rsidRDefault="00156FB3" w:rsidP="00156FB3">
            <w:r>
              <w:t xml:space="preserve">    content: "\e088";</w:t>
            </w:r>
          </w:p>
          <w:p w:rsidR="00156FB3" w:rsidRDefault="00156FB3" w:rsidP="00156FB3">
            <w:r>
              <w:t>}</w:t>
            </w:r>
          </w:p>
          <w:p w:rsidR="00156FB3" w:rsidRDefault="00156FB3" w:rsidP="00156FB3"/>
          <w:p w:rsidR="00156FB3" w:rsidRDefault="00156FB3" w:rsidP="00156FB3">
            <w:r>
              <w:t>.icon-folder:before {</w:t>
            </w:r>
          </w:p>
          <w:p w:rsidR="00156FB3" w:rsidRDefault="00156FB3" w:rsidP="00156FB3">
            <w:r>
              <w:t xml:space="preserve">    content: "\e089";</w:t>
            </w:r>
          </w:p>
          <w:p w:rsidR="00156FB3" w:rsidRDefault="00156FB3" w:rsidP="00156FB3">
            <w:r>
              <w:t>}</w:t>
            </w:r>
          </w:p>
          <w:p w:rsidR="00156FB3" w:rsidRDefault="00156FB3" w:rsidP="00156FB3"/>
          <w:p w:rsidR="00156FB3" w:rsidRDefault="00156FB3" w:rsidP="00156FB3">
            <w:r>
              <w:t>.icon-heart:before {</w:t>
            </w:r>
          </w:p>
          <w:p w:rsidR="00156FB3" w:rsidRDefault="00156FB3" w:rsidP="00156FB3">
            <w:r>
              <w:t xml:space="preserve">    content: "\e08a";</w:t>
            </w:r>
          </w:p>
          <w:p w:rsidR="00156FB3" w:rsidRDefault="00156FB3" w:rsidP="00156FB3">
            <w:r>
              <w:t>}</w:t>
            </w:r>
          </w:p>
          <w:p w:rsidR="00156FB3" w:rsidRDefault="00156FB3" w:rsidP="00156FB3"/>
          <w:p w:rsidR="00156FB3" w:rsidRDefault="00156FB3" w:rsidP="00156FB3">
            <w:r>
              <w:t>.icon-info:before {</w:t>
            </w:r>
          </w:p>
          <w:p w:rsidR="00156FB3" w:rsidRDefault="00156FB3" w:rsidP="00156FB3">
            <w:r>
              <w:t xml:space="preserve">    content: "\e08b";</w:t>
            </w:r>
          </w:p>
          <w:p w:rsidR="00156FB3" w:rsidRDefault="00156FB3" w:rsidP="00156FB3">
            <w:r>
              <w:t>}</w:t>
            </w:r>
          </w:p>
          <w:p w:rsidR="00156FB3" w:rsidRDefault="00156FB3" w:rsidP="00156FB3"/>
          <w:p w:rsidR="00156FB3" w:rsidRDefault="00156FB3" w:rsidP="00156FB3">
            <w:r>
              <w:t>.icon-key:before {</w:t>
            </w:r>
          </w:p>
          <w:p w:rsidR="00156FB3" w:rsidRDefault="00156FB3" w:rsidP="00156FB3">
            <w:r>
              <w:t xml:space="preserve">    content: "\e08c";</w:t>
            </w:r>
          </w:p>
          <w:p w:rsidR="00156FB3" w:rsidRDefault="00156FB3" w:rsidP="00156FB3">
            <w:r>
              <w:t>}</w:t>
            </w:r>
          </w:p>
          <w:p w:rsidR="00156FB3" w:rsidRDefault="00156FB3" w:rsidP="00156FB3"/>
          <w:p w:rsidR="00156FB3" w:rsidRDefault="00156FB3" w:rsidP="00156FB3">
            <w:r>
              <w:t>.icon-link:before {</w:t>
            </w:r>
          </w:p>
          <w:p w:rsidR="00156FB3" w:rsidRDefault="00156FB3" w:rsidP="00156FB3">
            <w:r>
              <w:t xml:space="preserve">    content: "\e08d";</w:t>
            </w:r>
          </w:p>
          <w:p w:rsidR="00156FB3" w:rsidRDefault="00156FB3" w:rsidP="00156FB3">
            <w:r>
              <w:t>}</w:t>
            </w:r>
          </w:p>
          <w:p w:rsidR="00156FB3" w:rsidRDefault="00156FB3" w:rsidP="00156FB3"/>
          <w:p w:rsidR="00156FB3" w:rsidRDefault="00156FB3" w:rsidP="00156FB3">
            <w:r>
              <w:t>.icon-lock:before {</w:t>
            </w:r>
          </w:p>
          <w:p w:rsidR="00156FB3" w:rsidRDefault="00156FB3" w:rsidP="00156FB3">
            <w:r>
              <w:t xml:space="preserve">    content: "\e08e";</w:t>
            </w:r>
          </w:p>
          <w:p w:rsidR="00156FB3" w:rsidRDefault="00156FB3" w:rsidP="00156FB3">
            <w:r>
              <w:t>}</w:t>
            </w:r>
          </w:p>
          <w:p w:rsidR="00156FB3" w:rsidRDefault="00156FB3" w:rsidP="00156FB3"/>
          <w:p w:rsidR="00156FB3" w:rsidRDefault="00156FB3" w:rsidP="00156FB3">
            <w:r>
              <w:t>.icon-lock-open:before {</w:t>
            </w:r>
          </w:p>
          <w:p w:rsidR="00156FB3" w:rsidRDefault="00156FB3" w:rsidP="00156FB3">
            <w:r>
              <w:t xml:space="preserve">    content: "\e08f";</w:t>
            </w:r>
          </w:p>
          <w:p w:rsidR="00156FB3" w:rsidRDefault="00156FB3" w:rsidP="00156FB3">
            <w:r>
              <w:t>}</w:t>
            </w:r>
          </w:p>
          <w:p w:rsidR="00156FB3" w:rsidRDefault="00156FB3" w:rsidP="00156FB3"/>
          <w:p w:rsidR="00156FB3" w:rsidRDefault="00156FB3" w:rsidP="00156FB3">
            <w:r>
              <w:t>.icon-magnifier:before {</w:t>
            </w:r>
          </w:p>
          <w:p w:rsidR="00156FB3" w:rsidRDefault="00156FB3" w:rsidP="00156FB3">
            <w:r>
              <w:t xml:space="preserve">    content: "\e090";</w:t>
            </w:r>
          </w:p>
          <w:p w:rsidR="00156FB3" w:rsidRDefault="00156FB3" w:rsidP="00156FB3">
            <w:r>
              <w:t>}</w:t>
            </w:r>
          </w:p>
          <w:p w:rsidR="00156FB3" w:rsidRDefault="00156FB3" w:rsidP="00156FB3"/>
          <w:p w:rsidR="00156FB3" w:rsidRDefault="00156FB3" w:rsidP="00156FB3">
            <w:r>
              <w:t>.icon-magnifier-add:before {</w:t>
            </w:r>
          </w:p>
          <w:p w:rsidR="00156FB3" w:rsidRDefault="00156FB3" w:rsidP="00156FB3">
            <w:r>
              <w:t xml:space="preserve">    content: "\e091";</w:t>
            </w:r>
          </w:p>
          <w:p w:rsidR="00156FB3" w:rsidRDefault="00156FB3" w:rsidP="00156FB3">
            <w:r>
              <w:t>}</w:t>
            </w:r>
          </w:p>
          <w:p w:rsidR="00156FB3" w:rsidRDefault="00156FB3" w:rsidP="00156FB3"/>
          <w:p w:rsidR="00156FB3" w:rsidRDefault="00156FB3" w:rsidP="00156FB3">
            <w:r>
              <w:t>.icon-magnifier-remove:before {</w:t>
            </w:r>
          </w:p>
          <w:p w:rsidR="00156FB3" w:rsidRDefault="00156FB3" w:rsidP="00156FB3">
            <w:r>
              <w:t xml:space="preserve">    content: "\e092";</w:t>
            </w:r>
          </w:p>
          <w:p w:rsidR="00156FB3" w:rsidRDefault="00156FB3" w:rsidP="00156FB3">
            <w:r>
              <w:t>}</w:t>
            </w:r>
          </w:p>
          <w:p w:rsidR="00156FB3" w:rsidRDefault="00156FB3" w:rsidP="00156FB3"/>
          <w:p w:rsidR="00156FB3" w:rsidRDefault="00156FB3" w:rsidP="00156FB3">
            <w:r>
              <w:t>.icon-paper-clip:before {</w:t>
            </w:r>
          </w:p>
          <w:p w:rsidR="00156FB3" w:rsidRDefault="00156FB3" w:rsidP="00156FB3">
            <w:r>
              <w:t xml:space="preserve">    content: "\e093";</w:t>
            </w:r>
          </w:p>
          <w:p w:rsidR="00156FB3" w:rsidRDefault="00156FB3" w:rsidP="00156FB3">
            <w:r>
              <w:t>}</w:t>
            </w:r>
          </w:p>
          <w:p w:rsidR="00156FB3" w:rsidRDefault="00156FB3" w:rsidP="00156FB3"/>
          <w:p w:rsidR="00156FB3" w:rsidRDefault="00156FB3" w:rsidP="00156FB3">
            <w:r>
              <w:t>.icon-paper-plane:before {</w:t>
            </w:r>
          </w:p>
          <w:p w:rsidR="00156FB3" w:rsidRDefault="00156FB3" w:rsidP="00156FB3">
            <w:r>
              <w:t xml:space="preserve">    content: "\e094";</w:t>
            </w:r>
          </w:p>
          <w:p w:rsidR="00156FB3" w:rsidRDefault="00156FB3" w:rsidP="00156FB3">
            <w:r>
              <w:t>}</w:t>
            </w:r>
          </w:p>
          <w:p w:rsidR="00156FB3" w:rsidRDefault="00156FB3" w:rsidP="00156FB3"/>
          <w:p w:rsidR="00156FB3" w:rsidRDefault="00156FB3" w:rsidP="00156FB3">
            <w:r>
              <w:t>.icon-plus:before {</w:t>
            </w:r>
          </w:p>
          <w:p w:rsidR="00156FB3" w:rsidRDefault="00156FB3" w:rsidP="00156FB3">
            <w:r>
              <w:t xml:space="preserve">    content: "\e095";</w:t>
            </w:r>
          </w:p>
          <w:p w:rsidR="00156FB3" w:rsidRDefault="00156FB3" w:rsidP="00156FB3">
            <w:r>
              <w:t>}</w:t>
            </w:r>
          </w:p>
          <w:p w:rsidR="00156FB3" w:rsidRDefault="00156FB3" w:rsidP="00156FB3"/>
          <w:p w:rsidR="00156FB3" w:rsidRDefault="00156FB3" w:rsidP="00156FB3">
            <w:r>
              <w:t>.icon-pointer:before {</w:t>
            </w:r>
          </w:p>
          <w:p w:rsidR="00156FB3" w:rsidRDefault="00156FB3" w:rsidP="00156FB3">
            <w:r>
              <w:t xml:space="preserve">    content: "\e096";</w:t>
            </w:r>
          </w:p>
          <w:p w:rsidR="00156FB3" w:rsidRDefault="00156FB3" w:rsidP="00156FB3">
            <w:r>
              <w:t>}</w:t>
            </w:r>
          </w:p>
          <w:p w:rsidR="00156FB3" w:rsidRDefault="00156FB3" w:rsidP="00156FB3"/>
          <w:p w:rsidR="00156FB3" w:rsidRDefault="00156FB3" w:rsidP="00156FB3">
            <w:r>
              <w:t>.icon-power:before {</w:t>
            </w:r>
          </w:p>
          <w:p w:rsidR="00156FB3" w:rsidRDefault="00156FB3" w:rsidP="00156FB3">
            <w:r>
              <w:t xml:space="preserve">    content: "\e097";</w:t>
            </w:r>
          </w:p>
          <w:p w:rsidR="00156FB3" w:rsidRDefault="00156FB3" w:rsidP="00156FB3">
            <w:r>
              <w:t>}</w:t>
            </w:r>
          </w:p>
          <w:p w:rsidR="00156FB3" w:rsidRDefault="00156FB3" w:rsidP="00156FB3"/>
          <w:p w:rsidR="00156FB3" w:rsidRDefault="00156FB3" w:rsidP="00156FB3">
            <w:r>
              <w:t>.icon-refresh:before {</w:t>
            </w:r>
          </w:p>
          <w:p w:rsidR="00156FB3" w:rsidRDefault="00156FB3" w:rsidP="00156FB3">
            <w:r>
              <w:t xml:space="preserve">    content: "\e098";</w:t>
            </w:r>
          </w:p>
          <w:p w:rsidR="00156FB3" w:rsidRDefault="00156FB3" w:rsidP="00156FB3">
            <w:r>
              <w:t>}</w:t>
            </w:r>
          </w:p>
          <w:p w:rsidR="00156FB3" w:rsidRDefault="00156FB3" w:rsidP="00156FB3"/>
          <w:p w:rsidR="00156FB3" w:rsidRDefault="00156FB3" w:rsidP="00156FB3">
            <w:r>
              <w:t>.icon-reload:before {</w:t>
            </w:r>
          </w:p>
          <w:p w:rsidR="00156FB3" w:rsidRDefault="00156FB3" w:rsidP="00156FB3">
            <w:r>
              <w:t xml:space="preserve">    content: "\e099";</w:t>
            </w:r>
          </w:p>
          <w:p w:rsidR="00156FB3" w:rsidRDefault="00156FB3" w:rsidP="00156FB3">
            <w:r>
              <w:t>}</w:t>
            </w:r>
          </w:p>
          <w:p w:rsidR="00156FB3" w:rsidRDefault="00156FB3" w:rsidP="00156FB3"/>
          <w:p w:rsidR="00156FB3" w:rsidRDefault="00156FB3" w:rsidP="00156FB3">
            <w:r>
              <w:t>.icon-settings:before {</w:t>
            </w:r>
          </w:p>
          <w:p w:rsidR="00156FB3" w:rsidRDefault="00156FB3" w:rsidP="00156FB3">
            <w:r>
              <w:t xml:space="preserve">    content: "\e09a";</w:t>
            </w:r>
          </w:p>
          <w:p w:rsidR="00156FB3" w:rsidRDefault="00156FB3" w:rsidP="00156FB3">
            <w:r>
              <w:t>}</w:t>
            </w:r>
          </w:p>
          <w:p w:rsidR="00156FB3" w:rsidRDefault="00156FB3" w:rsidP="00156FB3"/>
          <w:p w:rsidR="00156FB3" w:rsidRDefault="00156FB3" w:rsidP="00156FB3">
            <w:r>
              <w:t>.icon-star:before {</w:t>
            </w:r>
          </w:p>
          <w:p w:rsidR="00156FB3" w:rsidRDefault="00156FB3" w:rsidP="00156FB3">
            <w:r>
              <w:t xml:space="preserve">    content: "\e09b";</w:t>
            </w:r>
          </w:p>
          <w:p w:rsidR="00156FB3" w:rsidRDefault="00156FB3" w:rsidP="00156FB3">
            <w:r>
              <w:t>}</w:t>
            </w:r>
          </w:p>
          <w:p w:rsidR="00156FB3" w:rsidRDefault="00156FB3" w:rsidP="00156FB3"/>
          <w:p w:rsidR="00156FB3" w:rsidRDefault="00156FB3" w:rsidP="00156FB3">
            <w:r>
              <w:t>.icon-symbol-female:before {</w:t>
            </w:r>
          </w:p>
          <w:p w:rsidR="00156FB3" w:rsidRDefault="00156FB3" w:rsidP="00156FB3">
            <w:r>
              <w:t xml:space="preserve">    content: "\e09c";</w:t>
            </w:r>
          </w:p>
          <w:p w:rsidR="00156FB3" w:rsidRDefault="00156FB3" w:rsidP="00156FB3">
            <w:r>
              <w:t>}</w:t>
            </w:r>
          </w:p>
          <w:p w:rsidR="00156FB3" w:rsidRDefault="00156FB3" w:rsidP="00156FB3"/>
          <w:p w:rsidR="00156FB3" w:rsidRDefault="00156FB3" w:rsidP="00156FB3">
            <w:r>
              <w:t>.icon-symbol-male:before {</w:t>
            </w:r>
          </w:p>
          <w:p w:rsidR="00156FB3" w:rsidRDefault="00156FB3" w:rsidP="00156FB3">
            <w:r>
              <w:t xml:space="preserve">    content: "\e09d";</w:t>
            </w:r>
          </w:p>
          <w:p w:rsidR="00156FB3" w:rsidRDefault="00156FB3" w:rsidP="00156FB3">
            <w:r>
              <w:t>}</w:t>
            </w:r>
          </w:p>
          <w:p w:rsidR="00156FB3" w:rsidRDefault="00156FB3" w:rsidP="00156FB3"/>
          <w:p w:rsidR="00156FB3" w:rsidRDefault="00156FB3" w:rsidP="00156FB3">
            <w:r>
              <w:t>.icon-target:before {</w:t>
            </w:r>
          </w:p>
          <w:p w:rsidR="00156FB3" w:rsidRDefault="00156FB3" w:rsidP="00156FB3">
            <w:r>
              <w:t xml:space="preserve">    content: "\e09e";</w:t>
            </w:r>
          </w:p>
          <w:p w:rsidR="00156FB3" w:rsidRDefault="00156FB3" w:rsidP="00156FB3">
            <w:r>
              <w:t>}</w:t>
            </w:r>
          </w:p>
          <w:p w:rsidR="00156FB3" w:rsidRDefault="00156FB3" w:rsidP="00156FB3"/>
          <w:p w:rsidR="00156FB3" w:rsidRDefault="00156FB3" w:rsidP="00156FB3">
            <w:r>
              <w:t>.icon-volume-1:before {</w:t>
            </w:r>
          </w:p>
          <w:p w:rsidR="00156FB3" w:rsidRDefault="00156FB3" w:rsidP="00156FB3">
            <w:r>
              <w:t xml:space="preserve">    content: "\e09f";</w:t>
            </w:r>
          </w:p>
          <w:p w:rsidR="00156FB3" w:rsidRDefault="00156FB3" w:rsidP="00156FB3">
            <w:r>
              <w:t>}</w:t>
            </w:r>
          </w:p>
          <w:p w:rsidR="00156FB3" w:rsidRDefault="00156FB3" w:rsidP="00156FB3"/>
          <w:p w:rsidR="00156FB3" w:rsidRDefault="00156FB3" w:rsidP="00156FB3">
            <w:r>
              <w:t>.icon-volume-2:before {</w:t>
            </w:r>
          </w:p>
          <w:p w:rsidR="00156FB3" w:rsidRDefault="00156FB3" w:rsidP="00156FB3">
            <w:r>
              <w:t xml:space="preserve">    content: "\e0a0";</w:t>
            </w:r>
          </w:p>
          <w:p w:rsidR="00156FB3" w:rsidRDefault="00156FB3" w:rsidP="00156FB3">
            <w:r>
              <w:t>}</w:t>
            </w:r>
          </w:p>
          <w:p w:rsidR="00156FB3" w:rsidRDefault="00156FB3" w:rsidP="00156FB3"/>
          <w:p w:rsidR="00156FB3" w:rsidRDefault="00156FB3" w:rsidP="00156FB3">
            <w:r>
              <w:t>.icon-volume-off:before {</w:t>
            </w:r>
          </w:p>
          <w:p w:rsidR="00156FB3" w:rsidRDefault="00156FB3" w:rsidP="00156FB3">
            <w:r>
              <w:t xml:space="preserve">    content: "\e0a1";</w:t>
            </w:r>
          </w:p>
          <w:p w:rsidR="00156FB3" w:rsidRDefault="00156FB3" w:rsidP="00156FB3">
            <w:r>
              <w:t>}</w:t>
            </w:r>
          </w:p>
          <w:p w:rsidR="00156FB3" w:rsidRDefault="00156FB3" w:rsidP="00156FB3"/>
          <w:p w:rsidR="00156FB3" w:rsidRDefault="00156FB3" w:rsidP="00156FB3">
            <w:r>
              <w:t>.icon-users:before {</w:t>
            </w:r>
          </w:p>
          <w:p w:rsidR="00156FB3" w:rsidRDefault="00156FB3" w:rsidP="00156FB3">
            <w:r>
              <w:t xml:space="preserve">    content: "\e001";</w:t>
            </w:r>
          </w:p>
          <w:p w:rsidR="00156FB3" w:rsidRDefault="00156FB3" w:rsidP="00156FB3">
            <w:r>
              <w:t>}</w:t>
            </w:r>
          </w:p>
          <w:p w:rsidR="00156FB3" w:rsidRDefault="00156FB3" w:rsidP="00156FB3"/>
          <w:p w:rsidR="00156FB3" w:rsidRDefault="00156FB3" w:rsidP="00156FB3">
            <w:r>
              <w:t>@font-face{font-family:"Material Design Icons";src:url("https://assets.reachseniors.com/fonts/materialdesignicons-webfont.eot?v=3.6.95");src:url("https://assets.reachseniors.com/fonts/materialdesignicons-webfont.eot?#iefix&amp;v=3.6.95") format("embedded-opentype"),url("https://assets.reachseniors.com/fonts/materialdesignicons-webfont.woff2?v=3.6.95") format("woff2"),url("https://assets.reachseniors.com/fonts/materialdesignicons-webfont.woff?v=3.6.95") format("woff"),url("https://assets.reachseniors.com/fonts/materialdesignicons-webfont.ttf?v=3.6.95") format("truetype"),url("https://assets.reachseniors.com/fonts/materialdesignicons-webfont.svg?v=3.6.95#materialdesigniconsregular") format("svg");font-weight:normal;font-style:normal}.mdi:before,.mdi-set{display:inline-block;font:normal normal normal 24px/1 "Material Design Icons";font-size:inherit;text-rendering:auto;line-height:inherit;-webkit-font-smoothing:antialiased;-moz-osx-font-smoothing:grayscale}.mdi-access-point:before{content:"\F002"}.mdi-access-point-network:before{content:"\F003"}.mdi-access-point-network-off:before{content:"\FBBD"}.mdi-account:before{content:"\F004"}.mdi-account-alert:before{content:"\F005"}.mdi-account-alert-outline:before{content:"\FB2C"}.mdi-account-arrow-left:before{content:"\FB2D"}.mdi-account-arrow-left-outline:before{content:"\FB2E"}.mdi-account-arrow-right:before{content:"\FB2F"}.mdi-account-arrow-right-outline:before{content:"\FB30"}.mdi-account-badge:before{content:"\FD83"}.mdi-account-badge-alert:before{content:"\FD84"}.mdi-account-badge-alert-outline:before{content:"\FD85"}.mdi-account-badge-horizontal:before{content:"\FDF0"}.mdi-account-badge-horizontal-outline:before{content:"\FDF1"}.mdi-account-badge-outline:before{content:"\FD86"}.mdi-account-box:before{content:"\F006"}.mdi-account-box-multiple:before{content:"\F933"}.mdi-account-box-outline:before{content:"\F007"}.mdi-account-card-details:before{content:"\F5D2"}.mdi-account-card-details-outline:before{content:"\FD87"}.mdi-account-check:before{content:"\F008"}.mdi-account-check-outline:before{content:"\FBBE"}.mdi-account-child:before{content:"\FA88"}.mdi-account-child-circle:before{content:"\FA89"}.mdi-account-circle:before{content:"\F009"}.mdi-account-circle-outline:before{content:"\FB31"}.mdi-account-clock:before{content:"\FB32"}.mdi-account-clock-outline:before{content:"\FB33"}.mdi-account-convert:before{content:"\F00A"}.mdi-account-details:before{content:"\F631"}.mdi-account-edit:before{content:"\F6BB"}.mdi-account-group:before{content:"\F848"}.mdi-account-group-outline:before{content:"\FB34"}.mdi-account-heart:before{content:"\F898"}.mdi-account-heart-outline:before{content:"\FBBF"}.mdi-account-key:before{content:"\F00B"}.mdi-account-key-outline:before{content:"\FBC0"}.mdi-account-minus:before{content:"\F00D"}.mdi-account-minus-outline:before{content:"\FAEB"}.mdi-account-multiple:before{content:"\F00E"}.mdi-account-multiple-check:before{content:"\F8C4"}.mdi-account-multiple-minus:before{content:"\F5D3"}.mdi-account-multiple-minus-outline:before{content:"\FBC1"}.mdi-account-multiple-outline:before{content:"\F00F"}.mdi-account-multiple-plus:before{content:"\F010"}.mdi-account-multiple-plus-outline:before{content:"\F7FF"}.mdi-account-network:before{content:"\F011"}.mdi-account-network-outline:before{content:"\FBC2"}.mdi-account-off:before{content:"\F012"}.mdi-account-off-outline:before{content:"\FBC3"}.mdi-account-outline:before{content:"\F013"}.mdi-account-plus:before{content:"\F014"}.mdi-account-plus-outline:before{content:"\F800"}.mdi-account-question:before{content:"\FB35"}.mdi-account-question-outline:before{content:"\FB36"}.mdi-account-remove:before{content:"\F015"}.mdi-account-remove-outline:before{content:"\FAEC"}.mdi-account-search:before{content:"\F016"}.mdi-account-search-outline:before{content:"\F934"}.mdi-account-settings:before{content:"\F630"}.mdi-account-star:before{content:"\F017"}.mdi-account-star-outline:before{content:"\FBC4"}.mdi-account-supervisor:before{content:"\FA8A"}.mdi-account-supervisor-circle:before{content:"\FA8B"}.mdi-account-switch:before{content:"\F019"}.mdi-account-</w:t>
            </w:r>
            <w:r>
              <w:lastRenderedPageBreak/>
              <w:t>tie:before{content:"\FCBF"}.mdi-accusoft:before{content:"\F849"}.mdi-adchoices:before{content:"\FD1E"}.mdi-adjust:before{content:"\F01A"}.mdi-adobe:before{content:"\F935"}.mdi-air-conditioner:before{content:"\F01B"}.mdi-air-filter:before{content:"\FD1F"}.mdi-air-horn:before{content:"\FD88"}.mdi-air-purifier:before{content:"\FD20"}.mdi-airbag:before{content:"\FBC5"}.mdi-airballoon:before{content:"\F01C"}.mdi-airplane:before{content:"\F01D"}.mdi-airplane-landing:before{content:"\F5D4"}.mdi-airplane-off:before{content:"\F01E"}.mdi-airplane-takeoff:before{content:"\F5D5"}.mdi-airplay:before{content:"\F01F"}.mdi-airport:before{content:"\F84A"}.mdi-alarm:before{content:"\F020"}.mdi-alarm-bell:before{content:"\F78D"}.mdi-alarm-check:before{content:"\F021"}.mdi-alarm-light:before{content:"\F78E"}.mdi-alarm-light-outline:before{content:"\FBC6"}.mdi-alarm-multiple:before{content:"\F022"}.mdi-alarm-off:before{content:"\F023"}.mdi-alarm-plus:before{content:"\F024"}.mdi-alarm-snooze:before{content:"\F68D"}.mdi-album:before{content:"\F025"}.mdi-alert:before{content:"\F026"}.mdi-alert-box:before{content:"\F027"}.mdi-alert-box-outline:before{content:"\FCC0"}.mdi-alert-circle:before{content:"\F028"}.mdi-alert-circle-outline:before{content:"\F5D6"}.mdi-alert-decagram:before{content:"\F6BC"}.mdi-alert-decagram-outline:before{content:"\FCC1"}.mdi-alert-octagon:before{content:"\F029"}.mdi-alert-octagon-outline:before{content:"\FCC2"}.mdi-alert-octagram:before{content:"\F766"}.mdi-alert-octagram-outline:before{content:"\FCC3"}.mdi-alert-outline:before{content:"\F02A"}.mdi-alien:before{content:"\F899"}.mdi-all-inclusive:before{content:"\F6BD"}.mdi-alpha:before{content:"\F02B"}.mdi-alpha-a:before{content:"\41"}.mdi-alpha-a-box:before{content:"\FAED"}.mdi-alpha-a-box-outline:before{content:"\FBC7"}.mdi-alpha-a-circle:before{content:"\FBC8"}.mdi-alpha-a-circle-outline:before{content:"\FBC9"}.mdi-alpha-b:before{content:"\42"}.mdi-alpha-b-box:before{content:"\FAEE"}.mdi-alpha-b-box-outline:before{content:"\FBCA"}.mdi-alpha-b-circle:before{content:"\FBCB"}.mdi-alpha-b-circle-outline:before{content:"\FBCC"}.mdi-alpha-c:before{content:"\43"}.mdi-alpha-c-box:before{content:"\FAEF"}.mdi-alpha-c-box-outline:before{content:"\FBCD"}.mdi-alpha-c-circle:before{content:"\FBCE"}.mdi-alpha-c-circle-outline:before{content:"\FBCF"}.mdi-alpha-d:before{content:"\44"}.mdi-alpha-d-box:before{content:"\FAF0"}.mdi-alpha-d-box-outline:before{content:"\FBD0"}.mdi-alpha-d-circle:before{content:"\FBD1"}.mdi-alpha-d-circle-outline:before{content:"\FBD2"}.mdi-alpha-e:before{content:"\45"}.mdi-alpha-e-box:before{content:"\FAF1"}.mdi-alpha-e-box-outline:before{content:"\FBD3"}.mdi-alpha-e-circle:before{content:"\FBD4"}.mdi-alpha-e-circle-outline:before{content:"\FBD5"}.mdi-alpha-f:before{content:"\46"}.mdi-alpha-f-box:before{content:"\FAF2"}.mdi-alpha-f-box-outline:before{content:"\FBD6"}.mdi-alpha-f-circle:before{content:"\FBD7"}.mdi-alpha-f-circle-outline:before{content:"\FBD8"}.mdi-alpha-g:before{content:"\47"}.mdi-alpha-g-box:before{content:"\FAF3"}.mdi-alpha-g-box-outline:before{content:"\FBD9"}.mdi-alpha-g-circle:before{content:"\FBDA"}.mdi-alpha-g-circle-outline:before{content:"\FBDB"}.mdi-alpha-h:before{content:"\48"}.mdi-alpha-h-box:before{content:"\FAF4"}.mdi-alpha-h-box-outline:before{content:"\FBDC"}.mdi-alpha-h-circle:before{content:"\FBDD"}.mdi-alpha-h-circle-outline:before{content:"\FBDE"}.mdi-alpha-i:before{content:"\49"}.mdi-alpha-i-box:before{content:"\FAF5"}.mdi-alpha-i-box-outline:before{content:"\FBDF"}.mdi-alpha-i-circle:before{content:"\FBE0"}.mdi-alpha-i-circle-outline:before{content:"\FBE1"}.mdi-alpha-j:before{content:"\4A"}.mdi-alpha-j-box:before{content:"\FAF6"}.mdi-alpha-j-box-outline:before{content:"\FBE2"}.mdi-alpha-j-circle:before{content:"\FBE3"}.mdi-alpha-j-circle-outline:before{content:"\FBE4"}.mdi-alpha-k:before{content:"\4B"}.mdi-alpha-k-box:before{content:"\FAF7"}.mdi-alpha-k-box-outline:before{content:"\FBE5"}.mdi-alpha-k-circle:before{content:"\FBE6"}.mdi-alpha-k-circle-</w:t>
            </w:r>
            <w:r>
              <w:lastRenderedPageBreak/>
              <w:t>outline:before{content:"\FBE7"}.mdi-alpha-l:before{content:"\4C"}.mdi-alpha-l-box:before{content:"\FAF8"}.mdi-alpha-l-box-outline:before{content:"\FBE8"}.mdi-alpha-l-circle:before{content:"\FBE9"}.mdi-alpha-l-circle-outline:before{content:"\FBEA"}.mdi-alpha-m:before{content:"\4D"}.mdi-alpha-m-box:before{content:"\FAF9"}.mdi-alpha-m-box-outline:before{content:"\FBEB"}.mdi-alpha-m-circle:before{content:"\FBEC"}.mdi-alpha-m-circle-outline:before{content:"\FBED"}.mdi-alpha-n:before{content:"\4E"}.mdi-alpha-n-box:before{content:"\FAFA"}.mdi-alpha-n-box-outline:before{content:"\FBEE"}.mdi-alpha-n-circle:before{content:"\FBEF"}.mdi-alpha-n-circle-outline:before{content:"\FBF0"}.mdi-alpha-o:before{content:"\4F"}.mdi-alpha-o-box:before{content:"\FAFB"}.mdi-alpha-o-box-outline:before{content:"\FBF1"}.mdi-alpha-o-circle:before{content:"\FBF2"}.mdi-alpha-o-circle-outline:before{content:"\FBF3"}.mdi-alpha-p:before{content:"\50"}.mdi-alpha-p-box:before{content:"\FAFC"}.mdi-alpha-p-box-outline:before{content:"\FBF4"}.mdi-alpha-p-circle:before{content:"\FBF5"}.mdi-alpha-p-circle-outline:before{content:"\FBF6"}.mdi-alpha-q:before{content:"\51"}.mdi-alpha-q-box:before{content:"\FAFD"}.mdi-alpha-q-box-outline:before{content:"\FBF7"}.mdi-alpha-q-circle:before{content:"\FBF8"}.mdi-alpha-q-circle-outline:before{content:"\FBF9"}.mdi-alpha-r:before{content:"\52"}.mdi-alpha-r-box:before{content:"\FAFE"}.mdi-alpha-r-box-outline:before{content:"\FBFA"}.mdi-alpha-r-circle:before{content:"\FBFB"}.mdi-alpha-r-circle-outline:before{content:"\FBFC"}.mdi-alpha-s:before{content:"\53"}.mdi-alpha-s-box:before{content:"\FAFF"}.mdi-alpha-s-box-outline:before{content:"\FBFD"}.mdi-alpha-s-circle:before{content:"\FBFE"}.mdi-alpha-s-circle-outline:before{content:"\FBFF"}.mdi-alpha-t:before{content:"\54"}.mdi-alpha-t-box:before{content:"\FB00"}.mdi-alpha-t-box-outline:before{content:"\FC00"}.mdi-alpha-t-circle:before{content:"\FC01"}.mdi-alpha-t-circle-outline:before{content:"\FC02"}.mdi-alpha-u:before{content:"\55"}.mdi-alpha-u-box:before{content:"\FB01"}.mdi-alpha-u-box-outline:before{content:"\FC03"}.mdi-alpha-u-circle:before{content:"\FC04"}.mdi-alpha-u-circle-outline:before{content:"\FC05"}.mdi-alpha-v:before{content:"\56"}.mdi-alpha-v-box:before{content:"\FB02"}.mdi-alpha-v-box-outline:before{content:"\FC06"}.mdi-alpha-v-circle:before{content:"\FC07"}.mdi-alpha-v-circle-outline:before{content:"\FC08"}.mdi-alpha-w:before{content:"\57"}.mdi-alpha-w-box:before{content:"\FB03"}.mdi-alpha-w-box-outline:before{content:"\FC09"}.mdi-alpha-w-circle:before{content:"\FC0A"}.mdi-alpha-w-circle-outline:before{content:"\FC0B"}.mdi-alpha-x:before{content:"\58"}.mdi-alpha-x-box:before{content:"\FB04"}.mdi-alpha-x-box-outline:before{content:"\FC0C"}.mdi-alpha-x-circle:before{content:"\FC0D"}.mdi-alpha-x-circle-outline:before{content:"\FC0E"}.mdi-alpha-y:before{content:"\59"}.mdi-alpha-y-box:before{content:"\FB05"}.mdi-alpha-y-box-outline:before{content:"\FC0F"}.mdi-alpha-y-circle:before{content:"\FC10"}.mdi-alpha-y-circle-outline:before{content:"\FC11"}.mdi-alpha-z:before{content:"\5A"}.mdi-alpha-z-box:before{content:"\FB06"}.mdi-alpha-z-box-outline:before{content:"\FC12"}.mdi-alpha-z-circle:before{content:"\FC13"}.mdi-alpha-z-circle-outline:before{content:"\FC14"}.mdi-alphabetical:before{content:"\F02C"}.mdi-altimeter:before{content:"\F5D7"}.mdi-amazon:before{content:"\F02D"}.mdi-amazon-alexa:before{content:"\F8C5"}.mdi-amazon-drive:before{content:"\F02E"}.mdi-ambulance:before{content:"\F02F"}.mdi-ammunition:before{content:"\FCC4"}.mdi-ampersand:before{content:"\FA8C"}.mdi-amplifier:before{content:"\F030"}.mdi-anchor:before{content:"\F031"}.mdi-android:before{content:"\F032"}.mdi-android-auto:before{content:"\FA8D"}.mdi-android-debug-bridge:before{content:"\F033"}.mdi-android-head:before{content:"\F78F"}.mdi-android-messages:before{content:"\FD21"}.mdi-android-studio:before{content:"\F034"}.mdi-angle-acute:before{content:"\F936"}.mdi-angle-obtuse:before{content:"\F937"}.mdi-angle-right:before{content:"\F938"}.mdi-angular:before{content:"\F6B1"}.mdi-</w:t>
            </w:r>
            <w:r>
              <w:lastRenderedPageBreak/>
              <w:t>angularjs:before{content:"\F6BE"}.mdi-animation:before{content:"\F5D8"}.mdi-animation-outline:before{content:"\FA8E"}.mdi-animation-play:before{content:"\F939"}.mdi-animation-play-outline:before{content:"\FA8F"}.mdi-anvil:before{content:"\F89A"}.mdi-apple:before{content:"\F035"}.mdi-apple-finder:before{content:"\F036"}.mdi-apple-icloud:before{content:"\F038"}.mdi-apple-ios:before{content:"\F037"}.mdi-apple-keyboard-caps:before{content:"\F632"}.mdi-apple-keyboard-command:before{content:"\F633"}.mdi-apple-keyboard-control:before{content:"\F634"}.mdi-apple-keyboard-option:before{content:"\F635"}.mdi-apple-keyboard-shift:before{content:"\F636"}.mdi-apple-safari:before{content:"\F039"}.mdi-application:before{content:"\F614"}.mdi-application-export:before{content:"\FD89"}.mdi-application-import:before{content:"\FD8A"}.mdi-apps:before{content:"\F03B"}.mdi-apps-box:before{content:"\FD22"}.mdi-arch:before{content:"\F8C6"}.mdi-archive:before{content:"\F03C"}.mdi-arrange-bring-forward:before{content:"\F03D"}.mdi-arrange-bring-to-front:before{content:"\F03E"}.mdi-arrange-send-backward:before{content:"\F03F"}.mdi-arrange-send-to-back:before{content:"\F040"}.mdi-arrow-all:before{content:"\F041"}.mdi-arrow-bottom-left:before{content:"\F042"}.mdi-arrow-bottom-left-bold-outline:before{content:"\F9B6"}.mdi-arrow-bottom-left-thick:before{content:"\F9B7"}.mdi-arrow-bottom-right:before{content:"\F043"}.mdi-arrow-bottom-right-bold-outline:before{content:"\F9B8"}.mdi-arrow-bottom-right-thick:before{content:"\F9B9"}.mdi-arrow-collapse:before{content:"\F615"}.mdi-arrow-collapse-all:before{content:"\F044"}.mdi-arrow-collapse-down:before{content:"\F791"}.mdi-arrow-collapse-horizontal:before{content:"\F84B"}.mdi-arrow-collapse-left:before{content:"\F792"}.mdi-arrow-collapse-right:before{content:"\F793"}.mdi-arrow-collapse-up:before{content:"\F794"}.mdi-arrow-collapse-vertical:before{content:"\F84C"}.mdi-arrow-decision:before{content:"\F9BA"}.mdi-arrow-decision-auto:before{content:"\F9BB"}.mdi-arrow-decision-auto-outline:before{content:"\F9BC"}.mdi-arrow-decision-outline:before{content:"\F9BD"}.mdi-arrow-down:before{content:"\F045"}.mdi-arrow-down-bold:before{content:"\F72D"}.mdi-arrow-down-bold-box:before{content:"\F72E"}.mdi-arrow-down-bold-box-outline:before{content:"\F72F"}.mdi-arrow-down-bold-circle:before{content:"\F047"}.mdi-arrow-down-bold-circle-outline:before{content:"\F048"}.mdi-arrow-down-bold-hexagon-outline:before{content:"\F049"}.mdi-arrow-down-bold-outline:before{content:"\F9BE"}.mdi-arrow-down-box:before{content:"\F6BF"}.mdi-arrow-down-circle:before{content:"\FCB7"}.mdi-arrow-down-circle-outline:before{content:"\FCB8"}.mdi-arrow-down-drop-circle:before{content:"\F04A"}.mdi-arrow-down-drop-circle-outline:before{content:"\F04B"}.mdi-arrow-down-thick:before{content:"\F046"}.mdi-arrow-expand:before{content:"\F616"}.mdi-arrow-expand-all:before{content:"\F04C"}.mdi-arrow-expand-down:before{content:"\F795"}.mdi-arrow-expand-horizontal:before{content:"\F84D"}.mdi-arrow-expand-left:before{content:"\F796"}.mdi-arrow-expand-right:before{content:"\F797"}.mdi-arrow-expand-up:before{content:"\F798"}.mdi-arrow-expand-vertical:before{content:"\F84E"}.mdi-arrow-left:before{content:"\F04D"}.mdi-arrow-left-bold:before{content:"\F730"}.mdi-arrow-left-bold-box:before{content:"\F731"}.mdi-arrow-left-bold-box-outline:before{content:"\F732"}.mdi-arrow-left-bold-circle:before{content:"\F04F"}.mdi-arrow-left-bold-circle-outline:before{content:"\F050"}.mdi-arrow-left-bold-hexagon-outline:before{content:"\F051"}.mdi-arrow-left-bold-outline:before{content:"\F9BF"}.mdi-arrow-left-box:before{content:"\F6C0"}.mdi-arrow-left-circle:before{content:"\FCB9"}.mdi-arrow-left-circle-outline:before{content:"\FCBA"}.mdi-arrow-left-drop-circle:before{content:"\F052"}.mdi-arrow-left-drop-circle-outline:before{content:"\F053"}.mdi-arrow-left-right-bold-outline:before{content:"\F9C0"}.mdi-arrow-left-thick:before{content:"\F04E"}.mdi-arrow-right:before{content:"\F054"}.mdi-arrow-right-bold:before{content:"\F733"}.mdi-arrow-right-bold-box:before{content:"\F734"}.mdi-arrow-right-bold-box-outline:before{content:"\F735"}.mdi-arrow-right-bold-circle:before{content:"\F056"}.mdi-arrow-right-bold-circle-outline:before{content:"\F057"}.mdi-arrow-right-bold-hexagon-</w:t>
            </w:r>
            <w:r>
              <w:lastRenderedPageBreak/>
              <w:t>outline:before{content:"\F058"}.mdi-arrow-right-bold-outline:before{content:"\F9C1"}.mdi-arrow-right-box:before{content:"\F6C1"}.mdi-arrow-right-circle:before{content:"\FCBB"}.mdi-arrow-right-circle-outline:before{content:"\FCBC"}.mdi-arrow-right-drop-circle:before{content:"\F059"}.mdi-arrow-right-drop-circle-outline:before{content:"\F05A"}.mdi-arrow-right-thick:before{content:"\F055"}.mdi-arrow-split-horizontal:before{content:"\F93A"}.mdi-arrow-split-vertical:before{content:"\F93B"}.mdi-arrow-top-left:before{content:"\F05B"}.mdi-arrow-top-left-bold-outline:before{content:"\F9C2"}.mdi-arrow-top-left-thick:before{content:"\F9C3"}.mdi-arrow-top-right:before{content:"\F05C"}.mdi-arrow-top-right-bold-outline:before{content:"\F9C4"}.mdi-arrow-top-right-thick:before{content:"\F9C5"}.mdi-arrow-up:before{content:"\F05D"}.mdi-arrow-up-bold:before{content:"\F736"}.mdi-arrow-up-bold-box:before{content:"\F737"}.mdi-arrow-up-bold-box-outline:before{content:"\F738"}.mdi-arrow-up-bold-circle:before{content:"\F05F"}.mdi-arrow-up-bold-circle-outline:before{content:"\F060"}.mdi-arrow-up-bold-hexagon-outline:before{content:"\F061"}.mdi-arrow-up-bold-outline:before{content:"\F9C6"}.mdi-arrow-up-box:before{content:"\F6C2"}.mdi-arrow-up-circle:before{content:"\FCBD"}.mdi-arrow-up-circle-outline:before{content:"\FCBE"}.mdi-arrow-up-down-bold-outline:before{content:"\F9C7"}.mdi-arrow-up-drop-circle:before{content:"\F062"}.mdi-arrow-up-drop-circle-outline:before{content:"\F063"}.mdi-arrow-up-thick:before{content:"\F05E"}.mdi-artist:before{content:"\F802"}.mdi-artist-outline:before{content:"\FCC5"}.mdi-artstation:before{content:"\FB37"}.mdi-aspect-ratio:before{content:"\FA23"}.mdi-assistant:before{content:"\F064"}.mdi-asterisk:before{content:"\F6C3"}.mdi-at:before{content:"\F065"}.mdi-atlassian:before{content:"\F803"}.mdi-atm:before{content:"\FD23"}.mdi-atom:before{content:"\F767"}.mdi-attachment:before{content:"\F066"}.mdi-audio-video:before{content:"\F93C"}.mdi-audiobook:before{content:"\F067"}.mdi-augmented-reality:before{content:"\F84F"}.mdi-auto-fix:before{content:"\F068"}.mdi-auto-upload:before{content:"\F069"}.mdi-autorenew:before{content:"\F06A"}.mdi-av-timer:before{content:"\F06B"}.mdi-aws:before{content:"\FDF2"}.mdi-axe:before{content:"\F8C7"}.mdi-axis:before{content:"\FD24"}.mdi-axis-arrow:before{content:"\FD25"}.mdi-axis-arrow-lock:before{content:"\FD26"}.mdi-axis-lock:before{content:"\FD27"}.mdi-axis-x-arrow:before{content:"\FD28"}.mdi-axis-x-arrow-lock:before{content:"\FD29"}.mdi-axis-x-rotate-clockwise:before{content:"\FD2A"}.mdi-axis-x-rotate-counterclockwise:before{content:"\FD2B"}.mdi-axis-x-y-arrow-lock:before{content:"\FD2C"}.mdi-axis-y-arrow:before{content:"\FD2D"}.mdi-axis-y-arrow-lock:before{content:"\FD2E"}.mdi-axis-y-rotate-clockwise:before{content:"\FD2F"}.mdi-axis-y-rotate-counterclockwise:before{content:"\FD30"}.mdi-axis-z-arrow:before{content:"\FD31"}.mdi-axis-z-arrow-lock:before{content:"\FD32"}.mdi-axis-z-rotate-clockwise:before{content:"\FD33"}.mdi-axis-z-rotate-counterclockwise:before{content:"\FD34"}.mdi-azure:before{content:"\F804"}.mdi-babel:before{content:"\FA24"}.mdi-baby:before{content:"\F06C"}.mdi-baby-buggy:before{content:"\F68E"}.mdi-backburger:before{content:"\F06D"}.mdi-backspace:before{content:"\F06E"}.mdi-backspace-outline:before{content:"\FB38"}.mdi-backup-restore:before{content:"\F06F"}.mdi-badminton:before{content:"\F850"}.mdi-bag-personal:before{content:"\FDF3"}.mdi-bag-personal-off:before{content:"\FDF4"}.mdi-bag-personal-off-outline:before{content:"\FDF5"}.mdi-bag-personal-outline:before{content:"\FDF6"}.mdi-balloon:before{content:"\FA25"}.mdi-ballot:before{content:"\F9C8"}.mdi-ballot-outline:before{content:"\F9C9"}.mdi-ballot-recount:before{content:"\FC15"}.mdi-ballot-recount-outline:before{content:"\FC16"}.mdi-bandage:before{content:"\FD8B"}.mdi-bandcamp:before{content:"\F674"}.mdi-bank:before{content:"\F070"}.mdi-bank-minus:before{content:"\FD8C"}.mdi-bank-plus:before{content:"\FD8D"}.mdi-bank-remove:before{content:"\FD8E"}.mdi-bank-transfer:before{content:"\FA26"}.mdi-bank-transfer-in:before{content:"\FA27"}.mdi-bank-transfer-out:before{content:"\FA28"}.mdi-barcode:before{content:"\F071"}.mdi-barcode-</w:t>
            </w:r>
            <w:r>
              <w:lastRenderedPageBreak/>
              <w:t>scan:before{content:"\F072"}.mdi-barley:before{content:"\F073"}.mdi-barley-off:before{content:"\FB39"}.mdi-barn:before{content:"\FB3A"}.mdi-barrel:before{content:"\F074"}.mdi-baseball:before{content:"\F851"}.mdi-baseball-bat:before{content:"\F852"}.mdi-basecamp:before{content:"\F075"}.mdi-basket:before{content:"\F076"}.mdi-basket-fill:before{content:"\F077"}.mdi-basket-unfill:before{content:"\F078"}.mdi-basketball:before{content:"\F805"}.mdi-basketball-hoop:before{content:"\FC17"}.mdi-basketball-hoop-outline:before{content:"\FC18"}.mdi-bat:before{content:"\FB3B"}.mdi-battery:before{content:"\F079"}.mdi-battery-10:before{content:"\F07A"}.mdi-battery-10-bluetooth:before{content:"\F93D"}.mdi-battery-20:before{content:"\F07B"}.mdi-battery-20-bluetooth:before{content:"\F93E"}.mdi-battery-30:before{content:"\F07C"}.mdi-battery-30-bluetooth:before{content:"\F93F"}.mdi-battery-40:before{content:"\F07D"}.mdi-battery-40-bluetooth:before{content:"\F940"}.mdi-battery-50:before{content:"\F07E"}.mdi-battery-50-bluetooth:before{content:"\F941"}.mdi-battery-60:before{content:"\F07F"}.mdi-battery-60-bluetooth:before{content:"\F942"}.mdi-battery-70:before{content:"\F080"}.mdi-battery-70-bluetooth:before{content:"\F943"}.mdi-battery-80:before{content:"\F081"}.mdi-battery-80-bluetooth:before{content:"\F944"}.mdi-battery-90:before{content:"\F082"}.mdi-battery-90-bluetooth:before{content:"\F945"}.mdi-battery-alert:before{content:"\F083"}.mdi-battery-alert-bluetooth:before{content:"\F946"}.mdi-battery-bluetooth:before{content:"\F947"}.mdi-battery-bluetooth-variant:before{content:"\F948"}.mdi-battery-charging:before{content:"\F084"}.mdi-battery-charging-10:before{content:"\F89B"}.mdi-battery-charging-100:before{content:"\F085"}.mdi-battery-charging-20:before{content:"\F086"}.mdi-battery-charging-30:before{content:"\F087"}.mdi-battery-charging-40:before{content:"\F088"}.mdi-battery-charging-50:before{content:"\F89C"}.mdi-battery-charging-60:before{content:"\F089"}.mdi-battery-charging-70:before{content:"\F89D"}.mdi-battery-charging-80:before{content:"\F08A"}.mdi-battery-charging-90:before{content:"\F08B"}.mdi-battery-charging-outline:before{content:"\F89E"}.mdi-battery-charging-wireless:before{content:"\F806"}.mdi-battery-charging-wireless-10:before{content:"\F807"}.mdi-battery-charging-wireless-20:before{content:"\F808"}.mdi-battery-charging-wireless-30:before{content:"\F809"}.mdi-battery-charging-wireless-40:before{content:"\F80A"}.mdi-battery-charging-wireless-50:before{content:"\F80B"}.mdi-battery-charging-wireless-60:before{content:"\F80C"}.mdi-battery-charging-wireless-70:before{content:"\F80D"}.mdi-battery-charging-wireless-80:before{content:"\F80E"}.mdi-battery-charging-wireless-90:before{content:"\F80F"}.mdi-battery-charging-wireless-alert:before{content:"\F810"}.mdi-battery-charging-wireless-outline:before{content:"\F811"}.mdi-battery-minus:before{content:"\F08C"}.mdi-battery-negative:before{content:"\F08D"}.mdi-battery-outline:before{content:"\F08E"}.mdi-battery-plus:before{content:"\F08F"}.mdi-battery-positive:before{content:"\F090"}.mdi-battery-unknown:before{content:"\F091"}.mdi-battery-unknown-bluetooth:before{content:"\F949"}.mdi-battlenet:before{content:"\FB3C"}.mdi-beach:before{content:"\F092"}.mdi-beaker:before{content:"\FCC6"}.mdi-beaker-outline:before{content:"\F68F"}.mdi-beats:before{content:"\F097"}.mdi-bed-empty:before{content:"\F89F"}.mdi-beer:before{content:"\F098"}.mdi-behance:before{content:"\F099"}.mdi-bell:before{content:"\F09A"}.mdi-bell-alert:before{content:"\FD35"}.mdi-bell-circle:before{content:"\FD36"}.mdi-bell-circle-outline:before{content:"\FD37"}.mdi-bell-off:before{content:"\F09B"}.mdi-bell-off-outline:before{content:"\FA90"}.mdi-bell-outline:before{content:"\F09C"}.mdi-bell-plus:before{content:"\F09D"}.mdi-bell-plus-outline:before{content:"\FA91"}.mdi-bell-ring:before{content:"\F09E"}.mdi-bell-ring-outline:before{content:"\F09F"}.mdi-bell-sleep:before{content:"\F0A0"}.mdi-bell-sleep-outline:before{content:"\FA92"}.mdi-beta:before{content:"\F0A1"}.mdi-betamax:before{content:"\F9CA"}.mdi-biathlon:before{content:"\FDF7"}.mdi-</w:t>
            </w:r>
            <w:r>
              <w:lastRenderedPageBreak/>
              <w:t>bible:before{content:"\F0A2"}.mdi-bike:before{content:"\F0A3"}.mdi-billiards:before{content:"\FB3D"}.mdi-billiards-rack:before{content:"\FB3E"}.mdi-bing:before{content:"\F0A4"}.mdi-binoculars:before{content:"\F0A5"}.mdi-bio:before{content:"\F0A6"}.mdi-biohazard:before{content:"\F0A7"}.mdi-bitbucket:before{content:"\F0A8"}.mdi-bitcoin:before{content:"\F812"}.mdi-black-mesa:before{content:"\F0A9"}.mdi-blackberry:before{content:"\F0AA"}.mdi-blender:before{content:"\FCC7"}.mdi-blender-software:before{content:"\F0AB"}.mdi-blinds:before{content:"\F0AC"}.mdi-block-helper:before{content:"\F0AD"}.mdi-blogger:before{content:"\F0AE"}.mdi-blood-bag:before{content:"\FCC8"}.mdi-bluetooth:before{content:"\F0AF"}.mdi-bluetooth-audio:before{content:"\F0B0"}.mdi-bluetooth-connect:before{content:"\F0B1"}.mdi-bluetooth-off:before{content:"\F0B2"}.mdi-bluetooth-settings:before{content:"\F0B3"}.mdi-bluetooth-transfer:before{content:"\F0B4"}.mdi-blur:before{content:"\F0B5"}.mdi-blur-linear:before{content:"\F0B6"}.mdi-blur-off:before{content:"\F0B7"}.mdi-blur-radial:before{content:"\F0B8"}.mdi-bolnisi-cross:before{content:"\FCC9"}.mdi-bolt:before{content:"\FD8F"}.mdi-bomb:before{content:"\F690"}.mdi-bomb-off:before{content:"\F6C4"}.mdi-bone:before{content:"\F0B9"}.mdi-book:before{content:"\F0BA"}.mdi-book-lock:before{content:"\F799"}.mdi-book-lock-open:before{content:"\F79A"}.mdi-book-minus:before{content:"\F5D9"}.mdi-book-multiple:before{content:"\F0BB"}.mdi-book-multiple-minus:before{content:"\FA93"}.mdi-book-multiple-plus:before{content:"\FA94"}.mdi-book-multiple-remove:before{content:"\FA95"}.mdi-book-multiple-variant:before{content:"\F0BC"}.mdi-book-open:before{content:"\F0BD"}.mdi-book-open-outline:before{content:"\FB3F"}.mdi-book-open-page-variant:before{content:"\F5DA"}.mdi-book-open-variant:before{content:"\F0BE"}.mdi-book-outline:before{content:"\FB40"}.mdi-book-plus:before{content:"\F5DB"}.mdi-book-remove:before{content:"\FA96"}.mdi-book-variant:before{content:"\F0BF"}.mdi-bookmark:before{content:"\F0C0"}.mdi-bookmark-check:before{content:"\F0C1"}.mdi-bookmark-minus:before{content:"\F9CB"}.mdi-bookmark-minus-outline:before{content:"\F9CC"}.mdi-bookmark-multiple:before{content:"\FDF8"}.mdi-bookmark-multiple-outline:before{content:"\FDF9"}.mdi-bookmark-music:before{content:"\F0C2"}.mdi-bookmark-off:before{content:"\F9CD"}.mdi-bookmark-off-outline:before{content:"\F9CE"}.mdi-bookmark-outline:before{content:"\F0C3"}.mdi-bookmark-plus:before{content:"\F0C5"}.mdi-bookmark-plus-outline:before{content:"\F0C4"}.mdi-bookmark-remove:before{content:"\F0C6"}.mdi-boombox:before{content:"\F5DC"}.mdi-bootstrap:before{content:"\F6C5"}.mdi-border-all:before{content:"\F0C7"}.mdi-border-all-variant:before{content:"\F8A0"}.mdi-border-bottom:before{content:"\F0C8"}.mdi-border-bottom-variant:before{content:"\F8A1"}.mdi-border-color:before{content:"\F0C9"}.mdi-border-horizontal:before{content:"\F0CA"}.mdi-border-inside:before{content:"\F0CB"}.mdi-border-left:before{content:"\F0CC"}.mdi-border-left-variant:before{content:"\F8A2"}.mdi-border-none:before{content:"\F0CD"}.mdi-border-none-variant:before{content:"\F8A3"}.mdi-border-outside:before{content:"\F0CE"}.mdi-border-right:before{content:"\F0CF"}.mdi-border-right-variant:before{content:"\F8A4"}.mdi-border-style:before{content:"\F0D0"}.mdi-border-top:before{content:"\F0D1"}.mdi-border-top-variant:before{content:"\F8A5"}.mdi-border-vertical:before{content:"\F0D2"}.mdi-bottle-wine:before{content:"\F853"}.mdi-bow-tie:before{content:"\F677"}.mdi-bowl:before{content:"\F617"}.mdi-bowling:before{content:"\F0D3"}.mdi-box:before{content:"\F0D4"}.mdi-box-cutter:before{content:"\F0D5"}.mdi-box-shadow:before{content:"\F637"}.mdi-boxing-glove:before{content:"\FB41"}.mdi-braille:before{content:"\F9CF"}.mdi-brain:before{content:"\F9D0"}.mdi-bread-slice:before{content:"\FCCA"}.mdi-bread-slice-outline:before{content:"\FCCB"}.mdi-bridge:before{content:"\F618"}.mdi-</w:t>
            </w:r>
            <w:r>
              <w:lastRenderedPageBreak/>
              <w:t>briefcase:before{content:"\F0D6"}.mdi-briefcase-account:before{content:"\FCCC"}.mdi-briefcase-account-outline:before{content:"\FCCD"}.mdi-briefcase-check:before{content:"\F0D7"}.mdi-briefcase-download:before{content:"\F0D8"}.mdi-briefcase-download-outline:before{content:"\FC19"}.mdi-briefcase-edit:before{content:"\FA97"}.mdi-briefcase-edit-outline:before{content:"\FC1A"}.mdi-briefcase-minus:before{content:"\FA29"}.mdi-briefcase-minus-outline:before{content:"\FC1B"}.mdi-briefcase-outline:before{content:"\F813"}.mdi-briefcase-plus:before{content:"\FA2A"}.mdi-briefcase-plus-outline:before{content:"\FC1C"}.mdi-briefcase-remove:before{content:"\FA2B"}.mdi-briefcase-remove-outline:before{content:"\FC1D"}.mdi-briefcase-search:before{content:"\FA2C"}.mdi-briefcase-search-outline:before{content:"\FC1E"}.mdi-briefcase-upload:before{content:"\F0D9"}.mdi-briefcase-upload-outline:before{content:"\FC1F"}.mdi-brightness-1:before{content:"\F0DA"}.mdi-brightness-2:before{content:"\F0DB"}.mdi-brightness-3:before{content:"\F0DC"}.mdi-brightness-4:before{content:"\F0DD"}.mdi-brightness-5:before{content:"\F0DE"}.mdi-brightness-6:before{content:"\F0DF"}.mdi-brightness-7:before{content:"\F0E0"}.mdi-brightness-auto:before{content:"\F0E1"}.mdi-brightness-percent:before{content:"\FCCE"}.mdi-broom:before{content:"\F0E2"}.mdi-brush:before{content:"\F0E3"}.mdi-buddhism:before{content:"\F94A"}.mdi-buffer:before{content:"\F619"}.mdi-bug:before{content:"\F0E4"}.mdi-bug-check:before{content:"\FA2D"}.mdi-bug-check-outline:before{content:"\FA2E"}.mdi-bug-outline:before{content:"\FA2F"}.mdi-bugle:before{content:"\FD90"}.mdi-bulldozer:before{content:"\FB07"}.mdi-bullet:before{content:"\FCCF"}.mdi-bulletin-board:before{content:"\F0E5"}.mdi-bullhorn:before{content:"\F0E6"}.mdi-bullhorn-outline:before{content:"\FB08"}.mdi-bullseye:before{content:"\F5DD"}.mdi-bullseye-arrow:before{content:"\F8C8"}.mdi-bus:before{content:"\F0E7"}.mdi-bus-alert:before{content:"\FA98"}.mdi-bus-articulated-end:before{content:"\F79B"}.mdi-bus-articulated-front:before{content:"\F79C"}.mdi-bus-clock:before{content:"\F8C9"}.mdi-bus-double-decker:before{content:"\F79D"}.mdi-bus-school:before{content:"\F79E"}.mdi-bus-side:before{content:"\F79F"}.mdi-cached:before{content:"\F0E8"}.mdi-cactus:before{content:"\FD91"}.mdi-cake:before{content:"\F0E9"}.mdi-cake-layered:before{content:"\F0EA"}.mdi-cake-variant:before{content:"\F0EB"}.mdi-calculator:before{content:"\F0EC"}.mdi-calculator-variant:before{content:"\FA99"}.mdi-calendar:before{content:"\F0ED"}.mdi-calendar-alert:before{content:"\FA30"}.mdi-calendar-blank:before{content:"\F0EE"}.mdi-calendar-blank-outline:before{content:"\FB42"}.mdi-calendar-check:before{content:"\F0EF"}.mdi-calendar-check-outline:before{content:"\FC20"}.mdi-calendar-clock:before{content:"\F0F0"}.mdi-calendar-edit:before{content:"\F8A6"}.mdi-calendar-export:before{content:"\FB09"}.mdi-calendar-heart:before{content:"\F9D1"}.mdi-calendar-import:before{content:"\FB0A"}.mdi-calendar-minus:before{content:"\FD38"}.mdi-calendar-month:before{content:"\FDFA"}.mdi-calendar-month-outline:before{content:"\FDFB"}.mdi-calendar-multiple:before{content:"\F0F1"}.mdi-calendar-multiple-check:before{content:"\F0F2"}.mdi-calendar-multiselect:before{content:"\FA31"}.mdi-calendar-outline:before{content:"\FB43"}.mdi-calendar-plus:before{content:"\F0F3"}.mdi-calendar-question:before{content:"\F691"}.mdi-calendar-range:before{content:"\F678"}.mdi-calendar-range-outline:before{content:"\FB44"}.mdi-calendar-remove:before{content:"\F0F4"}.mdi-calendar-remove-outline:before{content:"\FC21"}.mdi-calendar-search:before{content:"\F94B"}.mdi-calendar-star:before{content:"\F9D2"}.mdi-calendar-text:before{content:"\F0F5"}.mdi-calendar-text-outline:before{content:"\FC22"}.mdi-calendar-today:before{content:"\F0F6"}.mdi-calendar-week:before{content:"\FA32"}.mdi-calendar-week-begin:before{content:"\FA33"}.mdi-call-made:before{content:"\F0F7"}.mdi-call-merge:before{content:"\F0F8"}.mdi-call-missed:before{content:"\F0F9"}.mdi-call-received:before{content:"\F0FA"}.mdi-call-split:before{content:"\F0FB"}.mdi-camcorder:before{content:"\F0FC"}.mdi-camcorder-</w:t>
            </w:r>
            <w:r>
              <w:lastRenderedPageBreak/>
              <w:t>box:before{content:"\F0FD"}.mdi-camcorder-box-off:before{content:"\F0FE"}.mdi-camcorder-off:before{content:"\F0FF"}.mdi-camera:before{content:"\F100"}.mdi-camera-account:before{content:"\F8CA"}.mdi-camera-burst:before{content:"\F692"}.mdi-camera-control:before{content:"\FB45"}.mdi-camera-enhance:before{content:"\F101"}.mdi-camera-enhance-outline:before{content:"\FB46"}.mdi-camera-front:before{content:"\F102"}.mdi-camera-front-variant:before{content:"\F103"}.mdi-camera-gopro:before{content:"\F7A0"}.mdi-camera-image:before{content:"\F8CB"}.mdi-camera-iris:before{content:"\F104"}.mdi-camera-metering-center:before{content:"\F7A1"}.mdi-camera-metering-matrix:before{content:"\F7A2"}.mdi-camera-metering-partial:before{content:"\F7A3"}.mdi-camera-metering-spot:before{content:"\F7A4"}.mdi-camera-off:before{content:"\F5DF"}.mdi-camera-outline:before{content:"\FD39"}.mdi-camera-party-mode:before{content:"\F105"}.mdi-camera-rear:before{content:"\F106"}.mdi-camera-rear-variant:before{content:"\F107"}.mdi-camera-retake:before{content:"\FDFC"}.mdi-camera-retake-outline:before{content:"\FDFD"}.mdi-camera-switch:before{content:"\F108"}.mdi-camera-timer:before{content:"\F109"}.mdi-camera-wireless:before{content:"\FD92"}.mdi-camera-wireless-outline:before{content:"\FD93"}.mdi-cancel:before{content:"\F739"}.mdi-candle:before{content:"\F5E2"}.mdi-candycane:before{content:"\F10A"}.mdi-cannabis:before{content:"\F7A5"}.mdi-caps-lock:before{content:"\FA9A"}.mdi-car:before{content:"\F10B"}.mdi-car-back:before{content:"\FDFE"}.mdi-car-battery:before{content:"\F10C"}.mdi-car-brake-abs:before{content:"\FC23"}.mdi-car-brake-alert:before{content:"\FC24"}.mdi-car-brake-hold:before{content:"\FD3A"}.mdi-car-brake-parking:before{content:"\FD3B"}.mdi-car-connected:before{content:"\F10D"}.mdi-car-convertible:before{content:"\F7A6"}.mdi-car-cruise-control:before{content:"\FD3C"}.mdi-car-defrost-front:before{content:"\FD3D"}.mdi-car-defrost-rear:before{content:"\FD3E"}.mdi-car-door:before{content:"\FB47"}.mdi-car-electric:before{content:"\FB48"}.mdi-car-esp:before{content:"\FC25"}.mdi-car-estate:before{content:"\F7A7"}.mdi-car-hatchback:before{content:"\F7A8"}.mdi-car-key:before{content:"\FB49"}.mdi-car-light-dimmed:before{content:"\FC26"}.mdi-car-light-fog:before{content:"\FC27"}.mdi-car-light-high:before{content:"\FC28"}.mdi-car-limousine:before{content:"\F8CC"}.mdi-car-multiple:before{content:"\FB4A"}.mdi-car-off:before{content:"\FDFF"}.mdi-car-parking-lights:before{content:"\FD3F"}.mdi-car-pickup:before{content:"\F7A9"}.mdi-car-side:before{content:"\F7AA"}.mdi-car-sports:before{content:"\F7AB"}.mdi-car-tire-alert:before{content:"\FC29"}.mdi-car-traction-control:before{content:"\FD40"}.mdi-car-wash:before{content:"\F10E"}.mdi-caravan:before{content:"\F7AC"}.mdi-card:before{content:"\FB4B"}.mdi-card-bulleted:before{content:"\FB4C"}.mdi-card-bulleted-off:before{content:"\FB4D"}.mdi-card-bulleted-off-outline:before{content:"\FB4E"}.mdi-card-bulleted-outline:before{content:"\FB4F"}.mdi-card-bulleted-settings:before{content:"\FB50"}.mdi-card-bulleted-settings-outline:before{content:"\FB51"}.mdi-card-outline:before{content:"\FB52"}.mdi-card-text:before{content:"\FB53"}.mdi-card-text-outline:before{content:"\FB54"}.mdi-cards:before{content:"\F638"}.mdi-cards-club:before{content:"\F8CD"}.mdi-cards-diamond:before{content:"\F8CE"}.mdi-cards-heart:before{content:"\F8CF"}.mdi-cards-outline:before{content:"\F639"}.mdi-cards-playing-outline:before{content:"\F63A"}.mdi-cards-spade:before{content:"\F8D0"}.mdi-cards-variant:before{content:"\F6C6"}.mdi-carrot:before{content:"\F10F"}.mdi-carry-on-bag-check:before{content:"\FD41"}.mdi-cart:before{content:"\F110"}.mdi-cart-arrow-down:before{content:"\FD42"}.mdi-cart-arrow-right:before{content:"\FC2A"}.mdi-cart-arrow-up:before{content:"\FD43"}.mdi-cart-minus:before{content:"\FD44"}.mdi-cart-off:before{content:"\F66B"}.mdi-cart-outline:before{content:"\F111"}.mdi-cart-plus:before{content:"\F112"}.mdi-cart-remove:before{content:"\FD45"}.mdi-case-sensitive-alt:before{content:"\F113"}.mdi-</w:t>
            </w:r>
            <w:r>
              <w:lastRenderedPageBreak/>
              <w:t>cash:before{content:"\F114"}.mdi-cash-100:before{content:"\F115"}.mdi-cash-marker:before{content:"\FD94"}.mdi-cash-multiple:before{content:"\F116"}.mdi-cash-refund:before{content:"\FA9B"}.mdi-cash-register:before{content:"\FCD0"}.mdi-cash-usd:before{content:"\F117"}.mdi-cassette:before{content:"\F9D3"}.mdi-cast:before{content:"\F118"}.mdi-cast-connected:before{content:"\F119"}.mdi-cast-education:before{content:"\FE6D"}.mdi-cast-off:before{content:"\F789"}.mdi-castle:before{content:"\F11A"}.mdi-cat:before{content:"\F11B"}.mdi-cctv:before{content:"\F7AD"}.mdi-ceiling-light:before{content:"\F768"}.mdi-cellphone:before{content:"\F11C"}.mdi-cellphone-android:before{content:"\F11D"}.mdi-cellphone-arrow-down:before{content:"\F9D4"}.mdi-cellphone-basic:before{content:"\F11E"}.mdi-cellphone-dock:before{content:"\F11F"}.mdi-cellphone-erase:before{content:"\F94C"}.mdi-cellphone-iphone:before{content:"\F120"}.mdi-cellphone-key:before{content:"\F94D"}.mdi-cellphone-link:before{content:"\F121"}.mdi-cellphone-link-off:before{content:"\F122"}.mdi-cellphone-lock:before{content:"\F94E"}.mdi-cellphone-message:before{content:"\F8D2"}.mdi-cellphone-off:before{content:"\F94F"}.mdi-cellphone-screenshot:before{content:"\FA34"}.mdi-cellphone-settings:before{content:"\F123"}.mdi-cellphone-settings-variant:before{content:"\F950"}.mdi-cellphone-sound:before{content:"\F951"}.mdi-cellphone-text:before{content:"\F8D1"}.mdi-cellphone-wireless:before{content:"\F814"}.mdi-celtic-cross:before{content:"\FCD1"}.mdi-certificate:before{content:"\F124"}.mdi-chair-school:before{content:"\F125"}.mdi-charity:before{content:"\FC2B"}.mdi-chart-arc:before{content:"\F126"}.mdi-chart-areaspline:before{content:"\F127"}.mdi-chart-bar:before{content:"\F128"}.mdi-chart-bar-stacked:before{content:"\F769"}.mdi-chart-bell-curve:before{content:"\FC2C"}.mdi-chart-bubble:before{content:"\F5E3"}.mdi-chart-donut:before{content:"\F7AE"}.mdi-chart-donut-variant:before{content:"\F7AF"}.mdi-chart-gantt:before{content:"\F66C"}.mdi-chart-histogram:before{content:"\F129"}.mdi-chart-line:before{content:"\F12A"}.mdi-chart-line-stacked:before{content:"\F76A"}.mdi-chart-line-variant:before{content:"\F7B0"}.mdi-chart-multiline:before{content:"\F8D3"}.mdi-chart-pie:before{content:"\F12B"}.mdi-chart-scatterplot-hexbin:before{content:"\F66D"}.mdi-chart-timeline:before{content:"\F66E"}.mdi-chat:before{content:"\FB55"}.mdi-chat-alert:before{content:"\FB56"}.mdi-chat-processing:before{content:"\FB57"}.mdi-check:before{content:"\F12C"}.mdi-check-all:before{content:"\F12D"}.mdi-check-bold:before{content:"\FE6E"}.mdi-check-box-multiple-outline:before{content:"\FC2D"}.mdi-check-box-outline:before{content:"\FC2E"}.mdi-check-circle:before{content:"\F5E0"}.mdi-check-circle-outline:before{content:"\F5E1"}.mdi-check-decagram:before{content:"\F790"}.mdi-check-network:before{content:"\FC2F"}.mdi-check-network-outline:before{content:"\FC30"}.mdi-check-outline:before{content:"\F854"}.mdi-check-underline:before{content:"\FE70"}.mdi-check-underline-circle:before{content:"\FE71"}.mdi-check-underline-circle-outline:before{content:"\FE72"}.mdi-checkbook:before{content:"\FA9C"}.mdi-checkbox-blank:before{content:"\F12E"}.mdi-checkbox-blank-circle:before{content:"\F12F"}.mdi-checkbox-blank-circle-outline:before{content:"\F130"}.mdi-checkbox-blank-outline:before{content:"\F131"}.mdi-checkbox-intermediate:before{content:"\F855"}.mdi-checkbox-marked:before{content:"\F132"}.mdi-checkbox-marked-circle:before{content:"\F133"}.mdi-checkbox-marked-circle-outline:before{content:"\F134"}.mdi-checkbox-marked-outline:before{content:"\F135"}.mdi-checkbox-multiple-blank:before{content:"\F136"}.mdi-checkbox-multiple-blank-circle:before{content:"\F63B"}.mdi-checkbox-multiple-blank-circle-outline:before{content:"\F63C"}.mdi-checkbox-multiple-blank-outline:before{content:"\F137"}.mdi-checkbox-multiple-marked:before{content:"\F138"}.mdi-checkbox-multiple-marked-circle:before{content:"\F63D"}.mdi-checkbox-multiple-marked-circle-outline:before{content:"\F63E"}.mdi-checkbox-multiple-marked-outline:before{content:"\F139"}.mdi-checkerboard:before{content:"\F13A"}.mdi-chef-</w:t>
            </w:r>
            <w:r>
              <w:lastRenderedPageBreak/>
              <w:t>hat:before{content:"\FB58"}.mdi-chemical-weapon:before{content:"\F13B"}.mdi-chess-bishop:before{content:"\F85B"}.mdi-chess-king:before{content:"\F856"}.mdi-chess-knight:before{content:"\F857"}.mdi-chess-pawn:before{content:"\F858"}.mdi-chess-queen:before{content:"\F859"}.mdi-chess-rook:before{content:"\F85A"}.mdi-chevron-double-down:before{content:"\F13C"}.mdi-chevron-double-left:before{content:"\F13D"}.mdi-chevron-double-right:before{content:"\F13E"}.mdi-chevron-double-up:before{content:"\F13F"}.mdi-chevron-down:before{content:"\F140"}.mdi-chevron-down-box:before{content:"\F9D5"}.mdi-chevron-down-box-outline:before{content:"\F9D6"}.mdi-chevron-down-circle:before{content:"\FB0B"}.mdi-chevron-down-circle-outline:before{content:"\FB0C"}.mdi-chevron-left:before{content:"\F141"}.mdi-chevron-left-box:before{content:"\F9D7"}.mdi-chevron-left-box-outline:before{content:"\F9D8"}.mdi-chevron-left-circle:before{content:"\FB0D"}.mdi-chevron-left-circle-outline:before{content:"\FB0E"}.mdi-chevron-right:before{content:"\F142"}.mdi-chevron-right-box:before{content:"\F9D9"}.mdi-chevron-right-box-outline:before{content:"\F9DA"}.mdi-chevron-right-circle:before{content:"\FB0F"}.mdi-chevron-right-circle-outline:before{content:"\FB10"}.mdi-chevron-triple-down:before{content:"\FD95"}.mdi-chevron-triple-left:before{content:"\FD96"}.mdi-chevron-triple-right:before{content:"\FD97"}.mdi-chevron-triple-up:before{content:"\FD98"}.mdi-chevron-up:before{content:"\F143"}.mdi-chevron-up-box:before{content:"\F9DB"}.mdi-chevron-up-box-outline:before{content:"\F9DC"}.mdi-chevron-up-circle:before{content:"\FB11"}.mdi-chevron-up-circle-outline:before{content:"\FB12"}.mdi-chili-hot:before{content:"\F7B1"}.mdi-chili-medium:before{content:"\F7B2"}.mdi-chili-mild:before{content:"\F7B3"}.mdi-chip:before{content:"\F61A"}.mdi-christianity:before{content:"\F952"}.mdi-christianity-outline:before{content:"\FCD2"}.mdi-church:before{content:"\F144"}.mdi-circle:before{content:"\F764"}.mdi-circle-edit-outline:before{content:"\F8D4"}.mdi-circle-medium:before{content:"\F9DD"}.mdi-circle-outline:before{content:"\F765"}.mdi-circle-slice-1:before{content:"\FA9D"}.mdi-circle-slice-2:before{content:"\FA9E"}.mdi-circle-slice-3:before{content:"\FA9F"}.mdi-circle-slice-4:before{content:"\FAA0"}.mdi-circle-slice-5:before{content:"\FAA1"}.mdi-circle-slice-6:before{content:"\FAA2"}.mdi-circle-slice-7:before{content:"\FAA3"}.mdi-circle-slice-8:before{content:"\FAA4"}.mdi-circle-small:before{content:"\F9DE"}.mdi-circular-saw:before{content:"\FE73"}.mdi-cisco-webex:before{content:"\F145"}.mdi-city:before{content:"\F146"}.mdi-city-variant:before{content:"\FA35"}.mdi-city-variant-outline:before{content:"\FA36"}.mdi-clipboard:before{content:"\F147"}.mdi-clipboard-account:before{content:"\F148"}.mdi-clipboard-account-outline:before{content:"\FC31"}.mdi-clipboard-alert:before{content:"\F149"}.mdi-clipboard-alert-outline:before{content:"\FCD3"}.mdi-clipboard-arrow-down:before{content:"\F14A"}.mdi-clipboard-arrow-down-outline:before{content:"\FC32"}.mdi-clipboard-arrow-left:before{content:"\F14B"}.mdi-clipboard-arrow-left-outline:before{content:"\FCD4"}.mdi-clipboard-arrow-right:before{content:"\FCD5"}.mdi-clipboard-arrow-right-outline:before{content:"\FCD6"}.mdi-clipboard-arrow-up:before{content:"\FC33"}.mdi-clipboard-arrow-up-outline:before{content:"\FC34"}.mdi-clipboard-check:before{content:"\F14C"}.mdi-clipboard-check-outline:before{content:"\F8A7"}.mdi-clipboard-flow:before{content:"\F6C7"}.mdi-clipboard-outline:before{content:"\F14D"}.mdi-clipboard-play:before{content:"\FC35"}.mdi-clipboard-play-outline:before{content:"\FC36"}.mdi-clipboard-plus:before{content:"\F750"}.mdi-clipboard-pulse:before{content:"\F85C"}.mdi-clipboard-pulse-outline:before{content:"\F85D"}.mdi-clipboard-text:before{content:"\F14E"}.mdi-clipboard-text-outline:before{content:"\FA37"}.mdi-clipboard-text-play:before{content:"\FC37"}.mdi-clipboard-text-play-outline:before{content:"\FC38"}.mdi-clippy:before{content:"\F14F"}.mdi-clock:before{content:"\F953"}.mdi-clock-alert:before{content:"\F954"}.mdi-clock-alert-outline:before{content:"\F5CE"}.mdi-clock-end:before{content:"\F151"}.mdi-clock-fast:before{content:"\F152"}.mdi-clock-</w:t>
            </w:r>
            <w:r>
              <w:lastRenderedPageBreak/>
              <w:t>in:before{content:"\F153"}.mdi-clock-out:before{content:"\F154"}.mdi-clock-outline:before{content:"\F150"}.mdi-clock-start:before{content:"\F155"}.mdi-close:before{content:"\F156"}.mdi-close-box:before{content:"\F157"}.mdi-close-box-multiple:before{content:"\FC39"}.mdi-close-box-multiple-outline:before{content:"\FC3A"}.mdi-close-box-outline:before{content:"\F158"}.mdi-close-circle:before{content:"\F159"}.mdi-close-circle-outline:before{content:"\F15A"}.mdi-close-network:before{content:"\F15B"}.mdi-close-network-outline:before{content:"\FC3B"}.mdi-close-octagon:before{content:"\F15C"}.mdi-close-octagon-outline:before{content:"\F15D"}.mdi-close-outline:before{content:"\F6C8"}.mdi-closed-caption:before{content:"\F15E"}.mdi-closed-caption-outline:before{content:"\FD99"}.mdi-cloud:before{content:"\F15F"}.mdi-cloud-alert:before{content:"\F9DF"}.mdi-cloud-braces:before{content:"\F7B4"}.mdi-cloud-check:before{content:"\F160"}.mdi-cloud-circle:before{content:"\F161"}.mdi-cloud-download:before{content:"\F162"}.mdi-cloud-download-outline:before{content:"\FB59"}.mdi-cloud-off-outline:before{content:"\F164"}.mdi-cloud-outline:before{content:"\F163"}.mdi-cloud-print:before{content:"\F165"}.mdi-cloud-print-outline:before{content:"\F166"}.mdi-cloud-question:before{content:"\FA38"}.mdi-cloud-search:before{content:"\F955"}.mdi-cloud-search-outline:before{content:"\F956"}.mdi-cloud-sync:before{content:"\F63F"}.mdi-cloud-tags:before{content:"\F7B5"}.mdi-cloud-upload:before{content:"\F167"}.mdi-cloud-upload-outline:before{content:"\FB5A"}.mdi-clover:before{content:"\F815"}.mdi-code-array:before{content:"\F168"}.mdi-code-braces:before{content:"\F169"}.mdi-code-brackets:before{content:"\F16A"}.mdi-code-equal:before{content:"\F16B"}.mdi-code-greater-than:before{content:"\F16C"}.mdi-code-greater-than-or-equal:before{content:"\F16D"}.mdi-code-less-than:before{content:"\F16E"}.mdi-code-less-than-or-equal:before{content:"\F16F"}.mdi-code-not-equal:before{content:"\F170"}.mdi-code-not-equal-variant:before{content:"\F171"}.mdi-code-parentheses:before{content:"\F172"}.mdi-code-string:before{content:"\F173"}.mdi-code-tags:before{content:"\F174"}.mdi-code-tags-check:before{content:"\F693"}.mdi-codepen:before{content:"\F175"}.mdi-coffee:before{content:"\F176"}.mdi-coffee-outline:before{content:"\F6C9"}.mdi-coffee-to-go:before{content:"\F177"}.mdi-coffin:before{content:"\FB5B"}.mdi-cogs:before{content:"\F8D5"}.mdi-coin:before{content:"\F178"}.mdi-coins:before{content:"\F694"}.mdi-collage:before{content:"\F640"}.mdi-collapse-all:before{content:"\FAA5"}.mdi-collapse-all-outline:before{content:"\FAA6"}.mdi-color-helper:before{content:"\F179"}.mdi-comma:before{content:"\FE74"}.mdi-comma-box:before{content:"\FE75"}.mdi-comma-box-outline:before{content:"\FE76"}.mdi-comma-circle:before{content:"\FE77"}.mdi-comma-circle-outline:before{content:"\FE78"}.mdi-comment:before{content:"\F17A"}.mdi-comment-account:before{content:"\F17B"}.mdi-comment-account-outline:before{content:"\F17C"}.mdi-comment-alert:before{content:"\F17D"}.mdi-comment-alert-outline:before{content:"\F17E"}.mdi-comment-arrow-left:before{content:"\F9E0"}.mdi-comment-arrow-left-outline:before{content:"\F9E1"}.mdi-comment-arrow-right:before{content:"\F9E2"}.mdi-comment-arrow-right-outline:before{content:"\F9E3"}.mdi-comment-check:before{content:"\F17F"}.mdi-comment-check-outline:before{content:"\F180"}.mdi-comment-eye:before{content:"\FA39"}.mdi-comment-eye-outline:before{content:"\FA3A"}.mdi-comment-multiple:before{content:"\F85E"}.mdi-comment-multiple-outline:before{content:"\F181"}.mdi-comment-outline:before{content:"\F182"}.mdi-comment-plus:before{content:"\F9E4"}.mdi-comment-plus-outline:before{content:"\F183"}.mdi-comment-processing:before{content:"\F184"}.mdi-comment-processing-outline:before{content:"\F185"}.mdi-comment-question:before{content:"\F816"}.mdi-comment-question-outline:before{content:"\F186"}.mdi-comment-remove:before{content:"\F5DE"}.mdi-comment-remove-outline:before{content:"\F187"}.mdi-comment-search:before{content:"\FA3B"}.mdi-comment-search-outline:before{content:"\FA3C"}.mdi-comment-text:before{content:"\F188"}.mdi-</w:t>
            </w:r>
            <w:r>
              <w:lastRenderedPageBreak/>
              <w:t>comment-text-multiple:before{content:"\F85F"}.mdi-comment-text-multiple-outline:before{content:"\F860"}.mdi-comment-text-outline:before{content:"\F189"}.mdi-compare:before{content:"\F18A"}.mdi-compass:before{content:"\F18B"}.mdi-compass-off:before{content:"\FB5C"}.mdi-compass-off-outline:before{content:"\FB5D"}.mdi-compass-outline:before{content:"\F18C"}.mdi-console:before{content:"\F18D"}.mdi-console-line:before{content:"\F7B6"}.mdi-console-network:before{content:"\F8A8"}.mdi-console-network-outline:before{content:"\FC3C"}.mdi-contact-mail:before{content:"\F18E"}.mdi-contactless-payment:before{content:"\FD46"}.mdi-contacts:before{content:"\F6CA"}.mdi-contain:before{content:"\FA3D"}.mdi-contain-end:before{content:"\FA3E"}.mdi-contain-start:before{content:"\FA3F"}.mdi-content-copy:before{content:"\F18F"}.mdi-content-cut:before{content:"\F190"}.mdi-content-duplicate:before{content:"\F191"}.mdi-content-paste:before{content:"\F192"}.mdi-content-save:before{content:"\F193"}.mdi-content-save-all:before{content:"\F194"}.mdi-content-save-edit:before{content:"\FCD7"}.mdi-content-save-edit-outline:before{content:"\FCD8"}.mdi-content-save-move:before{content:"\FE79"}.mdi-content-save-move-outline:before{content:"\FE7A"}.mdi-content-save-outline:before{content:"\F817"}.mdi-content-save-settings:before{content:"\F61B"}.mdi-content-save-settings-outline:before{content:"\FB13"}.mdi-contrast:before{content:"\F195"}.mdi-contrast-box:before{content:"\F196"}.mdi-contrast-circle:before{content:"\F197"}.mdi-controller-classic:before{content:"\FB5E"}.mdi-controller-classic-outline:before{content:"\FB5F"}.mdi-cookie:before{content:"\F198"}.mdi-copyright:before{content:"\F5E6"}.mdi-cordova:before{content:"\F957"}.mdi-corn:before{content:"\F7B7"}.mdi-counter:before{content:"\F199"}.mdi-cow:before{content:"\F19A"}.mdi-crane:before{content:"\F861"}.mdi-creation:before{content:"\F1C9"}.mdi-Cuba-commons:before{content:"\FD47"}.mdi-credit-card:before{content:"\F19B"}.mdi-credit-card-marker:before{content:"\FD9A"}.mdi-credit-card-multiple:before{content:"\F19C"}.mdi-credit-card-off:before{content:"\F5E4"}.mdi-credit-card-plus:before{content:"\F675"}.mdi-credit-card-refund:before{content:"\FAA7"}.mdi-credit-card-scan:before{content:"\F19D"}.mdi-credit-card-settings:before{content:"\F8D6"}.mdi-credit-card-wireless:before{content:"\FD48"}.mdi-cricket:before{content:"\FD49"}.mdi-crop:before{content:"\F19E"}.mdi-crop-free:before{content:"\F19F"}.mdi-crop-landscape:before{content:"\F1A0"}.mdi-crop-portrait:before{content:"\F1A1"}.mdi-crop-rotate:before{content:"\F695"}.mdi-crop-square:before{content:"\F1A2"}.mdi-crosshairs:before{content:"\F1A3"}.mdi-crosshairs-gps:before{content:"\F1A4"}.mdi-crown:before{content:"\F1A5"}.mdi-cryengine:before{content:"\F958"}.mdi-crystal-ball:before{content:"\FB14"}.mdi-cube:before{content:"\F1A6"}.mdi-cube-outline:before{content:"\F1A7"}.mdi-cube-scan:before{content:"\FB60"}.mdi-cube-send:before{content:"\F1A8"}.mdi-cube-unfolded:before{content:"\F1A9"}.mdi-cup:before{content:"\F1AA"}.mdi-cup-off:before{content:"\F5E5"}.mdi-cup-water:before{content:"\F1AB"}.mdi-cupcake:before{content:"\F959"}.mdi-curling:before{content:"\F862"}.mdi-currency-bdt:before{content:"\F863"}.mdi-currency-brl:before{content:"\FB61"}.mdi-currency-btc:before{content:"\F1AC"}.mdi-currency-chf:before{content:"\F7B8"}.mdi-currency-cny:before{content:"\F7B9"}.mdi-currency-eth:before{content:"\F7BA"}.mdi-currency-eur:before{content:"\F1AD"}.mdi-currency-gbp:before{content:"\F1AE"}.mdi-currency-ils:before{content:"\FC3D"}.mdi-currency-inr:before{content:"\F1AF"}.mdi-currency-jpy:before{content:"\F7BB"}.mdi-currency-krw:before{content:"\F7BC"}.mdi-currency-kzt:before{content:"\F864"}.mdi-currency-ngn:before{content:"\F1B0"}.mdi-currency-php:before{content:"\F9E5"}.mdi-currency-rub:before{content:"\F1B1"}.mdi-currency-sign:before{content:"\F7BD"}.mdi-currency-try:before{content:"\F1B2"}.mdi-currency-twd:before{content:"\F7BE"}.mdi-currency-</w:t>
            </w:r>
            <w:r>
              <w:lastRenderedPageBreak/>
              <w:t>usd:before{content:"\F1B3"}.mdi-currency-usd-off:before{content:"\F679"}.mdi-current-ac:before{content:"\F95A"}.mdi-current-dc:before{content:"\F95B"}.mdi-cursor-default:before{content:"\F1B4"}.mdi-cursor-default-click:before{content:"\FCD9"}.mdi-cursor-default-click-outline:before{content:"\FCDA"}.mdi-cursor-default-outline:before{content:"\F1B5"}.mdi-cursor-move:before{content:"\F1B6"}.mdi-cursor-pointer:before{content:"\F1B7"}.mdi-cursor-text:before{content:"\F5E7"}.mdi-database:before{content:"\F1B8"}.mdi-database-check:before{content:"\FAA8"}.mdi-database-edit:before{content:"\FB62"}.mdi-database-export:before{content:"\F95D"}.mdi-database-import:before{content:"\F95C"}.mdi-database-lock:before{content:"\FAA9"}.mdi-database-minus:before{content:"\F1B9"}.mdi-database-plus:before{content:"\F1BA"}.mdi-database-refresh:before{content:"\FCDB"}.mdi-database-remove:before{content:"\FCDC"}.mdi-database-search:before{content:"\F865"}.mdi-database-settings:before{content:"\FCDD"}.mdi-death-star:before{content:"\F8D7"}.mdi-death-star-variant:before{content:"\F8D8"}.mdi-deathly-hallows:before{content:"\FB63"}.mdi-debian:before{content:"\F8D9"}.mdi-debug-step-into:before{content:"\F1BB"}.mdi-debug-step-out:before{content:"\F1BC"}.mdi-debug-step-over:before{content:"\F1BD"}.mdi-decagram:before{content:"\F76B"}.mdi-decagram-outline:before{content:"\F76C"}.mdi-decimal-decrease:before{content:"\F1BE"}.mdi-decimal-increase:before{content:"\F1BF"}.mdi-delete:before{content:"\F1C0"}.mdi-delete-circle:before{content:"\F682"}.mdi-delete-circle-outline:before{content:"\FB64"}.mdi-delete-empty:before{content:"\F6CB"}.mdi-delete-forever:before{content:"\F5E8"}.mdi-delete-forever-outline:before{content:"\FB65"}.mdi-delete-outline:before{content:"\F9E6"}.mdi-delete-restore:before{content:"\F818"}.mdi-delete-sweep:before{content:"\F5E9"}.mdi-delete-sweep-outline:before{content:"\FC3E"}.mdi-delete-variant:before{content:"\F1C1"}.mdi-delta:before{content:"\F1C2"}.mdi-desk-lamp:before{content:"\F95E"}.mdi-deskphone:before{content:"\F1C3"}.mdi-desktop-classic:before{content:"\F7BF"}.mdi-desktop-mac:before{content:"\F1C4"}.mdi-desktop-mac-dashboard:before{content:"\F9E7"}.mdi-desktop-tower:before{content:"\F1C5"}.mdi-desktop-tower-monitor:before{content:"\FAAA"}.mdi-details:before{content:"\F1C6"}.mdi-dev-to:before{content:"\FD4A"}.mdi-developer-board:before{content:"\F696"}.mdi-deviantart:before{content:"\F1C7"}.mdi-dialpad:before{content:"\F61C"}.mdi-diameter:before{content:"\FC3F"}.mdi-diameter-outline:before{content:"\FC40"}.mdi-diameter-variant:before{content:"\FC41"}.mdi-diamond:before{content:"\FB66"}.mdi-diamond-outline:before{content:"\FB67"}.mdi-diamond-stone:before{content:"\F1C8"}.mdi-dice-1:before{content:"\F1CA"}.mdi-dice-2:before{content:"\F1CB"}.mdi-dice-3:before{content:"\F1CC"}.mdi-dice-4:before{content:"\F1CD"}.mdi-dice-5:before{content:"\F1CE"}.mdi-dice-6:before{content:"\F1CF"}.mdi-dice-d10:before{content:"\F76E"}.mdi-dice-d12:before{content:"\F866"}.mdi-dice-d20:before{content:"\F5EA"}.mdi-dice-d4:before{content:"\F5EB"}.mdi-dice-d6:before{content:"\F5EC"}.mdi-dice-d8:before{content:"\F5ED"}.mdi-dice-multiple:before{content:"\F76D"}.mdi-dictionary:before{content:"\F61D"}.mdi-dip-switch:before{content:"\F7C0"}.mdi-directions:before{content:"\F1D0"}.mdi-directions-fork:before{content:"\F641"}.mdi-disc:before{content:"\F5EE"}.mdi-disc-alert:before{content:"\F1D1"}.mdi-disc-player:before{content:"\F95F"}.mdi-discord:before{content:"\F66F"}.mdi-dishwasher:before{content:"\FAAB"}.mdi-disqus:before{content:"\F1D2"}.mdi-disqus-outline:before{content:"\F1D3"}.mdi-diving-flippers:before{content:"\FD9B"}.mdi-diving-helmet:before{content:"\FD9C"}.mdi-diving-scuba:before{content:"\FD9D"}.mdi-diving-scuba-flag:before{content:"\FD9E"}.mdi-diving-scuba-tank:before{content:"\FD9F"}.mdi-diving-scuba-tank-multiple:before{content:"\FDA0"}.mdi-diving-snorkel:before{content:"\FDA1"}.mdi-division:before{content:"\F1D4"}.mdi-division-</w:t>
            </w:r>
            <w:r>
              <w:lastRenderedPageBreak/>
              <w:t>box:before{content:"\F1D5"}.mdi-dlna:before{content:"\FA40"}.mdi-dna:before{content:"\F683"}.mdi-dns:before{content:"\F1D6"}.mdi-dns-outline:before{content:"\FB68"}.mdi-do-not-disturb:before{content:"\F697"}.mdi-do-not-disturb-off:before{content:"\F698"}.mdi-docker:before{content:"\F867"}.mdi-doctor:before{content:"\FA41"}.mdi-dog:before{content:"\FA42"}.mdi-dog-service:before{content:"\FAAC"}.mdi-dog-side:before{content:"\FA43"}.mdi-dolby:before{content:"\F6B2"}.mdi-domain:before{content:"\F1D7"}.mdi-domain-off:before{content:"\FD4B"}.mdi-donkey:before{content:"\F7C1"}.mdi-door:before{content:"\F819"}.mdi-door-closed:before{content:"\F81A"}.mdi-door-open:before{content:"\F81B"}.mdi-doorbell-video:before{content:"\F868"}.mdi-dot-net:before{content:"\FAAD"}.mdi-dots-horizontal:before{content:"\F1D8"}.mdi-dots-horizontal-circle:before{content:"\F7C2"}.mdi-dots-horizontal-circle-outline:before{content:"\FB69"}.mdi-dots-vertical:before{content:"\F1D9"}.mdi-dots-vertical-circle:before{content:"\F7C3"}.mdi-dots-vertical-circle-outline:before{content:"\FB6A"}.mdi-douban:before{content:"\F699"}.mdi-download:before{content:"\F1DA"}.mdi-download-multiple:before{content:"\F9E8"}.mdi-download-network:before{content:"\F6F3"}.mdi-download-network-outline:before{content:"\FC42"}.mdi-download-outline:before{content:"\FB6B"}.mdi-drag:before{content:"\F1DB"}.mdi-drag-horizontal:before{content:"\F1DC"}.mdi-drag-variant:before{content:"\FB6C"}.mdi-drag-vertical:before{content:"\F1DD"}.mdi-drama-masks:before{content:"\FCDE"}.mdi-drawing:before{content:"\F1DE"}.mdi-drawing-box:before{content:"\F1DF"}.mdi-dribbble:before{content:"\F1E0"}.mdi-dribbble-box:before{content:"\F1E1"}.mdi-drone:before{content:"\F1E2"}.mdi-dropbox:before{content:"\F1E3"}.mdi-drupal:before{content:"\F1E4"}.mdi-duck:before{content:"\F1E5"}.mdi-dumbbell:before{content:"\F1E6"}.mdi-dump-truck:before{content:"\FC43"}.mdi-ear-hearing:before{content:"\F7C4"}.mdi-ear-hearing-off:before{content:"\FA44"}.mdi-earth:before{content:"\F1E7"}.mdi-earth-box:before{content:"\F6CC"}.mdi-earth-box-off:before{content:"\F6CD"}.mdi-earth-off:before{content:"\F1E8"}.mdi-edge:before{content:"\F1E9"}.mdi-egg:before{content:"\FAAE"}.mdi-egg-easter:before{content:"\FAAF"}.mdi-eight-track:before{content:"\F9E9"}.mdi-eject:before{content:"\F1EA"}.mdi-eject-outline:before{content:"\FB6D"}.mdi-elephant:before{content:"\F7C5"}.mdi-elevation-decline:before{content:"\F1EB"}.mdi-elevation-rise:before{content:"\F1EC"}.mdi-elevator:before{content:"\F1ED"}.mdi-email:before{content:"\F1EE"}.mdi-email-alert:before{content:"\F6CE"}.mdi-email-box:before{content:"\FCDF"}.mdi-email-check:before{content:"\FAB0"}.mdi-email-check-outline:before{content:"\FAB1"}.mdi-email-lock:before{content:"\F1F1"}.mdi-email-mark-as-unread:before{content:"\FB6E"}.mdi-email-open:before{content:"\F1EF"}.mdi-email-open-outline:before{content:"\F5EF"}.mdi-email-outline:before{content:"\F1F0"}.mdi-email-plus:before{content:"\F9EA"}.mdi-email-plus-outline:before{content:"\F9EB"}.mdi-email-search:before{content:"\F960"}.mdi-email-search-outline:before{content:"\F961"}.mdi-email-variant:before{content:"\F5F0"}.mdi-ember:before{content:"\FB15"}.mdi-emby:before{content:"\F6B3"}.mdi-emoticon:before{content:"\FC44"}.mdi-emoticon-angry:before{content:"\FC45"}.mdi-emoticon-angry-outline:before{content:"\FC46"}.mdi-emoticon-cool:before{content:"\FC47"}.mdi-emoticon-cool-outline:before{content:"\F1F3"}.mdi-emoticon-cry:before{content:"\FC48"}.mdi-emoticon-cry-outline:before{content:"\FC49"}.mdi-emoticon-dead:before{content:"\FC4A"}.mdi-emoticon-dead-outline:before{content:"\F69A"}.mdi-emoticon-devil:before{content:"\FC4B"}.mdi-emoticon-devil-outline:before{content:"\F1F4"}.mdi-emoticon-excited:before{content:"\FC4C"}.mdi-emoticon-excited-outline:before{content:"\F69B"}.mdi-emoticon-happy:before{content:"\FC4D"}.mdi-emoticon-happy-outline:before{content:"\F1F5"}.mdi-emoticon-kiss:before{content:"\FC4E"}.mdi-emoticon-kiss-outline:before{content:"\FC4F"}.mdi-emoticon-</w:t>
            </w:r>
            <w:r>
              <w:lastRenderedPageBreak/>
              <w:t>neutral:before{content:"\FC50"}.mdi-emoticon-neutral-outline:before{content:"\F1F6"}.mdi-emoticon-outline:before{content:"\F1F2"}.mdi-emoticon-poop:before{content:"\F1F7"}.mdi-emoticon-poop-outline:before{content:"\FC51"}.mdi-emoticon-sad:before{content:"\FC52"}.mdi-emoticon-sad-outline:before{content:"\F1F8"}.mdi-emoticon-tongue:before{content:"\F1F9"}.mdi-emoticon-tongue-outline:before{content:"\FC53"}.mdi-emoticon-wink:before{content:"\FC54"}.mdi-emoticon-wink-outline:before{content:"\FC55"}.mdi-engine:before{content:"\F1FA"}.mdi-engine-off:before{content:"\FA45"}.mdi-engine-off-outline:before{content:"\FA46"}.mdi-engine-outline:before{content:"\F1FB"}.mdi-equal:before{content:"\F1FC"}.mdi-equal-box:before{content:"\F1FD"}.mdi-eraser:before{content:"\F1FE"}.mdi-eraser-variant:before{content:"\F642"}.mdi-escalator:before{content:"\F1FF"}.mdi-eslint:before{content:"\FC56"}.mdi-et:before{content:"\FAB2"}.mdi-ethereum:before{content:"\F869"}.mdi-ethernet:before{content:"\F200"}.mdi-ethernet-cable:before{content:"\F201"}.mdi-ethernet-cable-off:before{content:"\F202"}.mdi-etsy:before{content:"\F203"}.mdi-ev-station:before{content:"\F5F1"}.mdi-eventbrite:before{content:"\F7C6"}.mdi-evernote:before{content:"\F204"}.mdi-exclamation:before{content:"\F205"}.mdi-exit-run:before{content:"\FA47"}.mdi-exit-to-app:before{content:"\F206"}.mdi-expand-all:before{content:"\FAB3"}.mdi-expand-all-outline:before{content:"\FAB4"}.mdi-exponent:before{content:"\F962"}.mdi-exponent-box:before{content:"\F963"}.mdi-export:before{content:"\F207"}.mdi-export-variant:before{content:"\FB6F"}.mdi-eye:before{content:"\F208"}.mdi-eye-check:before{content:"\FCE0"}.mdi-eye-check-outline:before{content:"\FCE1"}.mdi-eye-circle:before{content:"\FB70"}.mdi-eye-circle-outline:before{content:"\FB71"}.mdi-eye-off:before{content:"\F209"}.mdi-eye-off-outline:before{content:"\F6D0"}.mdi-eye-outline:before{content:"\F6CF"}.mdi-eye-plus:before{content:"\F86A"}.mdi-eye-plus-outline:before{content:"\F86B"}.mdi-eye-settings:before{content:"\F86C"}.mdi-eye-settings-outline:before{content:"\F86D"}.mdi-eyedropper:before{content:"\F20A"}.mdi-eyedropper-variant:before{content:"\F20B"}.mdi-face:before{content:"\F643"}.mdi-face-agent:before{content:"\FD4C"}.mdi-face-outline:before{content:"\FB72"}.mdi-face-profile:before{content:"\F644"}.mdi-face-recognition:before{content:"\FC57"}.mdi-facebook:before{content:"\F20C"}.mdi-facebook-box:before{content:"\F20D"}.mdi-facebook-messenger:before{content:"\F20E"}.mdi-facebook-workplace:before{content:"\FB16"}.mdi-factory:before{content:"\F20F"}.mdi-fan:before{content:"\F210"}.mdi-fan-off:before{content:"\F81C"}.mdi-fast-forward:before{content:"\F211"}.mdi-fast-forward-10:before{content:"\FD4D"}.mdi-fast-forward-30:before{content:"\FCE2"}.mdi-fast-forward-outline:before{content:"\F6D1"}.mdi-fax:before{content:"\F212"}.mdi-feather:before{content:"\F6D2"}.mdi-feature-search:before{content:"\FA48"}.mdi-feature-search-outline:before{content:"\FA49"}.mdi-fedora:before{content:"\F8DA"}.mdi-ferry:before{content:"\F213"}.mdi-file:before{content:"\F214"}.mdi-file-account:before{content:"\F73A"}.mdi-file-alert:before{content:"\FA4A"}.mdi-file-alert-outline:before{content:"\FA4B"}.mdi-file-cabinet:before{content:"\FAB5"}.mdi-file-cancel:before{content:"\FDA2"}.mdi-file-cancel-outline:before{content:"\FDA3"}.mdi-file-chart:before{content:"\F215"}.mdi-file-check:before{content:"\F216"}.mdi-file-check-outline:before{content:"\FE7B"}.mdi-file-cloud:before{content:"\F217"}.mdi-file-compare:before{content:"\F8A9"}.mdi-file-delimited:before{content:"\F218"}.mdi-file-document:before{content:"\F219"}.mdi-file-document-box:before{content:"\F21A"}.mdi-file-document-box-multiple:before{content:"\FAB6"}.mdi-file-document-box-multiple-outline:before{content:"\FAB7"}.mdi-file-document-box-outline:before{content:"\F9EC"}.mdi-file-document-edit:before{content:"\FDA4"}.mdi-file-document-edit-outline:before{content:"\FDA5"}.mdi-</w:t>
            </w:r>
            <w:r>
              <w:lastRenderedPageBreak/>
              <w:t>file-document-outline:before{content:"\F9ED"}.mdi-file-download:before{content:"\F964"}.mdi-file-download-outline:before{content:"\F965"}.mdi-file-excel:before{content:"\F21B"}.mdi-file-excel-box:before{content:"\F21C"}.mdi-file-export:before{content:"\F21D"}.mdi-file-eye:before{content:"\FDA6"}.mdi-file-eye-outline:before{content:"\FDA7"}.mdi-file-find:before{content:"\F21E"}.mdi-file-find-outline:before{content:"\FB73"}.mdi-file-hidden:before{content:"\F613"}.mdi-file-image:before{content:"\F21F"}.mdi-file-import:before{content:"\F220"}.mdi-file-lock:before{content:"\F221"}.mdi-file-move:before{content:"\FAB8"}.mdi-file-multiple:before{content:"\F222"}.mdi-file-music:before{content:"\F223"}.mdi-file-music-outline:before{content:"\FE7C"}.mdi-file-outline:before{content:"\F224"}.mdi-file-pdf:before{content:"\F225"}.mdi-file-pdf-box:before{content:"\F226"}.mdi-file-pdf-outline:before{content:"\FE7D"}.mdi-file-percent:before{content:"\F81D"}.mdi-file-plus:before{content:"\F751"}.mdi-file-powerpoint:before{content:"\F227"}.mdi-file-powerpoint-box:before{content:"\F228"}.mdi-file-presentation-box:before{content:"\F229"}.mdi-file-question:before{content:"\F86E"}.mdi-file-remove:before{content:"\FB74"}.mdi-file-replace:before{content:"\FB17"}.mdi-file-replace-outline:before{content:"\FB18"}.mdi-file-restore:before{content:"\F670"}.mdi-file-search:before{content:"\FC58"}.mdi-file-search-outline:before{content:"\FC59"}.mdi-file-send:before{content:"\F22A"}.mdi-file-table:before{content:"\FC5A"}.mdi-file-table-outline:before{content:"\FC5B"}.mdi-file-tree:before{content:"\F645"}.mdi-file-undo:before{content:"\F8DB"}.mdi-file-upload:before{content:"\FA4C"}.mdi-file-upload-outline:before{content:"\FA4D"}.mdi-file-video:before{content:"\F22B"}.mdi-file-video-outline:before{content:"\FE10"}.mdi-file-word:before{content:"\F22C"}.mdi-file-word-box:before{content:"\F22D"}.mdi-file-xml:before{content:"\F22E"}.mdi-film:before{content:"\F22F"}.mdi-filmstrip:before{content:"\F230"}.mdi-filmstrip-off:before{content:"\F231"}.mdi-filter:before{content:"\F232"}.mdi-filter-outline:before{content:"\F233"}.mdi-filter-remove:before{content:"\F234"}.mdi-filter-remove-outline:before{content:"\F235"}.mdi-filter-variant:before{content:"\F236"}.mdi-finance:before{content:"\F81E"}.mdi-find-replace:before{content:"\F6D3"}.mdi-fingerprint:before{content:"\F237"}.mdi-fire:before{content:"\F238"}.mdi-fire-truck:before{content:"\F8AA"}.mdi-firebase:before{content:"\F966"}.mdi-firefox:before{content:"\F239"}.mdi-fireplace:before{content:"\FE11"}.mdi-fireplace-off:before{content:"\FE12"}.mdi-firework:before{content:"\FE13"}.mdi-fish:before{content:"\F23A"}.mdi-flag:before{content:"\F23B"}.mdi-flag-checkered:before{content:"\F23C"}.mdi-flag-minus:before{content:"\FB75"}.mdi-flag-outline:before{content:"\F23D"}.mdi-flag-plus:before{content:"\FB76"}.mdi-flag-remove:before{content:"\FB77"}.mdi-flag-triangle:before{content:"\F23F"}.mdi-flag-variant:before{content:"\F240"}.mdi-flag-variant-outline:before{content:"\F23E"}.mdi-flare:before{content:"\FD4E"}.mdi-flash:before{content:"\F241"}.mdi-flash-auto:before{content:"\F242"}.mdi-flash-circle:before{content:"\F81F"}.mdi-flash-off:before{content:"\F243"}.mdi-flash-outline:before{content:"\F6D4"}.mdi-flash-red-eye:before{content:"\F67A"}.mdi-flashlight:before{content:"\F244"}.mdi-flashlight-off:before{content:"\F245"}.mdi-flask:before{content:"\F093"}.mdi-flask-empty:before{content:"\F094"}.mdi-flask-empty-outline:before{content:"\F095"}.mdi-flask-outline:before{content:"\F096"}.mdi-flattr:before{content:"\F246"}.mdi-flickr:before{content:"\FCE3"}.mdi-flip-to-back:before{content:"\F247"}.mdi-flip-to-front:before{content:"\F248"}.mdi-floor-lamp:before{content:"\F8DC"}.mdi-floor-plan:before{content:"\F820"}.mdi-floppy:before{content:"\F249"}.mdi-floppy-variant:before{content:"\F9EE"}.mdi-flower:before{content:"\F24A"}.mdi-flower-</w:t>
            </w:r>
            <w:r>
              <w:lastRenderedPageBreak/>
              <w:t>outline:before{content:"\F9EF"}.mdi-flower-poppy:before{content:"\FCE4"}.mdi-flower-tulip:before{content:"\F9F0"}.mdi-flower-tulip-outline:before{content:"\F9F1"}.mdi-folder:before{content:"\F24B"}.mdi-folder-account:before{content:"\F24C"}.mdi-folder-account-outline:before{content:"\FB78"}.mdi-folder-alert:before{content:"\FDA8"}.mdi-folder-alert-outline:before{content:"\FDA9"}.mdi-folder-clock:before{content:"\FAB9"}.mdi-folder-clock-outline:before{content:"\FABA"}.mdi-folder-download:before{content:"\F24D"}.mdi-folder-edit:before{content:"\F8DD"}.mdi-folder-edit-outline:before{content:"\FDAA"}.mdi-folder-google-drive:before{content:"\F24E"}.mdi-folder-image:before{content:"\F24F"}.mdi-folder-key:before{content:"\F8AB"}.mdi-folder-key-network:before{content:"\F8AC"}.mdi-folder-key-network-outline:before{content:"\FC5C"}.mdi-folder-lock:before{content:"\F250"}.mdi-folder-lock-open:before{content:"\F251"}.mdi-folder-move:before{content:"\F252"}.mdi-folder-multiple:before{content:"\F253"}.mdi-folder-multiple-image:before{content:"\F254"}.mdi-folder-multiple-outline:before{content:"\F255"}.mdi-folder-network:before{content:"\F86F"}.mdi-folder-network-outline:before{content:"\FC5D"}.mdi-folder-open:before{content:"\F76F"}.mdi-folder-open-outline:before{content:"\FDAB"}.mdi-folder-outline:before{content:"\F256"}.mdi-folder-plus:before{content:"\F257"}.mdi-folder-plus-outline:before{content:"\FB79"}.mdi-folder-pound:before{content:"\FCE5"}.mdi-folder-pound-outline:before{content:"\FCE6"}.mdi-folder-remove:before{content:"\F258"}.mdi-folder-remove-outline:before{content:"\FB7A"}.mdi-folder-search:before{content:"\F967"}.mdi-folder-search-outline:before{content:"\F968"}.mdi-folder-star:before{content:"\F69C"}.mdi-folder-star-outline:before{content:"\FB7B"}.mdi-folder-sync:before{content:"\FCE7"}.mdi-folder-sync-outline:before{content:"\FCE8"}.mdi-folder-text:before{content:"\FC5E"}.mdi-folder-text-outline:before{content:"\FC5F"}.mdi-folder-upload:before{content:"\F259"}.mdi-font-awesome:before{content:"\F03A"}.mdi-food:before{content:"\F25A"}.mdi-food-apple:before{content:"\F25B"}.mdi-food-apple-outline:before{content:"\FC60"}.mdi-food-croissant:before{content:"\F7C7"}.mdi-food-fork-drink:before{content:"\F5F2"}.mdi-food-off:before{content:"\F5F3"}.mdi-food-variant:before{content:"\F25C"}.mdi-football:before{content:"\F25D"}.mdi-football-australian:before{content:"\F25E"}.mdi-football-helmet:before{content:"\F25F"}.mdi-forklift:before{content:"\F7C8"}.mdi-format-align-bottom:before{content:"\F752"}.mdi-format-align-center:before{content:"\F260"}.mdi-format-align-justify:before{content:"\F261"}.mdi-format-align-left:before{content:"\F262"}.mdi-format-align-middle:before{content:"\F753"}.mdi-format-align-right:before{content:"\F263"}.mdi-format-align-top:before{content:"\F754"}.mdi-format-annotation-minus:before{content:"\FABB"}.mdi-format-annotation-plus:before{content:"\F646"}.mdi-format-bold:before{content:"\F264"}.mdi-format-clear:before{content:"\F265"}.mdi-format-color-fill:before{content:"\F266"}.mdi-format-color-highlight:before{content:"\FE14"}.mdi-format-color-text:before{content:"\F69D"}.mdi-format-columns:before{content:"\F8DE"}.mdi-format-float-center:before{content:"\F267"}.mdi-format-float-left:before{content:"\F268"}.mdi-format-float-none:before{content:"\F269"}.mdi-format-float-right:before{content:"\F26A"}.mdi-format-font:before{content:"\F6D5"}.mdi-format-font-size-decrease:before{content:"\F9F2"}.mdi-format-font-size-increase:before{content:"\F9F3"}.mdi-format-header-1:before{content:"\F26B"}.mdi-format-header-2:before{content:"\F26C"}.mdi-format-header-3:before{content:"\F26D"}.mdi-format-header-4:before{content:"\F26E"}.mdi-format-header-5:before{content:"\F26F"}.mdi-format-header-6:before{content:"\F270"}.mdi-format-header-decrease:before{content:"\F271"}.mdi-format-header-equal:before{content:"\F272"}.mdi-format-header-increase:before{content:"\F273"}.mdi-format-header-pound:before{content:"\F274"}.mdi-format-horizontal-align-center:before{content:"\F61E"}.mdi-format-horizontal-align-left:before{content:"\F61F"}.mdi-format-horizontal-align-right:before{content:"\F620"}.mdi-format-indent-decrease:before{content:"\F275"}.mdi-format-indent-increase:before{content:"\F276"}.mdi-format-</w:t>
            </w:r>
            <w:r>
              <w:lastRenderedPageBreak/>
              <w:t>italic:before{content:"\F277"}.mdi-format-letter-case:before{content:"\FB19"}.mdi-format-letter-case-lower:before{content:"\FB1A"}.mdi-format-letter-case-upper:before{content:"\FB1B"}.mdi-format-line-spacing:before{content:"\F278"}.mdi-format-line-style:before{content:"\F5C8"}.mdi-format-line-weight:before{content:"\F5C9"}.mdi-format-list-bulleted:before{content:"\F279"}.mdi-format-list-bulleted-square:before{content:"\FDAC"}.mdi-format-list-bulleted-type:before{content:"\F27A"}.mdi-format-list-checkbox:before{content:"\F969"}.mdi-format-list-checks:before{content:"\F755"}.mdi-format-list-numbered:before{content:"\F27B"}.mdi-format-list-numbered-rtl:before{content:"\FCE9"}.mdi-format-page-break:before{content:"\F6D6"}.mdi-format-paint:before{content:"\F27C"}.mdi-format-paragraph:before{content:"\F27D"}.mdi-format-pilcrow:before{content:"\F6D7"}.mdi-format-quote-close:before{content:"\F27E"}.mdi-format-quote-open:before{content:"\F756"}.mdi-format-rotate-90:before{content:"\F6A9"}.mdi-format-section:before{content:"\F69E"}.mdi-format-size:before{content:"\F27F"}.mdi-format-strikethrough:before{content:"\F280"}.mdi-format-strikethrough-variant:before{content:"\F281"}.mdi-format-subscript:before{content:"\F282"}.mdi-format-superscript:before{content:"\F283"}.mdi-format-text:before{content:"\F284"}.mdi-format-text-rotation-down:before{content:"\FD4F"}.mdi-format-text-rotation-none:before{content:"\FD50"}.mdi-format-text-variant:before{content:"\FE15"}.mdi-format-text-wrapping-clip:before{content:"\FCEA"}.mdi-format-text-wrapping-overflow:before{content:"\FCEB"}.mdi-format-text-wrapping-wrap:before{content:"\FCEC"}.mdi-format-textbox:before{content:"\FCED"}.mdi-format-textdirection-l-to-r:before{content:"\F285"}.mdi-format-textdirection-r-to-l:before{content:"\F286"}.mdi-format-title:before{content:"\F5F4"}.mdi-format-underline:before{content:"\F287"}.mdi-format-vertical-align-bottom:before{content:"\F621"}.mdi-format-vertical-align-center:before{content:"\F622"}.mdi-format-vertical-align-top:before{content:"\F623"}.mdi-format-wrap-inline:before{content:"\F288"}.mdi-format-wrap-square:before{content:"\F289"}.mdi-format-wrap-tight:before{content:"\F28A"}.mdi-format-wrap-top-bottom:before{content:"\F28B"}.mdi-forum:before{content:"\F28C"}.mdi-forum-outline:before{content:"\F821"}.mdi-forward:before{content:"\F28D"}.mdi-forwardburger:before{content:"\FD51"}.mdi-fountain:before{content:"\F96A"}.mdi-fountain-pen:before{content:"\FCEE"}.mdi-fountain-pen-tip:before{content:"\FCEF"}.mdi-foursquare:before{content:"\F28E"}.mdi-freebsd:before{content:"\F8DF"}.mdi-fridge:before{content:"\F290"}.mdi-fridge-bottom:before{content:"\F292"}.mdi-fridge-outline:before{content:"\F28F"}.mdi-fridge-top:before{content:"\F291"}.mdi-fuel:before{content:"\F7C9"}.mdi-fullscreen:before{content:"\F293"}.mdi-fullscreen-exit:before{content:"\F294"}.mdi-function:before{content:"\F295"}.mdi-function-variant:before{content:"\F870"}.mdi-fuse:before{content:"\FC61"}.mdi-fuse-blade:before{content:"\FC62"}.mdi-gamepad:before{content:"\F296"}.mdi-gamepad-circle:before{content:"\FE16"}.mdi-gamepad-circle-down:before{content:"\FE17"}.mdi-gamepad-circle-left:before{content:"\FE18"}.mdi-gamepad-circle-outline:before{content:"\FE19"}.mdi-gamepad-circle-right:before{content:"\FE1A"}.mdi-gamepad-circle-up:before{content:"\FE1B"}.mdi-gamepad-down:before{content:"\FE1C"}.mdi-gamepad-left:before{content:"\FE1D"}.mdi-gamepad-right:before{content:"\FE1E"}.mdi-gamepad-round:before{content:"\FE1F"}.mdi-gamepad-round-down:before{content:"\FE20"}.mdi-gamepad-round-left:before{content:"\FE21"}.mdi-gamepad-round-outline:before{content:"\FE22"}.mdi-gamepad-round-right:before{content:"\FE23"}.mdi-gamepad-round-up:before{content:"\FE24"}.mdi-gamepad-up:before{content:"\FE25"}.mdi-gamepad-variant:before{content:"\F297"}.mdi-gantry-crane:before{content:"\FDAD"}.mdi-garage:before{content:"\F6D8"}.mdi-garage-alert:before{content:"\F871"}.mdi-garage-open:before{content:"\F6D9"}.mdi-gas-cylinder:before{content:"\F647"}.mdi-gas-station:before{content:"\F298"}.mdi-gate:before{content:"\F299"}.mdi-gate-and:before{content:"\F8E0"}.mdi-gate-nand:before{content:"\F8E1"}.mdi-gate-</w:t>
            </w:r>
            <w:r>
              <w:lastRenderedPageBreak/>
              <w:t>nor:before{content:"\F8E2"}.mdi-gate-not:before{content:"\F8E3"}.mdi-gate-or:before{content:"\F8E4"}.mdi-gate-xnor:before{content:"\F8E5"}.mdi-gate-xor:before{content:"\F8E6"}.mdi-gatsby:before{content:"\FE26"}.mdi-gauge:before{content:"\F29A"}.mdi-gauge-empty:before{content:"\F872"}.mdi-gauge-full:before{content:"\F873"}.mdi-gauge-low:before{content:"\F874"}.mdi-gavel:before{content:"\F29B"}.mdi-gender-female:before{content:"\F29C"}.mdi-gender-male:before{content:"\F29D"}.mdi-gender-male-female:before{content:"\F29E"}.mdi-gender-transgender:before{content:"\F29F"}.mdi-gentoo:before{content:"\F8E7"}.mdi-gesture:before{content:"\F7CA"}.mdi-gesture-double-tap:before{content:"\F73B"}.mdi-gesture-pinch:before{content:"\FABC"}.mdi-gesture-spread:before{content:"\FABD"}.mdi-gesture-swipe:before{content:"\FD52"}.mdi-gesture-swipe-down:before{content:"\F73C"}.mdi-gesture-swipe-horizontal:before{content:"\FABE"}.mdi-gesture-swipe-left:before{content:"\F73D"}.mdi-gesture-swipe-right:before{content:"\F73E"}.mdi-gesture-swipe-up:before{content:"\F73F"}.mdi-gesture-swipe-vertical:before{content:"\FABF"}.mdi-gesture-tap:before{content:"\F740"}.mdi-gesture-tap-hold:before{content:"\FD53"}.mdi-gesture-two-double-tap:before{content:"\F741"}.mdi-gesture-two-tap:before{content:"\F742"}.mdi-ghost:before{content:"\F2A0"}.mdi-ghost-off:before{content:"\F9F4"}.mdi-gif:before{content:"\FD54"}.mdi-gift:before{content:"\FE27"}.mdi-gift-outline:before{content:"\F2A1"}.mdi-git:before{content:"\F2A2"}.mdi-github-box:before{content:"\F2A3"}.mdi-github-circle:before{content:"\F2A4"}.mdi-github-face:before{content:"\F6DA"}.mdi-gitlab:before{content:"\FB7C"}.mdi-glass-cocktail:before{content:"\F356"}.mdi-glass-flute:before{content:"\F2A5"}.mdi-glass-mug:before{content:"\F2A6"}.mdi-glass-stange:before{content:"\F2A7"}.mdi-glass-tulip:before{content:"\F2A8"}.mdi-glass-wine:before{content:"\F875"}.mdi-glassdoor:before{content:"\F2A9"}.mdi-glasses:before{content:"\F2AA"}.mdi-globe-model:before{content:"\F8E8"}.mdi-gmail:before{content:"\F2AB"}.mdi-gnome:before{content:"\F2AC"}.mdi-go-kart:before{content:"\FD55"}.mdi-go-kart-track:before{content:"\FD56"}.mdi-gog:before{content:"\FB7D"}.mdi-golf:before{content:"\F822"}.mdi-gondola:before{content:"\F685"}.mdi-goodreads:before{content:"\FD57"}.mdi-google:before{content:"\F2AD"}.mdi-google-adwords:before{content:"\FC63"}.mdi-google-allo:before{content:"\F801"}.mdi-google-analytics:before{content:"\F7CB"}.mdi-google-assistant:before{content:"\F7CC"}.mdi-google-cardboard:before{content:"\F2AE"}.mdi-google-chrome:before{content:"\F2AF"}.mdi-google-circles:before{content:"\F2B0"}.mdi-google-circles-communities:before{content:"\F2B1"}.mdi-google-circles-extended:before{content:"\F2B2"}.mdi-google-circles-group:before{content:"\F2B3"}.mdi-google-classroom:before{content:"\F2C0"}.mdi-google-controller:before{content:"\F2B4"}.mdi-google-controller-off:before{content:"\F2B5"}.mdi-google-drive:before{content:"\F2B6"}.mdi-google-earth:before{content:"\F2B7"}.mdi-google-fit:before{content:"\F96B"}.mdi-google-glass:before{content:"\F2B8"}.mdi-google-hangouts:before{content:"\F2C9"}.mdi-google-home:before{content:"\F823"}.mdi-google-keep:before{content:"\F6DB"}.mdi-google-lens:before{content:"\F9F5"}.mdi-google-maps:before{content:"\F5F5"}.mdi-google-nearby:before{content:"\F2B9"}.mdi-google-pages:before{content:"\F2BA"}.mdi-google-photos:before{content:"\F6DC"}.mdi-google-physical-web:before{content:"\F2BB"}.mdi-google-play:before{content:"\F2BC"}.mdi-google-plus:before{content:"\F2BD"}.mdi-google-plus-box:before{content:"\F2BE"}.mdi-google-spreadsheet:before{content:"\F9F6"}.mdi-google-street-view:before{content:"\FC64"}.mdi-google-translate:before{content:"\F2BF"}.mdi-gpu:before{content:"\F8AD"}.mdi-gradient:before{content:"\F69F"}.mdi-grain:before{content:"\FD58"}.mdi-graphql:before{content:"\F876"}.mdi-grave-stone:before{content:"\FB7E"}.mdi-grease-pencil:before{content:"\F648"}.mdi-greater-than:before{content:"\F96C"}.mdi-greater-than-or-</w:t>
            </w:r>
            <w:r>
              <w:lastRenderedPageBreak/>
              <w:t>equal:before{content:"\F96D"}.mdi-grid:before{content:"\F2C1"}.mdi-grid-large:before{content:"\F757"}.mdi-grid-off:before{content:"\F2C2"}.mdi-grill:before{content:"\FE28"}.mdi-group:before{content:"\F2C3"}.mdi-guitar-acoustic:before{content:"\F770"}.mdi-guitar-electric:before{content:"\F2C4"}.mdi-guitar-pick:before{content:"\F2C5"}.mdi-guitar-pick-outline:before{content:"\F2C6"}.mdi-guy-fawkes-mask:before{content:"\F824"}.mdi-hackernews:before{content:"\F624"}.mdi-hail:before{content:"\FAC0"}.mdi-halloween:before{content:"\FB7F"}.mdi-hamburger:before{content:"\F684"}.mdi-hammer:before{content:"\F8E9"}.mdi-hand:before{content:"\FA4E"}.mdi-hand-left:before{content:"\FE29"}.mdi-hand-okay:before{content:"\FA4F"}.mdi-hand-peace:before{content:"\FA50"}.mdi-hand-peace-variant:before{content:"\FA51"}.mdi-hand-pointing-down:before{content:"\FA52"}.mdi-hand-pointing-left:before{content:"\FA53"}.mdi-hand-pointing-right:before{content:"\F2C7"}.mdi-hand-pointing-up:before{content:"\FA54"}.mdi-hand-right:before{content:"\FE2A"}.mdi-hand-saw:before{content:"\FE2B"}.mdi-hanger:before{content:"\F2C8"}.mdi-hard-hat:before{content:"\F96E"}.mdi-harddisk:before{content:"\F2CA"}.mdi-hat-fedora:before{content:"\FB80"}.mdi-hazard-lights:before{content:"\FC65"}.mdi-hdr:before{content:"\FD59"}.mdi-hdr-off:before{content:"\FD5A"}.mdi-headphones:before{content:"\F2CB"}.mdi-headphones-bluetooth:before{content:"\F96F"}.mdi-headphones-box:before{content:"\F2CC"}.mdi-headphones-off:before{content:"\F7CD"}.mdi-headphones-settings:before{content:"\F2CD"}.mdi-headset:before{content:"\F2CE"}.mdi-headset-dock:before{content:"\F2CF"}.mdi-headset-off:before{content:"\F2D0"}.mdi-heart:before{content:"\F2D1"}.mdi-heart-box:before{content:"\F2D2"}.mdi-heart-box-outline:before{content:"\F2D3"}.mdi-heart-broken:before{content:"\F2D4"}.mdi-heart-broken-outline:before{content:"\FCF0"}.mdi-heart-circle:before{content:"\F970"}.mdi-heart-circle-outline:before{content:"\F971"}.mdi-heart-half:before{content:"\F6DE"}.mdi-heart-half-full:before{content:"\F6DD"}.mdi-heart-half-outline:before{content:"\F6DF"}.mdi-heart-multiple:before{content:"\FA55"}.mdi-heart-multiple-outline:before{content:"\FA56"}.mdi-heart-off:before{content:"\F758"}.mdi-heart-outline:before{content:"\F2D5"}.mdi-heart-pulse:before{content:"\F5F6"}.mdi-helicopter:before{content:"\FAC1"}.mdi-help:before{content:"\F2D6"}.mdi-help-box:before{content:"\F78A"}.mdi-help-circle:before{content:"\F2D7"}.mdi-help-circle-outline:before{content:"\F625"}.mdi-help-network:before{content:"\F6F4"}.mdi-help-network-outline:before{content:"\FC66"}.mdi-help-rhombus:before{content:"\FB81"}.mdi-help-rhombus-outline:before{content:"\FB82"}.mdi-hexagon:before{content:"\F2D8"}.mdi-hexagon-multiple:before{content:"\F6E0"}.mdi-hexagon-outline:before{content:"\F2D9"}.mdi-hexagon-slice-1:before{content:"\FAC2"}.mdi-hexagon-slice-2:before{content:"\FAC3"}.mdi-hexagon-slice-3:before{content:"\FAC4"}.mdi-hexagon-slice-4:before{content:"\FAC5"}.mdi-hexagon-slice-5:before{content:"\FAC6"}.mdi-hexagon-slice-6:before{content:"\FAC7"}.mdi-hexagram:before{content:"\FAC8"}.mdi-hexagram-outline:before{content:"\FAC9"}.mdi-high-definition:before{content:"\F7CE"}.mdi-high-definition-box:before{content:"\F877"}.mdi-highway:before{content:"\F5F7"}.mdi-hiking:before{content:"\FD5B"}.mdi-hinduism:before{content:"\F972"}.mdi-history:before{content:"\F2DA"}.mdi-hockey-puck:before{content:"\F878"}.mdi-hockey-sticks:before{content:"\F879"}.mdi-hololens:before{content:"\F2DB"}.mdi-home:before{content:"\F2DC"}.mdi-home-account:before{content:"\F825"}.mdi-home-alert:before{content:"\F87A"}.mdi-home-assistant:before{content:"\F7CF"}.mdi-home-automation:before{content:"\F7D0"}.mdi-home-circle:before{content:"\F7D1"}.mdi-home-city:before{content:"\FCF1"}.mdi-home-city-outline:before{content:"\FCF2"}.mdi-home-currency-usd:before{content:"\F8AE"}.mdi-home-floor-0:before{content:"\FDAE"}.mdi-home-floor-</w:t>
            </w:r>
            <w:r>
              <w:lastRenderedPageBreak/>
              <w:t>1:before{content:"\FD5C"}.mdi-home-floor-2:before{content:"\FD5D"}.mdi-home-floor-3:before{content:"\FD5E"}.mdi-home-floor-a:before{content:"\FD5F"}.mdi-home-floor-b:before{content:"\FD60"}.mdi-home-floor-g:before{content:"\FD61"}.mdi-home-floor-l:before{content:"\FD62"}.mdi-home-floor-negative-1:before{content:"\FDAF"}.mdi-home-group:before{content:"\FDB0"}.mdi-home-heart:before{content:"\F826"}.mdi-home-lock:before{content:"\F8EA"}.mdi-home-lock-open:before{content:"\F8EB"}.mdi-home-map-marker:before{content:"\F5F8"}.mdi-home-minus:before{content:"\F973"}.mdi-home-modern:before{content:"\F2DD"}.mdi-home-outline:before{content:"\F6A0"}.mdi-home-plus:before{content:"\F974"}.mdi-home-variant:before{content:"\F2DE"}.mdi-home-variant-outline:before{content:"\FB83"}.mdi-hook:before{content:"\F6E1"}.mdi-hook-off:before{content:"\F6E2"}.mdi-hops:before{content:"\F2DF"}.mdi-horseshoe:before{content:"\FA57"}.mdi-hospital:before{content:"\F2E0"}.mdi-hospital-building:before{content:"\F2E1"}.mdi-hospital-marker:before{content:"\F2E2"}.mdi-hot-tub:before{content:"\F827"}.mdi-hotel:before{content:"\F2E3"}.mdi-houzz:before{content:"\F2E4"}.mdi-houzz-box:before{content:"\F2E5"}.mdi-hubspot:before{content:"\FCF3"}.mdi-hulu:before{content:"\F828"}.mdi-human:before{content:"\F2E6"}.mdi-human-child:before{content:"\F2E7"}.mdi-human-female:before{content:"\F649"}.mdi-human-female-boy:before{content:"\FA58"}.mdi-human-female-female:before{content:"\FA59"}.mdi-human-female-girl:before{content:"\FA5A"}.mdi-human-greeting:before{content:"\F64A"}.mdi-human-handsdown:before{content:"\F64B"}.mdi-human-handsup:before{content:"\F64C"}.mdi-human-male:before{content:"\F64D"}.mdi-human-male-boy:before{content:"\FA5B"}.mdi-human-male-female:before{content:"\F2E8"}.mdi-human-male-girl:before{content:"\FA5C"}.mdi-human-male-male:before{content:"\FA5D"}.mdi-human-pregnant:before{content:"\F5CF"}.mdi-humble-bundle:before{content:"\F743"}.mdi-ice-cream:before{content:"\F829"}.mdi-iframe:before{content:"\FC67"}.mdi-iframe-outline:before{content:"\FC68"}.mdi-image:before{content:"\F2E9"}.mdi-image-album:before{content:"\F2EA"}.mdi-image-area:before{content:"\F2EB"}.mdi-image-area-close:before{content:"\F2EC"}.mdi-image-broken:before{content:"\F2ED"}.mdi-image-broken-variant:before{content:"\F2EE"}.mdi-image-filter:before{content:"\F2EF"}.mdi-image-filter-black-white:before{content:"\F2F0"}.mdi-image-filter-center-focus:before{content:"\F2F1"}.mdi-image-filter-center-focus-weak:before{content:"\F2F2"}.mdi-image-filter-drama:before{content:"\F2F3"}.mdi-image-filter-frames:before{content:"\F2F4"}.mdi-image-filter-hdr:before{content:"\F2F5"}.mdi-image-filter-none:before{content:"\F2F6"}.mdi-image-filter-tilt-shift:before{content:"\F2F7"}.mdi-image-filter-vintage:before{content:"\F2F8"}.mdi-image-frame:before{content:"\FE2C"}.mdi-image-move:before{content:"\F9F7"}.mdi-image-multiple:before{content:"\F2F9"}.mdi-image-off:before{content:"\F82A"}.mdi-image-outline:before{content:"\F975"}.mdi-image-plus:before{content:"\F87B"}.mdi-image-search:before{content:"\F976"}.mdi-image-search-outline:before{content:"\F977"}.mdi-image-size-select-actual:before{content:"\FC69"}.mdi-image-size-select-large:before{content:"\FC6A"}.mdi-image-size-select-small:before{content:"\FC6B"}.mdi-import:before{content:"\F2FA"}.mdi-inbox:before{content:"\F686"}.mdi-inbox-arrow-down:before{content:"\F2FB"}.mdi-inbox-arrow-up:before{content:"\F3D1"}.mdi-inbox-multiple:before{content:"\F8AF"}.mdi-inbox-multiple-outline:before{content:"\FB84"}.mdi-incognito:before{content:"\F5F9"}.mdi-infinity:before{content:"\F6E3"}.mdi-information:before{content:"\F2FC"}.mdi-information-outline:before{content:"\F2FD"}.mdi-information-variant:before{content:"\F64E"}.mdi-instagram:before{content:"\F2FE"}.mdi-instapaper:before{content:"\F2FF"}.mdi-internet-explorer:before{content:"\F300"}.mdi-invert-colors:before{content:"\F301"}.mdi-invert-colors-off:before{content:"\FE2D"}.mdi-ip:before{content:"\FA5E"}.mdi-ip-network:before{content:"\FA5F"}.mdi-ip-network-</w:t>
            </w:r>
            <w:r>
              <w:lastRenderedPageBreak/>
              <w:t>outline:before{content:"\FC6C"}.mdi-ipod:before{content:"\FC6D"}.mdi-islam:before{content:"\F978"}.mdi-itunes:before{content:"\F676"}.mdi-jabber:before{content:"\FDB1"}.mdi-jeepney:before{content:"\F302"}.mdi-jira:before{content:"\F303"}.mdi-jquery:before{content:"\F87C"}.mdi-jsfiddle:before{content:"\F304"}.mdi-json:before{content:"\F626"}.mdi-judaism:before{content:"\F979"}.mdi-kabaddi:before{content:"\FD63"}.mdi-karate:before{content:"\F82B"}.mdi-keg:before{content:"\F305"}.mdi-kettle:before{content:"\F5FA"}.mdi-key:before{content:"\F306"}.mdi-key-change:before{content:"\F307"}.mdi-key-minus:before{content:"\F308"}.mdi-key-outline:before{content:"\FDB2"}.mdi-key-plus:before{content:"\F309"}.mdi-key-remove:before{content:"\F30A"}.mdi-key-variant:before{content:"\F30B"}.mdi-keyboard:before{content:"\F30C"}.mdi-keyboard-backspace:before{content:"\F30D"}.mdi-keyboard-caps:before{content:"\F30E"}.mdi-keyboard-close:before{content:"\F30F"}.mdi-keyboard-off:before{content:"\F310"}.mdi-keyboard-off-outline:before{content:"\FE2E"}.mdi-keyboard-outline:before{content:"\F97A"}.mdi-keyboard-return:before{content:"\F311"}.mdi-keyboard-settings:before{content:"\F9F8"}.mdi-keyboard-settings-outline:before{content:"\F9F9"}.mdi-keyboard-tab:before{content:"\F312"}.mdi-keyboard-variant:before{content:"\F313"}.mdi-kickstarter:before{content:"\F744"}.mdi-knife:before{content:"\F9FA"}.mdi-knife-military:before{content:"\F9FB"}.mdi-kodi:before{content:"\F314"}.mdi-label:before{content:"\F315"}.mdi-label-off:before{content:"\FACA"}.mdi-label-off-outline:before{content:"\FACB"}.mdi-label-outline:before{content:"\F316"}.mdi-label-variant:before{content:"\FACC"}.mdi-label-variant-outline:before{content:"\FACD"}.mdi-ladybug:before{content:"\F82C"}.mdi-lambda:before{content:"\F627"}.mdi-lamp:before{content:"\F6B4"}.mdi-lan:before{content:"\F317"}.mdi-lan-connect:before{content:"\F318"}.mdi-lan-disconnect:before{content:"\F319"}.mdi-lan-pending:before{content:"\F31A"}.mdi-language-c:before{content:"\F671"}.mdi-language-cpp:before{content:"\F672"}.mdi-language-csharp:before{content:"\F31B"}.mdi-language-css3:before{content:"\F31C"}.mdi-language-go:before{content:"\F7D2"}.mdi-language-haskell:before{content:"\FC6E"}.mdi-language-html5:before{content:"\F31D"}.mdi-language-java:before{content:"\FB1C"}.mdi-language-javascript:before{content:"\F31E"}.mdi-language-lua:before{content:"\F8B0"}.mdi-language-php:before{content:"\F31F"}.mdi-language-python:before{content:"\F320"}.mdi-language-python-text:before{content:"\F321"}.mdi-language-r:before{content:"\F7D3"}.mdi-language-ruby-on-rails:before{content:"\FACE"}.mdi-language-swift:before{content:"\F6E4"}.mdi-language-typescript:before{content:"\F6E5"}.mdi-laptop:before{content:"\F322"}.mdi-laptop-chromebook:before{content:"\F323"}.mdi-laptop-mac:before{content:"\F324"}.mdi-laptop-off:before{content:"\F6E6"}.mdi-laptop-windows:before{content:"\F325"}.mdi-laravel:before{content:"\FACF"}.mdi-lastfm:before{content:"\F326"}.mdi-lastpass:before{content:"\F446"}.mdi-launch:before{content:"\F327"}.mdi-lava-lamp:before{content:"\F7D4"}.mdi-layers:before{content:"\F328"}.mdi-layers-minus:before{content:"\FE2F"}.mdi-layers-off:before{content:"\F329"}.mdi-layers-off-outline:before{content:"\F9FC"}.mdi-layers-outline:before{content:"\F9FD"}.mdi-layers-plus:before{content:"\FE30"}.mdi-layers-remove:before{content:"\FE31"}.mdi-lead-pencil:before{content:"\F64F"}.mdi-leaf:before{content:"\F32A"}.mdi-leaf-maple:before{content:"\FC6F"}.mdi-leak:before{content:"\FDB3"}.mdi-leak-off:before{content:"\FDB4"}.mdi-led-off:before{content:"\F32B"}.mdi-led-on:before{content:"\F32C"}.mdi-led-outline:before{content:"\F32D"}.mdi-led-strip:before{content:"\F7D5"}.mdi-led-variant-off:before{content:"\F32E"}.mdi-led-variant-on:before{content:"\F32F"}.mdi-led-variant-</w:t>
            </w:r>
            <w:r>
              <w:lastRenderedPageBreak/>
              <w:t>outline:before{content:"\F330"}.mdi-less-than:before{content:"\F97B"}.mdi-less-than-or-equal:before{content:"\F97C"}.mdi-library:before{content:"\F331"}.mdi-library-books:before{content:"\F332"}.mdi-library-movie:before{content:"\FCF4"}.mdi-library-music:before{content:"\F333"}.mdi-library-plus:before{content:"\F334"}.mdi-library-shelves:before{content:"\FB85"}.mdi-library-video:before{content:"\FCF5"}.mdi-lifebuoy:before{content:"\F87D"}.mdi-light-switch:before{content:"\F97D"}.mdi-lightbulb:before{content:"\F335"}.mdi-lightbulb-off:before{content:"\FE32"}.mdi-lightbulb-off-outline:before{content:"\FE33"}.mdi-lightbulb-on:before{content:"\F6E7"}.mdi-lightbulb-on-outline:before{content:"\F6E8"}.mdi-lightbulb-outline:before{content:"\F336"}.mdi-lighthouse:before{content:"\F9FE"}.mdi-lighthouse-on:before{content:"\F9FF"}.mdi-link:before{content:"\F337"}.mdi-link-box:before{content:"\FCF6"}.mdi-link-box-outline:before{content:"\FCF7"}.mdi-link-box-variant:before{content:"\FCF8"}.mdi-link-box-variant-outline:before{content:"\FCF9"}.mdi-link-off:before{content:"\F338"}.mdi-link-plus:before{content:"\FC70"}.mdi-link-variant:before{content:"\F339"}.mdi-link-variant-off:before{content:"\F33A"}.mdi-linkedin:before{content:"\F33B"}.mdi-linkedin-box:before{content:"\F33C"}.mdi-linux:before{content:"\F33D"}.mdi-linux-mint:before{content:"\F8EC"}.mdi-litecoin:before{content:"\FA60"}.mdi-loading:before{content:"\F771"}.mdi-lock:before{content:"\F33E"}.mdi-lock-alert:before{content:"\F8ED"}.mdi-lock-clock:before{content:"\F97E"}.mdi-lock-open:before{content:"\F33F"}.mdi-lock-open-outline:before{content:"\F340"}.mdi-lock-outline:before{content:"\F341"}.mdi-lock-pattern:before{content:"\F6E9"}.mdi-lock-plus:before{content:"\F5FB"}.mdi-lock-question:before{content:"\F8EE"}.mdi-lock-reset:before{content:"\F772"}.mdi-lock-smart:before{content:"\F8B1"}.mdi-locker:before{content:"\F7D6"}.mdi-locker-multiple:before{content:"\F7D7"}.mdi-login:before{content:"\F342"}.mdi-login-variant:before{content:"\F5FC"}.mdi-logout:before{content:"\F343"}.mdi-logout-variant:before{content:"\F5FD"}.mdi-looks:before{content:"\F344"}.mdi-loop:before{content:"\F6EA"}.mdi-loupe:before{content:"\F345"}.mdi-lumx:before{content:"\F346"}.mdi-lyft:before{content:"\FB1D"}.mdi-magnet:before{content:"\F347"}.mdi-magnet-on:before{content:"\F348"}.mdi-magnify:before{content:"\F349"}.mdi-magnify-close:before{content:"\F97F"}.mdi-magnify-minus:before{content:"\F34A"}.mdi-magnify-minus-cursor:before{content:"\FA61"}.mdi-magnify-minus-outline:before{content:"\F6EB"}.mdi-magnify-plus:before{content:"\F34B"}.mdi-magnify-plus-cursor:before{content:"\FA62"}.mdi-magnify-plus-outline:before{content:"\F6EC"}.mdi-mail-ru:before{content:"\F34C"}.mdi-mailbox:before{content:"\F6ED"}.mdi-mailbox-open:before{content:"\FD64"}.mdi-mailbox-open-outline:before{content:"\FD65"}.mdi-mailbox-open-up:before{content:"\FD66"}.mdi-mailbox-open-up-outline:before{content:"\FD67"}.mdi-mailbox-outline:before{content:"\FD68"}.mdi-mailbox-up:before{content:"\FD69"}.mdi-mailbox-up-outline:before{content:"\FD6A"}.mdi-map:before{content:"\F34D"}.mdi-map-clock:before{content:"\FCFA"}.mdi-map-clock-outline:before{content:"\FCFB"}.mdi-map-legend:before{content:"\FA00"}.mdi-map-marker:before{content:"\F34E"}.mdi-map-marker-check:before{content:"\FC71"}.mdi-map-marker-circle:before{content:"\F34F"}.mdi-map-marker-distance:before{content:"\F8EF"}.mdi-map-marker-minus:before{content:"\F650"}.mdi-map-marker-multiple:before{content:"\F350"}.mdi-map-marker-off:before{content:"\F351"}.mdi-map-marker-outline:before{content:"\F7D8"}.mdi-map-marker-path:before{content:"\FCFC"}.mdi-map-marker-plus:before{content:"\F651"}.mdi-map-marker-radius:before{content:"\F352"}.mdi-map-minus:before{content:"\F980"}.mdi-map-outline:before{content:"\F981"}.mdi-map-plus:before{content:"\F982"}.mdi-map-search:before{content:"\F983"}.mdi-map-search-outline:before{content:"\F984"}.mdi-</w:t>
            </w:r>
            <w:r>
              <w:lastRenderedPageBreak/>
              <w:t>mapbox:before{content:"\FB86"}.mdi-margin:before{content:"\F353"}.mdi-markdown:before{content:"\F354"}.mdi-marker:before{content:"\F652"}.mdi-marker-cancel:before{content:"\FDB5"}.mdi-marker-check:before{content:"\F355"}.mdi-mastodon:before{content:"\FAD0"}.mdi-mastodon-variant:before{content:"\FAD1"}.mdi-material-design:before{content:"\F985"}.mdi-material-ui:before{content:"\F357"}.mdi-math-compass:before{content:"\F358"}.mdi-math-cos:before{content:"\FC72"}.mdi-math-sin:before{content:"\FC73"}.mdi-math-tan:before{content:"\FC74"}.mdi-matrix:before{content:"\F628"}.mdi-maxcdn:before{content:"\F359"}.mdi-medal:before{content:"\F986"}.mdi-medical-bag:before{content:"\F6EE"}.mdi-medium:before{content:"\F35A"}.mdi-meetup:before{content:"\FAD2"}.mdi-memory:before{content:"\F35B"}.mdi-menu:before{content:"\F35C"}.mdi-menu-down:before{content:"\F35D"}.mdi-menu-down-outline:before{content:"\F6B5"}.mdi-menu-left:before{content:"\F35E"}.mdi-menu-left-outline:before{content:"\FA01"}.mdi-menu-open:before{content:"\FB87"}.mdi-menu-right:before{content:"\F35F"}.mdi-menu-right-outline:before{content:"\FA02"}.mdi-menu-swap:before{content:"\FA63"}.mdi-menu-swap-outline:before{content:"\FA64"}.mdi-menu-up:before{content:"\F360"}.mdi-menu-up-outline:before{content:"\F6B6"}.mdi-message:before{content:"\F361"}.mdi-message-alert:before{content:"\F362"}.mdi-message-alert-outline:before{content:"\FA03"}.mdi-message-bulleted:before{content:"\F6A1"}.mdi-message-bulleted-off:before{content:"\F6A2"}.mdi-message-draw:before{content:"\F363"}.mdi-message-image:before{content:"\F364"}.mdi-message-outline:before{content:"\F365"}.mdi-message-plus:before{content:"\F653"}.mdi-message-processing:before{content:"\F366"}.mdi-message-reply:before{content:"\F367"}.mdi-message-reply-text:before{content:"\F368"}.mdi-message-settings:before{content:"\F6EF"}.mdi-message-settings-variant:before{content:"\F6F0"}.mdi-message-text:before{content:"\F369"}.mdi-message-text-outline:before{content:"\F36A"}.mdi-message-video:before{content:"\F36B"}.mdi-meteor:before{content:"\F629"}.mdi-metronome:before{content:"\F7D9"}.mdi-metronome-tick:before{content:"\F7DA"}.mdi-micro-sd:before{content:"\F7DB"}.mdi-microphone:before{content:"\F36C"}.mdi-microphone-minus:before{content:"\F8B2"}.mdi-microphone-off:before{content:"\F36D"}.mdi-microphone-outline:before{content:"\F36E"}.mdi-microphone-plus:before{content:"\F8B3"}.mdi-microphone-settings:before{content:"\F36F"}.mdi-microphone-variant:before{content:"\F370"}.mdi-microphone-variant-off:before{content:"\F371"}.mdi-microscope:before{content:"\F654"}.mdi-microsoft:before{content:"\F372"}.mdi-microsoft-dynamics:before{content:"\F987"}.mdi-microwave:before{content:"\FC75"}.mdi-midi:before{content:"\F8F0"}.mdi-midi-port:before{content:"\F8F1"}.mdi-mine:before{content:"\FDB6"}.mdi-minecraft:before{content:"\F373"}.mdi-mini-sd:before{content:"\FA04"}.mdi-minidisc:before{content:"\FA05"}.mdi-minus:before{content:"\F374"}.mdi-minus-box:before{content:"\F375"}.mdi-minus-box-outline:before{content:"\F6F1"}.mdi-minus-circle:before{content:"\F376"}.mdi-minus-circle-outline:before{content:"\F377"}.mdi-minus-network:before{content:"\F378"}.mdi-minus-network-outline:before{content:"\FC76"}.mdi-mixcloud:before{content:"\F62A"}.mdi-mixed-martial-arts:before{content:"\FD6B"}.mdi-mixed-reality:before{content:"\F87E"}.mdi-mixer:before{content:"\F7DC"}.mdi-molecule:before{content:"\FB88"}.mdi-monitor:before{content:"\F379"}.mdi-monitor-cellphone:before{content:"\F988"}.mdi-monitor-cellphone-star:before{content:"\F989"}.mdi-monitor-dashboard:before{content:"\FA06"}.mdi-monitor-lock:before{content:"\FDB7"}.mdi-monitor-multiple:before{content:"\F37A"}.mdi-monitor-off:before{content:"\FD6C"}.mdi-monitor-screenshot:before{content:"\FE34"}.mdi-monitor-star:before{content:"\FDB8"}.mdi-more:before{content:"\F37B"}.mdi-mother-nurse:before{content:"\FCFD"}.mdi-motion-sensor:before{content:"\FD6D"}.mdi-</w:t>
            </w:r>
            <w:r>
              <w:lastRenderedPageBreak/>
              <w:t>motorbike:before{content:"\F37C"}.mdi-mouse:before{content:"\F37D"}.mdi-mouse-bluetooth:before{content:"\F98A"}.mdi-mouse-off:before{content:"\F37E"}.mdi-mouse-variant:before{content:"\F37F"}.mdi-mouse-variant-off:before{content:"\F380"}.mdi-move-resize:before{content:"\F655"}.mdi-move-resize-variant:before{content:"\F656"}.mdi-movie:before{content:"\F381"}.mdi-movie-outline:before{content:"\FDB9"}.mdi-movie-roll:before{content:"\F7DD"}.mdi-muffin:before{content:"\F98B"}.mdi-multiplication:before{content:"\F382"}.mdi-multiplication-box:before{content:"\F383"}.mdi-mushroom:before{content:"\F7DE"}.mdi-mushroom-outline:before{content:"\F7DF"}.mdi-music:before{content:"\F759"}.mdi-music-box:before{content:"\F384"}.mdi-music-box-outline:before{content:"\F385"}.mdi-music-circle:before{content:"\F386"}.mdi-music-circle-outline:before{content:"\FAD3"}.mdi-music-note:before{content:"\F387"}.mdi-music-note-bluetooth:before{content:"\F5FE"}.mdi-music-note-bluetooth-off:before{content:"\F5FF"}.mdi-music-note-eighth:before{content:"\F388"}.mdi-music-note-half:before{content:"\F389"}.mdi-music-note-off:before{content:"\F38A"}.mdi-music-note-plus:before{content:"\FDBA"}.mdi-music-note-quarter:before{content:"\F38B"}.mdi-music-note-sixteenth:before{content:"\F38C"}.mdi-music-note-whole:before{content:"\F38D"}.mdi-music-off:before{content:"\F75A"}.mdi-nail:before{content:"\FDBB"}.mdi-nas:before{content:"\F8F2"}.mdi-nativescript:before{content:"\F87F"}.mdi-nature:before{content:"\F38E"}.mdi-nature-people:before{content:"\F38F"}.mdi-navigation:before{content:"\F390"}.mdi-near-me:before{content:"\F5CD"}.mdi-needle:before{content:"\F391"}.mdi-netflix:before{content:"\F745"}.mdi-network:before{content:"\F6F2"}.mdi-network-off:before{content:"\FC77"}.mdi-network-off-outline:before{content:"\FC78"}.mdi-network-outline:before{content:"\FC79"}.mdi-network-strength-1:before{content:"\F8F3"}.mdi-network-strength-1-alert:before{content:"\F8F4"}.mdi-network-strength-2:before{content:"\F8F5"}.mdi-network-strength-2-alert:before{content:"\F8F6"}.mdi-network-strength-3:before{content:"\F8F7"}.mdi-network-strength-3-alert:before{content:"\F8F8"}.mdi-network-strength-4:before{content:"\F8F9"}.mdi-network-strength-4-alert:before{content:"\F8FA"}.mdi-network-strength-off:before{content:"\F8FB"}.mdi-network-strength-off-outline:before{content:"\F8FC"}.mdi-network-strength-outline:before{content:"\F8FD"}.mdi-new-box:before{content:"\F394"}.mdi-newspaper:before{content:"\F395"}.mdi-nfc:before{content:"\F396"}.mdi-nfc-off:before{content:"\FE35"}.mdi-nfc-search-variant:before{content:"\FE36"}.mdi-nfc-tap:before{content:"\F397"}.mdi-nfc-variant:before{content:"\F398"}.mdi-nfc-variant-off:before{content:"\FE37"}.mdi-ninja:before{content:"\F773"}.mdi-nintendo-switch:before{content:"\F7E0"}.mdi-nodejs:before{content:"\F399"}.mdi-not-equal:before{content:"\F98C"}.mdi-not-equal-variant:before{content:"\F98D"}.mdi-note:before{content:"\F39A"}.mdi-note-multiple:before{content:"\F6B7"}.mdi-note-multiple-outline:before{content:"\F6B8"}.mdi-note-outline:before{content:"\F39B"}.mdi-note-plus:before{content:"\F39C"}.mdi-note-plus-outline:before{content:"\F39D"}.mdi-note-text:before{content:"\F39E"}.mdi-notebook:before{content:"\F82D"}.mdi-notebook-multiple:before{content:"\FE38"}.mdi-notification-clear-all:before{content:"\F39F"}.mdi-npm:before{content:"\F6F6"}.mdi-npm-variant:before{content:"\F98E"}.mdi-npm-variant-outline:before{content:"\F98F"}.mdi-nuke:before{content:"\F6A3"}.mdi-null:before{content:"\F7E1"}.mdi-numeric:before{content:"\F3A0"}.mdi-numeric-0:before{content:"\30"}.mdi-numeric-0-box:before{content:"\F3A1"}.mdi-numeric-0-box-multiple-outline:before{content:"\F3A2"}.mdi-numeric-0-box-outline:before{content:"\F3A3"}.mdi-numeric-0-circle:before{content:"\FC7A"}.mdi-numeric-0-circle-outline:before{content:"\FC7B"}.mdi-numeric-1:before{content:"\31"}.mdi-numeric-1-box:before{content:"\F3A4"}.mdi-numeric-1-box-multiple-outline:before{content:"\F3A5"}.mdi-</w:t>
            </w:r>
            <w:r>
              <w:lastRenderedPageBreak/>
              <w:t>numeric-1-box-outline:before{content:"\F3A6"}.mdi-numeric-1-circle:before{content:"\FC7C"}.mdi-numeric-1-circle-outline:before{content:"\FC7D"}.mdi-numeric-2:before{content:"\32"}.mdi-numeric-2-box:before{content:"\F3A7"}.mdi-numeric-2-box-multiple-outline:before{content:"\F3A8"}.mdi-numeric-2-box-outline:before{content:"\F3A9"}.mdi-numeric-2-circle:before{content:"\FC7E"}.mdi-numeric-2-circle-outline:before{content:"\FC7F"}.mdi-numeric-3:before{content:"\33"}.mdi-numeric-3-box:before{content:"\F3AA"}.mdi-numeric-3-box-multiple-outline:before{content:"\F3AB"}.mdi-numeric-3-box-outline:before{content:"\F3AC"}.mdi-numeric-3-circle:before{content:"\FC80"}.mdi-numeric-3-circle-outline:before{content:"\FC81"}.mdi-numeric-4:before{content:"\34"}.mdi-numeric-4-box:before{content:"\F3AD"}.mdi-numeric-4-box-multiple-outline:before{content:"\F3AE"}.mdi-numeric-4-box-outline:before{content:"\F3AF"}.mdi-numeric-4-circle:before{content:"\FC82"}.mdi-numeric-4-circle-outline:before{content:"\FC83"}.mdi-numeric-5:before{content:"\35"}.mdi-numeric-5-box:before{content:"\F3B0"}.mdi-numeric-5-box-multiple-outline:before{content:"\F3B1"}.mdi-numeric-5-box-outline:before{content:"\F3B2"}.mdi-numeric-5-circle:before{content:"\FC84"}.mdi-numeric-5-circle-outline:before{content:"\FC85"}.mdi-numeric-6:before{content:"\36"}.mdi-numeric-6-box:before{content:"\F3B3"}.mdi-numeric-6-box-multiple-outline:before{content:"\F3B4"}.mdi-numeric-6-box-outline:before{content:"\F3B5"}.mdi-numeric-6-circle:before{content:"\FC86"}.mdi-numeric-6-circle-outline:before{content:"\FC87"}.mdi-numeric-7:before{content:"\37"}.mdi-numeric-7-box:before{content:"\F3B6"}.mdi-numeric-7-box-multiple-outline:before{content:"\F3B7"}.mdi-numeric-7-box-outline:before{content:"\F3B8"}.mdi-numeric-7-circle:before{content:"\FC88"}.mdi-numeric-7-circle-outline:before{content:"\FC89"}.mdi-numeric-8:before{content:"\38"}.mdi-numeric-8-box:before{content:"\F3B9"}.mdi-numeric-8-box-multiple-outline:before{content:"\F3BA"}.mdi-numeric-8-box-outline:before{content:"\F3BB"}.mdi-numeric-8-circle:before{content:"\FC8A"}.mdi-numeric-8-circle-outline:before{content:"\FC8B"}.mdi-numeric-9:before{content:"\39"}.mdi-numeric-9-box:before{content:"\F3BC"}.mdi-numeric-9-box-multiple-outline:before{content:"\F3BD"}.mdi-numeric-9-box-outline:before{content:"\F3BE"}.mdi-numeric-9-circle:before{content:"\FC8C"}.mdi-numeric-9-circle-outline:before{content:"\FC8D"}.mdi-numeric-9-plus-box:before{content:"\F3BF"}.mdi-numeric-9-plus-box-multiple-outline:before{content:"\F3C0"}.mdi-numeric-9-plus-box-outline:before{content:"\F3C1"}.mdi-numeric-9-plus-circle:before{content:"\FC8E"}.mdi-numeric-9-plus-circle-outline:before{content:"\FC8F"}.mdi-nut:before{content:"\F6F7"}.mdi-nutrition:before{content:"\F3C2"}.mdi-oar:before{content:"\F67B"}.mdi-ocarina:before{content:"\FDBC"}.mdi-octagon:before{content:"\F3C3"}.mdi-octagon-outline:before{content:"\F3C4"}.mdi-octagram:before{content:"\F6F8"}.mdi-octagram-outline:before{content:"\F774"}.mdi-odnoklassniki:before{content:"\F3C5"}.mdi-office:before{content:"\F3C6"}.mdi-office-building:before{content:"\F990"}.mdi-oil:before{content:"\F3C7"}.mdi-oil-temperature:before{content:"\F3C8"}.mdi-omega:before{content:"\F3C9"}.mdi-one-up:before{content:"\FB89"}.mdi-onedrive:before{content:"\F3CA"}.mdi-onenote:before{content:"\F746"}.mdi-onepassword:before{content:"\F880"}.mdi-opacity:before{content:"\F5CC"}.mdi-open-in-app:before{content:"\F3CB"}.mdi-open-in-new:before{content:"\F3CC"}.mdi-open-source-initiative:before{content:"\FB8A"}.mdi-openid:before{content:"\F3CD"}.mdi-opera:before{content:"\F3CE"}.mdi-orbit:before{content:"\F018"}.mdi-origin:before{content:"\FB2B"}.mdi-ornament:before{content:"\F3CF"}.mdi-ornament-variant:before{content:"\F3D0"}.mdi-outlook:before{content:"\FCFE"}.mdi-owl:before{content:"\F3D2"}.mdi-pac-man:before{content:"\FB8B"}.mdi-package:before{content:"\F3D3"}.mdi-package-down:before{content:"\F3D4"}.mdi-package-up:before{content:"\F3D5"}.mdi-package-variant:before{content:"\F3D6"}.mdi-package-variant-closed:before{content:"\F3D7"}.mdi-page-first:before{content:"\F600"}.mdi-page-last:before{content:"\F601"}.mdi-page-layout-body:before{content:"\F6F9"}.mdi-page-layout-</w:t>
            </w:r>
            <w:r>
              <w:lastRenderedPageBreak/>
              <w:t>footer:before{content:"\F6FA"}.mdi-page-layout-header:before{content:"\F6FB"}.mdi-page-layout-sidebar-left:before{content:"\F6FC"}.mdi-page-layout-sidebar-right:before{content:"\F6FD"}.mdi-page-next:before{content:"\FB8C"}.mdi-page-next-outline:before{content:"\FB8D"}.mdi-page-previous:before{content:"\FB8E"}.mdi-page-previous-outline:before{content:"\FB8F"}.mdi-palette:before{content:"\F3D8"}.mdi-palette-advanced:before{content:"\F3D9"}.mdi-palette-outline:before{content:"\FE6C"}.mdi-palette-swatch:before{content:"\F8B4"}.mdi-pan:before{content:"\FB90"}.mdi-pan-bottom-left:before{content:"\FB91"}.mdi-pan-bottom-right:before{content:"\FB92"}.mdi-pan-down:before{content:"\FB93"}.mdi-pan-horizontal:before{content:"\FB94"}.mdi-pan-left:before{content:"\FB95"}.mdi-pan-right:before{content:"\FB96"}.mdi-pan-top-left:before{content:"\FB97"}.mdi-pan-top-right:before{content:"\FB98"}.mdi-pan-up:before{content:"\FB99"}.mdi-pan-vertical:before{content:"\FB9A"}.mdi-panda:before{content:"\F3DA"}.mdi-pandora:before{content:"\F3DB"}.mdi-panorama:before{content:"\F3DC"}.mdi-panorama-fisheye:before{content:"\F3DD"}.mdi-panorama-horizontal:before{content:"\F3DE"}.mdi-panorama-vertical:before{content:"\F3DF"}.mdi-panorama-wide-angle:before{content:"\F3E0"}.mdi-paper-cut-vertical:before{content:"\F3E1"}.mdi-paperclip:before{content:"\F3E2"}.mdi-parachute:before{content:"\FC90"}.mdi-parachute-outline:before{content:"\FC91"}.mdi-parking:before{content:"\F3E3"}.mdi-passport:before{content:"\F7E2"}.mdi-passport-biometric:before{content:"\FDBD"}.mdi-patreon:before{content:"\F881"}.mdi-pause:before{content:"\F3E4"}.mdi-pause-circle:before{content:"\F3E5"}.mdi-pause-circle-outline:before{content:"\F3E6"}.mdi-pause-octagon:before{content:"\F3E7"}.mdi-pause-octagon-outline:before{content:"\F3E8"}.mdi-paw:before{content:"\F3E9"}.mdi-paw-off:before{content:"\F657"}.mdi-paypal:before{content:"\F882"}.mdi-pdf-box:before{content:"\FE39"}.mdi-peace:before{content:"\F883"}.mdi-pen:before{content:"\F3EA"}.mdi-pen-lock:before{content:"\FDBE"}.mdi-pen-minus:before{content:"\FDBF"}.mdi-pen-off:before{content:"\FDC0"}.mdi-pen-plus:before{content:"\FDC1"}.mdi-pen-remove:before{content:"\FDC2"}.mdi-pencil:before{content:"\F3EB"}.mdi-pencil-box:before{content:"\F3EC"}.mdi-pencil-box-outline:before{content:"\F3ED"}.mdi-pencil-circle:before{content:"\F6FE"}.mdi-pencil-circle-outline:before{content:"\F775"}.mdi-pencil-lock:before{content:"\F3EE"}.mdi-pencil-lock-outline:before{content:"\FDC3"}.mdi-pencil-minus:before{content:"\FDC4"}.mdi-pencil-minus-outline:before{content:"\FDC5"}.mdi-pencil-off:before{content:"\F3EF"}.mdi-pencil-off-outline:before{content:"\FDC6"}.mdi-pencil-outline:before{content:"\FC92"}.mdi-pencil-plus:before{content:"\FDC7"}.mdi-pencil-plus-outline:before{content:"\FDC8"}.mdi-pencil-remove:before{content:"\FDC9"}.mdi-pencil-remove-outline:before{content:"\FDCA"}.mdi-pentagon:before{content:"\F6FF"}.mdi-pentagon-outline:before{content:"\F700"}.mdi-percent:before{content:"\F3F0"}.mdi-periodic-table:before{content:"\F8B5"}.mdi-periodic-table-co2:before{content:"\F7E3"}.mdi-periscope:before{content:"\F747"}.mdi-perspective-less:before{content:"\FCFF"}.mdi-perspective-more:before{content:"\FD00"}.mdi-pharmacy:before{content:"\F3F1"}.mdi-phone:before{content:"\F3F2"}.mdi-phone-bluetooth:before{content:"\F3F3"}.mdi-phone-classic:before{content:"\F602"}.mdi-phone-forward:before{content:"\F3F4"}.mdi-phone-hangup:before{content:"\F3F5"}.mdi-phone-in-talk:before{content:"\F3F6"}.mdi-phone-incoming:before{content:"\F3F7"}.mdi-phone-lock:before{content:"\F3F8"}.mdi-phone-log:before{content:"\F3F9"}.mdi-phone-minus:before{content:"\F658"}.mdi-phone-missed:before{content:"\F3FA"}.mdi-phone-off:before{content:"\FDCB"}.mdi-phone-outgoing:before{content:"\F3FB"}.mdi-phone-outline:before{content:"\FDCC"}.mdi-phone-paused:before{content:"\F3FC"}.mdi-phone-plus:before{content:"\F659"}.mdi-phone-return:before{content:"\F82E"}.mdi-phone-rotate-landscape:before{content:"\F884"}.mdi-phone-</w:t>
            </w:r>
            <w:r>
              <w:lastRenderedPageBreak/>
              <w:t>rotate-portrait:before{content:"\F885"}.mdi-phone-settings:before{content:"\F3FD"}.mdi-phone-voip:before{content:"\F3FE"}.mdi-pi:before{content:"\F3FF"}.mdi-pi-box:before{content:"\F400"}.mdi-pi-hole:before{content:"\FDCD"}.mdi-piano:before{content:"\F67C"}.mdi-pickaxe:before{content:"\F8B6"}.mdi-picture-in-picture-bottom-right:before{content:"\FE3A"}.mdi-picture-in-picture-bottom-right-outline:before{content:"\FE3B"}.mdi-picture-in-picture-top-right:before{content:"\FE3C"}.mdi-picture-in-picture-top-right-outline:before{content:"\FE3D"}.mdi-pier:before{content:"\F886"}.mdi-pier-crane:before{content:"\F887"}.mdi-pig:before{content:"\F401"}.mdi-pill:before{content:"\F402"}.mdi-pillar:before{content:"\F701"}.mdi-pin:before{content:"\F403"}.mdi-pin-off:before{content:"\F404"}.mdi-pin-off-outline:before{content:"\F92F"}.mdi-pin-outline:before{content:"\F930"}.mdi-pine-tree:before{content:"\F405"}.mdi-pine-tree-box:before{content:"\F406"}.mdi-pinterest:before{content:"\F407"}.mdi-pinterest-box:before{content:"\F408"}.mdi-pinwheel:before{content:"\FAD4"}.mdi-pinwheel-outline:before{content:"\FAD5"}.mdi-pipe:before{content:"\F7E4"}.mdi-pipe-disconnected:before{content:"\F7E5"}.mdi-pipe-leak:before{content:"\F888"}.mdi-pirate:before{content:"\FA07"}.mdi-pistol:before{content:"\F702"}.mdi-piston:before{content:"\F889"}.mdi-pizza:before{content:"\F409"}.mdi-play:before{content:"\F40A"}.mdi-play-box-outline:before{content:"\F40B"}.mdi-play-circle:before{content:"\F40C"}.mdi-play-circle-outline:before{content:"\F40D"}.mdi-play-network:before{content:"\F88A"}.mdi-play-network-outline:before{content:"\FC93"}.mdi-play-pause:before{content:"\F40E"}.mdi-play-protected-content:before{content:"\F40F"}.mdi-play-speed:before{content:"\F8FE"}.mdi-playlist-check:before{content:"\F5C7"}.mdi-playlist-edit:before{content:"\F8FF"}.mdi-playlist-minus:before{content:"\F410"}.mdi-playlist-music:before{content:"\FC94"}.mdi-playlist-music-outline:before{content:"\FC95"}.mdi-playlist-play:before{content:"\F411"}.mdi-playlist-plus:before{content:"\F412"}.mdi-playlist-remove:before{content:"\F413"}.mdi-playlist-star:before{content:"\FDCE"}.mdi-playstation:before{content:"\F414"}.mdi-plex:before{content:"\F6B9"}.mdi-plus:before{content:"\F415"}.mdi-plus-box:before{content:"\F416"}.mdi-plus-box-outline:before{content:"\F703"}.mdi-plus-circle:before{content:"\F417"}.mdi-plus-circle-multiple-outline:before{content:"\F418"}.mdi-plus-circle-outline:before{content:"\F419"}.mdi-plus-minus:before{content:"\F991"}.mdi-plus-minus-box:before{content:"\F992"}.mdi-plus-network:before{content:"\F41A"}.mdi-plus-network-outline:before{content:"\FC96"}.mdi-plus-one:before{content:"\F41B"}.mdi-plus-outline:before{content:"\F704"}.mdi-pocket:before{content:"\F41C"}.mdi-podcast:before{content:"\F993"}.mdi-podium:before{content:"\FD01"}.mdi-podium-bronze:before{content:"\FD02"}.mdi-podium-gold:before{content:"\FD03"}.mdi-podium-silver:before{content:"\FD04"}.mdi-point-of-sale:before{content:"\FD6E"}.mdi-pokeball:before{content:"\F41D"}.mdi-pokemon-go:before{content:"\FA08"}.mdi-poker-chip:before{content:"\F82F"}.mdi-polaroid:before{content:"\F41E"}.mdi-poll:before{content:"\F41F"}.mdi-poll-box:before{content:"\F420"}.mdi-polymer:before{content:"\F421"}.mdi-pool:before{content:"\F606"}.mdi-popcorn:before{content:"\F422"}.mdi-postage-stamp:before{content:"\FC97"}.mdi-pot:before{content:"\F65A"}.mdi-pot-mix:before{content:"\F65B"}.mdi-pound:before{content:"\F423"}.mdi-pound-box:before{content:"\F424"}.mdi-power:before{content:"\F425"}.mdi-power-cycle:before{content:"\F900"}.mdi-power-off:before{content:"\F901"}.mdi-power-on:before{content:"\F902"}.mdi-power-plug:before{content:"\F6A4"}.mdi-power-plug-off:before{content:"\F6A5"}.mdi-power-settings:before{content:"\F426"}.mdi-power-sleep:before{content:"\F903"}.mdi-power-socket:before{content:"\F427"}.mdi-power-socket-au:before{content:"\F904"}.mdi-power-socket-</w:t>
            </w:r>
            <w:r>
              <w:lastRenderedPageBreak/>
              <w:t>eu:before{content:"\F7E6"}.mdi-power-socket-uk:before{content:"\F7E7"}.mdi-power-socket-us:before{content:"\F7E8"}.mdi-power-standby:before{content:"\F905"}.mdi-powershell:before{content:"\FA09"}.mdi-prescription:before{content:"\F705"}.mdi-presentation:before{content:"\F428"}.mdi-presentation-play:before{content:"\F429"}.mdi-printer:before{content:"\F42A"}.mdi-printer-3d:before{content:"\F42B"}.mdi-printer-3d-nozzle:before{content:"\FE3E"}.mdi-printer-3d-nozzle-outline:before{content:"\FE3F"}.mdi-printer-alert:before{content:"\F42C"}.mdi-printer-off:before{content:"\FE40"}.mdi-printer-settings:before{content:"\F706"}.mdi-printer-wireless:before{content:"\FA0A"}.mdi-priority-high:before{content:"\F603"}.mdi-priority-low:before{content:"\F604"}.mdi-professional-hexagon:before{content:"\F42D"}.mdi-progress-alert:before{content:"\FC98"}.mdi-progress-check:before{content:"\F994"}.mdi-progress-clock:before{content:"\F995"}.mdi-progress-download:before{content:"\F996"}.mdi-progress-upload:before{content:"\F997"}.mdi-progress-wrench:before{content:"\FC99"}.mdi-projector:before{content:"\F42E"}.mdi-projector-screen:before{content:"\F42F"}.mdi-publish:before{content:"\F6A6"}.mdi-pulse:before{content:"\F430"}.mdi-pumpkin:before{content:"\FB9B"}.mdi-puzzle:before{content:"\F431"}.mdi-puzzle-outline:before{content:"\FA65"}.mdi-qi:before{content:"\F998"}.mdi-qqchat:before{content:"\F605"}.mdi-qrcode:before{content:"\F432"}.mdi-qrcode-edit:before{content:"\F8B7"}.mdi-qrcode-scan:before{content:"\F433"}.mdi-quadcopter:before{content:"\F434"}.mdi-quality-high:before{content:"\F435"}.mdi-quality-low:before{content:"\FA0B"}.mdi-quality-medium:before{content:"\FA0C"}.mdi-quicktime:before{content:"\F436"}.mdi-quora:before{content:"\FD05"}.mdi-rabbit:before{content:"\F906"}.mdi-racing-helmet:before{content:"\FD6F"}.mdi-racquetball:before{content:"\FD70"}.mdi-radar:before{content:"\F437"}.mdi-radiator:before{content:"\F438"}.mdi-radiator-disabled:before{content:"\FAD6"}.mdi-radiator-off:before{content:"\FAD7"}.mdi-radio:before{content:"\F439"}.mdi-radio-am:before{content:"\FC9A"}.mdi-radio-fm:before{content:"\FC9B"}.mdi-radio-handheld:before{content:"\F43A"}.mdi-radio-tower:before{content:"\F43B"}.mdi-radioactive:before{content:"\F43C"}.mdi-radiobox-blank:before{content:"\F43D"}.mdi-radiobox-marked:before{content:"\F43E"}.mdi-radius:before{content:"\FC9C"}.mdi-radius-outline:before{content:"\FC9D"}.mdi-raspberry-pi:before{content:"\F43F"}.mdi-ray-end:before{content:"\F440"}.mdi-ray-end-arrow:before{content:"\F441"}.mdi-ray-start:before{content:"\F442"}.mdi-ray-start-arrow:before{content:"\F443"}.mdi-ray-start-end:before{content:"\F444"}.mdi-ray-vertex:before{content:"\F445"}.mdi-react:before{content:"\F707"}.mdi-read:before{content:"\F447"}.mdi-receipt:before{content:"\F449"}.mdi-record:before{content:"\F44A"}.mdi-record-player:before{content:"\F999"}.mdi-record-rec:before{content:"\F44B"}.mdi-rectangle:before{content:"\FE41"}.mdi-rectangle-outline:before{content:"\FE42"}.mdi-recycle:before{content:"\F44C"}.mdi-reddit:before{content:"\F44D"}.mdi-redo:before{content:"\F44E"}.mdi-redo-variant:before{content:"\F44F"}.mdi-reflect-horizontal:before{content:"\FA0D"}.mdi-reflect-vertical:before{content:"\FA0E"}.mdi-refresh:before{content:"\F450"}.mdi-regex:before{content:"\F451"}.mdi-registered-trademark:before{content:"\FA66"}.mdi-relative-scale:before{content:"\F452"}.mdi-reload:before{content:"\F453"}.mdi-reminder:before{content:"\F88B"}.mdi-remote:before{content:"\F454"}.mdi-remote-desktop:before{content:"\F8B8"}.mdi-rename-box:before{content:"\F455"}.mdi-reorder-horizontal:before{content:"\F687"}.mdi-reorder-vertical:before{content:"\F688"}.mdi-repeat:before{content:"\F456"}.mdi-repeat-off:before{content:"\F457"}.mdi-repeat-once:before{content:"\F458"}.mdi-replay:before{content:"\F459"}.mdi-</w:t>
            </w:r>
            <w:r>
              <w:lastRenderedPageBreak/>
              <w:t>reply:before{content:"\F45A"}.mdi-reply-all:before{content:"\F45B"}.mdi-reproduction:before{content:"\F45C"}.mdi-resistor:before{content:"\FB1F"}.mdi-resistor-nodes:before{content:"\FB20"}.mdi-resize:before{content:"\FA67"}.mdi-resize-bottom-right:before{content:"\F45D"}.mdi-responsive:before{content:"\F45E"}.mdi-restart:before{content:"\F708"}.mdi-restart-off:before{content:"\FD71"}.mdi-restore:before{content:"\F99A"}.mdi-restore-clock:before{content:"\F6A7"}.mdi-rewind:before{content:"\F45F"}.mdi-rewind-10:before{content:"\FD06"}.mdi-rewind-30:before{content:"\FD72"}.mdi-rewind-outline:before{content:"\F709"}.mdi-rhombus:before{content:"\F70A"}.mdi-rhombus-medium:before{content:"\FA0F"}.mdi-rhombus-outline:before{content:"\F70B"}.mdi-rhombus-split:before{content:"\FA10"}.mdi-ribbon:before{content:"\F460"}.mdi-rice:before{content:"\F7E9"}.mdi-ring:before{content:"\F7EA"}.mdi-rivet:before{content:"\FE43"}.mdi-road:before{content:"\F461"}.mdi-road-variant:before{content:"\F462"}.mdi-robot:before{content:"\F6A8"}.mdi-robot-industrial:before{content:"\FB21"}.mdi-robot-vacuum:before{content:"\F70C"}.mdi-robot-vacuum-variant:before{content:"\F907"}.mdi-rocket:before{content:"\F463"}.mdi-roller-skate:before{content:"\FD07"}.mdi-rollerblade:before{content:"\FD08"}.mdi-rollupjs:before{content:"\FB9C"}.mdi-room-service:before{content:"\F88C"}.mdi-room-service-outline:before{content:"\FD73"}.mdi-rotate-3d:before{content:"\F464"}.mdi-rotate-left:before{content:"\F465"}.mdi-rotate-left-variant:before{content:"\F466"}.mdi-rotate-orbit:before{content:"\FD74"}.mdi-rotate-right:before{content:"\F467"}.mdi-rotate-right-variant:before{content:"\F468"}.mdi-rounded-corner:before{content:"\F607"}.mdi-router-wireless:before{content:"\F469"}.mdi-router-wireless-settings:before{content:"\FA68"}.mdi-routes:before{content:"\F46A"}.mdi-rowing:before{content:"\F608"}.mdi-rss:before{content:"\F46B"}.mdi-rss-box:before{content:"\F46C"}.mdi-ruby:before{content:"\FD09"}.mdi-rugby:before{content:"\FD75"}.mdi-ruler:before{content:"\F46D"}.mdi-ruler-square:before{content:"\FC9E"}.mdi-run:before{content:"\F70D"}.mdi-run-fast:before{content:"\F46E"}.mdi-sack:before{content:"\FD0A"}.mdi-sack-percent:before{content:"\FD0B"}.mdi-safe:before{content:"\FA69"}.mdi-safety-goggles:before{content:"\FD0C"}.mdi-sale:before{content:"\F46F"}.mdi-salesforce:before{content:"\F88D"}.mdi-sass:before{content:"\F7EB"}.mdi-satellite:before{content:"\F470"}.mdi-satellite-uplink:before{content:"\F908"}.mdi-satellite-variant:before{content:"\F471"}.mdi-sausage:before{content:"\F8B9"}.mdi-saw-blade:before{content:"\FE44"}.mdi-saxophone:before{content:"\F609"}.mdi-scale:before{content:"\F472"}.mdi-scale-balance:before{content:"\F5D1"}.mdi-scale-bathroom:before{content:"\F473"}.mdi-scanner:before{content:"\F6AA"}.mdi-scanner-off:before{content:"\F909"}.mdi-school:before{content:"\F474"}.mdi-scissors-cutting:before{content:"\FA6A"}.mdi-screen-rotation:before{content:"\F475"}.mdi-screen-rotation-lock:before{content:"\F476"}.mdi-screw-flat-top:before{content:"\FDCF"}.mdi-screw-lag:before{content:"\FE54"}.mdi-screw-machine-flat-top:before{content:"\FE55"}.mdi-screw-machine-round-top:before{content:"\FE56"}.mdi-screw-round-top:before{content:"\FE57"}.mdi-screwdriver:before{content:"\F477"}.mdi-script:before{content:"\FB9D"}.mdi-script-outline:before{content:"\F478"}.mdi-script-text:before{content:"\FB9E"}.mdi-script-text-outline:before{content:"\FB9F"}.mdi-sd:before{content:"\F479"}.mdi-seal:before{content:"\F47A"}.mdi-search-web:before{content:"\F70E"}.mdi-seat:before{content:"\FC9F"}.mdi-seat-flat:before{content:"\F47B"}.mdi-seat-flat-angled:before{content:"\F47C"}.mdi-seat-individual-suite:before{content:"\F47D"}.mdi-seat-legroom-extra:before{content:"\F47E"}.mdi-seat-legroom-normal:before{content:"\F47F"}.mdi-seat-legroom-reduced:before{content:"\F480"}.mdi-seat-</w:t>
            </w:r>
            <w:r>
              <w:lastRenderedPageBreak/>
              <w:t>outline:before{content:"\FCA0"}.mdi-seat-recline-extra:before{content:"\F481"}.mdi-seat-recline-normal:before{content:"\F482"}.mdi-seatbelt:before{content:"\FCA1"}.mdi-security:before{content:"\F483"}.mdi-security-network:before{content:"\F484"}.mdi-seed:before{content:"\FE45"}.mdi-seed-outline:before{content:"\FE46"}.mdi-select:before{content:"\F485"}.mdi-select-all:before{content:"\F486"}.mdi-select-color:before{content:"\FD0D"}.mdi-select-compare:before{content:"\FAD8"}.mdi-select-drag:before{content:"\FA6B"}.mdi-select-inverse:before{content:"\F487"}.mdi-select-off:before{content:"\F488"}.mdi-selection:before{content:"\F489"}.mdi-selection-drag:before{content:"\FA6C"}.mdi-selection-ellipse:before{content:"\FD0E"}.mdi-selection-off:before{content:"\F776"}.mdi-send:before{content:"\F48A"}.mdi-send-circle:before{content:"\FE58"}.mdi-send-circle-outline:before{content:"\FE59"}.mdi-send-lock:before{content:"\F7EC"}.mdi-serial-port:before{content:"\F65C"}.mdi-server:before{content:"\F48B"}.mdi-server-minus:before{content:"\F48C"}.mdi-server-network:before{content:"\F48D"}.mdi-server-network-off:before{content:"\F48E"}.mdi-server-off:before{content:"\F48F"}.mdi-server-plus:before{content:"\F490"}.mdi-server-remove:before{content:"\F491"}.mdi-server-security:before{content:"\F492"}.mdi-set-all:before{content:"\F777"}.mdi-set-center:before{content:"\F778"}.mdi-set-center-right:before{content:"\F779"}.mdi-set-left:before{content:"\F77A"}.mdi-set-left-center:before{content:"\F77B"}.mdi-set-left-right:before{content:"\F77C"}.mdi-set-none:before{content:"\F77D"}.mdi-set-right:before{content:"\F77E"}.mdi-set-top-box:before{content:"\F99E"}.mdi-settings:before{content:"\F493"}.mdi-settings-box:before{content:"\F494"}.mdi-settings-helper:before{content:"\FA6D"}.mdi-settings-outline:before{content:"\F8BA"}.mdi-shape:before{content:"\F830"}.mdi-shape-circle-plus:before{content:"\F65D"}.mdi-shape-outline:before{content:"\F831"}.mdi-shape-plus:before{content:"\F495"}.mdi-shape-polygon-plus:before{content:"\F65E"}.mdi-shape-rectangle-plus:before{content:"\F65F"}.mdi-shape-square-plus:before{content:"\F660"}.mdi-share:before{content:"\F496"}.mdi-share-outline:before{content:"\F931"}.mdi-share-variant:before{content:"\F497"}.mdi-sheep:before{content:"\FCA2"}.mdi-shield:before{content:"\F498"}.mdi-shield-account:before{content:"\F88E"}.mdi-shield-account-outline:before{content:"\FA11"}.mdi-shield-airplane:before{content:"\F6BA"}.mdi-shield-airplane-outline:before{content:"\FCA3"}.mdi-shield-check:before{content:"\F565"}.mdi-shield-check-outline:before{content:"\FCA4"}.mdi-shield-cross:before{content:"\FCA5"}.mdi-shield-cross-outline:before{content:"\FCA6"}.mdi-shield-half-full:before{content:"\F77F"}.mdi-shield-home:before{content:"\F689"}.mdi-shield-home-outline:before{content:"\FCA7"}.mdi-shield-key:before{content:"\FBA0"}.mdi-shield-key-outline:before{content:"\FBA1"}.mdi-shield-link-variant:before{content:"\FD0F"}.mdi-shield-link-variant-outline:before{content:"\FD10"}.mdi-shield-lock:before{content:"\F99C"}.mdi-shield-lock-outline:before{content:"\FCA8"}.mdi-shield-off:before{content:"\F99D"}.mdi-shield-off-outline:before{content:"\F99B"}.mdi-shield-outline:before{content:"\F499"}.mdi-shield-plus:before{content:"\FAD9"}.mdi-shield-plus-outline:before{content:"\FADA"}.mdi-shield-remove:before{content:"\FADB"}.mdi-shield-remove-outline:before{content:"\FADC"}.mdi-shield-search:before{content:"\FD76"}.mdi-ship-wheel:before{content:"\F832"}.mdi-shoe-formal:before{content:"\FB22"}.mdi-shoe-heel:before{content:"\FB23"}.mdi-shoe-print:before{content:"\FE5A"}.mdi-shopify:before{content:"\FADD"}.mdi-shopping:before{content:"\F49A"}.mdi-shopping-music:before{content:"\F49B"}.mdi-shovel:before{content:"\F70F"}.mdi-shovel-off:before{content:"\F710"}.mdi-shower:before{content:"\F99F"}.mdi-shower-head:before{content:"\F9A0"}.mdi-shredder:before{content:"\F49C"}.mdi-shuffle:before{content:"\F49D"}.mdi-shuffle-disabled:before{content:"\F49E"}.mdi-shuffle-</w:t>
            </w:r>
            <w:r>
              <w:lastRenderedPageBreak/>
              <w:t>variant:before{content:"\F49F"}.mdi-sigma:before{content:"\F4A0"}.mdi-sigma-lower:before{content:"\F62B"}.mdi-sign-caution:before{content:"\F4A1"}.mdi-sign-direction:before{content:"\F780"}.mdi-sign-text:before{content:"\F781"}.mdi-signal:before{content:"\F4A2"}.mdi-signal-2g:before{content:"\F711"}.mdi-signal-3g:before{content:"\F712"}.mdi-signal-4g:before{content:"\F713"}.mdi-signal-5g:before{content:"\FA6E"}.mdi-signal-cellular-1:before{content:"\F8BB"}.mdi-signal-cellular-2:before{content:"\F8BC"}.mdi-signal-cellular-3:before{content:"\F8BD"}.mdi-signal-cellular-outline:before{content:"\F8BE"}.mdi-signal-distance-variant:before{content:"\FE47"}.mdi-signal-hspa:before{content:"\F714"}.mdi-signal-hspa-plus:before{content:"\F715"}.mdi-signal-off:before{content:"\F782"}.mdi-signal-variant:before{content:"\F60A"}.mdi-signature:before{content:"\FE5B"}.mdi-signature-freehand:before{content:"\FE5C"}.mdi-signature-image:before{content:"\FE5D"}.mdi-signature-text:before{content:"\FE5E"}.mdi-silo:before{content:"\FB24"}.mdi-silverware:before{content:"\F4A3"}.mdi-silverware-fork:before{content:"\F4A4"}.mdi-silverware-fork-knife:before{content:"\FA6F"}.mdi-silverware-spoon:before{content:"\F4A5"}.mdi-silverware-variant:before{content:"\F4A6"}.mdi-sim:before{content:"\F4A7"}.mdi-sim-alert:before{content:"\F4A8"}.mdi-sim-off:before{content:"\F4A9"}.mdi-sina-weibo:before{content:"\FADE"}.mdi-sitemap:before{content:"\F4AA"}.mdi-skate:before{content:"\FD11"}.mdi-skew-less:before{content:"\FD12"}.mdi-skew-more:before{content:"\FD13"}.mdi-skip-backward:before{content:"\F4AB"}.mdi-skip-forward:before{content:"\F4AC"}.mdi-skip-next:before{content:"\F4AD"}.mdi-skip-next-circle:before{content:"\F661"}.mdi-skip-next-circle-outline:before{content:"\F662"}.mdi-skip-previous:before{content:"\F4AE"}.mdi-skip-previous-circle:before{content:"\F663"}.mdi-skip-previous-circle-outline:before{content:"\F664"}.mdi-skull:before{content:"\F68B"}.mdi-skull-crossbones:before{content:"\FBA2"}.mdi-skull-crossbones-outline:before{content:"\FBA3"}.mdi-skull-outline:before{content:"\FBA4"}.mdi-skype:before{content:"\F4AF"}.mdi-skype-business:before{content:"\F4B0"}.mdi-slack:before{content:"\F4B1"}.mdi-slackware:before{content:"\F90A"}.mdi-sleep:before{content:"\F4B2"}.mdi-sleep-off:before{content:"\F4B3"}.mdi-slope-downhill:before{content:"\FE5F"}.mdi-slope-uphill:before{content:"\FE60"}.mdi-smog:before{content:"\FA70"}.mdi-smoke-detector:before{content:"\F392"}.mdi-smoking:before{content:"\F4B4"}.mdi-smoking-off:before{content:"\F4B5"}.mdi-snapchat:before{content:"\F4B6"}.mdi-snowflake:before{content:"\F716"}.mdi-snowman:before{content:"\F4B7"}.mdi-soccer:before{content:"\F4B8"}.mdi-soccer-field:before{content:"\F833"}.mdi-sofa:before{content:"\F4B9"}.mdi-solar-panel:before{content:"\FD77"}.mdi-solar-panel-large:before{content:"\FD78"}.mdi-solar-power:before{content:"\FA71"}.mdi-solid:before{content:"\F68C"}.mdi-sort:before{content:"\F4BA"}.mdi-sort-alphabetical:before{content:"\F4BB"}.mdi-sort-ascending:before{content:"\F4BC"}.mdi-sort-descending:before{content:"\F4BD"}.mdi-sort-numeric:before{content:"\F4BE"}.mdi-sort-variant:before{content:"\F4BF"}.mdi-sort-variant-lock:before{content:"\FCA9"}.mdi-sort-variant-lock-open:before{content:"\FCAA"}.mdi-soundcloud:before{content:"\F4C0"}.mdi-source-branch:before{content:"\F62C"}.mdi-source-commit:before{content:"\F717"}.mdi-source-commit-end:before{content:"\F718"}.mdi-source-commit-end-local:before{content:"\F719"}.mdi-source-commit-local:before{content:"\F71A"}.mdi-source-commit-next-local:before{content:"\F71B"}.mdi-source-commit-start:before{content:"\F71C"}.mdi-source-commit-start-next-local:before{content:"\F71D"}.mdi-source-fork:before{content:"\F4C1"}.mdi-source-merge:before{content:"\F62D"}.mdi-source-pull:before{content:"\F4C2"}.mdi-source-repository:before{content:"\FCAB"}.mdi-source-repository-multiple:before{content:"\FCAC"}.mdi-soy-sauce:before{content:"\F7ED"}.mdi-spa:before{content:"\FCAD"}.mdi-spa-</w:t>
            </w:r>
            <w:r>
              <w:lastRenderedPageBreak/>
              <w:t>outline:before{content:"\FCAE"}.mdi-space-invaders:before{content:"\FBA5"}.mdi-spade:before{content:"\FE48"}.mdi-speaker:before{content:"\F4C3"}.mdi-speaker-bluetooth:before{content:"\F9A1"}.mdi-speaker-multiple:before{content:"\FD14"}.mdi-speaker-off:before{content:"\F4C4"}.mdi-speaker-wireless:before{content:"\F71E"}.mdi-speedometer:before{content:"\F4C5"}.mdi-spellcheck:before{content:"\F4C6"}.mdi-spider-web:before{content:"\FBA6"}.mdi-spotify:before{content:"\F4C7"}.mdi-spotlight:before{content:"\F4C8"}.mdi-spotlight-beam:before{content:"\F4C9"}.mdi-spray:before{content:"\F665"}.mdi-spray-bottle:before{content:"\FADF"}.mdi-sprout:before{content:"\FE49"}.mdi-sprout-outline:before{content:"\FE4A"}.mdi-square:before{content:"\F763"}.mdi-square-edit-outline:before{content:"\F90B"}.mdi-square-inc:before{content:"\F4CA"}.mdi-square-inc-cash:before{content:"\F4CB"}.mdi-square-medium:before{content:"\FA12"}.mdi-square-medium-outline:before{content:"\FA13"}.mdi-square-outline:before{content:"\F762"}.mdi-square-root:before{content:"\F783"}.mdi-square-root-box:before{content:"\F9A2"}.mdi-square-small:before{content:"\FA14"}.mdi-squeegee:before{content:"\FAE0"}.mdi-ssh:before{content:"\F8BF"}.mdi-stack-exchange:before{content:"\F60B"}.mdi-stack-overflow:before{content:"\F4CC"}.mdi-stadium:before{content:"\F71F"}.mdi-stairs:before{content:"\F4CD"}.mdi-stamper:before{content:"\FD15"}.mdi-standard-definition:before{content:"\F7EE"}.mdi-star:before{content:"\F4CE"}.mdi-star-box:before{content:"\FA72"}.mdi-star-box-outline:before{content:"\FA73"}.mdi-star-circle:before{content:"\F4CF"}.mdi-star-circle-outline:before{content:"\F9A3"}.mdi-star-face:before{content:"\F9A4"}.mdi-star-four-points:before{content:"\FAE1"}.mdi-star-four-points-outline:before{content:"\FAE2"}.mdi-star-half:before{content:"\F4D0"}.mdi-star-off:before{content:"\F4D1"}.mdi-star-outline:before{content:"\F4D2"}.mdi-star-three-points:before{content:"\FAE3"}.mdi-star-three-points-outline:before{content:"\FAE4"}.mdi-steam:before{content:"\F4D3"}.mdi-steam-box:before{content:"\F90C"}.mdi-steering:before{content:"\F4D4"}.mdi-steering-off:before{content:"\F90D"}.mdi-step-backward:before{content:"\F4D5"}.mdi-step-backward-2:before{content:"\F4D6"}.mdi-step-forward:before{content:"\F4D7"}.mdi-step-forward-2:before{content:"\F4D8"}.mdi-stethoscope:before{content:"\F4D9"}.mdi-sticker:before{content:"\F5D0"}.mdi-sticker-emoji:before{content:"\F784"}.mdi-stocking:before{content:"\F4DA"}.mdi-stop:before{content:"\F4DB"}.mdi-stop-circle:before{content:"\F666"}.mdi-stop-circle-outline:before{content:"\F667"}.mdi-store:before{content:"\F4DC"}.mdi-store-24-hour:before{content:"\F4DD"}.mdi-stove:before{content:"\F4DE"}.mdi-strava:before{content:"\FB25"}.mdi-subdirectory-arrow-left:before{content:"\F60C"}.mdi-subdirectory-arrow-right:before{content:"\F60D"}.mdi-subtitles:before{content:"\FA15"}.mdi-subtitles-outline:before{content:"\FA16"}.mdi-subway:before{content:"\F6AB"}.mdi-subway-alert-variant:before{content:"\FD79"}.mdi-subway-variant:before{content:"\F4DF"}.mdi-summit:before{content:"\F785"}.mdi-sunglasses:before{content:"\F4E0"}.mdi-surround-sound:before{content:"\F5C5"}.mdi-surround-sound-2-0:before{content:"\F7EF"}.mdi-surround-sound-3-1:before{content:"\F7F0"}.mdi-surround-sound-5-1:before{content:"\F7F1"}.mdi-surround-sound-7-1:before{content:"\F7F2"}.mdi-svg:before{content:"\F720"}.mdi-swap-horizontal:before{content:"\F4E1"}.mdi-swap-horizontal-bold:before{content:"\FBA9"}.mdi-swap-horizontal-variant:before{content:"\F8C0"}.mdi-swap-vertical:before{content:"\F4E2"}.mdi-swap-vertical-bold:before{content:"\FBAA"}.mdi-swap-vertical-variant:before{content:"\F8C1"}.mdi-swim:before{content:"\F4E3"}.mdi-switch:before{content:"\F4E4"}.mdi-sword:before{content:"\F4E5"}.mdi-sword-cross:before{content:"\F786"}.mdi-symfony:before{content:"\FAE5"}.mdi-sync:before{content:"\F4E6"}.mdi-sync-alert:before{content:"\F4E7"}.mdi-sync-</w:t>
            </w:r>
            <w:r>
              <w:lastRenderedPageBreak/>
              <w:t>off:before{content:"\F4E8"}.mdi-tab:before{content:"\F4E9"}.mdi-tab-minus:before{content:"\FB26"}.mdi-tab-plus:before{content:"\F75B"}.mdi-tab-remove:before{content:"\FB27"}.mdi-tab-unselected:before{content:"\F4EA"}.mdi-table:before{content:"\F4EB"}.mdi-table-border:before{content:"\FA17"}.mdi-table-column:before{content:"\F834"}.mdi-table-column-plus-after:before{content:"\F4EC"}.mdi-table-column-plus-before:before{content:"\F4ED"}.mdi-table-column-remove:before{content:"\F4EE"}.mdi-table-column-width:before{content:"\F4EF"}.mdi-table-edit:before{content:"\F4F0"}.mdi-table-large:before{content:"\F4F1"}.mdi-table-merge-cells:before{content:"\F9A5"}.mdi-table-of-contents:before{content:"\F835"}.mdi-table-plus:before{content:"\FA74"}.mdi-table-remove:before{content:"\FA75"}.mdi-table-row:before{content:"\F836"}.mdi-table-row-height:before{content:"\F4F2"}.mdi-table-row-plus-after:before{content:"\F4F3"}.mdi-table-row-plus-before:before{content:"\F4F4"}.mdi-table-row-remove:before{content:"\F4F5"}.mdi-table-search:before{content:"\F90E"}.mdi-table-settings:before{content:"\F837"}.mdi-table-tennis:before{content:"\FE4B"}.mdi-tablet:before{content:"\F4F6"}.mdi-tablet-android:before{content:"\F4F7"}.mdi-tablet-cellphone:before{content:"\F9A6"}.mdi-tablet-ipad:before{content:"\F4F8"}.mdi-taco:before{content:"\F761"}.mdi-tag:before{content:"\F4F9"}.mdi-tag-faces:before{content:"\F4FA"}.mdi-tag-heart:before{content:"\F68A"}.mdi-tag-heart-outline:before{content:"\FBAB"}.mdi-tag-minus:before{content:"\F90F"}.mdi-tag-multiple:before{content:"\F4FB"}.mdi-tag-outline:before{content:"\F4FC"}.mdi-tag-plus:before{content:"\F721"}.mdi-tag-remove:before{content:"\F722"}.mdi-tag-text-outline:before{content:"\F4FD"}.mdi-tank:before{content:"\FD16"}.mdi-tape-measure:before{content:"\FB28"}.mdi-target:before{content:"\F4FE"}.mdi-target-account:before{content:"\FBAC"}.mdi-target-variant:before{content:"\FA76"}.mdi-taxi:before{content:"\F4FF"}.mdi-tea:before{content:"\FD7A"}.mdi-tea-outline:before{content:"\FD7B"}.mdi-teach:before{content:"\F88F"}.mdi-teamviewer:before{content:"\F500"}.mdi-telegram:before{content:"\F501"}.mdi-telescope:before{content:"\FB29"}.mdi-television:before{content:"\F502"}.mdi-television-box:before{content:"\F838"}.mdi-television-classic:before{content:"\F7F3"}.mdi-television-classic-off:before{content:"\F839"}.mdi-television-guide:before{content:"\F503"}.mdi-television-off:before{content:"\F83A"}.mdi-temperature-celsius:before{content:"\F504"}.mdi-temperature-fahrenheit:before{content:"\F505"}.mdi-temperature-kelvin:before{content:"\F506"}.mdi-tennis:before{content:"\FD7C"}.mdi-tennis-ball:before{content:"\F507"}.mdi-tent:before{content:"\F508"}.mdi-terrain:before{content:"\F509"}.mdi-test-tube:before{content:"\F668"}.mdi-test-tube-empty:before{content:"\F910"}.mdi-test-tube-off:before{content:"\F911"}.mdi-text:before{content:"\F9A7"}.mdi-text-shadow:before{content:"\F669"}.mdi-text-short:before{content:"\F9A8"}.mdi-text-subject:before{content:"\F9A9"}.mdi-text-to-speech:before{content:"\F50A"}.mdi-text-to-speech-off:before{content:"\F50B"}.mdi-textbox:before{content:"\F60E"}.mdi-textbox-password:before{content:"\F7F4"}.mdi-texture:before{content:"\F50C"}.mdi-theater:before{content:"\F50D"}.mdi-theme-light-dark:before{content:"\F50E"}.mdi-thermometer:before{content:"\F50F"}.mdi-thermometer-alert:before{content:"\FE61"}.mdi-thermometer-chevron-down:before{content:"\FE62"}.mdi-thermometer-chevron-up:before{content:"\FE63"}.mdi-thermometer-lines:before{content:"\F510"}.mdi-thermometer-minus:before{content:"\FE64"}.mdi-thermometer-plus:before{content:"\FE65"}.mdi-thermostat:before{content:"\F393"}.mdi-thermostat-box:before{content:"\F890"}.mdi-thought-bubble:before{content:"\F7F5"}.mdi-thought-bubble-outline:before{content:"\F7F6"}.mdi-thumb-down:before{content:"\F511"}.mdi-thumb-down-outline:before{content:"\F512"}.mdi-thumb-up:before{content:"\F513"}.mdi-thumb-up-outline:before{content:"\F514"}.mdi-thumbs-up-</w:t>
            </w:r>
            <w:r>
              <w:lastRenderedPageBreak/>
              <w:t>down:before{content:"\F515"}.mdi-ticket:before{content:"\F516"}.mdi-ticket-account:before{content:"\F517"}.mdi-ticket-confirmation:before{content:"\F518"}.mdi-ticket-outline:before{content:"\F912"}.mdi-ticket-percent:before{content:"\F723"}.mdi-tie:before{content:"\F519"}.mdi-tilde:before{content:"\F724"}.mdi-timelapse:before{content:"\F51A"}.mdi-timeline:before{content:"\FBAD"}.mdi-timeline-outline:before{content:"\FBAE"}.mdi-timeline-text:before{content:"\FBAF"}.mdi-timeline-text-outline:before{content:"\FBB0"}.mdi-timer:before{content:"\F51B"}.mdi-timer-10:before{content:"\F51C"}.mdi-timer-3:before{content:"\F51D"}.mdi-timer-off:before{content:"\F51E"}.mdi-timer-sand:before{content:"\F51F"}.mdi-timer-sand-empty:before{content:"\F6AC"}.mdi-timer-sand-full:before{content:"\F78B"}.mdi-timetable:before{content:"\F520"}.mdi-toaster-oven:before{content:"\FCAF"}.mdi-toggle-switch:before{content:"\F521"}.mdi-toggle-switch-off:before{content:"\F522"}.mdi-toggle-switch-off-outline:before{content:"\FA18"}.mdi-toggle-switch-outline:before{content:"\FA19"}.mdi-toilet:before{content:"\F9AA"}.mdi-toolbox:before{content:"\F9AB"}.mdi-toolbox-outline:before{content:"\F9AC"}.mdi-tooltip:before{content:"\F523"}.mdi-tooltip-account:before{content:"\F00C"}.mdi-tooltip-edit:before{content:"\F524"}.mdi-tooltip-image:before{content:"\F525"}.mdi-tooltip-image-outline:before{content:"\FBB1"}.mdi-tooltip-outline:before{content:"\F526"}.mdi-tooltip-plus:before{content:"\FBB2"}.mdi-tooltip-plus-outline:before{content:"\F527"}.mdi-tooltip-text:before{content:"\F528"}.mdi-tooltip-text-outline:before{content:"\FBB3"}.mdi-tooth:before{content:"\F8C2"}.mdi-tooth-outline:before{content:"\F529"}.mdi-tor:before{content:"\F52A"}.mdi-tortoise:before{content:"\FD17"}.mdi-tournament:before{content:"\F9AD"}.mdi-tower-beach:before{content:"\F680"}.mdi-tower-fire:before{content:"\F681"}.mdi-towing:before{content:"\F83B"}.mdi-track-light:before{content:"\F913"}.mdi-trackpad:before{content:"\F7F7"}.mdi-trackpad-lock:before{content:"\F932"}.mdi-tractor:before{content:"\F891"}.mdi-trademark:before{content:"\FA77"}.mdi-traffic-light:before{content:"\F52B"}.mdi-train:before{content:"\F52C"}.mdi-train-car:before{content:"\FBB4"}.mdi-train-variant:before{content:"\F8C3"}.mdi-tram:before{content:"\F52D"}.mdi-transcribe:before{content:"\F52E"}.mdi-transcribe-close:before{content:"\F52F"}.mdi-transfer-down:before{content:"\FD7D"}.mdi-transfer-left:before{content:"\FD7E"}.mdi-transfer-right:before{content:"\F530"}.mdi-transfer-up:before{content:"\FD7F"}.mdi-transit-connection:before{content:"\FD18"}.mdi-transit-connection-variant:before{content:"\FD19"}.mdi-transit-transfer:before{content:"\F6AD"}.mdi-transition:before{content:"\F914"}.mdi-transition-masked:before{content:"\F915"}.mdi-translate:before{content:"\F5CA"}.mdi-translate-off:before{content:"\FE66"}.mdi-transmission-tower:before{content:"\FD1A"}.mdi-trash-can:before{content:"\FA78"}.mdi-trash-can-outline:before{content:"\FA79"}.mdi-treasure-chest:before{content:"\F725"}.mdi-tree:before{content:"\F531"}.mdi-tree-outline:before{content:"\FE4C"}.mdi-trello:before{content:"\F532"}.mdi-trending-down:before{content:"\F533"}.mdi-trending-neutral:before{content:"\F534"}.mdi-trending-up:before{content:"\F535"}.mdi-triangle:before{content:"\F536"}.mdi-triangle-outline:before{content:"\F537"}.mdi-triforce:before{content:"\FBB5"}.mdi-trophy:before{content:"\F538"}.mdi-trophy-award:before{content:"\F539"}.mdi-trophy-broken:before{content:"\FD80"}.mdi-trophy-outline:before{content:"\F53A"}.mdi-trophy-variant:before{content:"\F53B"}.mdi-trophy-variant-outline:before{content:"\F53C"}.mdi-truck:before{content:"\F53D"}.mdi-truck-check:before{content:"\FCB0"}.mdi-truck-delivery:before{content:"\F53E"}.mdi-truck-fast:before{content:"\F787"}.mdi-truck-trailer:before{content:"\F726"}.mdi-tshirt-crew:before{content:"\FA7A"}.mdi-tshirt-crew-outline:before{content:"\F53F"}.mdi-tshirt-</w:t>
            </w:r>
            <w:r>
              <w:lastRenderedPageBreak/>
              <w:t>v:before{content:"\FA7B"}.mdi-tshirt-v-outline:before{content:"\F540"}.mdi-tumble-dryer:before{content:"\F916"}.mdi-tumblr:before{content:"\F541"}.mdi-tumblr-box:before{content:"\F917"}.mdi-tumblr-reblog:before{content:"\F542"}.mdi-tune:before{content:"\F62E"}.mdi-tune-vertical:before{content:"\F66A"}.mdi-turnstile:before{content:"\FCB1"}.mdi-turnstile-outline:before{content:"\FCB2"}.mdi-turtle:before{content:"\FCB3"}.mdi-twitch:before{content:"\F543"}.mdi-twitter:before{content:"\F544"}.mdi-twitter-box:before{content:"\F545"}.mdi-twitter-circle:before{content:"\F546"}.mdi-twitter-retweet:before{content:"\F547"}.mdi-two-factor-authentication:before{content:"\F9AE"}.mdi-uber:before{content:"\F748"}.mdi-ubisoft:before{content:"\FBB6"}.mdi-ubuntu:before{content:"\F548"}.mdi-ultra-high-definition:before{content:"\F7F8"}.mdi-umbraco:before{content:"\F549"}.mdi-umbrella:before{content:"\F54A"}.mdi-umbrella-closed:before{content:"\F9AF"}.mdi-umbrella-outline:before{content:"\F54B"}.mdi-undo:before{content:"\F54C"}.mdi-undo-variant:before{content:"\F54D"}.mdi-unfold-less-horizontal:before{content:"\F54E"}.mdi-unfold-less-vertical:before{content:"\F75F"}.mdi-unfold-more-horizontal:before{content:"\F54F"}.mdi-unfold-more-vertical:before{content:"\F760"}.mdi-ungroup:before{content:"\F550"}.mdi-unity:before{content:"\F6AE"}.mdi-unreal:before{content:"\F9B0"}.mdi-untappd:before{content:"\F551"}.mdi-update:before{content:"\F6AF"}.mdi-upload:before{content:"\F552"}.mdi-upload-multiple:before{content:"\F83C"}.mdi-upload-network:before{content:"\F6F5"}.mdi-upload-network-outline:before{content:"\FCB4"}.mdi-upload-outline:before{content:"\FE67"}.mdi-usb:before{content:"\F553"}.mdi-van-passenger:before{content:"\F7F9"}.mdi-van-utility:before{content:"\F7FA"}.mdi-vanish:before{content:"\F7FB"}.mdi-variable:before{content:"\FAE6"}.mdi-vector-arrange-above:before{content:"\F554"}.mdi-vector-arrange-below:before{content:"\F555"}.mdi-vector-bezier:before{content:"\FAE7"}.mdi-vector-circle:before{content:"\F556"}.mdi-vector-circle-variant:before{content:"\F557"}.mdi-vector-combine:before{content:"\F558"}.mdi-vector-curve:before{content:"\F559"}.mdi-vector-difference:before{content:"\F55A"}.mdi-vector-difference-ab:before{content:"\F55B"}.mdi-vector-difference-ba:before{content:"\F55C"}.mdi-vector-ellipse:before{content:"\F892"}.mdi-vector-intersection:before{content:"\F55D"}.mdi-vector-line:before{content:"\F55E"}.mdi-vector-point:before{content:"\F55F"}.mdi-vector-polygon:before{content:"\F560"}.mdi-vector-polyline:before{content:"\F561"}.mdi-vector-radius:before{content:"\F749"}.mdi-vector-rectangle:before{content:"\F5C6"}.mdi-vector-selection:before{content:"\F562"}.mdi-vector-square:before{content:"\F001"}.mdi-vector-triangle:before{content:"\F563"}.mdi-vector-union:before{content:"\F564"}.mdi-venmo:before{content:"\F578"}.mdi-vhs:before{content:"\FA1A"}.mdi-vibrate:before{content:"\F566"}.mdi-vibrate-off:before{content:"\FCB5"}.mdi-video:before{content:"\F567"}.mdi-video-3d:before{content:"\F7FC"}.mdi-video-4k-box:before{content:"\F83D"}.mdi-video-account:before{content:"\F918"}.mdi-video-image:before{content:"\F919"}.mdi-video-input-antenna:before{content:"\F83E"}.mdi-video-input-component:before{content:"\F83F"}.mdi-video-input-hdmi:before{content:"\F840"}.mdi-video-input-svideo:before{content:"\F841"}.mdi-video-minus:before{content:"\F9B1"}.mdi-video-off:before{content:"\F568"}.mdi-video-off-outline:before{content:"\FBB7"}.mdi-video-outline:before{content:"\FBB8"}.mdi-video-plus:before{content:"\F9B2"}.mdi-video-stabilization:before{content:"\F91A"}.mdi-video-switch:before{content:"\F569"}.mdi-video-vintage:before{content:"\FA1B"}.mdi-view-agenda:before{content:"\F56A"}.mdi-view-array:before{content:"\F56B"}.mdi-view-carousel:before{content:"\F56C"}.mdi-view-column:before{content:"\F56D"}.mdi-view-comfy:before{content:"\FE4D"}.mdi-view-compact:before{content:"\FE4E"}.mdi-view-compact-outline:before{content:"\FE4F"}.mdi-view-</w:t>
            </w:r>
            <w:r>
              <w:lastRenderedPageBreak/>
              <w:t>dashboard:before{content:"\F56E"}.mdi-view-dashboard-outline:before{content:"\FA1C"}.mdi-view-dashboard-variant:before{content:"\F842"}.mdi-view-day:before{content:"\F56F"}.mdi-view-grid:before{content:"\F570"}.mdi-view-headline:before{content:"\F571"}.mdi-view-list:before{content:"\F572"}.mdi-view-module:before{content:"\F573"}.mdi-view-parallel:before{content:"\F727"}.mdi-view-quilt:before{content:"\F574"}.mdi-view-sequential:before{content:"\F728"}.mdi-view-split-horizontal:before{content:"\FBA7"}.mdi-view-split-vertical:before{content:"\FBA8"}.mdi-view-stream:before{content:"\F575"}.mdi-view-week:before{content:"\F576"}.mdi-vimeo:before{content:"\F577"}.mdi-violin:before{content:"\F60F"}.mdi-virtual-reality:before{content:"\F893"}.mdi-visual-studio:before{content:"\F610"}.mdi-visual-studio-code:before{content:"\FA1D"}.mdi-vk:before{content:"\F579"}.mdi-vk-box:before{content:"\F57A"}.mdi-vk-circle:before{content:"\F57B"}.mdi-vlc:before{content:"\F57C"}.mdi-voice:before{content:"\F5CB"}.mdi-voicemail:before{content:"\F57D"}.mdi-volleyball:before{content:"\F9B3"}.mdi-volume-high:before{content:"\F57E"}.mdi-volume-low:before{content:"\F57F"}.mdi-volume-medium:before{content:"\F580"}.mdi-volume-minus:before{content:"\F75D"}.mdi-volume-mute:before{content:"\F75E"}.mdi-volume-off:before{content:"\F581"}.mdi-volume-plus:before{content:"\F75C"}.mdi-volume-variant-off:before{content:"\FE68"}.mdi-vote:before{content:"\FA1E"}.mdi-vote-outline:before{content:"\FA1F"}.mdi-vpn:before{content:"\F582"}.mdi-vuejs:before{content:"\F843"}.mdi-vuetify:before{content:"\FE50"}.mdi-walk:before{content:"\F583"}.mdi-wall:before{content:"\F7FD"}.mdi-wall-sconce:before{content:"\F91B"}.mdi-wall-sconce-flat:before{content:"\F91C"}.mdi-wall-sconce-variant:before{content:"\F91D"}.mdi-wallet:before{content:"\F584"}.mdi-wallet-giftcard:before{content:"\F585"}.mdi-wallet-membership:before{content:"\F586"}.mdi-wallet-outline:before{content:"\FBB9"}.mdi-wallet-travel:before{content:"\F587"}.mdi-wallpaper:before{content:"\FE69"}.mdi-wan:before{content:"\F588"}.mdi-washing-machine:before{content:"\F729"}.mdi-watch:before{content:"\F589"}.mdi-watch-export:before{content:"\F58A"}.mdi-watch-export-variant:before{content:"\F894"}.mdi-watch-import:before{content:"\F58B"}.mdi-watch-import-variant:before{content:"\F895"}.mdi-watch-variant:before{content:"\F896"}.mdi-watch-vibrate:before{content:"\F6B0"}.mdi-watch-vibrate-off:before{content:"\FCB6"}.mdi-water:before{content:"\F58C"}.mdi-water-off:before{content:"\F58D"}.mdi-water-outline:before{content:"\FE6A"}.mdi-water-percent:before{content:"\F58E"}.mdi-water-pump:before{content:"\F58F"}.mdi-watermark:before{content:"\F612"}.mdi-waves:before{content:"\F78C"}.mdi-waze:before{content:"\FBBA"}.mdi-weather-cloudy:before{content:"\F590"}.mdi-weather-cloudy-arrow-right:before{content:"\FE51"}.mdi-weather-fog:before{content:"\F591"}.mdi-weather-hail:before{content:"\F592"}.mdi-weather-hurricane:before{content:"\F897"}.mdi-weather-lightning:before{content:"\F593"}.mdi-weather-lightning-rainy:before{content:"\F67D"}.mdi-weather-night:before{content:"\F594"}.mdi-weather-partlycloudy:before{content:"\F595"}.mdi-weather-pouring:before{content:"\F596"}.mdi-weather-rainy:before{content:"\F597"}.mdi-weather-snowy:before{content:"\F598"}.mdi-weather-snowy-rainy:before{content:"\F67E"}.mdi-weather-sunny:before{content:"\F599"}.mdi-weather-sunset:before{content:"\F59A"}.mdi-weather-sunset-down:before{content:"\F59B"}.mdi-weather-sunset-up:before{content:"\F59C"}.mdi-weather-windy:before{content:"\F59D"}.mdi-weather-windy-variant:before{content:"\F59E"}.mdi-web:before{content:"\F59F"}.mdi-webcam:before{content:"\F5A0"}.mdi-webhook:before{content:"\F62F"}.mdi-webpack:before{content:"\F72A"}.mdi-wechat:before{content:"\F611"}.mdi-weight:before{content:"\F5A1"}.mdi-weight-gram:before{content:"\FD1B"}.mdi-weight-kilogram:before{content:"\F5A2"}.mdi-weight-pound:before{content:"\F9B4"}.mdi-</w:t>
            </w:r>
            <w:r>
              <w:lastRenderedPageBreak/>
              <w:t>whatsapp:before{content:"\F5A3"}.mdi-wheelchair-accessibility:before{content:"\F5A4"}.mdi-whistle:before{content:"\F9B5"}.mdi-white-balance-auto:before{content:"\F5A5"}.mdi-white-balance-incandescent:before{content:"\F5A6"}.mdi-white-balance-iridescent:before{content:"\F5A7"}.mdi-white-balance-sunny:before{content:"\F5A8"}.mdi-widgets:before{content:"\F72B"}.mdi-wifi:before{content:"\F5A9"}.mdi-wifi-off:before{content:"\F5AA"}.mdi-wifi-star:before{content:"\FE6B"}.mdi-wifi-strength-1:before{content:"\F91E"}.mdi-wifi-strength-1-alert:before{content:"\F91F"}.mdi-wifi-strength-1-lock:before{content:"\F920"}.mdi-wifi-strength-2:before{content:"\F921"}.mdi-wifi-strength-2-alert:before{content:"\F922"}.mdi-wifi-strength-2-lock:before{content:"\F923"}.mdi-wifi-strength-3:before{content:"\F924"}.mdi-wifi-strength-3-alert:before{content:"\F925"}.mdi-wifi-strength-3-lock:before{content:"\F926"}.mdi-wifi-strength-4:before{content:"\F927"}.mdi-wifi-strength-4-alert:before{content:"\F928"}.mdi-wifi-strength-4-lock:before{content:"\F929"}.mdi-wifi-strength-alert-outline:before{content:"\F92A"}.mdi-wifi-strength-lock-outline:before{content:"\F92B"}.mdi-wifi-strength-off:before{content:"\F92C"}.mdi-wifi-strength-off-outline:before{content:"\F92D"}.mdi-wifi-strength-outline:before{content:"\F92E"}.mdi-wii:before{content:"\F5AB"}.mdi-wiiu:before{content:"\F72C"}.mdi-wikipedia:before{content:"\F5AC"}.mdi-wind-turbine:before{content:"\FD81"}.mdi-window-close:before{content:"\F5AD"}.mdi-window-closed:before{content:"\F5AE"}.mdi-window-maximize:before{content:"\F5AF"}.mdi-window-minimize:before{content:"\F5B0"}.mdi-window-open:before{content:"\F5B1"}.mdi-window-restore:before{content:"\F5B2"}.mdi-windows:before{content:"\F5B3"}.mdi-windows-classic:before{content:"\FA20"}.mdi-wiper:before{content:"\FAE8"}.mdi-wiper-wash:before{content:"\FD82"}.mdi-wordpress:before{content:"\F5B4"}.mdi-worker:before{content:"\F5B5"}.mdi-wrap:before{content:"\F5B6"}.mdi-wrap-disabled:before{content:"\FBBB"}.mdi-wrench:before{content:"\F5B7"}.mdi-wrench-outline:before{content:"\FBBC"}.mdi-wunderlist:before{content:"\F5B8"}.mdi-xamarin:before{content:"\F844"}.mdi-xamarin-outline:before{content:"\F845"}.mdi-xaml:before{content:"\F673"}.mdi-xbox:before{content:"\F5B9"}.mdi-xbox-controller:before{content:"\F5BA"}.mdi-xbox-controller-battery-alert:before{content:"\F74A"}.mdi-xbox-controller-battery-charging:before{content:"\FA21"}.mdi-xbox-controller-battery-empty:before{content:"\F74B"}.mdi-xbox-controller-battery-full:before{content:"\F74C"}.mdi-xbox-controller-battery-low:before{content:"\F74D"}.mdi-xbox-controller-battery-medium:before{content:"\F74E"}.mdi-xbox-controller-battery-unknown:before{content:"\F74F"}.mdi-xbox-controller-menu:before{content:"\FE52"}.mdi-xbox-controller-off:before{content:"\F5BB"}.mdi-xbox-controller-view:before{content:"\FE53"}.mdi-xda:before{content:"\F5BC"}.mdi-xing:before{content:"\F5BD"}.mdi-xing-box:before{content:"\F5BE"}.mdi-xing-circle:before{content:"\F5BF"}.mdi-xml:before{content:"\F5C0"}.mdi-xmpp:before{content:"\F7FE"}.mdi-yahoo:before{content:"\FB2A"}.mdi-yammer:before{content:"\F788"}.mdi-yeast:before{content:"\F5C1"}.mdi-yelp:before{content:"\F5C2"}.mdi-yin-yang:before{content:"\F67F"}.mdi-youtube:before{content:"\F5C3"}.mdi-youtube-creator-studio:before{content:"\F846"}.mdi-youtube-gaming:before{content:"\F847"}.mdi-youtube-subscription:before{content:"\FD1C"}.mdi-youtube-tv:before{content:"\F448"}.mdi-z-wave:before{content:"\FAE9"}.mdi-zend:before{content:"\FAEA"}.mdi-zigbee:before{content:"\FD1D"}.mdi-zip-box:before{content:"\F5C4"}.mdi-zip-disk:before{content:"\FA22"}.mdi-zodiac-aquarius:before{content:"\FA7C"}.mdi-zodiac-aries:before{content:"\FA7D"}.mdi-zodiac-cancer:before{content:"\FA7E"}.mdi-zodiac-capricorn:before{content:"\FA7F"}.mdi-zodiac-gemini:before{content:"\FA80"}.mdi-zodiac-leo:before{content:"\FA81"}.mdi-zodiac-libra:before{content:"\FA82"}.mdi-zodiac-pisces:before{content:"\FA83"}.mdi-zodiac-sagittarius:before{content:"\FA84"}.mdi-zodiac-</w:t>
            </w:r>
            <w:r>
              <w:lastRenderedPageBreak/>
              <w:t>scorpio:before{content:"\FA85"}.mdi-zodiac-taurus:before{content:"\FA86"}.mdi-zodiac-virgo:before{content:"\FA87"}.mdi-blank:before{content:"\F68C";visibility:hidden}.mdi-18px.mdi-set,.mdi-18px.mdi:before{font-size:18px}.mdi-24px.mdi-set,.mdi-24px.mdi:before{font-size:24px}.mdi-36px.mdi-set,.mdi-36px.mdi:before{font-size:36px}.mdi-48px.mdi-set,.mdi-48px.mdi:before{font-size:48px}.mdi-dark:before{color:rgba(0,0,0,0.54)}.mdi-dark.mdi-inactive:before{color:rgba(0,0,0,0.26)}.mdi-light:before{color:#fff}.mdi-light.mdi-inactive:before{color:rgba(255,255,255,0.3)}.mdi-rotate-45:before{-webkit-transform:rotate(45deg);transform:rotate(45deg)}.mdi-rotate-90:before{-webkit-transform:rotate(90deg);transform:rotate(90deg)}.mdi-rotate-135:before{-webkit-transform:rotate(135deg);transform:rotate(135deg)}.mdi-rotate-180:before{-webkit-transform:rotate(180deg);transform:rotate(180deg)}.mdi-rotate-225:before{-webkit-transform:rotate(225deg);transform:rotate(225deg)}.mdi-rotate-270:before{-webkit-transform:rotate(270deg);transform:rotate(270deg)}.mdi-rotate-315:before{-webkit-transform:rotate(315deg);transform:rotate(315deg)}.mdi-flip-h:before{-webkit-transform:scaleX(-1);transform:scaleX(-1);-webkit-filter:FlipH;filter:FlipH;-ms-filter:"FlipH"}.mdi-flip-v:before{-webkit-transform:scaleY(-1);transform:scaleY(-1);-webkit-filter:FlipV;filter:FlipV;-ms-filter:"FlipV"}.mdi-spin:before{-webkit-animation:mdi-spin 2s infinite linear;animation:mdi-spin 2s infinite linear}@-webkit-keyframes mdi-spin{0%{-webkit-transform:rotate(0deg);transform:rotate(0deg)}100%{-webkit-transform:rotate(359deg);transform:rotate(359deg)}}@keyframes mdi-spin{0%{-webkit-transform:rotate(0deg);transform:rotate(0deg)}100%{-webkit-transform:rotate(359deg);transform:rotate(359deg)}}</w:t>
            </w:r>
          </w:p>
          <w:p w:rsidR="00156FB3" w:rsidRDefault="00156FB3" w:rsidP="00156FB3"/>
          <w:p w:rsidR="00156FB3" w:rsidRDefault="00156FB3" w:rsidP="00156FB3">
            <w:r>
              <w:t>@font-face {</w:t>
            </w:r>
          </w:p>
          <w:p w:rsidR="00156FB3" w:rsidRDefault="00156FB3" w:rsidP="00156FB3">
            <w:r>
              <w:t xml:space="preserve">    font-family: 'feather';</w:t>
            </w:r>
          </w:p>
          <w:p w:rsidR="00156FB3" w:rsidRDefault="00156FB3" w:rsidP="00156FB3">
            <w:r>
              <w:t xml:space="preserve">    src: url('https://assets.reachseniors.com/fonts/feather.eot?9xfrq8');</w:t>
            </w:r>
          </w:p>
          <w:p w:rsidR="00156FB3" w:rsidRDefault="00156FB3" w:rsidP="00156FB3">
            <w:r>
              <w:t xml:space="preserve">    src: url('https://assets.reachseniors.com/fonts/feather.eot?9xfrq8#iefix') format('embedded-opentype'),</w:t>
            </w:r>
          </w:p>
          <w:p w:rsidR="00156FB3" w:rsidRDefault="00156FB3" w:rsidP="00156FB3">
            <w:r>
              <w:t xml:space="preserve">    url('https://assets.reachseniors.com/fonts/feather.ttf?9xfrq8') format('truetype'),</w:t>
            </w:r>
          </w:p>
          <w:p w:rsidR="00156FB3" w:rsidRDefault="00156FB3" w:rsidP="00156FB3">
            <w:r>
              <w:t xml:space="preserve">    url('https://assets.reachseniors.com/fonts/feather.woff?9xfrq8') format('woff'),</w:t>
            </w:r>
          </w:p>
          <w:p w:rsidR="00156FB3" w:rsidRDefault="00156FB3" w:rsidP="00156FB3">
            <w:r>
              <w:t xml:space="preserve">    url('https://assets.reachseniors.com/fonts/feather.svg?9xfrq8#feather') format('svg');</w:t>
            </w:r>
          </w:p>
          <w:p w:rsidR="00156FB3" w:rsidRDefault="00156FB3" w:rsidP="00156FB3">
            <w:r>
              <w:t xml:space="preserve">    font-weight: normal;</w:t>
            </w:r>
          </w:p>
          <w:p w:rsidR="00156FB3" w:rsidRDefault="00156FB3" w:rsidP="00156FB3">
            <w:r>
              <w:t xml:space="preserve">    font-style: normal;</w:t>
            </w:r>
          </w:p>
          <w:p w:rsidR="00156FB3" w:rsidRDefault="00156FB3" w:rsidP="00156FB3">
            <w:r>
              <w:t>}</w:t>
            </w:r>
          </w:p>
          <w:p w:rsidR="00156FB3" w:rsidRDefault="00156FB3" w:rsidP="00156FB3"/>
          <w:p w:rsidR="00156FB3" w:rsidRDefault="00156FB3" w:rsidP="00156FB3">
            <w:r>
              <w:t>[class^="ft-"], [class*=" ft-"] {</w:t>
            </w:r>
          </w:p>
          <w:p w:rsidR="00156FB3" w:rsidRDefault="00156FB3" w:rsidP="00156FB3">
            <w:r>
              <w:t xml:space="preserve">    /* use !important to prevent issues with browser extensions that change fonts */</w:t>
            </w:r>
          </w:p>
          <w:p w:rsidR="00156FB3" w:rsidRDefault="00156FB3" w:rsidP="00156FB3">
            <w:r>
              <w:t xml:space="preserve">    font-family: 'feather' !important;</w:t>
            </w:r>
          </w:p>
          <w:p w:rsidR="00156FB3" w:rsidRDefault="00156FB3" w:rsidP="00156FB3">
            <w:r>
              <w:t xml:space="preserve">    speak: none;</w:t>
            </w:r>
          </w:p>
          <w:p w:rsidR="00156FB3" w:rsidRDefault="00156FB3" w:rsidP="00156FB3">
            <w:r>
              <w:t xml:space="preserve">    font-style: normal;</w:t>
            </w:r>
          </w:p>
          <w:p w:rsidR="00156FB3" w:rsidRDefault="00156FB3" w:rsidP="00156FB3">
            <w:r>
              <w:t xml:space="preserve">    font-weight: normal;</w:t>
            </w:r>
          </w:p>
          <w:p w:rsidR="00156FB3" w:rsidRDefault="00156FB3" w:rsidP="00156FB3">
            <w:r>
              <w:t xml:space="preserve">    font-variant: normal;</w:t>
            </w:r>
          </w:p>
          <w:p w:rsidR="00156FB3" w:rsidRDefault="00156FB3" w:rsidP="00156FB3">
            <w:r>
              <w:t xml:space="preserve">    text-transform: none;</w:t>
            </w:r>
          </w:p>
          <w:p w:rsidR="00156FB3" w:rsidRDefault="00156FB3" w:rsidP="00156FB3">
            <w:r>
              <w:t xml:space="preserve">    line-height: 1;</w:t>
            </w:r>
          </w:p>
          <w:p w:rsidR="00156FB3" w:rsidRDefault="00156FB3" w:rsidP="00156FB3"/>
          <w:p w:rsidR="00156FB3" w:rsidRDefault="00156FB3" w:rsidP="00156FB3">
            <w:r>
              <w:t xml:space="preserve">    /* Better Font Rendering =========== */</w:t>
            </w:r>
          </w:p>
          <w:p w:rsidR="00156FB3" w:rsidRDefault="00156FB3" w:rsidP="00156FB3">
            <w:r>
              <w:t xml:space="preserve">    -webkit-font-smoothing: antialiased;</w:t>
            </w:r>
          </w:p>
          <w:p w:rsidR="00156FB3" w:rsidRDefault="00156FB3" w:rsidP="00156FB3">
            <w:r>
              <w:t xml:space="preserve">    -moz-osx-font-smoothing: grayscale;</w:t>
            </w:r>
          </w:p>
          <w:p w:rsidR="00156FB3" w:rsidRDefault="00156FB3" w:rsidP="00156FB3">
            <w:r>
              <w:t>}</w:t>
            </w:r>
          </w:p>
          <w:p w:rsidR="00156FB3" w:rsidRDefault="00156FB3" w:rsidP="00156FB3"/>
          <w:p w:rsidR="00156FB3" w:rsidRDefault="00156FB3" w:rsidP="00156FB3">
            <w:r>
              <w:t>.ft-bold:before {</w:t>
            </w:r>
          </w:p>
          <w:p w:rsidR="00156FB3" w:rsidRDefault="00156FB3" w:rsidP="00156FB3">
            <w:r>
              <w:t xml:space="preserve">    content: "\e9ea";</w:t>
            </w:r>
          </w:p>
          <w:p w:rsidR="00156FB3" w:rsidRDefault="00156FB3" w:rsidP="00156FB3">
            <w:r>
              <w:t>}</w:t>
            </w:r>
          </w:p>
          <w:p w:rsidR="00156FB3" w:rsidRDefault="00156FB3" w:rsidP="00156FB3"/>
          <w:p w:rsidR="00156FB3" w:rsidRDefault="00156FB3" w:rsidP="00156FB3">
            <w:r>
              <w:t>.ft-crop:before {</w:t>
            </w:r>
          </w:p>
          <w:p w:rsidR="00156FB3" w:rsidRDefault="00156FB3" w:rsidP="00156FB3">
            <w:r>
              <w:t xml:space="preserve">    content: "\e9eb";</w:t>
            </w:r>
          </w:p>
          <w:p w:rsidR="00156FB3" w:rsidRDefault="00156FB3" w:rsidP="00156FB3">
            <w:r>
              <w:t>}</w:t>
            </w:r>
          </w:p>
          <w:p w:rsidR="00156FB3" w:rsidRDefault="00156FB3" w:rsidP="00156FB3"/>
          <w:p w:rsidR="00156FB3" w:rsidRDefault="00156FB3" w:rsidP="00156FB3">
            <w:r>
              <w:t>.ft-help-circle:before {</w:t>
            </w:r>
          </w:p>
          <w:p w:rsidR="00156FB3" w:rsidRDefault="00156FB3" w:rsidP="00156FB3">
            <w:r>
              <w:t xml:space="preserve">    content: "\e9ec";</w:t>
            </w:r>
          </w:p>
          <w:p w:rsidR="00156FB3" w:rsidRDefault="00156FB3" w:rsidP="00156FB3">
            <w:r>
              <w:t>}</w:t>
            </w:r>
          </w:p>
          <w:p w:rsidR="00156FB3" w:rsidRDefault="00156FB3" w:rsidP="00156FB3"/>
          <w:p w:rsidR="00156FB3" w:rsidRDefault="00156FB3" w:rsidP="00156FB3">
            <w:r>
              <w:t>.ft-italic:before {</w:t>
            </w:r>
          </w:p>
          <w:p w:rsidR="00156FB3" w:rsidRDefault="00156FB3" w:rsidP="00156FB3">
            <w:r>
              <w:t xml:space="preserve">    content: "\e9ed";</w:t>
            </w:r>
          </w:p>
          <w:p w:rsidR="00156FB3" w:rsidRDefault="00156FB3" w:rsidP="00156FB3">
            <w:r>
              <w:t>}</w:t>
            </w:r>
          </w:p>
          <w:p w:rsidR="00156FB3" w:rsidRDefault="00156FB3" w:rsidP="00156FB3"/>
          <w:p w:rsidR="00156FB3" w:rsidRDefault="00156FB3" w:rsidP="00156FB3">
            <w:r>
              <w:t>.ft-shopping-cart:before {</w:t>
            </w:r>
          </w:p>
          <w:p w:rsidR="00156FB3" w:rsidRDefault="00156FB3" w:rsidP="00156FB3">
            <w:r>
              <w:t xml:space="preserve">    content: "\e9ee";</w:t>
            </w:r>
          </w:p>
          <w:p w:rsidR="00156FB3" w:rsidRDefault="00156FB3" w:rsidP="00156FB3">
            <w:r>
              <w:t>}</w:t>
            </w:r>
          </w:p>
          <w:p w:rsidR="00156FB3" w:rsidRDefault="00156FB3" w:rsidP="00156FB3"/>
          <w:p w:rsidR="00156FB3" w:rsidRDefault="00156FB3" w:rsidP="00156FB3">
            <w:r>
              <w:t>.ft-underline:before {</w:t>
            </w:r>
          </w:p>
          <w:p w:rsidR="00156FB3" w:rsidRDefault="00156FB3" w:rsidP="00156FB3">
            <w:r>
              <w:t xml:space="preserve">    content: "\e9ef";</w:t>
            </w:r>
          </w:p>
          <w:p w:rsidR="00156FB3" w:rsidRDefault="00156FB3" w:rsidP="00156FB3">
            <w:r>
              <w:t>}</w:t>
            </w:r>
          </w:p>
          <w:p w:rsidR="00156FB3" w:rsidRDefault="00156FB3" w:rsidP="00156FB3"/>
          <w:p w:rsidR="00156FB3" w:rsidRDefault="00156FB3" w:rsidP="00156FB3">
            <w:r>
              <w:t>.ft-activity:before {</w:t>
            </w:r>
          </w:p>
          <w:p w:rsidR="00156FB3" w:rsidRDefault="00156FB3" w:rsidP="00156FB3">
            <w:r>
              <w:t xml:space="preserve">    content: "\e900";</w:t>
            </w:r>
          </w:p>
          <w:p w:rsidR="00156FB3" w:rsidRDefault="00156FB3" w:rsidP="00156FB3">
            <w:r>
              <w:t>}</w:t>
            </w:r>
          </w:p>
          <w:p w:rsidR="00156FB3" w:rsidRDefault="00156FB3" w:rsidP="00156FB3"/>
          <w:p w:rsidR="00156FB3" w:rsidRDefault="00156FB3" w:rsidP="00156FB3">
            <w:r>
              <w:t>.ft-airplay:before {</w:t>
            </w:r>
          </w:p>
          <w:p w:rsidR="00156FB3" w:rsidRDefault="00156FB3" w:rsidP="00156FB3">
            <w:r>
              <w:t xml:space="preserve">    content: "\e901";</w:t>
            </w:r>
          </w:p>
          <w:p w:rsidR="00156FB3" w:rsidRDefault="00156FB3" w:rsidP="00156FB3">
            <w:r>
              <w:t>}</w:t>
            </w:r>
          </w:p>
          <w:p w:rsidR="00156FB3" w:rsidRDefault="00156FB3" w:rsidP="00156FB3"/>
          <w:p w:rsidR="00156FB3" w:rsidRDefault="00156FB3" w:rsidP="00156FB3">
            <w:r>
              <w:t>.ft-alert-circle:before {</w:t>
            </w:r>
          </w:p>
          <w:p w:rsidR="00156FB3" w:rsidRDefault="00156FB3" w:rsidP="00156FB3">
            <w:r>
              <w:t xml:space="preserve">    content: "\e902";</w:t>
            </w:r>
          </w:p>
          <w:p w:rsidR="00156FB3" w:rsidRDefault="00156FB3" w:rsidP="00156FB3">
            <w:r>
              <w:t>}</w:t>
            </w:r>
          </w:p>
          <w:p w:rsidR="00156FB3" w:rsidRDefault="00156FB3" w:rsidP="00156FB3"/>
          <w:p w:rsidR="00156FB3" w:rsidRDefault="00156FB3" w:rsidP="00156FB3">
            <w:r>
              <w:t>.ft-alert-octagon:before {</w:t>
            </w:r>
          </w:p>
          <w:p w:rsidR="00156FB3" w:rsidRDefault="00156FB3" w:rsidP="00156FB3">
            <w:r>
              <w:t xml:space="preserve">    content: "\e903";</w:t>
            </w:r>
          </w:p>
          <w:p w:rsidR="00156FB3" w:rsidRDefault="00156FB3" w:rsidP="00156FB3">
            <w:r>
              <w:t>}</w:t>
            </w:r>
          </w:p>
          <w:p w:rsidR="00156FB3" w:rsidRDefault="00156FB3" w:rsidP="00156FB3"/>
          <w:p w:rsidR="00156FB3" w:rsidRDefault="00156FB3" w:rsidP="00156FB3">
            <w:r>
              <w:t>.ft-alert-triangle:before {</w:t>
            </w:r>
          </w:p>
          <w:p w:rsidR="00156FB3" w:rsidRDefault="00156FB3" w:rsidP="00156FB3">
            <w:r>
              <w:t xml:space="preserve">    content: "\e904";</w:t>
            </w:r>
          </w:p>
          <w:p w:rsidR="00156FB3" w:rsidRDefault="00156FB3" w:rsidP="00156FB3">
            <w:r>
              <w:t>}</w:t>
            </w:r>
          </w:p>
          <w:p w:rsidR="00156FB3" w:rsidRDefault="00156FB3" w:rsidP="00156FB3"/>
          <w:p w:rsidR="00156FB3" w:rsidRDefault="00156FB3" w:rsidP="00156FB3">
            <w:r>
              <w:t>.ft-align-center:before {</w:t>
            </w:r>
          </w:p>
          <w:p w:rsidR="00156FB3" w:rsidRDefault="00156FB3" w:rsidP="00156FB3">
            <w:r>
              <w:t xml:space="preserve">    content: "\e905";</w:t>
            </w:r>
          </w:p>
          <w:p w:rsidR="00156FB3" w:rsidRDefault="00156FB3" w:rsidP="00156FB3">
            <w:r>
              <w:t>}</w:t>
            </w:r>
          </w:p>
          <w:p w:rsidR="00156FB3" w:rsidRDefault="00156FB3" w:rsidP="00156FB3"/>
          <w:p w:rsidR="00156FB3" w:rsidRDefault="00156FB3" w:rsidP="00156FB3">
            <w:r>
              <w:t>.ft-align-justify:before {</w:t>
            </w:r>
          </w:p>
          <w:p w:rsidR="00156FB3" w:rsidRDefault="00156FB3" w:rsidP="00156FB3">
            <w:r>
              <w:t xml:space="preserve">    content: "\e906";</w:t>
            </w:r>
          </w:p>
          <w:p w:rsidR="00156FB3" w:rsidRDefault="00156FB3" w:rsidP="00156FB3">
            <w:r>
              <w:t>}</w:t>
            </w:r>
          </w:p>
          <w:p w:rsidR="00156FB3" w:rsidRDefault="00156FB3" w:rsidP="00156FB3"/>
          <w:p w:rsidR="00156FB3" w:rsidRDefault="00156FB3" w:rsidP="00156FB3">
            <w:r>
              <w:t>.ft-align-left:before {</w:t>
            </w:r>
          </w:p>
          <w:p w:rsidR="00156FB3" w:rsidRDefault="00156FB3" w:rsidP="00156FB3">
            <w:r>
              <w:t xml:space="preserve">    content: "\e907";</w:t>
            </w:r>
          </w:p>
          <w:p w:rsidR="00156FB3" w:rsidRDefault="00156FB3" w:rsidP="00156FB3">
            <w:r>
              <w:t>}</w:t>
            </w:r>
          </w:p>
          <w:p w:rsidR="00156FB3" w:rsidRDefault="00156FB3" w:rsidP="00156FB3"/>
          <w:p w:rsidR="00156FB3" w:rsidRDefault="00156FB3" w:rsidP="00156FB3">
            <w:r>
              <w:t>.ft-align-right:before {</w:t>
            </w:r>
          </w:p>
          <w:p w:rsidR="00156FB3" w:rsidRDefault="00156FB3" w:rsidP="00156FB3">
            <w:r>
              <w:t xml:space="preserve">    content: "\e908";</w:t>
            </w:r>
          </w:p>
          <w:p w:rsidR="00156FB3" w:rsidRDefault="00156FB3" w:rsidP="00156FB3">
            <w:r>
              <w:t>}</w:t>
            </w:r>
          </w:p>
          <w:p w:rsidR="00156FB3" w:rsidRDefault="00156FB3" w:rsidP="00156FB3"/>
          <w:p w:rsidR="00156FB3" w:rsidRDefault="00156FB3" w:rsidP="00156FB3">
            <w:r>
              <w:t>.ft-anchor:before {</w:t>
            </w:r>
          </w:p>
          <w:p w:rsidR="00156FB3" w:rsidRDefault="00156FB3" w:rsidP="00156FB3">
            <w:r>
              <w:t xml:space="preserve">    content: "\e909";</w:t>
            </w:r>
          </w:p>
          <w:p w:rsidR="00156FB3" w:rsidRDefault="00156FB3" w:rsidP="00156FB3">
            <w:r>
              <w:t>}</w:t>
            </w:r>
          </w:p>
          <w:p w:rsidR="00156FB3" w:rsidRDefault="00156FB3" w:rsidP="00156FB3"/>
          <w:p w:rsidR="00156FB3" w:rsidRDefault="00156FB3" w:rsidP="00156FB3">
            <w:r>
              <w:t>.ft-aperture:before {</w:t>
            </w:r>
          </w:p>
          <w:p w:rsidR="00156FB3" w:rsidRDefault="00156FB3" w:rsidP="00156FB3">
            <w:r>
              <w:t xml:space="preserve">    content: "\e90a";</w:t>
            </w:r>
          </w:p>
          <w:p w:rsidR="00156FB3" w:rsidRDefault="00156FB3" w:rsidP="00156FB3">
            <w:r>
              <w:t>}</w:t>
            </w:r>
          </w:p>
          <w:p w:rsidR="00156FB3" w:rsidRDefault="00156FB3" w:rsidP="00156FB3"/>
          <w:p w:rsidR="00156FB3" w:rsidRDefault="00156FB3" w:rsidP="00156FB3">
            <w:r>
              <w:t>.ft-arrow-down-left:before {</w:t>
            </w:r>
          </w:p>
          <w:p w:rsidR="00156FB3" w:rsidRDefault="00156FB3" w:rsidP="00156FB3">
            <w:r>
              <w:t xml:space="preserve">    content: "\e90b";</w:t>
            </w:r>
          </w:p>
          <w:p w:rsidR="00156FB3" w:rsidRDefault="00156FB3" w:rsidP="00156FB3">
            <w:r>
              <w:t>}</w:t>
            </w:r>
          </w:p>
          <w:p w:rsidR="00156FB3" w:rsidRDefault="00156FB3" w:rsidP="00156FB3"/>
          <w:p w:rsidR="00156FB3" w:rsidRDefault="00156FB3" w:rsidP="00156FB3">
            <w:r>
              <w:t>.ft-arrow-down-right:before {</w:t>
            </w:r>
          </w:p>
          <w:p w:rsidR="00156FB3" w:rsidRDefault="00156FB3" w:rsidP="00156FB3">
            <w:r>
              <w:t xml:space="preserve">    content: "\e90c";</w:t>
            </w:r>
          </w:p>
          <w:p w:rsidR="00156FB3" w:rsidRDefault="00156FB3" w:rsidP="00156FB3">
            <w:r>
              <w:t>}</w:t>
            </w:r>
          </w:p>
          <w:p w:rsidR="00156FB3" w:rsidRDefault="00156FB3" w:rsidP="00156FB3"/>
          <w:p w:rsidR="00156FB3" w:rsidRDefault="00156FB3" w:rsidP="00156FB3">
            <w:r>
              <w:t>.ft-arrow-down:before {</w:t>
            </w:r>
          </w:p>
          <w:p w:rsidR="00156FB3" w:rsidRDefault="00156FB3" w:rsidP="00156FB3">
            <w:r>
              <w:t xml:space="preserve">    content: "\e90d";</w:t>
            </w:r>
          </w:p>
          <w:p w:rsidR="00156FB3" w:rsidRDefault="00156FB3" w:rsidP="00156FB3">
            <w:r>
              <w:t>}</w:t>
            </w:r>
          </w:p>
          <w:p w:rsidR="00156FB3" w:rsidRDefault="00156FB3" w:rsidP="00156FB3"/>
          <w:p w:rsidR="00156FB3" w:rsidRDefault="00156FB3" w:rsidP="00156FB3">
            <w:r>
              <w:t>.ft-arrow-left:before {</w:t>
            </w:r>
          </w:p>
          <w:p w:rsidR="00156FB3" w:rsidRDefault="00156FB3" w:rsidP="00156FB3">
            <w:r>
              <w:t xml:space="preserve">    content: "\e90e";</w:t>
            </w:r>
          </w:p>
          <w:p w:rsidR="00156FB3" w:rsidRDefault="00156FB3" w:rsidP="00156FB3">
            <w:r>
              <w:t>}</w:t>
            </w:r>
          </w:p>
          <w:p w:rsidR="00156FB3" w:rsidRDefault="00156FB3" w:rsidP="00156FB3"/>
          <w:p w:rsidR="00156FB3" w:rsidRDefault="00156FB3" w:rsidP="00156FB3">
            <w:r>
              <w:t>.ft-arrow-right:before {</w:t>
            </w:r>
          </w:p>
          <w:p w:rsidR="00156FB3" w:rsidRDefault="00156FB3" w:rsidP="00156FB3">
            <w:r>
              <w:t xml:space="preserve">    content: "\e90f";</w:t>
            </w:r>
          </w:p>
          <w:p w:rsidR="00156FB3" w:rsidRDefault="00156FB3" w:rsidP="00156FB3">
            <w:r>
              <w:t>}</w:t>
            </w:r>
          </w:p>
          <w:p w:rsidR="00156FB3" w:rsidRDefault="00156FB3" w:rsidP="00156FB3"/>
          <w:p w:rsidR="00156FB3" w:rsidRDefault="00156FB3" w:rsidP="00156FB3">
            <w:r>
              <w:t>.ft-arrow-up-left:before {</w:t>
            </w:r>
          </w:p>
          <w:p w:rsidR="00156FB3" w:rsidRDefault="00156FB3" w:rsidP="00156FB3">
            <w:r>
              <w:t xml:space="preserve">    content: "\e910";</w:t>
            </w:r>
          </w:p>
          <w:p w:rsidR="00156FB3" w:rsidRDefault="00156FB3" w:rsidP="00156FB3">
            <w:r>
              <w:t>}</w:t>
            </w:r>
          </w:p>
          <w:p w:rsidR="00156FB3" w:rsidRDefault="00156FB3" w:rsidP="00156FB3"/>
          <w:p w:rsidR="00156FB3" w:rsidRDefault="00156FB3" w:rsidP="00156FB3">
            <w:r>
              <w:t>.ft-arrow-up-right:before {</w:t>
            </w:r>
          </w:p>
          <w:p w:rsidR="00156FB3" w:rsidRDefault="00156FB3" w:rsidP="00156FB3">
            <w:r>
              <w:t xml:space="preserve">    content: "\e911";</w:t>
            </w:r>
          </w:p>
          <w:p w:rsidR="00156FB3" w:rsidRDefault="00156FB3" w:rsidP="00156FB3">
            <w:r>
              <w:t>}</w:t>
            </w:r>
          </w:p>
          <w:p w:rsidR="00156FB3" w:rsidRDefault="00156FB3" w:rsidP="00156FB3"/>
          <w:p w:rsidR="00156FB3" w:rsidRDefault="00156FB3" w:rsidP="00156FB3">
            <w:r>
              <w:t>.ft-arrow-up:before {</w:t>
            </w:r>
          </w:p>
          <w:p w:rsidR="00156FB3" w:rsidRDefault="00156FB3" w:rsidP="00156FB3">
            <w:r>
              <w:t xml:space="preserve">    content: "\e912";</w:t>
            </w:r>
          </w:p>
          <w:p w:rsidR="00156FB3" w:rsidRDefault="00156FB3" w:rsidP="00156FB3">
            <w:r>
              <w:t>}</w:t>
            </w:r>
          </w:p>
          <w:p w:rsidR="00156FB3" w:rsidRDefault="00156FB3" w:rsidP="00156FB3"/>
          <w:p w:rsidR="00156FB3" w:rsidRDefault="00156FB3" w:rsidP="00156FB3">
            <w:r>
              <w:t>.ft-at-sign:before {</w:t>
            </w:r>
          </w:p>
          <w:p w:rsidR="00156FB3" w:rsidRDefault="00156FB3" w:rsidP="00156FB3">
            <w:r>
              <w:t xml:space="preserve">    content: "\e913";</w:t>
            </w:r>
          </w:p>
          <w:p w:rsidR="00156FB3" w:rsidRDefault="00156FB3" w:rsidP="00156FB3">
            <w:r>
              <w:t>}</w:t>
            </w:r>
          </w:p>
          <w:p w:rsidR="00156FB3" w:rsidRDefault="00156FB3" w:rsidP="00156FB3"/>
          <w:p w:rsidR="00156FB3" w:rsidRDefault="00156FB3" w:rsidP="00156FB3">
            <w:r>
              <w:t>.ft-award:before {</w:t>
            </w:r>
          </w:p>
          <w:p w:rsidR="00156FB3" w:rsidRDefault="00156FB3" w:rsidP="00156FB3">
            <w:r>
              <w:t xml:space="preserve">    content: "\e914";</w:t>
            </w:r>
          </w:p>
          <w:p w:rsidR="00156FB3" w:rsidRDefault="00156FB3" w:rsidP="00156FB3">
            <w:r>
              <w:t>}</w:t>
            </w:r>
          </w:p>
          <w:p w:rsidR="00156FB3" w:rsidRDefault="00156FB3" w:rsidP="00156FB3"/>
          <w:p w:rsidR="00156FB3" w:rsidRDefault="00156FB3" w:rsidP="00156FB3">
            <w:r>
              <w:t>.ft-bar-chart-2:before {</w:t>
            </w:r>
          </w:p>
          <w:p w:rsidR="00156FB3" w:rsidRDefault="00156FB3" w:rsidP="00156FB3">
            <w:r>
              <w:t xml:space="preserve">    content: "\e915";</w:t>
            </w:r>
          </w:p>
          <w:p w:rsidR="00156FB3" w:rsidRDefault="00156FB3" w:rsidP="00156FB3">
            <w:r>
              <w:t>}</w:t>
            </w:r>
          </w:p>
          <w:p w:rsidR="00156FB3" w:rsidRDefault="00156FB3" w:rsidP="00156FB3"/>
          <w:p w:rsidR="00156FB3" w:rsidRDefault="00156FB3" w:rsidP="00156FB3">
            <w:r>
              <w:t>.ft-bar-chart:before {</w:t>
            </w:r>
          </w:p>
          <w:p w:rsidR="00156FB3" w:rsidRDefault="00156FB3" w:rsidP="00156FB3">
            <w:r>
              <w:t xml:space="preserve">    content: "\e916";</w:t>
            </w:r>
          </w:p>
          <w:p w:rsidR="00156FB3" w:rsidRDefault="00156FB3" w:rsidP="00156FB3">
            <w:r>
              <w:t>}</w:t>
            </w:r>
          </w:p>
          <w:p w:rsidR="00156FB3" w:rsidRDefault="00156FB3" w:rsidP="00156FB3"/>
          <w:p w:rsidR="00156FB3" w:rsidRDefault="00156FB3" w:rsidP="00156FB3">
            <w:r>
              <w:t>.ft-battery-charging:before {</w:t>
            </w:r>
          </w:p>
          <w:p w:rsidR="00156FB3" w:rsidRDefault="00156FB3" w:rsidP="00156FB3">
            <w:r>
              <w:t xml:space="preserve">    content: "\e917";</w:t>
            </w:r>
          </w:p>
          <w:p w:rsidR="00156FB3" w:rsidRDefault="00156FB3" w:rsidP="00156FB3">
            <w:r>
              <w:t>}</w:t>
            </w:r>
          </w:p>
          <w:p w:rsidR="00156FB3" w:rsidRDefault="00156FB3" w:rsidP="00156FB3"/>
          <w:p w:rsidR="00156FB3" w:rsidRDefault="00156FB3" w:rsidP="00156FB3">
            <w:r>
              <w:t>.ft-battery:before {</w:t>
            </w:r>
          </w:p>
          <w:p w:rsidR="00156FB3" w:rsidRDefault="00156FB3" w:rsidP="00156FB3">
            <w:r>
              <w:t xml:space="preserve">    content: "\e918";</w:t>
            </w:r>
          </w:p>
          <w:p w:rsidR="00156FB3" w:rsidRDefault="00156FB3" w:rsidP="00156FB3">
            <w:r>
              <w:t>}</w:t>
            </w:r>
          </w:p>
          <w:p w:rsidR="00156FB3" w:rsidRDefault="00156FB3" w:rsidP="00156FB3"/>
          <w:p w:rsidR="00156FB3" w:rsidRDefault="00156FB3" w:rsidP="00156FB3">
            <w:r>
              <w:t>.ft-bell-off:before {</w:t>
            </w:r>
          </w:p>
          <w:p w:rsidR="00156FB3" w:rsidRDefault="00156FB3" w:rsidP="00156FB3">
            <w:r>
              <w:t xml:space="preserve">    content: "\e919";</w:t>
            </w:r>
          </w:p>
          <w:p w:rsidR="00156FB3" w:rsidRDefault="00156FB3" w:rsidP="00156FB3">
            <w:r>
              <w:t>}</w:t>
            </w:r>
          </w:p>
          <w:p w:rsidR="00156FB3" w:rsidRDefault="00156FB3" w:rsidP="00156FB3"/>
          <w:p w:rsidR="00156FB3" w:rsidRDefault="00156FB3" w:rsidP="00156FB3">
            <w:r>
              <w:t>.ft-bell:before {</w:t>
            </w:r>
          </w:p>
          <w:p w:rsidR="00156FB3" w:rsidRDefault="00156FB3" w:rsidP="00156FB3">
            <w:r>
              <w:t xml:space="preserve">    content: "\e91a";</w:t>
            </w:r>
          </w:p>
          <w:p w:rsidR="00156FB3" w:rsidRDefault="00156FB3" w:rsidP="00156FB3">
            <w:r>
              <w:t>}</w:t>
            </w:r>
          </w:p>
          <w:p w:rsidR="00156FB3" w:rsidRDefault="00156FB3" w:rsidP="00156FB3"/>
          <w:p w:rsidR="00156FB3" w:rsidRDefault="00156FB3" w:rsidP="00156FB3">
            <w:r>
              <w:t>.ft-bluetooth:before {</w:t>
            </w:r>
          </w:p>
          <w:p w:rsidR="00156FB3" w:rsidRDefault="00156FB3" w:rsidP="00156FB3">
            <w:r>
              <w:t xml:space="preserve">    content: "\e91b";</w:t>
            </w:r>
          </w:p>
          <w:p w:rsidR="00156FB3" w:rsidRDefault="00156FB3" w:rsidP="00156FB3">
            <w:r>
              <w:t>}</w:t>
            </w:r>
          </w:p>
          <w:p w:rsidR="00156FB3" w:rsidRDefault="00156FB3" w:rsidP="00156FB3"/>
          <w:p w:rsidR="00156FB3" w:rsidRDefault="00156FB3" w:rsidP="00156FB3">
            <w:r>
              <w:t>.ft-book:before {</w:t>
            </w:r>
          </w:p>
          <w:p w:rsidR="00156FB3" w:rsidRDefault="00156FB3" w:rsidP="00156FB3">
            <w:r>
              <w:t xml:space="preserve">    content: "\e91c";</w:t>
            </w:r>
          </w:p>
          <w:p w:rsidR="00156FB3" w:rsidRDefault="00156FB3" w:rsidP="00156FB3">
            <w:r>
              <w:t>}</w:t>
            </w:r>
          </w:p>
          <w:p w:rsidR="00156FB3" w:rsidRDefault="00156FB3" w:rsidP="00156FB3"/>
          <w:p w:rsidR="00156FB3" w:rsidRDefault="00156FB3" w:rsidP="00156FB3">
            <w:r>
              <w:t>.ft-bookmark:before {</w:t>
            </w:r>
          </w:p>
          <w:p w:rsidR="00156FB3" w:rsidRDefault="00156FB3" w:rsidP="00156FB3">
            <w:r>
              <w:t xml:space="preserve">    content: "\e91d";</w:t>
            </w:r>
          </w:p>
          <w:p w:rsidR="00156FB3" w:rsidRDefault="00156FB3" w:rsidP="00156FB3">
            <w:r>
              <w:t>}</w:t>
            </w:r>
          </w:p>
          <w:p w:rsidR="00156FB3" w:rsidRDefault="00156FB3" w:rsidP="00156FB3"/>
          <w:p w:rsidR="00156FB3" w:rsidRDefault="00156FB3" w:rsidP="00156FB3">
            <w:r>
              <w:t>.ft-box:before {</w:t>
            </w:r>
          </w:p>
          <w:p w:rsidR="00156FB3" w:rsidRDefault="00156FB3" w:rsidP="00156FB3">
            <w:r>
              <w:t xml:space="preserve">    content: "\e91e";</w:t>
            </w:r>
          </w:p>
          <w:p w:rsidR="00156FB3" w:rsidRDefault="00156FB3" w:rsidP="00156FB3">
            <w:r>
              <w:t>}</w:t>
            </w:r>
          </w:p>
          <w:p w:rsidR="00156FB3" w:rsidRDefault="00156FB3" w:rsidP="00156FB3"/>
          <w:p w:rsidR="00156FB3" w:rsidRDefault="00156FB3" w:rsidP="00156FB3">
            <w:r>
              <w:t>.ft-briefcase:before {</w:t>
            </w:r>
          </w:p>
          <w:p w:rsidR="00156FB3" w:rsidRDefault="00156FB3" w:rsidP="00156FB3">
            <w:r>
              <w:t xml:space="preserve">    content: "\e91f";</w:t>
            </w:r>
          </w:p>
          <w:p w:rsidR="00156FB3" w:rsidRDefault="00156FB3" w:rsidP="00156FB3">
            <w:r>
              <w:t>}</w:t>
            </w:r>
          </w:p>
          <w:p w:rsidR="00156FB3" w:rsidRDefault="00156FB3" w:rsidP="00156FB3"/>
          <w:p w:rsidR="00156FB3" w:rsidRDefault="00156FB3" w:rsidP="00156FB3">
            <w:r>
              <w:t>.ft-calendar:before {</w:t>
            </w:r>
          </w:p>
          <w:p w:rsidR="00156FB3" w:rsidRDefault="00156FB3" w:rsidP="00156FB3">
            <w:r>
              <w:t xml:space="preserve">    content: "\e920";</w:t>
            </w:r>
          </w:p>
          <w:p w:rsidR="00156FB3" w:rsidRDefault="00156FB3" w:rsidP="00156FB3">
            <w:r>
              <w:t>}</w:t>
            </w:r>
          </w:p>
          <w:p w:rsidR="00156FB3" w:rsidRDefault="00156FB3" w:rsidP="00156FB3"/>
          <w:p w:rsidR="00156FB3" w:rsidRDefault="00156FB3" w:rsidP="00156FB3">
            <w:r>
              <w:t>.ft-camera-off:before {</w:t>
            </w:r>
          </w:p>
          <w:p w:rsidR="00156FB3" w:rsidRDefault="00156FB3" w:rsidP="00156FB3">
            <w:r>
              <w:t xml:space="preserve">    content: "\e921";</w:t>
            </w:r>
          </w:p>
          <w:p w:rsidR="00156FB3" w:rsidRDefault="00156FB3" w:rsidP="00156FB3">
            <w:r>
              <w:t>}</w:t>
            </w:r>
          </w:p>
          <w:p w:rsidR="00156FB3" w:rsidRDefault="00156FB3" w:rsidP="00156FB3"/>
          <w:p w:rsidR="00156FB3" w:rsidRDefault="00156FB3" w:rsidP="00156FB3">
            <w:r>
              <w:t>.ft-camera:before {</w:t>
            </w:r>
          </w:p>
          <w:p w:rsidR="00156FB3" w:rsidRDefault="00156FB3" w:rsidP="00156FB3">
            <w:r>
              <w:t xml:space="preserve">    content: "\e922";</w:t>
            </w:r>
          </w:p>
          <w:p w:rsidR="00156FB3" w:rsidRDefault="00156FB3" w:rsidP="00156FB3">
            <w:r>
              <w:t>}</w:t>
            </w:r>
          </w:p>
          <w:p w:rsidR="00156FB3" w:rsidRDefault="00156FB3" w:rsidP="00156FB3"/>
          <w:p w:rsidR="00156FB3" w:rsidRDefault="00156FB3" w:rsidP="00156FB3">
            <w:r>
              <w:t>.ft-cast:before {</w:t>
            </w:r>
          </w:p>
          <w:p w:rsidR="00156FB3" w:rsidRDefault="00156FB3" w:rsidP="00156FB3">
            <w:r>
              <w:t xml:space="preserve">    content: "\e923";</w:t>
            </w:r>
          </w:p>
          <w:p w:rsidR="00156FB3" w:rsidRDefault="00156FB3" w:rsidP="00156FB3">
            <w:r>
              <w:t>}</w:t>
            </w:r>
          </w:p>
          <w:p w:rsidR="00156FB3" w:rsidRDefault="00156FB3" w:rsidP="00156FB3"/>
          <w:p w:rsidR="00156FB3" w:rsidRDefault="00156FB3" w:rsidP="00156FB3">
            <w:r>
              <w:t>.ft-check-circle:before {</w:t>
            </w:r>
          </w:p>
          <w:p w:rsidR="00156FB3" w:rsidRDefault="00156FB3" w:rsidP="00156FB3">
            <w:r>
              <w:t xml:space="preserve">    content: "\e924";</w:t>
            </w:r>
          </w:p>
          <w:p w:rsidR="00156FB3" w:rsidRDefault="00156FB3" w:rsidP="00156FB3">
            <w:r>
              <w:t>}</w:t>
            </w:r>
          </w:p>
          <w:p w:rsidR="00156FB3" w:rsidRDefault="00156FB3" w:rsidP="00156FB3"/>
          <w:p w:rsidR="00156FB3" w:rsidRDefault="00156FB3" w:rsidP="00156FB3">
            <w:r>
              <w:t>.ft-check-square:before {</w:t>
            </w:r>
          </w:p>
          <w:p w:rsidR="00156FB3" w:rsidRDefault="00156FB3" w:rsidP="00156FB3">
            <w:r>
              <w:t xml:space="preserve">    content: "\e925";</w:t>
            </w:r>
          </w:p>
          <w:p w:rsidR="00156FB3" w:rsidRDefault="00156FB3" w:rsidP="00156FB3">
            <w:r>
              <w:t>}</w:t>
            </w:r>
          </w:p>
          <w:p w:rsidR="00156FB3" w:rsidRDefault="00156FB3" w:rsidP="00156FB3"/>
          <w:p w:rsidR="00156FB3" w:rsidRDefault="00156FB3" w:rsidP="00156FB3">
            <w:r>
              <w:t>.ft-check:before {</w:t>
            </w:r>
          </w:p>
          <w:p w:rsidR="00156FB3" w:rsidRDefault="00156FB3" w:rsidP="00156FB3">
            <w:r>
              <w:t xml:space="preserve">    content: "\e926";</w:t>
            </w:r>
          </w:p>
          <w:p w:rsidR="00156FB3" w:rsidRDefault="00156FB3" w:rsidP="00156FB3">
            <w:r>
              <w:t>}</w:t>
            </w:r>
          </w:p>
          <w:p w:rsidR="00156FB3" w:rsidRDefault="00156FB3" w:rsidP="00156FB3"/>
          <w:p w:rsidR="00156FB3" w:rsidRDefault="00156FB3" w:rsidP="00156FB3">
            <w:r>
              <w:t>.ft-chevron-down:before {</w:t>
            </w:r>
          </w:p>
          <w:p w:rsidR="00156FB3" w:rsidRDefault="00156FB3" w:rsidP="00156FB3">
            <w:r>
              <w:t xml:space="preserve">    content: "\e927";</w:t>
            </w:r>
          </w:p>
          <w:p w:rsidR="00156FB3" w:rsidRDefault="00156FB3" w:rsidP="00156FB3">
            <w:r>
              <w:t>}</w:t>
            </w:r>
          </w:p>
          <w:p w:rsidR="00156FB3" w:rsidRDefault="00156FB3" w:rsidP="00156FB3"/>
          <w:p w:rsidR="00156FB3" w:rsidRDefault="00156FB3" w:rsidP="00156FB3">
            <w:r>
              <w:t>.ft-chevron-left:before {</w:t>
            </w:r>
          </w:p>
          <w:p w:rsidR="00156FB3" w:rsidRDefault="00156FB3" w:rsidP="00156FB3">
            <w:r>
              <w:t xml:space="preserve">    content: "\e928";</w:t>
            </w:r>
          </w:p>
          <w:p w:rsidR="00156FB3" w:rsidRDefault="00156FB3" w:rsidP="00156FB3">
            <w:r>
              <w:t>}</w:t>
            </w:r>
          </w:p>
          <w:p w:rsidR="00156FB3" w:rsidRDefault="00156FB3" w:rsidP="00156FB3"/>
          <w:p w:rsidR="00156FB3" w:rsidRDefault="00156FB3" w:rsidP="00156FB3">
            <w:r>
              <w:t>.ft-chevron-right:before {</w:t>
            </w:r>
          </w:p>
          <w:p w:rsidR="00156FB3" w:rsidRDefault="00156FB3" w:rsidP="00156FB3">
            <w:r>
              <w:t xml:space="preserve">    content: "\e929";</w:t>
            </w:r>
          </w:p>
          <w:p w:rsidR="00156FB3" w:rsidRDefault="00156FB3" w:rsidP="00156FB3">
            <w:r>
              <w:t>}</w:t>
            </w:r>
          </w:p>
          <w:p w:rsidR="00156FB3" w:rsidRDefault="00156FB3" w:rsidP="00156FB3"/>
          <w:p w:rsidR="00156FB3" w:rsidRDefault="00156FB3" w:rsidP="00156FB3">
            <w:r>
              <w:t>.ft-chevron-up:before {</w:t>
            </w:r>
          </w:p>
          <w:p w:rsidR="00156FB3" w:rsidRDefault="00156FB3" w:rsidP="00156FB3">
            <w:r>
              <w:t xml:space="preserve">    content: "\e92a";</w:t>
            </w:r>
          </w:p>
          <w:p w:rsidR="00156FB3" w:rsidRDefault="00156FB3" w:rsidP="00156FB3">
            <w:r>
              <w:t>}</w:t>
            </w:r>
          </w:p>
          <w:p w:rsidR="00156FB3" w:rsidRDefault="00156FB3" w:rsidP="00156FB3"/>
          <w:p w:rsidR="00156FB3" w:rsidRDefault="00156FB3" w:rsidP="00156FB3">
            <w:r>
              <w:t>.ft-chevrons-down:before {</w:t>
            </w:r>
          </w:p>
          <w:p w:rsidR="00156FB3" w:rsidRDefault="00156FB3" w:rsidP="00156FB3">
            <w:r>
              <w:t xml:space="preserve">    content: "\e92b";</w:t>
            </w:r>
          </w:p>
          <w:p w:rsidR="00156FB3" w:rsidRDefault="00156FB3" w:rsidP="00156FB3">
            <w:r>
              <w:t>}</w:t>
            </w:r>
          </w:p>
          <w:p w:rsidR="00156FB3" w:rsidRDefault="00156FB3" w:rsidP="00156FB3"/>
          <w:p w:rsidR="00156FB3" w:rsidRDefault="00156FB3" w:rsidP="00156FB3">
            <w:r>
              <w:t>.ft-chevrons-left:before {</w:t>
            </w:r>
          </w:p>
          <w:p w:rsidR="00156FB3" w:rsidRDefault="00156FB3" w:rsidP="00156FB3">
            <w:r>
              <w:t xml:space="preserve">    content: "\e92c";</w:t>
            </w:r>
          </w:p>
          <w:p w:rsidR="00156FB3" w:rsidRDefault="00156FB3" w:rsidP="00156FB3">
            <w:r>
              <w:t>}</w:t>
            </w:r>
          </w:p>
          <w:p w:rsidR="00156FB3" w:rsidRDefault="00156FB3" w:rsidP="00156FB3"/>
          <w:p w:rsidR="00156FB3" w:rsidRDefault="00156FB3" w:rsidP="00156FB3">
            <w:r>
              <w:t>.ft-chevrons-right:before {</w:t>
            </w:r>
          </w:p>
          <w:p w:rsidR="00156FB3" w:rsidRDefault="00156FB3" w:rsidP="00156FB3">
            <w:r>
              <w:t xml:space="preserve">    content: "\e92d";</w:t>
            </w:r>
          </w:p>
          <w:p w:rsidR="00156FB3" w:rsidRDefault="00156FB3" w:rsidP="00156FB3">
            <w:r>
              <w:t>}</w:t>
            </w:r>
          </w:p>
          <w:p w:rsidR="00156FB3" w:rsidRDefault="00156FB3" w:rsidP="00156FB3"/>
          <w:p w:rsidR="00156FB3" w:rsidRDefault="00156FB3" w:rsidP="00156FB3">
            <w:r>
              <w:t>.ft-chevrons-up:before {</w:t>
            </w:r>
          </w:p>
          <w:p w:rsidR="00156FB3" w:rsidRDefault="00156FB3" w:rsidP="00156FB3">
            <w:r>
              <w:t xml:space="preserve">    content: "\e92e";</w:t>
            </w:r>
          </w:p>
          <w:p w:rsidR="00156FB3" w:rsidRDefault="00156FB3" w:rsidP="00156FB3">
            <w:r>
              <w:t>}</w:t>
            </w:r>
          </w:p>
          <w:p w:rsidR="00156FB3" w:rsidRDefault="00156FB3" w:rsidP="00156FB3"/>
          <w:p w:rsidR="00156FB3" w:rsidRDefault="00156FB3" w:rsidP="00156FB3">
            <w:r>
              <w:t>.ft-chrome:before {</w:t>
            </w:r>
          </w:p>
          <w:p w:rsidR="00156FB3" w:rsidRDefault="00156FB3" w:rsidP="00156FB3">
            <w:r>
              <w:t xml:space="preserve">    content: "\e92f";</w:t>
            </w:r>
          </w:p>
          <w:p w:rsidR="00156FB3" w:rsidRDefault="00156FB3" w:rsidP="00156FB3">
            <w:r>
              <w:t>}</w:t>
            </w:r>
          </w:p>
          <w:p w:rsidR="00156FB3" w:rsidRDefault="00156FB3" w:rsidP="00156FB3"/>
          <w:p w:rsidR="00156FB3" w:rsidRDefault="00156FB3" w:rsidP="00156FB3">
            <w:r>
              <w:t>.ft-circle:before {</w:t>
            </w:r>
          </w:p>
          <w:p w:rsidR="00156FB3" w:rsidRDefault="00156FB3" w:rsidP="00156FB3">
            <w:r>
              <w:t xml:space="preserve">    content: "\e930";</w:t>
            </w:r>
          </w:p>
          <w:p w:rsidR="00156FB3" w:rsidRDefault="00156FB3" w:rsidP="00156FB3">
            <w:r>
              <w:t>}</w:t>
            </w:r>
          </w:p>
          <w:p w:rsidR="00156FB3" w:rsidRDefault="00156FB3" w:rsidP="00156FB3"/>
          <w:p w:rsidR="00156FB3" w:rsidRDefault="00156FB3" w:rsidP="00156FB3">
            <w:r>
              <w:t>.ft-clipboard:before {</w:t>
            </w:r>
          </w:p>
          <w:p w:rsidR="00156FB3" w:rsidRDefault="00156FB3" w:rsidP="00156FB3">
            <w:r>
              <w:t xml:space="preserve">    content: "\e931";</w:t>
            </w:r>
          </w:p>
          <w:p w:rsidR="00156FB3" w:rsidRDefault="00156FB3" w:rsidP="00156FB3">
            <w:r>
              <w:t>}</w:t>
            </w:r>
          </w:p>
          <w:p w:rsidR="00156FB3" w:rsidRDefault="00156FB3" w:rsidP="00156FB3"/>
          <w:p w:rsidR="00156FB3" w:rsidRDefault="00156FB3" w:rsidP="00156FB3">
            <w:r>
              <w:t>.ft-clock:before {</w:t>
            </w:r>
          </w:p>
          <w:p w:rsidR="00156FB3" w:rsidRDefault="00156FB3" w:rsidP="00156FB3">
            <w:r>
              <w:t xml:space="preserve">    content: "\e932";</w:t>
            </w:r>
          </w:p>
          <w:p w:rsidR="00156FB3" w:rsidRDefault="00156FB3" w:rsidP="00156FB3">
            <w:r>
              <w:t>}</w:t>
            </w:r>
          </w:p>
          <w:p w:rsidR="00156FB3" w:rsidRDefault="00156FB3" w:rsidP="00156FB3"/>
          <w:p w:rsidR="00156FB3" w:rsidRDefault="00156FB3" w:rsidP="00156FB3">
            <w:r>
              <w:t>.ft-cloud-drizzle:before {</w:t>
            </w:r>
          </w:p>
          <w:p w:rsidR="00156FB3" w:rsidRDefault="00156FB3" w:rsidP="00156FB3">
            <w:r>
              <w:t xml:space="preserve">    content: "\e933";</w:t>
            </w:r>
          </w:p>
          <w:p w:rsidR="00156FB3" w:rsidRDefault="00156FB3" w:rsidP="00156FB3">
            <w:r>
              <w:t>}</w:t>
            </w:r>
          </w:p>
          <w:p w:rsidR="00156FB3" w:rsidRDefault="00156FB3" w:rsidP="00156FB3"/>
          <w:p w:rsidR="00156FB3" w:rsidRDefault="00156FB3" w:rsidP="00156FB3">
            <w:r>
              <w:t>.ft-cloud-lightning:before {</w:t>
            </w:r>
          </w:p>
          <w:p w:rsidR="00156FB3" w:rsidRDefault="00156FB3" w:rsidP="00156FB3">
            <w:r>
              <w:t xml:space="preserve">    content: "\e934";</w:t>
            </w:r>
          </w:p>
          <w:p w:rsidR="00156FB3" w:rsidRDefault="00156FB3" w:rsidP="00156FB3">
            <w:r>
              <w:t>}</w:t>
            </w:r>
          </w:p>
          <w:p w:rsidR="00156FB3" w:rsidRDefault="00156FB3" w:rsidP="00156FB3"/>
          <w:p w:rsidR="00156FB3" w:rsidRDefault="00156FB3" w:rsidP="00156FB3">
            <w:r>
              <w:t>.ft-cloud-off:before {</w:t>
            </w:r>
          </w:p>
          <w:p w:rsidR="00156FB3" w:rsidRDefault="00156FB3" w:rsidP="00156FB3">
            <w:r>
              <w:t xml:space="preserve">    content: "\e935";</w:t>
            </w:r>
          </w:p>
          <w:p w:rsidR="00156FB3" w:rsidRDefault="00156FB3" w:rsidP="00156FB3">
            <w:r>
              <w:t>}</w:t>
            </w:r>
          </w:p>
          <w:p w:rsidR="00156FB3" w:rsidRDefault="00156FB3" w:rsidP="00156FB3"/>
          <w:p w:rsidR="00156FB3" w:rsidRDefault="00156FB3" w:rsidP="00156FB3">
            <w:r>
              <w:t>.ft-cloud-rain:before {</w:t>
            </w:r>
          </w:p>
          <w:p w:rsidR="00156FB3" w:rsidRDefault="00156FB3" w:rsidP="00156FB3">
            <w:r>
              <w:t xml:space="preserve">    content: "\e936";</w:t>
            </w:r>
          </w:p>
          <w:p w:rsidR="00156FB3" w:rsidRDefault="00156FB3" w:rsidP="00156FB3">
            <w:r>
              <w:t>}</w:t>
            </w:r>
          </w:p>
          <w:p w:rsidR="00156FB3" w:rsidRDefault="00156FB3" w:rsidP="00156FB3"/>
          <w:p w:rsidR="00156FB3" w:rsidRDefault="00156FB3" w:rsidP="00156FB3">
            <w:r>
              <w:t>.ft-cloud-snow:before {</w:t>
            </w:r>
          </w:p>
          <w:p w:rsidR="00156FB3" w:rsidRDefault="00156FB3" w:rsidP="00156FB3">
            <w:r>
              <w:t xml:space="preserve">    content: "\e937";</w:t>
            </w:r>
          </w:p>
          <w:p w:rsidR="00156FB3" w:rsidRDefault="00156FB3" w:rsidP="00156FB3">
            <w:r>
              <w:t>}</w:t>
            </w:r>
          </w:p>
          <w:p w:rsidR="00156FB3" w:rsidRDefault="00156FB3" w:rsidP="00156FB3"/>
          <w:p w:rsidR="00156FB3" w:rsidRDefault="00156FB3" w:rsidP="00156FB3">
            <w:r>
              <w:t>.ft-cloud:before {</w:t>
            </w:r>
          </w:p>
          <w:p w:rsidR="00156FB3" w:rsidRDefault="00156FB3" w:rsidP="00156FB3">
            <w:r>
              <w:t xml:space="preserve">    content: "\e938";</w:t>
            </w:r>
          </w:p>
          <w:p w:rsidR="00156FB3" w:rsidRDefault="00156FB3" w:rsidP="00156FB3">
            <w:r>
              <w:t>}</w:t>
            </w:r>
          </w:p>
          <w:p w:rsidR="00156FB3" w:rsidRDefault="00156FB3" w:rsidP="00156FB3"/>
          <w:p w:rsidR="00156FB3" w:rsidRDefault="00156FB3" w:rsidP="00156FB3">
            <w:r>
              <w:t>.ft-codepen:before {</w:t>
            </w:r>
          </w:p>
          <w:p w:rsidR="00156FB3" w:rsidRDefault="00156FB3" w:rsidP="00156FB3">
            <w:r>
              <w:t xml:space="preserve">    content: "\e939";</w:t>
            </w:r>
          </w:p>
          <w:p w:rsidR="00156FB3" w:rsidRDefault="00156FB3" w:rsidP="00156FB3">
            <w:r>
              <w:t>}</w:t>
            </w:r>
          </w:p>
          <w:p w:rsidR="00156FB3" w:rsidRDefault="00156FB3" w:rsidP="00156FB3"/>
          <w:p w:rsidR="00156FB3" w:rsidRDefault="00156FB3" w:rsidP="00156FB3">
            <w:r>
              <w:t>.ft-command:before {</w:t>
            </w:r>
          </w:p>
          <w:p w:rsidR="00156FB3" w:rsidRDefault="00156FB3" w:rsidP="00156FB3">
            <w:r>
              <w:t xml:space="preserve">    content: "\e93a";</w:t>
            </w:r>
          </w:p>
          <w:p w:rsidR="00156FB3" w:rsidRDefault="00156FB3" w:rsidP="00156FB3">
            <w:r>
              <w:t>}</w:t>
            </w:r>
          </w:p>
          <w:p w:rsidR="00156FB3" w:rsidRDefault="00156FB3" w:rsidP="00156FB3"/>
          <w:p w:rsidR="00156FB3" w:rsidRDefault="00156FB3" w:rsidP="00156FB3">
            <w:r>
              <w:t>.ft-compass:before {</w:t>
            </w:r>
          </w:p>
          <w:p w:rsidR="00156FB3" w:rsidRDefault="00156FB3" w:rsidP="00156FB3">
            <w:r>
              <w:t xml:space="preserve">    content: "\e93b";</w:t>
            </w:r>
          </w:p>
          <w:p w:rsidR="00156FB3" w:rsidRDefault="00156FB3" w:rsidP="00156FB3">
            <w:r>
              <w:t>}</w:t>
            </w:r>
          </w:p>
          <w:p w:rsidR="00156FB3" w:rsidRDefault="00156FB3" w:rsidP="00156FB3"/>
          <w:p w:rsidR="00156FB3" w:rsidRDefault="00156FB3" w:rsidP="00156FB3">
            <w:r>
              <w:t>.ft-copy:before {</w:t>
            </w:r>
          </w:p>
          <w:p w:rsidR="00156FB3" w:rsidRDefault="00156FB3" w:rsidP="00156FB3">
            <w:r>
              <w:t xml:space="preserve">    content: "\e93c";</w:t>
            </w:r>
          </w:p>
          <w:p w:rsidR="00156FB3" w:rsidRDefault="00156FB3" w:rsidP="00156FB3">
            <w:r>
              <w:t>}</w:t>
            </w:r>
          </w:p>
          <w:p w:rsidR="00156FB3" w:rsidRDefault="00156FB3" w:rsidP="00156FB3"/>
          <w:p w:rsidR="00156FB3" w:rsidRDefault="00156FB3" w:rsidP="00156FB3">
            <w:r>
              <w:t>.ft-corner-down-left:before {</w:t>
            </w:r>
          </w:p>
          <w:p w:rsidR="00156FB3" w:rsidRDefault="00156FB3" w:rsidP="00156FB3">
            <w:r>
              <w:t xml:space="preserve">    content: "\e93d";</w:t>
            </w:r>
          </w:p>
          <w:p w:rsidR="00156FB3" w:rsidRDefault="00156FB3" w:rsidP="00156FB3">
            <w:r>
              <w:t>}</w:t>
            </w:r>
          </w:p>
          <w:p w:rsidR="00156FB3" w:rsidRDefault="00156FB3" w:rsidP="00156FB3"/>
          <w:p w:rsidR="00156FB3" w:rsidRDefault="00156FB3" w:rsidP="00156FB3">
            <w:r>
              <w:t>.ft-corner-down-right:before {</w:t>
            </w:r>
          </w:p>
          <w:p w:rsidR="00156FB3" w:rsidRDefault="00156FB3" w:rsidP="00156FB3">
            <w:r>
              <w:t xml:space="preserve">    content: "\e93e";</w:t>
            </w:r>
          </w:p>
          <w:p w:rsidR="00156FB3" w:rsidRDefault="00156FB3" w:rsidP="00156FB3">
            <w:r>
              <w:t>}</w:t>
            </w:r>
          </w:p>
          <w:p w:rsidR="00156FB3" w:rsidRDefault="00156FB3" w:rsidP="00156FB3"/>
          <w:p w:rsidR="00156FB3" w:rsidRDefault="00156FB3" w:rsidP="00156FB3">
            <w:r>
              <w:t>.ft-corner-left-down:before {</w:t>
            </w:r>
          </w:p>
          <w:p w:rsidR="00156FB3" w:rsidRDefault="00156FB3" w:rsidP="00156FB3">
            <w:r>
              <w:t xml:space="preserve">    content: "\e93f";</w:t>
            </w:r>
          </w:p>
          <w:p w:rsidR="00156FB3" w:rsidRDefault="00156FB3" w:rsidP="00156FB3">
            <w:r>
              <w:t>}</w:t>
            </w:r>
          </w:p>
          <w:p w:rsidR="00156FB3" w:rsidRDefault="00156FB3" w:rsidP="00156FB3"/>
          <w:p w:rsidR="00156FB3" w:rsidRDefault="00156FB3" w:rsidP="00156FB3">
            <w:r>
              <w:t>.ft-corner-left-up:before {</w:t>
            </w:r>
          </w:p>
          <w:p w:rsidR="00156FB3" w:rsidRDefault="00156FB3" w:rsidP="00156FB3">
            <w:r>
              <w:t xml:space="preserve">    content: "\e940";</w:t>
            </w:r>
          </w:p>
          <w:p w:rsidR="00156FB3" w:rsidRDefault="00156FB3" w:rsidP="00156FB3">
            <w:r>
              <w:t>}</w:t>
            </w:r>
          </w:p>
          <w:p w:rsidR="00156FB3" w:rsidRDefault="00156FB3" w:rsidP="00156FB3"/>
          <w:p w:rsidR="00156FB3" w:rsidRDefault="00156FB3" w:rsidP="00156FB3">
            <w:r>
              <w:t>.ft-corner-right-down:before {</w:t>
            </w:r>
          </w:p>
          <w:p w:rsidR="00156FB3" w:rsidRDefault="00156FB3" w:rsidP="00156FB3">
            <w:r>
              <w:t xml:space="preserve">    content: "\e941";</w:t>
            </w:r>
          </w:p>
          <w:p w:rsidR="00156FB3" w:rsidRDefault="00156FB3" w:rsidP="00156FB3">
            <w:r>
              <w:t>}</w:t>
            </w:r>
          </w:p>
          <w:p w:rsidR="00156FB3" w:rsidRDefault="00156FB3" w:rsidP="00156FB3"/>
          <w:p w:rsidR="00156FB3" w:rsidRDefault="00156FB3" w:rsidP="00156FB3">
            <w:r>
              <w:t>.ft-corner-right-up:before {</w:t>
            </w:r>
          </w:p>
          <w:p w:rsidR="00156FB3" w:rsidRDefault="00156FB3" w:rsidP="00156FB3">
            <w:r>
              <w:t xml:space="preserve">    content: "\e942";</w:t>
            </w:r>
          </w:p>
          <w:p w:rsidR="00156FB3" w:rsidRDefault="00156FB3" w:rsidP="00156FB3">
            <w:r>
              <w:t>}</w:t>
            </w:r>
          </w:p>
          <w:p w:rsidR="00156FB3" w:rsidRDefault="00156FB3" w:rsidP="00156FB3"/>
          <w:p w:rsidR="00156FB3" w:rsidRDefault="00156FB3" w:rsidP="00156FB3">
            <w:r>
              <w:t>.ft-corner-up-left:before {</w:t>
            </w:r>
          </w:p>
          <w:p w:rsidR="00156FB3" w:rsidRDefault="00156FB3" w:rsidP="00156FB3">
            <w:r>
              <w:t xml:space="preserve">    content: "\e943";</w:t>
            </w:r>
          </w:p>
          <w:p w:rsidR="00156FB3" w:rsidRDefault="00156FB3" w:rsidP="00156FB3">
            <w:r>
              <w:t>}</w:t>
            </w:r>
          </w:p>
          <w:p w:rsidR="00156FB3" w:rsidRDefault="00156FB3" w:rsidP="00156FB3"/>
          <w:p w:rsidR="00156FB3" w:rsidRDefault="00156FB3" w:rsidP="00156FB3">
            <w:r>
              <w:t>.ft-corner-up-right:before {</w:t>
            </w:r>
          </w:p>
          <w:p w:rsidR="00156FB3" w:rsidRDefault="00156FB3" w:rsidP="00156FB3">
            <w:r>
              <w:t xml:space="preserve">    content: "\e944";</w:t>
            </w:r>
          </w:p>
          <w:p w:rsidR="00156FB3" w:rsidRDefault="00156FB3" w:rsidP="00156FB3">
            <w:r>
              <w:t>}</w:t>
            </w:r>
          </w:p>
          <w:p w:rsidR="00156FB3" w:rsidRDefault="00156FB3" w:rsidP="00156FB3"/>
          <w:p w:rsidR="00156FB3" w:rsidRDefault="00156FB3" w:rsidP="00156FB3">
            <w:r>
              <w:t>.ft-cpu:before {</w:t>
            </w:r>
          </w:p>
          <w:p w:rsidR="00156FB3" w:rsidRDefault="00156FB3" w:rsidP="00156FB3">
            <w:r>
              <w:t xml:space="preserve">    content: "\e945";</w:t>
            </w:r>
          </w:p>
          <w:p w:rsidR="00156FB3" w:rsidRDefault="00156FB3" w:rsidP="00156FB3">
            <w:r>
              <w:t>}</w:t>
            </w:r>
          </w:p>
          <w:p w:rsidR="00156FB3" w:rsidRDefault="00156FB3" w:rsidP="00156FB3"/>
          <w:p w:rsidR="00156FB3" w:rsidRDefault="00156FB3" w:rsidP="00156FB3">
            <w:r>
              <w:t>.ft-credit-card:before {</w:t>
            </w:r>
          </w:p>
          <w:p w:rsidR="00156FB3" w:rsidRDefault="00156FB3" w:rsidP="00156FB3">
            <w:r>
              <w:t xml:space="preserve">    content: "\e946";</w:t>
            </w:r>
          </w:p>
          <w:p w:rsidR="00156FB3" w:rsidRDefault="00156FB3" w:rsidP="00156FB3">
            <w:r>
              <w:t>}</w:t>
            </w:r>
          </w:p>
          <w:p w:rsidR="00156FB3" w:rsidRDefault="00156FB3" w:rsidP="00156FB3"/>
          <w:p w:rsidR="00156FB3" w:rsidRDefault="00156FB3" w:rsidP="00156FB3">
            <w:r>
              <w:t>.ft-crosshair:before {</w:t>
            </w:r>
          </w:p>
          <w:p w:rsidR="00156FB3" w:rsidRDefault="00156FB3" w:rsidP="00156FB3">
            <w:r>
              <w:t xml:space="preserve">    content: "\e947";</w:t>
            </w:r>
          </w:p>
          <w:p w:rsidR="00156FB3" w:rsidRDefault="00156FB3" w:rsidP="00156FB3">
            <w:r>
              <w:t>}</w:t>
            </w:r>
          </w:p>
          <w:p w:rsidR="00156FB3" w:rsidRDefault="00156FB3" w:rsidP="00156FB3"/>
          <w:p w:rsidR="00156FB3" w:rsidRDefault="00156FB3" w:rsidP="00156FB3">
            <w:r>
              <w:t>.ft-delete:before {</w:t>
            </w:r>
          </w:p>
          <w:p w:rsidR="00156FB3" w:rsidRDefault="00156FB3" w:rsidP="00156FB3">
            <w:r>
              <w:t xml:space="preserve">    content: "\e948";</w:t>
            </w:r>
          </w:p>
          <w:p w:rsidR="00156FB3" w:rsidRDefault="00156FB3" w:rsidP="00156FB3">
            <w:r>
              <w:t>}</w:t>
            </w:r>
          </w:p>
          <w:p w:rsidR="00156FB3" w:rsidRDefault="00156FB3" w:rsidP="00156FB3"/>
          <w:p w:rsidR="00156FB3" w:rsidRDefault="00156FB3" w:rsidP="00156FB3">
            <w:r>
              <w:t>.ft-disc:before {</w:t>
            </w:r>
          </w:p>
          <w:p w:rsidR="00156FB3" w:rsidRDefault="00156FB3" w:rsidP="00156FB3">
            <w:r>
              <w:t xml:space="preserve">    content: "\e949";</w:t>
            </w:r>
          </w:p>
          <w:p w:rsidR="00156FB3" w:rsidRDefault="00156FB3" w:rsidP="00156FB3">
            <w:r>
              <w:t>}</w:t>
            </w:r>
          </w:p>
          <w:p w:rsidR="00156FB3" w:rsidRDefault="00156FB3" w:rsidP="00156FB3"/>
          <w:p w:rsidR="00156FB3" w:rsidRDefault="00156FB3" w:rsidP="00156FB3">
            <w:r>
              <w:t>.ft-download-cloud:before {</w:t>
            </w:r>
          </w:p>
          <w:p w:rsidR="00156FB3" w:rsidRDefault="00156FB3" w:rsidP="00156FB3">
            <w:r>
              <w:t xml:space="preserve">    content: "\e94a";</w:t>
            </w:r>
          </w:p>
          <w:p w:rsidR="00156FB3" w:rsidRDefault="00156FB3" w:rsidP="00156FB3">
            <w:r>
              <w:t>}</w:t>
            </w:r>
          </w:p>
          <w:p w:rsidR="00156FB3" w:rsidRDefault="00156FB3" w:rsidP="00156FB3"/>
          <w:p w:rsidR="00156FB3" w:rsidRDefault="00156FB3" w:rsidP="00156FB3">
            <w:r>
              <w:t>.ft-download:before {</w:t>
            </w:r>
          </w:p>
          <w:p w:rsidR="00156FB3" w:rsidRDefault="00156FB3" w:rsidP="00156FB3">
            <w:r>
              <w:t xml:space="preserve">    content: "\e94b";</w:t>
            </w:r>
          </w:p>
          <w:p w:rsidR="00156FB3" w:rsidRDefault="00156FB3" w:rsidP="00156FB3">
            <w:r>
              <w:t>}</w:t>
            </w:r>
          </w:p>
          <w:p w:rsidR="00156FB3" w:rsidRDefault="00156FB3" w:rsidP="00156FB3"/>
          <w:p w:rsidR="00156FB3" w:rsidRDefault="00156FB3" w:rsidP="00156FB3">
            <w:r>
              <w:t>.ft-droplet:before {</w:t>
            </w:r>
          </w:p>
          <w:p w:rsidR="00156FB3" w:rsidRDefault="00156FB3" w:rsidP="00156FB3">
            <w:r>
              <w:t xml:space="preserve">    content: "\e94c";</w:t>
            </w:r>
          </w:p>
          <w:p w:rsidR="00156FB3" w:rsidRDefault="00156FB3" w:rsidP="00156FB3">
            <w:r>
              <w:t>}</w:t>
            </w:r>
          </w:p>
          <w:p w:rsidR="00156FB3" w:rsidRDefault="00156FB3" w:rsidP="00156FB3"/>
          <w:p w:rsidR="00156FB3" w:rsidRDefault="00156FB3" w:rsidP="00156FB3">
            <w:r>
              <w:t>.ft-edit-2:before {</w:t>
            </w:r>
          </w:p>
          <w:p w:rsidR="00156FB3" w:rsidRDefault="00156FB3" w:rsidP="00156FB3">
            <w:r>
              <w:t xml:space="preserve">    content: "\e94d";</w:t>
            </w:r>
          </w:p>
          <w:p w:rsidR="00156FB3" w:rsidRDefault="00156FB3" w:rsidP="00156FB3">
            <w:r>
              <w:t>}</w:t>
            </w:r>
          </w:p>
          <w:p w:rsidR="00156FB3" w:rsidRDefault="00156FB3" w:rsidP="00156FB3"/>
          <w:p w:rsidR="00156FB3" w:rsidRDefault="00156FB3" w:rsidP="00156FB3">
            <w:r>
              <w:t>.ft-edit-3:before {</w:t>
            </w:r>
          </w:p>
          <w:p w:rsidR="00156FB3" w:rsidRDefault="00156FB3" w:rsidP="00156FB3">
            <w:r>
              <w:t xml:space="preserve">    content: "\e94e";</w:t>
            </w:r>
          </w:p>
          <w:p w:rsidR="00156FB3" w:rsidRDefault="00156FB3" w:rsidP="00156FB3">
            <w:r>
              <w:t>}</w:t>
            </w:r>
          </w:p>
          <w:p w:rsidR="00156FB3" w:rsidRDefault="00156FB3" w:rsidP="00156FB3"/>
          <w:p w:rsidR="00156FB3" w:rsidRDefault="00156FB3" w:rsidP="00156FB3">
            <w:r>
              <w:t>.ft-edit:before {</w:t>
            </w:r>
          </w:p>
          <w:p w:rsidR="00156FB3" w:rsidRDefault="00156FB3" w:rsidP="00156FB3">
            <w:r>
              <w:t xml:space="preserve">    content: "\e94f";</w:t>
            </w:r>
          </w:p>
          <w:p w:rsidR="00156FB3" w:rsidRDefault="00156FB3" w:rsidP="00156FB3">
            <w:r>
              <w:t>}</w:t>
            </w:r>
          </w:p>
          <w:p w:rsidR="00156FB3" w:rsidRDefault="00156FB3" w:rsidP="00156FB3"/>
          <w:p w:rsidR="00156FB3" w:rsidRDefault="00156FB3" w:rsidP="00156FB3">
            <w:r>
              <w:t>.ft-external-link:before {</w:t>
            </w:r>
          </w:p>
          <w:p w:rsidR="00156FB3" w:rsidRDefault="00156FB3" w:rsidP="00156FB3">
            <w:r>
              <w:t xml:space="preserve">    content: "\e950";</w:t>
            </w:r>
          </w:p>
          <w:p w:rsidR="00156FB3" w:rsidRDefault="00156FB3" w:rsidP="00156FB3">
            <w:r>
              <w:t>}</w:t>
            </w:r>
          </w:p>
          <w:p w:rsidR="00156FB3" w:rsidRDefault="00156FB3" w:rsidP="00156FB3"/>
          <w:p w:rsidR="00156FB3" w:rsidRDefault="00156FB3" w:rsidP="00156FB3">
            <w:r>
              <w:t>.ft-eye-off:before {</w:t>
            </w:r>
          </w:p>
          <w:p w:rsidR="00156FB3" w:rsidRDefault="00156FB3" w:rsidP="00156FB3">
            <w:r>
              <w:t xml:space="preserve">    content: "\e951";</w:t>
            </w:r>
          </w:p>
          <w:p w:rsidR="00156FB3" w:rsidRDefault="00156FB3" w:rsidP="00156FB3">
            <w:r>
              <w:t>}</w:t>
            </w:r>
          </w:p>
          <w:p w:rsidR="00156FB3" w:rsidRDefault="00156FB3" w:rsidP="00156FB3"/>
          <w:p w:rsidR="00156FB3" w:rsidRDefault="00156FB3" w:rsidP="00156FB3">
            <w:r>
              <w:t>.ft-eye:before {</w:t>
            </w:r>
          </w:p>
          <w:p w:rsidR="00156FB3" w:rsidRDefault="00156FB3" w:rsidP="00156FB3">
            <w:r>
              <w:t xml:space="preserve">    content: "\e952";</w:t>
            </w:r>
          </w:p>
          <w:p w:rsidR="00156FB3" w:rsidRDefault="00156FB3" w:rsidP="00156FB3">
            <w:r>
              <w:t>}</w:t>
            </w:r>
          </w:p>
          <w:p w:rsidR="00156FB3" w:rsidRDefault="00156FB3" w:rsidP="00156FB3"/>
          <w:p w:rsidR="00156FB3" w:rsidRDefault="00156FB3" w:rsidP="00156FB3">
            <w:r>
              <w:t>.ft-facebook:before {</w:t>
            </w:r>
          </w:p>
          <w:p w:rsidR="00156FB3" w:rsidRDefault="00156FB3" w:rsidP="00156FB3">
            <w:r>
              <w:t xml:space="preserve">    content: "\e953";</w:t>
            </w:r>
          </w:p>
          <w:p w:rsidR="00156FB3" w:rsidRDefault="00156FB3" w:rsidP="00156FB3">
            <w:r>
              <w:t>}</w:t>
            </w:r>
          </w:p>
          <w:p w:rsidR="00156FB3" w:rsidRDefault="00156FB3" w:rsidP="00156FB3"/>
          <w:p w:rsidR="00156FB3" w:rsidRDefault="00156FB3" w:rsidP="00156FB3">
            <w:r>
              <w:t>.ft-fast-forward:before {</w:t>
            </w:r>
          </w:p>
          <w:p w:rsidR="00156FB3" w:rsidRDefault="00156FB3" w:rsidP="00156FB3">
            <w:r>
              <w:t xml:space="preserve">    content: "\e954";</w:t>
            </w:r>
          </w:p>
          <w:p w:rsidR="00156FB3" w:rsidRDefault="00156FB3" w:rsidP="00156FB3">
            <w:r>
              <w:t>}</w:t>
            </w:r>
          </w:p>
          <w:p w:rsidR="00156FB3" w:rsidRDefault="00156FB3" w:rsidP="00156FB3"/>
          <w:p w:rsidR="00156FB3" w:rsidRDefault="00156FB3" w:rsidP="00156FB3">
            <w:r>
              <w:t>.ft-feather:before {</w:t>
            </w:r>
          </w:p>
          <w:p w:rsidR="00156FB3" w:rsidRDefault="00156FB3" w:rsidP="00156FB3">
            <w:r>
              <w:t xml:space="preserve">    content: "\e955";</w:t>
            </w:r>
          </w:p>
          <w:p w:rsidR="00156FB3" w:rsidRDefault="00156FB3" w:rsidP="00156FB3">
            <w:r>
              <w:t>}</w:t>
            </w:r>
          </w:p>
          <w:p w:rsidR="00156FB3" w:rsidRDefault="00156FB3" w:rsidP="00156FB3"/>
          <w:p w:rsidR="00156FB3" w:rsidRDefault="00156FB3" w:rsidP="00156FB3">
            <w:r>
              <w:t>.ft-file-minus:before {</w:t>
            </w:r>
          </w:p>
          <w:p w:rsidR="00156FB3" w:rsidRDefault="00156FB3" w:rsidP="00156FB3">
            <w:r>
              <w:t xml:space="preserve">    content: "\e956";</w:t>
            </w:r>
          </w:p>
          <w:p w:rsidR="00156FB3" w:rsidRDefault="00156FB3" w:rsidP="00156FB3">
            <w:r>
              <w:t>}</w:t>
            </w:r>
          </w:p>
          <w:p w:rsidR="00156FB3" w:rsidRDefault="00156FB3" w:rsidP="00156FB3"/>
          <w:p w:rsidR="00156FB3" w:rsidRDefault="00156FB3" w:rsidP="00156FB3">
            <w:r>
              <w:t>.ft-file-plus:before {</w:t>
            </w:r>
          </w:p>
          <w:p w:rsidR="00156FB3" w:rsidRDefault="00156FB3" w:rsidP="00156FB3">
            <w:r>
              <w:t xml:space="preserve">    content: "\e957";</w:t>
            </w:r>
          </w:p>
          <w:p w:rsidR="00156FB3" w:rsidRDefault="00156FB3" w:rsidP="00156FB3">
            <w:r>
              <w:t>}</w:t>
            </w:r>
          </w:p>
          <w:p w:rsidR="00156FB3" w:rsidRDefault="00156FB3" w:rsidP="00156FB3"/>
          <w:p w:rsidR="00156FB3" w:rsidRDefault="00156FB3" w:rsidP="00156FB3">
            <w:r>
              <w:t>.ft-file-text:before {</w:t>
            </w:r>
          </w:p>
          <w:p w:rsidR="00156FB3" w:rsidRDefault="00156FB3" w:rsidP="00156FB3">
            <w:r>
              <w:t xml:space="preserve">    content: "\e958";</w:t>
            </w:r>
          </w:p>
          <w:p w:rsidR="00156FB3" w:rsidRDefault="00156FB3" w:rsidP="00156FB3">
            <w:r>
              <w:t>}</w:t>
            </w:r>
          </w:p>
          <w:p w:rsidR="00156FB3" w:rsidRDefault="00156FB3" w:rsidP="00156FB3"/>
          <w:p w:rsidR="00156FB3" w:rsidRDefault="00156FB3" w:rsidP="00156FB3">
            <w:r>
              <w:t>.ft-file:before {</w:t>
            </w:r>
          </w:p>
          <w:p w:rsidR="00156FB3" w:rsidRDefault="00156FB3" w:rsidP="00156FB3">
            <w:r>
              <w:t xml:space="preserve">    content: "\e959";</w:t>
            </w:r>
          </w:p>
          <w:p w:rsidR="00156FB3" w:rsidRDefault="00156FB3" w:rsidP="00156FB3">
            <w:r>
              <w:t>}</w:t>
            </w:r>
          </w:p>
          <w:p w:rsidR="00156FB3" w:rsidRDefault="00156FB3" w:rsidP="00156FB3"/>
          <w:p w:rsidR="00156FB3" w:rsidRDefault="00156FB3" w:rsidP="00156FB3">
            <w:r>
              <w:t>.ft-film:before {</w:t>
            </w:r>
          </w:p>
          <w:p w:rsidR="00156FB3" w:rsidRDefault="00156FB3" w:rsidP="00156FB3">
            <w:r>
              <w:t xml:space="preserve">    content: "\e95a";</w:t>
            </w:r>
          </w:p>
          <w:p w:rsidR="00156FB3" w:rsidRDefault="00156FB3" w:rsidP="00156FB3">
            <w:r>
              <w:t>}</w:t>
            </w:r>
          </w:p>
          <w:p w:rsidR="00156FB3" w:rsidRDefault="00156FB3" w:rsidP="00156FB3"/>
          <w:p w:rsidR="00156FB3" w:rsidRDefault="00156FB3" w:rsidP="00156FB3">
            <w:r>
              <w:t>.ft-filter:before {</w:t>
            </w:r>
          </w:p>
          <w:p w:rsidR="00156FB3" w:rsidRDefault="00156FB3" w:rsidP="00156FB3">
            <w:r>
              <w:t xml:space="preserve">    content: "\e95b";</w:t>
            </w:r>
          </w:p>
          <w:p w:rsidR="00156FB3" w:rsidRDefault="00156FB3" w:rsidP="00156FB3">
            <w:r>
              <w:t>}</w:t>
            </w:r>
          </w:p>
          <w:p w:rsidR="00156FB3" w:rsidRDefault="00156FB3" w:rsidP="00156FB3"/>
          <w:p w:rsidR="00156FB3" w:rsidRDefault="00156FB3" w:rsidP="00156FB3">
            <w:r>
              <w:t>.ft-flag:before {</w:t>
            </w:r>
          </w:p>
          <w:p w:rsidR="00156FB3" w:rsidRDefault="00156FB3" w:rsidP="00156FB3">
            <w:r>
              <w:t xml:space="preserve">    content: "\e95c";</w:t>
            </w:r>
          </w:p>
          <w:p w:rsidR="00156FB3" w:rsidRDefault="00156FB3" w:rsidP="00156FB3">
            <w:r>
              <w:t>}</w:t>
            </w:r>
          </w:p>
          <w:p w:rsidR="00156FB3" w:rsidRDefault="00156FB3" w:rsidP="00156FB3"/>
          <w:p w:rsidR="00156FB3" w:rsidRDefault="00156FB3" w:rsidP="00156FB3">
            <w:r>
              <w:t>.ft-folder:before {</w:t>
            </w:r>
          </w:p>
          <w:p w:rsidR="00156FB3" w:rsidRDefault="00156FB3" w:rsidP="00156FB3">
            <w:r>
              <w:t xml:space="preserve">    content: "\e95d";</w:t>
            </w:r>
          </w:p>
          <w:p w:rsidR="00156FB3" w:rsidRDefault="00156FB3" w:rsidP="00156FB3">
            <w:r>
              <w:t>}</w:t>
            </w:r>
          </w:p>
          <w:p w:rsidR="00156FB3" w:rsidRDefault="00156FB3" w:rsidP="00156FB3"/>
          <w:p w:rsidR="00156FB3" w:rsidRDefault="00156FB3" w:rsidP="00156FB3">
            <w:r>
              <w:t>.ft-github:before {</w:t>
            </w:r>
          </w:p>
          <w:p w:rsidR="00156FB3" w:rsidRDefault="00156FB3" w:rsidP="00156FB3">
            <w:r>
              <w:t xml:space="preserve">    content: "\e95e";</w:t>
            </w:r>
          </w:p>
          <w:p w:rsidR="00156FB3" w:rsidRDefault="00156FB3" w:rsidP="00156FB3">
            <w:r>
              <w:t>}</w:t>
            </w:r>
          </w:p>
          <w:p w:rsidR="00156FB3" w:rsidRDefault="00156FB3" w:rsidP="00156FB3"/>
          <w:p w:rsidR="00156FB3" w:rsidRDefault="00156FB3" w:rsidP="00156FB3">
            <w:r>
              <w:t>.ft-gitlab:before {</w:t>
            </w:r>
          </w:p>
          <w:p w:rsidR="00156FB3" w:rsidRDefault="00156FB3" w:rsidP="00156FB3">
            <w:r>
              <w:t xml:space="preserve">    content: "\e95f";</w:t>
            </w:r>
          </w:p>
          <w:p w:rsidR="00156FB3" w:rsidRDefault="00156FB3" w:rsidP="00156FB3">
            <w:r>
              <w:t>}</w:t>
            </w:r>
          </w:p>
          <w:p w:rsidR="00156FB3" w:rsidRDefault="00156FB3" w:rsidP="00156FB3"/>
          <w:p w:rsidR="00156FB3" w:rsidRDefault="00156FB3" w:rsidP="00156FB3">
            <w:r>
              <w:t>.ft-globe:before {</w:t>
            </w:r>
          </w:p>
          <w:p w:rsidR="00156FB3" w:rsidRDefault="00156FB3" w:rsidP="00156FB3">
            <w:r>
              <w:t xml:space="preserve">    content: "\e960";</w:t>
            </w:r>
          </w:p>
          <w:p w:rsidR="00156FB3" w:rsidRDefault="00156FB3" w:rsidP="00156FB3">
            <w:r>
              <w:t>}</w:t>
            </w:r>
          </w:p>
          <w:p w:rsidR="00156FB3" w:rsidRDefault="00156FB3" w:rsidP="00156FB3"/>
          <w:p w:rsidR="00156FB3" w:rsidRDefault="00156FB3" w:rsidP="00156FB3">
            <w:r>
              <w:t>.ft-grid:before {</w:t>
            </w:r>
          </w:p>
          <w:p w:rsidR="00156FB3" w:rsidRDefault="00156FB3" w:rsidP="00156FB3">
            <w:r>
              <w:t xml:space="preserve">    content: "\e961";</w:t>
            </w:r>
          </w:p>
          <w:p w:rsidR="00156FB3" w:rsidRDefault="00156FB3" w:rsidP="00156FB3">
            <w:r>
              <w:t>}</w:t>
            </w:r>
          </w:p>
          <w:p w:rsidR="00156FB3" w:rsidRDefault="00156FB3" w:rsidP="00156FB3"/>
          <w:p w:rsidR="00156FB3" w:rsidRDefault="00156FB3" w:rsidP="00156FB3">
            <w:r>
              <w:t>.ft-hash:before {</w:t>
            </w:r>
          </w:p>
          <w:p w:rsidR="00156FB3" w:rsidRDefault="00156FB3" w:rsidP="00156FB3">
            <w:r>
              <w:t xml:space="preserve">    content: "\e962";</w:t>
            </w:r>
          </w:p>
          <w:p w:rsidR="00156FB3" w:rsidRDefault="00156FB3" w:rsidP="00156FB3">
            <w:r>
              <w:t>}</w:t>
            </w:r>
          </w:p>
          <w:p w:rsidR="00156FB3" w:rsidRDefault="00156FB3" w:rsidP="00156FB3"/>
          <w:p w:rsidR="00156FB3" w:rsidRDefault="00156FB3" w:rsidP="00156FB3">
            <w:r>
              <w:t>.ft-headphones:before {</w:t>
            </w:r>
          </w:p>
          <w:p w:rsidR="00156FB3" w:rsidRDefault="00156FB3" w:rsidP="00156FB3">
            <w:r>
              <w:t xml:space="preserve">    content: "\e963";</w:t>
            </w:r>
          </w:p>
          <w:p w:rsidR="00156FB3" w:rsidRDefault="00156FB3" w:rsidP="00156FB3">
            <w:r>
              <w:t>}</w:t>
            </w:r>
          </w:p>
          <w:p w:rsidR="00156FB3" w:rsidRDefault="00156FB3" w:rsidP="00156FB3"/>
          <w:p w:rsidR="00156FB3" w:rsidRDefault="00156FB3" w:rsidP="00156FB3">
            <w:r>
              <w:t>.ft-heart:before {</w:t>
            </w:r>
          </w:p>
          <w:p w:rsidR="00156FB3" w:rsidRDefault="00156FB3" w:rsidP="00156FB3">
            <w:r>
              <w:t xml:space="preserve">    content: "\e964";</w:t>
            </w:r>
          </w:p>
          <w:p w:rsidR="00156FB3" w:rsidRDefault="00156FB3" w:rsidP="00156FB3">
            <w:r>
              <w:t>}</w:t>
            </w:r>
          </w:p>
          <w:p w:rsidR="00156FB3" w:rsidRDefault="00156FB3" w:rsidP="00156FB3"/>
          <w:p w:rsidR="00156FB3" w:rsidRDefault="00156FB3" w:rsidP="00156FB3">
            <w:r>
              <w:t>.ft-home:before {</w:t>
            </w:r>
          </w:p>
          <w:p w:rsidR="00156FB3" w:rsidRDefault="00156FB3" w:rsidP="00156FB3">
            <w:r>
              <w:t xml:space="preserve">    content: "\e965";</w:t>
            </w:r>
          </w:p>
          <w:p w:rsidR="00156FB3" w:rsidRDefault="00156FB3" w:rsidP="00156FB3">
            <w:r>
              <w:t>}</w:t>
            </w:r>
          </w:p>
          <w:p w:rsidR="00156FB3" w:rsidRDefault="00156FB3" w:rsidP="00156FB3"/>
          <w:p w:rsidR="00156FB3" w:rsidRDefault="00156FB3" w:rsidP="00156FB3">
            <w:r>
              <w:t>.ft-image:before {</w:t>
            </w:r>
          </w:p>
          <w:p w:rsidR="00156FB3" w:rsidRDefault="00156FB3" w:rsidP="00156FB3">
            <w:r>
              <w:t xml:space="preserve">    content: "\e966";</w:t>
            </w:r>
          </w:p>
          <w:p w:rsidR="00156FB3" w:rsidRDefault="00156FB3" w:rsidP="00156FB3">
            <w:r>
              <w:t>}</w:t>
            </w:r>
          </w:p>
          <w:p w:rsidR="00156FB3" w:rsidRDefault="00156FB3" w:rsidP="00156FB3"/>
          <w:p w:rsidR="00156FB3" w:rsidRDefault="00156FB3" w:rsidP="00156FB3">
            <w:r>
              <w:t>.ft-inbox:before {</w:t>
            </w:r>
          </w:p>
          <w:p w:rsidR="00156FB3" w:rsidRDefault="00156FB3" w:rsidP="00156FB3">
            <w:r>
              <w:t xml:space="preserve">    content: "\e967";</w:t>
            </w:r>
          </w:p>
          <w:p w:rsidR="00156FB3" w:rsidRDefault="00156FB3" w:rsidP="00156FB3">
            <w:r>
              <w:t>}</w:t>
            </w:r>
          </w:p>
          <w:p w:rsidR="00156FB3" w:rsidRDefault="00156FB3" w:rsidP="00156FB3"/>
          <w:p w:rsidR="00156FB3" w:rsidRDefault="00156FB3" w:rsidP="00156FB3">
            <w:r>
              <w:t>.ft-info:before {</w:t>
            </w:r>
          </w:p>
          <w:p w:rsidR="00156FB3" w:rsidRDefault="00156FB3" w:rsidP="00156FB3">
            <w:r>
              <w:t xml:space="preserve">    content: "\e968";</w:t>
            </w:r>
          </w:p>
          <w:p w:rsidR="00156FB3" w:rsidRDefault="00156FB3" w:rsidP="00156FB3">
            <w:r>
              <w:t>}</w:t>
            </w:r>
          </w:p>
          <w:p w:rsidR="00156FB3" w:rsidRDefault="00156FB3" w:rsidP="00156FB3"/>
          <w:p w:rsidR="00156FB3" w:rsidRDefault="00156FB3" w:rsidP="00156FB3">
            <w:r>
              <w:t>.ft-instagram:before {</w:t>
            </w:r>
          </w:p>
          <w:p w:rsidR="00156FB3" w:rsidRDefault="00156FB3" w:rsidP="00156FB3">
            <w:r>
              <w:t xml:space="preserve">    content: "\e969";</w:t>
            </w:r>
          </w:p>
          <w:p w:rsidR="00156FB3" w:rsidRDefault="00156FB3" w:rsidP="00156FB3">
            <w:r>
              <w:t>}</w:t>
            </w:r>
          </w:p>
          <w:p w:rsidR="00156FB3" w:rsidRDefault="00156FB3" w:rsidP="00156FB3"/>
          <w:p w:rsidR="00156FB3" w:rsidRDefault="00156FB3" w:rsidP="00156FB3">
            <w:r>
              <w:t>.ft-layers:before {</w:t>
            </w:r>
          </w:p>
          <w:p w:rsidR="00156FB3" w:rsidRDefault="00156FB3" w:rsidP="00156FB3">
            <w:r>
              <w:t xml:space="preserve">    content: "\e96a";</w:t>
            </w:r>
          </w:p>
          <w:p w:rsidR="00156FB3" w:rsidRDefault="00156FB3" w:rsidP="00156FB3">
            <w:r>
              <w:t>}</w:t>
            </w:r>
          </w:p>
          <w:p w:rsidR="00156FB3" w:rsidRDefault="00156FB3" w:rsidP="00156FB3"/>
          <w:p w:rsidR="00156FB3" w:rsidRDefault="00156FB3" w:rsidP="00156FB3">
            <w:r>
              <w:t>.ft-layout:before {</w:t>
            </w:r>
          </w:p>
          <w:p w:rsidR="00156FB3" w:rsidRDefault="00156FB3" w:rsidP="00156FB3">
            <w:r>
              <w:t xml:space="preserve">    content: "\e96b";</w:t>
            </w:r>
          </w:p>
          <w:p w:rsidR="00156FB3" w:rsidRDefault="00156FB3" w:rsidP="00156FB3">
            <w:r>
              <w:t>}</w:t>
            </w:r>
          </w:p>
          <w:p w:rsidR="00156FB3" w:rsidRDefault="00156FB3" w:rsidP="00156FB3"/>
          <w:p w:rsidR="00156FB3" w:rsidRDefault="00156FB3" w:rsidP="00156FB3">
            <w:r>
              <w:t>.ft-life-buoy:before {</w:t>
            </w:r>
          </w:p>
          <w:p w:rsidR="00156FB3" w:rsidRDefault="00156FB3" w:rsidP="00156FB3">
            <w:r>
              <w:t xml:space="preserve">    content: "\e96c";</w:t>
            </w:r>
          </w:p>
          <w:p w:rsidR="00156FB3" w:rsidRDefault="00156FB3" w:rsidP="00156FB3">
            <w:r>
              <w:t>}</w:t>
            </w:r>
          </w:p>
          <w:p w:rsidR="00156FB3" w:rsidRDefault="00156FB3" w:rsidP="00156FB3"/>
          <w:p w:rsidR="00156FB3" w:rsidRDefault="00156FB3" w:rsidP="00156FB3">
            <w:r>
              <w:t>.ft-link-2:before {</w:t>
            </w:r>
          </w:p>
          <w:p w:rsidR="00156FB3" w:rsidRDefault="00156FB3" w:rsidP="00156FB3">
            <w:r>
              <w:t xml:space="preserve">    content: "\e96d";</w:t>
            </w:r>
          </w:p>
          <w:p w:rsidR="00156FB3" w:rsidRDefault="00156FB3" w:rsidP="00156FB3">
            <w:r>
              <w:t>}</w:t>
            </w:r>
          </w:p>
          <w:p w:rsidR="00156FB3" w:rsidRDefault="00156FB3" w:rsidP="00156FB3"/>
          <w:p w:rsidR="00156FB3" w:rsidRDefault="00156FB3" w:rsidP="00156FB3">
            <w:r>
              <w:t>.ft-link:before {</w:t>
            </w:r>
          </w:p>
          <w:p w:rsidR="00156FB3" w:rsidRDefault="00156FB3" w:rsidP="00156FB3">
            <w:r>
              <w:t xml:space="preserve">    content: "\e96e";</w:t>
            </w:r>
          </w:p>
          <w:p w:rsidR="00156FB3" w:rsidRDefault="00156FB3" w:rsidP="00156FB3">
            <w:r>
              <w:t>}</w:t>
            </w:r>
          </w:p>
          <w:p w:rsidR="00156FB3" w:rsidRDefault="00156FB3" w:rsidP="00156FB3"/>
          <w:p w:rsidR="00156FB3" w:rsidRDefault="00156FB3" w:rsidP="00156FB3">
            <w:r>
              <w:t>.ft-list:before {</w:t>
            </w:r>
          </w:p>
          <w:p w:rsidR="00156FB3" w:rsidRDefault="00156FB3" w:rsidP="00156FB3">
            <w:r>
              <w:t xml:space="preserve">    content: "\e96f";</w:t>
            </w:r>
          </w:p>
          <w:p w:rsidR="00156FB3" w:rsidRDefault="00156FB3" w:rsidP="00156FB3">
            <w:r>
              <w:t>}</w:t>
            </w:r>
          </w:p>
          <w:p w:rsidR="00156FB3" w:rsidRDefault="00156FB3" w:rsidP="00156FB3"/>
          <w:p w:rsidR="00156FB3" w:rsidRDefault="00156FB3" w:rsidP="00156FB3">
            <w:r>
              <w:t>.ft-loader:before {</w:t>
            </w:r>
          </w:p>
          <w:p w:rsidR="00156FB3" w:rsidRDefault="00156FB3" w:rsidP="00156FB3">
            <w:r>
              <w:t xml:space="preserve">    content: "\e970";</w:t>
            </w:r>
          </w:p>
          <w:p w:rsidR="00156FB3" w:rsidRDefault="00156FB3" w:rsidP="00156FB3">
            <w:r>
              <w:t>}</w:t>
            </w:r>
          </w:p>
          <w:p w:rsidR="00156FB3" w:rsidRDefault="00156FB3" w:rsidP="00156FB3"/>
          <w:p w:rsidR="00156FB3" w:rsidRDefault="00156FB3" w:rsidP="00156FB3">
            <w:r>
              <w:t>.ft-lock:before {</w:t>
            </w:r>
          </w:p>
          <w:p w:rsidR="00156FB3" w:rsidRDefault="00156FB3" w:rsidP="00156FB3">
            <w:r>
              <w:t xml:space="preserve">    content: "\e971";</w:t>
            </w:r>
          </w:p>
          <w:p w:rsidR="00156FB3" w:rsidRDefault="00156FB3" w:rsidP="00156FB3">
            <w:r>
              <w:t>}</w:t>
            </w:r>
          </w:p>
          <w:p w:rsidR="00156FB3" w:rsidRDefault="00156FB3" w:rsidP="00156FB3"/>
          <w:p w:rsidR="00156FB3" w:rsidRDefault="00156FB3" w:rsidP="00156FB3">
            <w:r>
              <w:t>.ft-log-in:before {</w:t>
            </w:r>
          </w:p>
          <w:p w:rsidR="00156FB3" w:rsidRDefault="00156FB3" w:rsidP="00156FB3">
            <w:r>
              <w:t xml:space="preserve">    content: "\e972";</w:t>
            </w:r>
          </w:p>
          <w:p w:rsidR="00156FB3" w:rsidRDefault="00156FB3" w:rsidP="00156FB3">
            <w:r>
              <w:t>}</w:t>
            </w:r>
          </w:p>
          <w:p w:rsidR="00156FB3" w:rsidRDefault="00156FB3" w:rsidP="00156FB3"/>
          <w:p w:rsidR="00156FB3" w:rsidRDefault="00156FB3" w:rsidP="00156FB3">
            <w:r>
              <w:t>.ft-log-out:before {</w:t>
            </w:r>
          </w:p>
          <w:p w:rsidR="00156FB3" w:rsidRDefault="00156FB3" w:rsidP="00156FB3">
            <w:r>
              <w:t xml:space="preserve">    content: "\e973";</w:t>
            </w:r>
          </w:p>
          <w:p w:rsidR="00156FB3" w:rsidRDefault="00156FB3" w:rsidP="00156FB3">
            <w:r>
              <w:t>}</w:t>
            </w:r>
          </w:p>
          <w:p w:rsidR="00156FB3" w:rsidRDefault="00156FB3" w:rsidP="00156FB3"/>
          <w:p w:rsidR="00156FB3" w:rsidRDefault="00156FB3" w:rsidP="00156FB3">
            <w:r>
              <w:t>.ft-mail:before {</w:t>
            </w:r>
          </w:p>
          <w:p w:rsidR="00156FB3" w:rsidRDefault="00156FB3" w:rsidP="00156FB3">
            <w:r>
              <w:t xml:space="preserve">    content: "\e974";</w:t>
            </w:r>
          </w:p>
          <w:p w:rsidR="00156FB3" w:rsidRDefault="00156FB3" w:rsidP="00156FB3">
            <w:r>
              <w:t>}</w:t>
            </w:r>
          </w:p>
          <w:p w:rsidR="00156FB3" w:rsidRDefault="00156FB3" w:rsidP="00156FB3"/>
          <w:p w:rsidR="00156FB3" w:rsidRDefault="00156FB3" w:rsidP="00156FB3">
            <w:r>
              <w:t>.ft-map-pin:before {</w:t>
            </w:r>
          </w:p>
          <w:p w:rsidR="00156FB3" w:rsidRDefault="00156FB3" w:rsidP="00156FB3">
            <w:r>
              <w:t xml:space="preserve">    content: "\e975";</w:t>
            </w:r>
          </w:p>
          <w:p w:rsidR="00156FB3" w:rsidRDefault="00156FB3" w:rsidP="00156FB3">
            <w:r>
              <w:t>}</w:t>
            </w:r>
          </w:p>
          <w:p w:rsidR="00156FB3" w:rsidRDefault="00156FB3" w:rsidP="00156FB3"/>
          <w:p w:rsidR="00156FB3" w:rsidRDefault="00156FB3" w:rsidP="00156FB3">
            <w:r>
              <w:t>.ft-map:before {</w:t>
            </w:r>
          </w:p>
          <w:p w:rsidR="00156FB3" w:rsidRDefault="00156FB3" w:rsidP="00156FB3">
            <w:r>
              <w:t xml:space="preserve">    content: "\e976";</w:t>
            </w:r>
          </w:p>
          <w:p w:rsidR="00156FB3" w:rsidRDefault="00156FB3" w:rsidP="00156FB3">
            <w:r>
              <w:t>}</w:t>
            </w:r>
          </w:p>
          <w:p w:rsidR="00156FB3" w:rsidRDefault="00156FB3" w:rsidP="00156FB3"/>
          <w:p w:rsidR="00156FB3" w:rsidRDefault="00156FB3" w:rsidP="00156FB3">
            <w:r>
              <w:t>.ft-maximize-2:before {</w:t>
            </w:r>
          </w:p>
          <w:p w:rsidR="00156FB3" w:rsidRDefault="00156FB3" w:rsidP="00156FB3">
            <w:r>
              <w:t xml:space="preserve">    content: "\e977";</w:t>
            </w:r>
          </w:p>
          <w:p w:rsidR="00156FB3" w:rsidRDefault="00156FB3" w:rsidP="00156FB3">
            <w:r>
              <w:t>}</w:t>
            </w:r>
          </w:p>
          <w:p w:rsidR="00156FB3" w:rsidRDefault="00156FB3" w:rsidP="00156FB3"/>
          <w:p w:rsidR="00156FB3" w:rsidRDefault="00156FB3" w:rsidP="00156FB3">
            <w:r>
              <w:t>.ft-maximize:before {</w:t>
            </w:r>
          </w:p>
          <w:p w:rsidR="00156FB3" w:rsidRDefault="00156FB3" w:rsidP="00156FB3">
            <w:r>
              <w:t xml:space="preserve">    content: "\e978";</w:t>
            </w:r>
          </w:p>
          <w:p w:rsidR="00156FB3" w:rsidRDefault="00156FB3" w:rsidP="00156FB3">
            <w:r>
              <w:t>}</w:t>
            </w:r>
          </w:p>
          <w:p w:rsidR="00156FB3" w:rsidRDefault="00156FB3" w:rsidP="00156FB3"/>
          <w:p w:rsidR="00156FB3" w:rsidRDefault="00156FB3" w:rsidP="00156FB3">
            <w:r>
              <w:t>.ft-menu:before {</w:t>
            </w:r>
          </w:p>
          <w:p w:rsidR="00156FB3" w:rsidRDefault="00156FB3" w:rsidP="00156FB3">
            <w:r>
              <w:t xml:space="preserve">    content: "\e979";</w:t>
            </w:r>
          </w:p>
          <w:p w:rsidR="00156FB3" w:rsidRDefault="00156FB3" w:rsidP="00156FB3">
            <w:r>
              <w:t>}</w:t>
            </w:r>
          </w:p>
          <w:p w:rsidR="00156FB3" w:rsidRDefault="00156FB3" w:rsidP="00156FB3"/>
          <w:p w:rsidR="00156FB3" w:rsidRDefault="00156FB3" w:rsidP="00156FB3">
            <w:r>
              <w:t>.ft-message-circle:before {</w:t>
            </w:r>
          </w:p>
          <w:p w:rsidR="00156FB3" w:rsidRDefault="00156FB3" w:rsidP="00156FB3">
            <w:r>
              <w:t xml:space="preserve">    content: "\e97a";</w:t>
            </w:r>
          </w:p>
          <w:p w:rsidR="00156FB3" w:rsidRDefault="00156FB3" w:rsidP="00156FB3">
            <w:r>
              <w:t>}</w:t>
            </w:r>
          </w:p>
          <w:p w:rsidR="00156FB3" w:rsidRDefault="00156FB3" w:rsidP="00156FB3"/>
          <w:p w:rsidR="00156FB3" w:rsidRDefault="00156FB3" w:rsidP="00156FB3">
            <w:r>
              <w:t>.ft-message-square:before {</w:t>
            </w:r>
          </w:p>
          <w:p w:rsidR="00156FB3" w:rsidRDefault="00156FB3" w:rsidP="00156FB3">
            <w:r>
              <w:t xml:space="preserve">    content: "\e97b";</w:t>
            </w:r>
          </w:p>
          <w:p w:rsidR="00156FB3" w:rsidRDefault="00156FB3" w:rsidP="00156FB3">
            <w:r>
              <w:t>}</w:t>
            </w:r>
          </w:p>
          <w:p w:rsidR="00156FB3" w:rsidRDefault="00156FB3" w:rsidP="00156FB3"/>
          <w:p w:rsidR="00156FB3" w:rsidRDefault="00156FB3" w:rsidP="00156FB3">
            <w:r>
              <w:t>.ft-mic-off:before {</w:t>
            </w:r>
          </w:p>
          <w:p w:rsidR="00156FB3" w:rsidRDefault="00156FB3" w:rsidP="00156FB3">
            <w:r>
              <w:t xml:space="preserve">    content: "\e97c";</w:t>
            </w:r>
          </w:p>
          <w:p w:rsidR="00156FB3" w:rsidRDefault="00156FB3" w:rsidP="00156FB3">
            <w:r>
              <w:t>}</w:t>
            </w:r>
          </w:p>
          <w:p w:rsidR="00156FB3" w:rsidRDefault="00156FB3" w:rsidP="00156FB3"/>
          <w:p w:rsidR="00156FB3" w:rsidRDefault="00156FB3" w:rsidP="00156FB3">
            <w:r>
              <w:t>.ft-mic:before {</w:t>
            </w:r>
          </w:p>
          <w:p w:rsidR="00156FB3" w:rsidRDefault="00156FB3" w:rsidP="00156FB3">
            <w:r>
              <w:t xml:space="preserve">    content: "\e97d";</w:t>
            </w:r>
          </w:p>
          <w:p w:rsidR="00156FB3" w:rsidRDefault="00156FB3" w:rsidP="00156FB3">
            <w:r>
              <w:t>}</w:t>
            </w:r>
          </w:p>
          <w:p w:rsidR="00156FB3" w:rsidRDefault="00156FB3" w:rsidP="00156FB3"/>
          <w:p w:rsidR="00156FB3" w:rsidRDefault="00156FB3" w:rsidP="00156FB3">
            <w:r>
              <w:t>.ft-minimize-2:before {</w:t>
            </w:r>
          </w:p>
          <w:p w:rsidR="00156FB3" w:rsidRDefault="00156FB3" w:rsidP="00156FB3">
            <w:r>
              <w:t xml:space="preserve">    content: "\e97e";</w:t>
            </w:r>
          </w:p>
          <w:p w:rsidR="00156FB3" w:rsidRDefault="00156FB3" w:rsidP="00156FB3">
            <w:r>
              <w:t>}</w:t>
            </w:r>
          </w:p>
          <w:p w:rsidR="00156FB3" w:rsidRDefault="00156FB3" w:rsidP="00156FB3"/>
          <w:p w:rsidR="00156FB3" w:rsidRDefault="00156FB3" w:rsidP="00156FB3">
            <w:r>
              <w:t>.ft-minimize:before {</w:t>
            </w:r>
          </w:p>
          <w:p w:rsidR="00156FB3" w:rsidRDefault="00156FB3" w:rsidP="00156FB3">
            <w:r>
              <w:t xml:space="preserve">    content: "\e97f";</w:t>
            </w:r>
          </w:p>
          <w:p w:rsidR="00156FB3" w:rsidRDefault="00156FB3" w:rsidP="00156FB3">
            <w:r>
              <w:t>}</w:t>
            </w:r>
          </w:p>
          <w:p w:rsidR="00156FB3" w:rsidRDefault="00156FB3" w:rsidP="00156FB3"/>
          <w:p w:rsidR="00156FB3" w:rsidRDefault="00156FB3" w:rsidP="00156FB3">
            <w:r>
              <w:t>.ft-minus-circle:before {</w:t>
            </w:r>
          </w:p>
          <w:p w:rsidR="00156FB3" w:rsidRDefault="00156FB3" w:rsidP="00156FB3">
            <w:r>
              <w:t xml:space="preserve">    content: "\e980";</w:t>
            </w:r>
          </w:p>
          <w:p w:rsidR="00156FB3" w:rsidRDefault="00156FB3" w:rsidP="00156FB3">
            <w:r>
              <w:t>}</w:t>
            </w:r>
          </w:p>
          <w:p w:rsidR="00156FB3" w:rsidRDefault="00156FB3" w:rsidP="00156FB3"/>
          <w:p w:rsidR="00156FB3" w:rsidRDefault="00156FB3" w:rsidP="00156FB3">
            <w:r>
              <w:t>.ft-minus-square:before {</w:t>
            </w:r>
          </w:p>
          <w:p w:rsidR="00156FB3" w:rsidRDefault="00156FB3" w:rsidP="00156FB3">
            <w:r>
              <w:t xml:space="preserve">    content: "\e981";</w:t>
            </w:r>
          </w:p>
          <w:p w:rsidR="00156FB3" w:rsidRDefault="00156FB3" w:rsidP="00156FB3">
            <w:r>
              <w:t>}</w:t>
            </w:r>
          </w:p>
          <w:p w:rsidR="00156FB3" w:rsidRDefault="00156FB3" w:rsidP="00156FB3"/>
          <w:p w:rsidR="00156FB3" w:rsidRDefault="00156FB3" w:rsidP="00156FB3">
            <w:r>
              <w:t>.ft-minus:before {</w:t>
            </w:r>
          </w:p>
          <w:p w:rsidR="00156FB3" w:rsidRDefault="00156FB3" w:rsidP="00156FB3">
            <w:r>
              <w:t xml:space="preserve">    content: "\e982";</w:t>
            </w:r>
          </w:p>
          <w:p w:rsidR="00156FB3" w:rsidRDefault="00156FB3" w:rsidP="00156FB3">
            <w:r>
              <w:t>}</w:t>
            </w:r>
          </w:p>
          <w:p w:rsidR="00156FB3" w:rsidRDefault="00156FB3" w:rsidP="00156FB3"/>
          <w:p w:rsidR="00156FB3" w:rsidRDefault="00156FB3" w:rsidP="00156FB3">
            <w:r>
              <w:t>.ft-monitor:before {</w:t>
            </w:r>
          </w:p>
          <w:p w:rsidR="00156FB3" w:rsidRDefault="00156FB3" w:rsidP="00156FB3">
            <w:r>
              <w:t xml:space="preserve">    content: "\e983";</w:t>
            </w:r>
          </w:p>
          <w:p w:rsidR="00156FB3" w:rsidRDefault="00156FB3" w:rsidP="00156FB3">
            <w:r>
              <w:t>}</w:t>
            </w:r>
          </w:p>
          <w:p w:rsidR="00156FB3" w:rsidRDefault="00156FB3" w:rsidP="00156FB3"/>
          <w:p w:rsidR="00156FB3" w:rsidRDefault="00156FB3" w:rsidP="00156FB3">
            <w:r>
              <w:t>.ft-moon:before {</w:t>
            </w:r>
          </w:p>
          <w:p w:rsidR="00156FB3" w:rsidRDefault="00156FB3" w:rsidP="00156FB3">
            <w:r>
              <w:t xml:space="preserve">    content: "\e984";</w:t>
            </w:r>
          </w:p>
          <w:p w:rsidR="00156FB3" w:rsidRDefault="00156FB3" w:rsidP="00156FB3">
            <w:r>
              <w:t>}</w:t>
            </w:r>
          </w:p>
          <w:p w:rsidR="00156FB3" w:rsidRDefault="00156FB3" w:rsidP="00156FB3"/>
          <w:p w:rsidR="00156FB3" w:rsidRDefault="00156FB3" w:rsidP="00156FB3">
            <w:r>
              <w:t>.ft-more-horizontal:before {</w:t>
            </w:r>
          </w:p>
          <w:p w:rsidR="00156FB3" w:rsidRDefault="00156FB3" w:rsidP="00156FB3">
            <w:r>
              <w:t xml:space="preserve">    content: "\e985";</w:t>
            </w:r>
          </w:p>
          <w:p w:rsidR="00156FB3" w:rsidRDefault="00156FB3" w:rsidP="00156FB3">
            <w:r>
              <w:t>}</w:t>
            </w:r>
          </w:p>
          <w:p w:rsidR="00156FB3" w:rsidRDefault="00156FB3" w:rsidP="00156FB3"/>
          <w:p w:rsidR="00156FB3" w:rsidRDefault="00156FB3" w:rsidP="00156FB3">
            <w:r>
              <w:t>.ft-more-vertical:before {</w:t>
            </w:r>
          </w:p>
          <w:p w:rsidR="00156FB3" w:rsidRDefault="00156FB3" w:rsidP="00156FB3">
            <w:r>
              <w:t xml:space="preserve">    content: "\e986";</w:t>
            </w:r>
          </w:p>
          <w:p w:rsidR="00156FB3" w:rsidRDefault="00156FB3" w:rsidP="00156FB3">
            <w:r>
              <w:t>}</w:t>
            </w:r>
          </w:p>
          <w:p w:rsidR="00156FB3" w:rsidRDefault="00156FB3" w:rsidP="00156FB3"/>
          <w:p w:rsidR="00156FB3" w:rsidRDefault="00156FB3" w:rsidP="00156FB3">
            <w:r>
              <w:t>.ft-move:before {</w:t>
            </w:r>
          </w:p>
          <w:p w:rsidR="00156FB3" w:rsidRDefault="00156FB3" w:rsidP="00156FB3">
            <w:r>
              <w:t xml:space="preserve">    content: "\e987";</w:t>
            </w:r>
          </w:p>
          <w:p w:rsidR="00156FB3" w:rsidRDefault="00156FB3" w:rsidP="00156FB3">
            <w:r>
              <w:t>}</w:t>
            </w:r>
          </w:p>
          <w:p w:rsidR="00156FB3" w:rsidRDefault="00156FB3" w:rsidP="00156FB3"/>
          <w:p w:rsidR="00156FB3" w:rsidRDefault="00156FB3" w:rsidP="00156FB3">
            <w:r>
              <w:t>.ft-music:before {</w:t>
            </w:r>
          </w:p>
          <w:p w:rsidR="00156FB3" w:rsidRDefault="00156FB3" w:rsidP="00156FB3">
            <w:r>
              <w:t xml:space="preserve">    content: "\e988";</w:t>
            </w:r>
          </w:p>
          <w:p w:rsidR="00156FB3" w:rsidRDefault="00156FB3" w:rsidP="00156FB3">
            <w:r>
              <w:t>}</w:t>
            </w:r>
          </w:p>
          <w:p w:rsidR="00156FB3" w:rsidRDefault="00156FB3" w:rsidP="00156FB3"/>
          <w:p w:rsidR="00156FB3" w:rsidRDefault="00156FB3" w:rsidP="00156FB3">
            <w:r>
              <w:t>.ft-navigation-2:before {</w:t>
            </w:r>
          </w:p>
          <w:p w:rsidR="00156FB3" w:rsidRDefault="00156FB3" w:rsidP="00156FB3">
            <w:r>
              <w:t xml:space="preserve">    content: "\e989";</w:t>
            </w:r>
          </w:p>
          <w:p w:rsidR="00156FB3" w:rsidRDefault="00156FB3" w:rsidP="00156FB3">
            <w:r>
              <w:t>}</w:t>
            </w:r>
          </w:p>
          <w:p w:rsidR="00156FB3" w:rsidRDefault="00156FB3" w:rsidP="00156FB3"/>
          <w:p w:rsidR="00156FB3" w:rsidRDefault="00156FB3" w:rsidP="00156FB3">
            <w:r>
              <w:t>.ft-navigation:before {</w:t>
            </w:r>
          </w:p>
          <w:p w:rsidR="00156FB3" w:rsidRDefault="00156FB3" w:rsidP="00156FB3">
            <w:r>
              <w:t xml:space="preserve">    content: "\e98a";</w:t>
            </w:r>
          </w:p>
          <w:p w:rsidR="00156FB3" w:rsidRDefault="00156FB3" w:rsidP="00156FB3">
            <w:r>
              <w:t>}</w:t>
            </w:r>
          </w:p>
          <w:p w:rsidR="00156FB3" w:rsidRDefault="00156FB3" w:rsidP="00156FB3"/>
          <w:p w:rsidR="00156FB3" w:rsidRDefault="00156FB3" w:rsidP="00156FB3">
            <w:r>
              <w:t>.ft-octagon:before {</w:t>
            </w:r>
          </w:p>
          <w:p w:rsidR="00156FB3" w:rsidRDefault="00156FB3" w:rsidP="00156FB3">
            <w:r>
              <w:t xml:space="preserve">    content: "\e98b";</w:t>
            </w:r>
          </w:p>
          <w:p w:rsidR="00156FB3" w:rsidRDefault="00156FB3" w:rsidP="00156FB3">
            <w:r>
              <w:t>}</w:t>
            </w:r>
          </w:p>
          <w:p w:rsidR="00156FB3" w:rsidRDefault="00156FB3" w:rsidP="00156FB3"/>
          <w:p w:rsidR="00156FB3" w:rsidRDefault="00156FB3" w:rsidP="00156FB3">
            <w:r>
              <w:t>.ft-package:before {</w:t>
            </w:r>
          </w:p>
          <w:p w:rsidR="00156FB3" w:rsidRDefault="00156FB3" w:rsidP="00156FB3">
            <w:r>
              <w:t xml:space="preserve">    content: "\e98c";</w:t>
            </w:r>
          </w:p>
          <w:p w:rsidR="00156FB3" w:rsidRDefault="00156FB3" w:rsidP="00156FB3">
            <w:r>
              <w:t>}</w:t>
            </w:r>
          </w:p>
          <w:p w:rsidR="00156FB3" w:rsidRDefault="00156FB3" w:rsidP="00156FB3"/>
          <w:p w:rsidR="00156FB3" w:rsidRDefault="00156FB3" w:rsidP="00156FB3">
            <w:r>
              <w:t>.ft-paperclip:before {</w:t>
            </w:r>
          </w:p>
          <w:p w:rsidR="00156FB3" w:rsidRDefault="00156FB3" w:rsidP="00156FB3">
            <w:r>
              <w:t xml:space="preserve">    content: "\e98d";</w:t>
            </w:r>
          </w:p>
          <w:p w:rsidR="00156FB3" w:rsidRDefault="00156FB3" w:rsidP="00156FB3">
            <w:r>
              <w:t>}</w:t>
            </w:r>
          </w:p>
          <w:p w:rsidR="00156FB3" w:rsidRDefault="00156FB3" w:rsidP="00156FB3"/>
          <w:p w:rsidR="00156FB3" w:rsidRDefault="00156FB3" w:rsidP="00156FB3">
            <w:r>
              <w:t>.ft-pause-circle:before {</w:t>
            </w:r>
          </w:p>
          <w:p w:rsidR="00156FB3" w:rsidRDefault="00156FB3" w:rsidP="00156FB3">
            <w:r>
              <w:t xml:space="preserve">    content: "\e98e";</w:t>
            </w:r>
          </w:p>
          <w:p w:rsidR="00156FB3" w:rsidRDefault="00156FB3" w:rsidP="00156FB3">
            <w:r>
              <w:t>}</w:t>
            </w:r>
          </w:p>
          <w:p w:rsidR="00156FB3" w:rsidRDefault="00156FB3" w:rsidP="00156FB3"/>
          <w:p w:rsidR="00156FB3" w:rsidRDefault="00156FB3" w:rsidP="00156FB3">
            <w:r>
              <w:t>.ft-pause:before {</w:t>
            </w:r>
          </w:p>
          <w:p w:rsidR="00156FB3" w:rsidRDefault="00156FB3" w:rsidP="00156FB3">
            <w:r>
              <w:t xml:space="preserve">    content: "\e98f";</w:t>
            </w:r>
          </w:p>
          <w:p w:rsidR="00156FB3" w:rsidRDefault="00156FB3" w:rsidP="00156FB3">
            <w:r>
              <w:t>}</w:t>
            </w:r>
          </w:p>
          <w:p w:rsidR="00156FB3" w:rsidRDefault="00156FB3" w:rsidP="00156FB3"/>
          <w:p w:rsidR="00156FB3" w:rsidRDefault="00156FB3" w:rsidP="00156FB3">
            <w:r>
              <w:t>.ft-percent:before {</w:t>
            </w:r>
          </w:p>
          <w:p w:rsidR="00156FB3" w:rsidRDefault="00156FB3" w:rsidP="00156FB3">
            <w:r>
              <w:t xml:space="preserve">    content: "\e990";</w:t>
            </w:r>
          </w:p>
          <w:p w:rsidR="00156FB3" w:rsidRDefault="00156FB3" w:rsidP="00156FB3">
            <w:r>
              <w:t>}</w:t>
            </w:r>
          </w:p>
          <w:p w:rsidR="00156FB3" w:rsidRDefault="00156FB3" w:rsidP="00156FB3"/>
          <w:p w:rsidR="00156FB3" w:rsidRDefault="00156FB3" w:rsidP="00156FB3">
            <w:r>
              <w:t>.ft-phone-call:before {</w:t>
            </w:r>
          </w:p>
          <w:p w:rsidR="00156FB3" w:rsidRDefault="00156FB3" w:rsidP="00156FB3">
            <w:r>
              <w:t xml:space="preserve">    content: "\e991";</w:t>
            </w:r>
          </w:p>
          <w:p w:rsidR="00156FB3" w:rsidRDefault="00156FB3" w:rsidP="00156FB3">
            <w:r>
              <w:t>}</w:t>
            </w:r>
          </w:p>
          <w:p w:rsidR="00156FB3" w:rsidRDefault="00156FB3" w:rsidP="00156FB3"/>
          <w:p w:rsidR="00156FB3" w:rsidRDefault="00156FB3" w:rsidP="00156FB3">
            <w:r>
              <w:t>.ft-phone-forwarded:before {</w:t>
            </w:r>
          </w:p>
          <w:p w:rsidR="00156FB3" w:rsidRDefault="00156FB3" w:rsidP="00156FB3">
            <w:r>
              <w:t xml:space="preserve">    content: "\e992";</w:t>
            </w:r>
          </w:p>
          <w:p w:rsidR="00156FB3" w:rsidRDefault="00156FB3" w:rsidP="00156FB3">
            <w:r>
              <w:t>}</w:t>
            </w:r>
          </w:p>
          <w:p w:rsidR="00156FB3" w:rsidRDefault="00156FB3" w:rsidP="00156FB3"/>
          <w:p w:rsidR="00156FB3" w:rsidRDefault="00156FB3" w:rsidP="00156FB3">
            <w:r>
              <w:t>.ft-phone-incoming:before {</w:t>
            </w:r>
          </w:p>
          <w:p w:rsidR="00156FB3" w:rsidRDefault="00156FB3" w:rsidP="00156FB3">
            <w:r>
              <w:t xml:space="preserve">    content: "\e993";</w:t>
            </w:r>
          </w:p>
          <w:p w:rsidR="00156FB3" w:rsidRDefault="00156FB3" w:rsidP="00156FB3">
            <w:r>
              <w:t>}</w:t>
            </w:r>
          </w:p>
          <w:p w:rsidR="00156FB3" w:rsidRDefault="00156FB3" w:rsidP="00156FB3"/>
          <w:p w:rsidR="00156FB3" w:rsidRDefault="00156FB3" w:rsidP="00156FB3">
            <w:r>
              <w:t>.ft-phone-missed:before {</w:t>
            </w:r>
          </w:p>
          <w:p w:rsidR="00156FB3" w:rsidRDefault="00156FB3" w:rsidP="00156FB3">
            <w:r>
              <w:t xml:space="preserve">    content: "\e994";</w:t>
            </w:r>
          </w:p>
          <w:p w:rsidR="00156FB3" w:rsidRDefault="00156FB3" w:rsidP="00156FB3">
            <w:r>
              <w:t>}</w:t>
            </w:r>
          </w:p>
          <w:p w:rsidR="00156FB3" w:rsidRDefault="00156FB3" w:rsidP="00156FB3"/>
          <w:p w:rsidR="00156FB3" w:rsidRDefault="00156FB3" w:rsidP="00156FB3">
            <w:r>
              <w:t>.ft-phone-off:before {</w:t>
            </w:r>
          </w:p>
          <w:p w:rsidR="00156FB3" w:rsidRDefault="00156FB3" w:rsidP="00156FB3">
            <w:r>
              <w:t xml:space="preserve">    content: "\e995";</w:t>
            </w:r>
          </w:p>
          <w:p w:rsidR="00156FB3" w:rsidRDefault="00156FB3" w:rsidP="00156FB3">
            <w:r>
              <w:t>}</w:t>
            </w:r>
          </w:p>
          <w:p w:rsidR="00156FB3" w:rsidRDefault="00156FB3" w:rsidP="00156FB3"/>
          <w:p w:rsidR="00156FB3" w:rsidRDefault="00156FB3" w:rsidP="00156FB3">
            <w:r>
              <w:t>.ft-phone-outgoing:before {</w:t>
            </w:r>
          </w:p>
          <w:p w:rsidR="00156FB3" w:rsidRDefault="00156FB3" w:rsidP="00156FB3">
            <w:r>
              <w:t xml:space="preserve">    content: "\e996";</w:t>
            </w:r>
          </w:p>
          <w:p w:rsidR="00156FB3" w:rsidRDefault="00156FB3" w:rsidP="00156FB3">
            <w:r>
              <w:t>}</w:t>
            </w:r>
          </w:p>
          <w:p w:rsidR="00156FB3" w:rsidRDefault="00156FB3" w:rsidP="00156FB3"/>
          <w:p w:rsidR="00156FB3" w:rsidRDefault="00156FB3" w:rsidP="00156FB3">
            <w:r>
              <w:t>.ft-phone:before {</w:t>
            </w:r>
          </w:p>
          <w:p w:rsidR="00156FB3" w:rsidRDefault="00156FB3" w:rsidP="00156FB3">
            <w:r>
              <w:t xml:space="preserve">    content: "\e997";</w:t>
            </w:r>
          </w:p>
          <w:p w:rsidR="00156FB3" w:rsidRDefault="00156FB3" w:rsidP="00156FB3">
            <w:r>
              <w:t>}</w:t>
            </w:r>
          </w:p>
          <w:p w:rsidR="00156FB3" w:rsidRDefault="00156FB3" w:rsidP="00156FB3"/>
          <w:p w:rsidR="00156FB3" w:rsidRDefault="00156FB3" w:rsidP="00156FB3">
            <w:r>
              <w:t>.ft-pie-chart:before {</w:t>
            </w:r>
          </w:p>
          <w:p w:rsidR="00156FB3" w:rsidRDefault="00156FB3" w:rsidP="00156FB3">
            <w:r>
              <w:t xml:space="preserve">    content: "\e998";</w:t>
            </w:r>
          </w:p>
          <w:p w:rsidR="00156FB3" w:rsidRDefault="00156FB3" w:rsidP="00156FB3">
            <w:r>
              <w:t>}</w:t>
            </w:r>
          </w:p>
          <w:p w:rsidR="00156FB3" w:rsidRDefault="00156FB3" w:rsidP="00156FB3"/>
          <w:p w:rsidR="00156FB3" w:rsidRDefault="00156FB3" w:rsidP="00156FB3">
            <w:r>
              <w:t>.ft-play-circle:before {</w:t>
            </w:r>
          </w:p>
          <w:p w:rsidR="00156FB3" w:rsidRDefault="00156FB3" w:rsidP="00156FB3">
            <w:r>
              <w:t xml:space="preserve">    content: "\e999";</w:t>
            </w:r>
          </w:p>
          <w:p w:rsidR="00156FB3" w:rsidRDefault="00156FB3" w:rsidP="00156FB3">
            <w:r>
              <w:t>}</w:t>
            </w:r>
          </w:p>
          <w:p w:rsidR="00156FB3" w:rsidRDefault="00156FB3" w:rsidP="00156FB3"/>
          <w:p w:rsidR="00156FB3" w:rsidRDefault="00156FB3" w:rsidP="00156FB3">
            <w:r>
              <w:t>.ft-play:before {</w:t>
            </w:r>
          </w:p>
          <w:p w:rsidR="00156FB3" w:rsidRDefault="00156FB3" w:rsidP="00156FB3">
            <w:r>
              <w:t xml:space="preserve">    content: "\e99a";</w:t>
            </w:r>
          </w:p>
          <w:p w:rsidR="00156FB3" w:rsidRDefault="00156FB3" w:rsidP="00156FB3">
            <w:r>
              <w:t>}</w:t>
            </w:r>
          </w:p>
          <w:p w:rsidR="00156FB3" w:rsidRDefault="00156FB3" w:rsidP="00156FB3"/>
          <w:p w:rsidR="00156FB3" w:rsidRDefault="00156FB3" w:rsidP="00156FB3">
            <w:r>
              <w:t>.ft-plus-circle:before {</w:t>
            </w:r>
          </w:p>
          <w:p w:rsidR="00156FB3" w:rsidRDefault="00156FB3" w:rsidP="00156FB3">
            <w:r>
              <w:t xml:space="preserve">    content: "\e99b";</w:t>
            </w:r>
          </w:p>
          <w:p w:rsidR="00156FB3" w:rsidRDefault="00156FB3" w:rsidP="00156FB3">
            <w:r>
              <w:t>}</w:t>
            </w:r>
          </w:p>
          <w:p w:rsidR="00156FB3" w:rsidRDefault="00156FB3" w:rsidP="00156FB3"/>
          <w:p w:rsidR="00156FB3" w:rsidRDefault="00156FB3" w:rsidP="00156FB3">
            <w:r>
              <w:t>.ft-plus-square:before {</w:t>
            </w:r>
          </w:p>
          <w:p w:rsidR="00156FB3" w:rsidRDefault="00156FB3" w:rsidP="00156FB3">
            <w:r>
              <w:t xml:space="preserve">    content: "\e99c";</w:t>
            </w:r>
          </w:p>
          <w:p w:rsidR="00156FB3" w:rsidRDefault="00156FB3" w:rsidP="00156FB3">
            <w:r>
              <w:t>}</w:t>
            </w:r>
          </w:p>
          <w:p w:rsidR="00156FB3" w:rsidRDefault="00156FB3" w:rsidP="00156FB3"/>
          <w:p w:rsidR="00156FB3" w:rsidRDefault="00156FB3" w:rsidP="00156FB3">
            <w:r>
              <w:t>.ft-plus:before {</w:t>
            </w:r>
          </w:p>
          <w:p w:rsidR="00156FB3" w:rsidRDefault="00156FB3" w:rsidP="00156FB3">
            <w:r>
              <w:t xml:space="preserve">    content: "\e99d";</w:t>
            </w:r>
          </w:p>
          <w:p w:rsidR="00156FB3" w:rsidRDefault="00156FB3" w:rsidP="00156FB3">
            <w:r>
              <w:t>}</w:t>
            </w:r>
          </w:p>
          <w:p w:rsidR="00156FB3" w:rsidRDefault="00156FB3" w:rsidP="00156FB3"/>
          <w:p w:rsidR="00156FB3" w:rsidRDefault="00156FB3" w:rsidP="00156FB3">
            <w:r>
              <w:t>.ft-pocket:before {</w:t>
            </w:r>
          </w:p>
          <w:p w:rsidR="00156FB3" w:rsidRDefault="00156FB3" w:rsidP="00156FB3">
            <w:r>
              <w:t xml:space="preserve">    content: "\e99e";</w:t>
            </w:r>
          </w:p>
          <w:p w:rsidR="00156FB3" w:rsidRDefault="00156FB3" w:rsidP="00156FB3">
            <w:r>
              <w:t>}</w:t>
            </w:r>
          </w:p>
          <w:p w:rsidR="00156FB3" w:rsidRDefault="00156FB3" w:rsidP="00156FB3"/>
          <w:p w:rsidR="00156FB3" w:rsidRDefault="00156FB3" w:rsidP="00156FB3">
            <w:r>
              <w:t>.ft-power:before {</w:t>
            </w:r>
          </w:p>
          <w:p w:rsidR="00156FB3" w:rsidRDefault="00156FB3" w:rsidP="00156FB3">
            <w:r>
              <w:t xml:space="preserve">    content: "\e99f";</w:t>
            </w:r>
          </w:p>
          <w:p w:rsidR="00156FB3" w:rsidRDefault="00156FB3" w:rsidP="00156FB3">
            <w:r>
              <w:t>}</w:t>
            </w:r>
          </w:p>
          <w:p w:rsidR="00156FB3" w:rsidRDefault="00156FB3" w:rsidP="00156FB3"/>
          <w:p w:rsidR="00156FB3" w:rsidRDefault="00156FB3" w:rsidP="00156FB3">
            <w:r>
              <w:t>.ft-printer:before {</w:t>
            </w:r>
          </w:p>
          <w:p w:rsidR="00156FB3" w:rsidRDefault="00156FB3" w:rsidP="00156FB3">
            <w:r>
              <w:t xml:space="preserve">    content: "\e9a0";</w:t>
            </w:r>
          </w:p>
          <w:p w:rsidR="00156FB3" w:rsidRDefault="00156FB3" w:rsidP="00156FB3">
            <w:r>
              <w:t>}</w:t>
            </w:r>
          </w:p>
          <w:p w:rsidR="00156FB3" w:rsidRDefault="00156FB3" w:rsidP="00156FB3"/>
          <w:p w:rsidR="00156FB3" w:rsidRDefault="00156FB3" w:rsidP="00156FB3">
            <w:r>
              <w:t>.ft-radio:before {</w:t>
            </w:r>
          </w:p>
          <w:p w:rsidR="00156FB3" w:rsidRDefault="00156FB3" w:rsidP="00156FB3">
            <w:r>
              <w:t xml:space="preserve">    content: "\e9a1";</w:t>
            </w:r>
          </w:p>
          <w:p w:rsidR="00156FB3" w:rsidRDefault="00156FB3" w:rsidP="00156FB3">
            <w:r>
              <w:t>}</w:t>
            </w:r>
          </w:p>
          <w:p w:rsidR="00156FB3" w:rsidRDefault="00156FB3" w:rsidP="00156FB3"/>
          <w:p w:rsidR="00156FB3" w:rsidRDefault="00156FB3" w:rsidP="00156FB3">
            <w:r>
              <w:t>.ft-refresh-ccw:before {</w:t>
            </w:r>
          </w:p>
          <w:p w:rsidR="00156FB3" w:rsidRDefault="00156FB3" w:rsidP="00156FB3">
            <w:r>
              <w:t xml:space="preserve">    content: "\e9a2";</w:t>
            </w:r>
          </w:p>
          <w:p w:rsidR="00156FB3" w:rsidRDefault="00156FB3" w:rsidP="00156FB3">
            <w:r>
              <w:t>}</w:t>
            </w:r>
          </w:p>
          <w:p w:rsidR="00156FB3" w:rsidRDefault="00156FB3" w:rsidP="00156FB3"/>
          <w:p w:rsidR="00156FB3" w:rsidRDefault="00156FB3" w:rsidP="00156FB3">
            <w:r>
              <w:t>.ft-refresh-cw:before {</w:t>
            </w:r>
          </w:p>
          <w:p w:rsidR="00156FB3" w:rsidRDefault="00156FB3" w:rsidP="00156FB3">
            <w:r>
              <w:t xml:space="preserve">    content: "\e9a3";</w:t>
            </w:r>
          </w:p>
          <w:p w:rsidR="00156FB3" w:rsidRDefault="00156FB3" w:rsidP="00156FB3">
            <w:r>
              <w:t>}</w:t>
            </w:r>
          </w:p>
          <w:p w:rsidR="00156FB3" w:rsidRDefault="00156FB3" w:rsidP="00156FB3"/>
          <w:p w:rsidR="00156FB3" w:rsidRDefault="00156FB3" w:rsidP="00156FB3">
            <w:r>
              <w:t>.ft-repeat:before {</w:t>
            </w:r>
          </w:p>
          <w:p w:rsidR="00156FB3" w:rsidRDefault="00156FB3" w:rsidP="00156FB3">
            <w:r>
              <w:t xml:space="preserve">    content: "\e9a4";</w:t>
            </w:r>
          </w:p>
          <w:p w:rsidR="00156FB3" w:rsidRDefault="00156FB3" w:rsidP="00156FB3">
            <w:r>
              <w:t>}</w:t>
            </w:r>
          </w:p>
          <w:p w:rsidR="00156FB3" w:rsidRDefault="00156FB3" w:rsidP="00156FB3"/>
          <w:p w:rsidR="00156FB3" w:rsidRDefault="00156FB3" w:rsidP="00156FB3">
            <w:r>
              <w:t>.ft-rewind:before {</w:t>
            </w:r>
          </w:p>
          <w:p w:rsidR="00156FB3" w:rsidRDefault="00156FB3" w:rsidP="00156FB3">
            <w:r>
              <w:t xml:space="preserve">    content: "\e9a5";</w:t>
            </w:r>
          </w:p>
          <w:p w:rsidR="00156FB3" w:rsidRDefault="00156FB3" w:rsidP="00156FB3">
            <w:r>
              <w:t>}</w:t>
            </w:r>
          </w:p>
          <w:p w:rsidR="00156FB3" w:rsidRDefault="00156FB3" w:rsidP="00156FB3"/>
          <w:p w:rsidR="00156FB3" w:rsidRDefault="00156FB3" w:rsidP="00156FB3">
            <w:r>
              <w:t>.ft-rotate-ccw:before {</w:t>
            </w:r>
          </w:p>
          <w:p w:rsidR="00156FB3" w:rsidRDefault="00156FB3" w:rsidP="00156FB3">
            <w:r>
              <w:t xml:space="preserve">    content: "\e9a6";</w:t>
            </w:r>
          </w:p>
          <w:p w:rsidR="00156FB3" w:rsidRDefault="00156FB3" w:rsidP="00156FB3">
            <w:r>
              <w:t>}</w:t>
            </w:r>
          </w:p>
          <w:p w:rsidR="00156FB3" w:rsidRDefault="00156FB3" w:rsidP="00156FB3"/>
          <w:p w:rsidR="00156FB3" w:rsidRDefault="00156FB3" w:rsidP="00156FB3">
            <w:r>
              <w:t>.ft-rotate-cw:before {</w:t>
            </w:r>
          </w:p>
          <w:p w:rsidR="00156FB3" w:rsidRDefault="00156FB3" w:rsidP="00156FB3">
            <w:r>
              <w:t xml:space="preserve">    content: "\e9a7";</w:t>
            </w:r>
          </w:p>
          <w:p w:rsidR="00156FB3" w:rsidRDefault="00156FB3" w:rsidP="00156FB3">
            <w:r>
              <w:t>}</w:t>
            </w:r>
          </w:p>
          <w:p w:rsidR="00156FB3" w:rsidRDefault="00156FB3" w:rsidP="00156FB3"/>
          <w:p w:rsidR="00156FB3" w:rsidRDefault="00156FB3" w:rsidP="00156FB3">
            <w:r>
              <w:t>.ft-save:before {</w:t>
            </w:r>
          </w:p>
          <w:p w:rsidR="00156FB3" w:rsidRDefault="00156FB3" w:rsidP="00156FB3">
            <w:r>
              <w:t xml:space="preserve">    content: "\e9a8";</w:t>
            </w:r>
          </w:p>
          <w:p w:rsidR="00156FB3" w:rsidRDefault="00156FB3" w:rsidP="00156FB3">
            <w:r>
              <w:t>}</w:t>
            </w:r>
          </w:p>
          <w:p w:rsidR="00156FB3" w:rsidRDefault="00156FB3" w:rsidP="00156FB3"/>
          <w:p w:rsidR="00156FB3" w:rsidRDefault="00156FB3" w:rsidP="00156FB3">
            <w:r>
              <w:t>.ft-scissors:before {</w:t>
            </w:r>
          </w:p>
          <w:p w:rsidR="00156FB3" w:rsidRDefault="00156FB3" w:rsidP="00156FB3">
            <w:r>
              <w:t xml:space="preserve">    content: "\e9a9";</w:t>
            </w:r>
          </w:p>
          <w:p w:rsidR="00156FB3" w:rsidRDefault="00156FB3" w:rsidP="00156FB3">
            <w:r>
              <w:t>}</w:t>
            </w:r>
          </w:p>
          <w:p w:rsidR="00156FB3" w:rsidRDefault="00156FB3" w:rsidP="00156FB3"/>
          <w:p w:rsidR="00156FB3" w:rsidRDefault="00156FB3" w:rsidP="00156FB3">
            <w:r>
              <w:t>.ft-search:before {</w:t>
            </w:r>
          </w:p>
          <w:p w:rsidR="00156FB3" w:rsidRDefault="00156FB3" w:rsidP="00156FB3">
            <w:r>
              <w:t xml:space="preserve">    content: "\e9aa";</w:t>
            </w:r>
          </w:p>
          <w:p w:rsidR="00156FB3" w:rsidRDefault="00156FB3" w:rsidP="00156FB3">
            <w:r>
              <w:t>}</w:t>
            </w:r>
          </w:p>
          <w:p w:rsidR="00156FB3" w:rsidRDefault="00156FB3" w:rsidP="00156FB3"/>
          <w:p w:rsidR="00156FB3" w:rsidRDefault="00156FB3" w:rsidP="00156FB3">
            <w:r>
              <w:t>.ft-server:before {</w:t>
            </w:r>
          </w:p>
          <w:p w:rsidR="00156FB3" w:rsidRDefault="00156FB3" w:rsidP="00156FB3">
            <w:r>
              <w:t xml:space="preserve">    content: "\e9ab";</w:t>
            </w:r>
          </w:p>
          <w:p w:rsidR="00156FB3" w:rsidRDefault="00156FB3" w:rsidP="00156FB3">
            <w:r>
              <w:t>}</w:t>
            </w:r>
          </w:p>
          <w:p w:rsidR="00156FB3" w:rsidRDefault="00156FB3" w:rsidP="00156FB3"/>
          <w:p w:rsidR="00156FB3" w:rsidRDefault="00156FB3" w:rsidP="00156FB3">
            <w:r>
              <w:t>.ft-settings:before {</w:t>
            </w:r>
          </w:p>
          <w:p w:rsidR="00156FB3" w:rsidRDefault="00156FB3" w:rsidP="00156FB3">
            <w:r>
              <w:t xml:space="preserve">    content: "\e9ac";</w:t>
            </w:r>
          </w:p>
          <w:p w:rsidR="00156FB3" w:rsidRDefault="00156FB3" w:rsidP="00156FB3">
            <w:r>
              <w:t>}</w:t>
            </w:r>
          </w:p>
          <w:p w:rsidR="00156FB3" w:rsidRDefault="00156FB3" w:rsidP="00156FB3"/>
          <w:p w:rsidR="00156FB3" w:rsidRDefault="00156FB3" w:rsidP="00156FB3">
            <w:r>
              <w:t>.ft-share-2:before {</w:t>
            </w:r>
          </w:p>
          <w:p w:rsidR="00156FB3" w:rsidRDefault="00156FB3" w:rsidP="00156FB3">
            <w:r>
              <w:t xml:space="preserve">    content: "\e9ad";</w:t>
            </w:r>
          </w:p>
          <w:p w:rsidR="00156FB3" w:rsidRDefault="00156FB3" w:rsidP="00156FB3">
            <w:r>
              <w:t>}</w:t>
            </w:r>
          </w:p>
          <w:p w:rsidR="00156FB3" w:rsidRDefault="00156FB3" w:rsidP="00156FB3"/>
          <w:p w:rsidR="00156FB3" w:rsidRDefault="00156FB3" w:rsidP="00156FB3">
            <w:r>
              <w:t>.ft-share:before {</w:t>
            </w:r>
          </w:p>
          <w:p w:rsidR="00156FB3" w:rsidRDefault="00156FB3" w:rsidP="00156FB3">
            <w:r>
              <w:t xml:space="preserve">    content: "\e9ae";</w:t>
            </w:r>
          </w:p>
          <w:p w:rsidR="00156FB3" w:rsidRDefault="00156FB3" w:rsidP="00156FB3">
            <w:r>
              <w:t>}</w:t>
            </w:r>
          </w:p>
          <w:p w:rsidR="00156FB3" w:rsidRDefault="00156FB3" w:rsidP="00156FB3"/>
          <w:p w:rsidR="00156FB3" w:rsidRDefault="00156FB3" w:rsidP="00156FB3">
            <w:r>
              <w:t>.ft-shield:before {</w:t>
            </w:r>
          </w:p>
          <w:p w:rsidR="00156FB3" w:rsidRDefault="00156FB3" w:rsidP="00156FB3">
            <w:r>
              <w:t xml:space="preserve">    content: "\e9af";</w:t>
            </w:r>
          </w:p>
          <w:p w:rsidR="00156FB3" w:rsidRDefault="00156FB3" w:rsidP="00156FB3">
            <w:r>
              <w:t>}</w:t>
            </w:r>
          </w:p>
          <w:p w:rsidR="00156FB3" w:rsidRDefault="00156FB3" w:rsidP="00156FB3"/>
          <w:p w:rsidR="00156FB3" w:rsidRDefault="00156FB3" w:rsidP="00156FB3">
            <w:r>
              <w:t>.ft-shuffle:before {</w:t>
            </w:r>
          </w:p>
          <w:p w:rsidR="00156FB3" w:rsidRDefault="00156FB3" w:rsidP="00156FB3">
            <w:r>
              <w:t xml:space="preserve">    content: "\e9b0";</w:t>
            </w:r>
          </w:p>
          <w:p w:rsidR="00156FB3" w:rsidRDefault="00156FB3" w:rsidP="00156FB3">
            <w:r>
              <w:t>}</w:t>
            </w:r>
          </w:p>
          <w:p w:rsidR="00156FB3" w:rsidRDefault="00156FB3" w:rsidP="00156FB3"/>
          <w:p w:rsidR="00156FB3" w:rsidRDefault="00156FB3" w:rsidP="00156FB3">
            <w:r>
              <w:t>.ft-sidebar:before {</w:t>
            </w:r>
          </w:p>
          <w:p w:rsidR="00156FB3" w:rsidRDefault="00156FB3" w:rsidP="00156FB3">
            <w:r>
              <w:t xml:space="preserve">    content: "\e9b1";</w:t>
            </w:r>
          </w:p>
          <w:p w:rsidR="00156FB3" w:rsidRDefault="00156FB3" w:rsidP="00156FB3">
            <w:r>
              <w:t>}</w:t>
            </w:r>
          </w:p>
          <w:p w:rsidR="00156FB3" w:rsidRDefault="00156FB3" w:rsidP="00156FB3"/>
          <w:p w:rsidR="00156FB3" w:rsidRDefault="00156FB3" w:rsidP="00156FB3">
            <w:r>
              <w:t>.ft-skip-back:before {</w:t>
            </w:r>
          </w:p>
          <w:p w:rsidR="00156FB3" w:rsidRDefault="00156FB3" w:rsidP="00156FB3">
            <w:r>
              <w:t xml:space="preserve">    content: "\e9b2";</w:t>
            </w:r>
          </w:p>
          <w:p w:rsidR="00156FB3" w:rsidRDefault="00156FB3" w:rsidP="00156FB3">
            <w:r>
              <w:t>}</w:t>
            </w:r>
          </w:p>
          <w:p w:rsidR="00156FB3" w:rsidRDefault="00156FB3" w:rsidP="00156FB3"/>
          <w:p w:rsidR="00156FB3" w:rsidRDefault="00156FB3" w:rsidP="00156FB3">
            <w:r>
              <w:t>.ft-skip-forward:before {</w:t>
            </w:r>
          </w:p>
          <w:p w:rsidR="00156FB3" w:rsidRDefault="00156FB3" w:rsidP="00156FB3">
            <w:r>
              <w:t xml:space="preserve">    content: "\e9b3";</w:t>
            </w:r>
          </w:p>
          <w:p w:rsidR="00156FB3" w:rsidRDefault="00156FB3" w:rsidP="00156FB3">
            <w:r>
              <w:t>}</w:t>
            </w:r>
          </w:p>
          <w:p w:rsidR="00156FB3" w:rsidRDefault="00156FB3" w:rsidP="00156FB3"/>
          <w:p w:rsidR="00156FB3" w:rsidRDefault="00156FB3" w:rsidP="00156FB3">
            <w:r>
              <w:t>.ft-slack:before {</w:t>
            </w:r>
          </w:p>
          <w:p w:rsidR="00156FB3" w:rsidRDefault="00156FB3" w:rsidP="00156FB3">
            <w:r>
              <w:t xml:space="preserve">    content: "\e9b4";</w:t>
            </w:r>
          </w:p>
          <w:p w:rsidR="00156FB3" w:rsidRDefault="00156FB3" w:rsidP="00156FB3">
            <w:r>
              <w:t>}</w:t>
            </w:r>
          </w:p>
          <w:p w:rsidR="00156FB3" w:rsidRDefault="00156FB3" w:rsidP="00156FB3"/>
          <w:p w:rsidR="00156FB3" w:rsidRDefault="00156FB3" w:rsidP="00156FB3">
            <w:r>
              <w:t>.ft-slash:before {</w:t>
            </w:r>
          </w:p>
          <w:p w:rsidR="00156FB3" w:rsidRDefault="00156FB3" w:rsidP="00156FB3">
            <w:r>
              <w:t xml:space="preserve">    content: "\e9b5";</w:t>
            </w:r>
          </w:p>
          <w:p w:rsidR="00156FB3" w:rsidRDefault="00156FB3" w:rsidP="00156FB3">
            <w:r>
              <w:t>}</w:t>
            </w:r>
          </w:p>
          <w:p w:rsidR="00156FB3" w:rsidRDefault="00156FB3" w:rsidP="00156FB3"/>
          <w:p w:rsidR="00156FB3" w:rsidRDefault="00156FB3" w:rsidP="00156FB3">
            <w:r>
              <w:t>.ft-sliders:before {</w:t>
            </w:r>
          </w:p>
          <w:p w:rsidR="00156FB3" w:rsidRDefault="00156FB3" w:rsidP="00156FB3">
            <w:r>
              <w:t xml:space="preserve">    content: "\e9b6";</w:t>
            </w:r>
          </w:p>
          <w:p w:rsidR="00156FB3" w:rsidRDefault="00156FB3" w:rsidP="00156FB3">
            <w:r>
              <w:t>}</w:t>
            </w:r>
          </w:p>
          <w:p w:rsidR="00156FB3" w:rsidRDefault="00156FB3" w:rsidP="00156FB3"/>
          <w:p w:rsidR="00156FB3" w:rsidRDefault="00156FB3" w:rsidP="00156FB3">
            <w:r>
              <w:t>.ft-smartphone:before {</w:t>
            </w:r>
          </w:p>
          <w:p w:rsidR="00156FB3" w:rsidRDefault="00156FB3" w:rsidP="00156FB3">
            <w:r>
              <w:t xml:space="preserve">    content: "\e9b7";</w:t>
            </w:r>
          </w:p>
          <w:p w:rsidR="00156FB3" w:rsidRDefault="00156FB3" w:rsidP="00156FB3">
            <w:r>
              <w:t>}</w:t>
            </w:r>
          </w:p>
          <w:p w:rsidR="00156FB3" w:rsidRDefault="00156FB3" w:rsidP="00156FB3"/>
          <w:p w:rsidR="00156FB3" w:rsidRDefault="00156FB3" w:rsidP="00156FB3">
            <w:r>
              <w:t>.ft-speaker:before {</w:t>
            </w:r>
          </w:p>
          <w:p w:rsidR="00156FB3" w:rsidRDefault="00156FB3" w:rsidP="00156FB3">
            <w:r>
              <w:t xml:space="preserve">    content: "\e9b8";</w:t>
            </w:r>
          </w:p>
          <w:p w:rsidR="00156FB3" w:rsidRDefault="00156FB3" w:rsidP="00156FB3">
            <w:r>
              <w:t>}</w:t>
            </w:r>
          </w:p>
          <w:p w:rsidR="00156FB3" w:rsidRDefault="00156FB3" w:rsidP="00156FB3"/>
          <w:p w:rsidR="00156FB3" w:rsidRDefault="00156FB3" w:rsidP="00156FB3">
            <w:r>
              <w:t>.ft-square:before {</w:t>
            </w:r>
          </w:p>
          <w:p w:rsidR="00156FB3" w:rsidRDefault="00156FB3" w:rsidP="00156FB3">
            <w:r>
              <w:t xml:space="preserve">    content: "\e9b9";</w:t>
            </w:r>
          </w:p>
          <w:p w:rsidR="00156FB3" w:rsidRDefault="00156FB3" w:rsidP="00156FB3">
            <w:r>
              <w:t>}</w:t>
            </w:r>
          </w:p>
          <w:p w:rsidR="00156FB3" w:rsidRDefault="00156FB3" w:rsidP="00156FB3"/>
          <w:p w:rsidR="00156FB3" w:rsidRDefault="00156FB3" w:rsidP="00156FB3">
            <w:r>
              <w:t>.ft-star:before {</w:t>
            </w:r>
          </w:p>
          <w:p w:rsidR="00156FB3" w:rsidRDefault="00156FB3" w:rsidP="00156FB3">
            <w:r>
              <w:t xml:space="preserve">    content: "\e9ba";</w:t>
            </w:r>
          </w:p>
          <w:p w:rsidR="00156FB3" w:rsidRDefault="00156FB3" w:rsidP="00156FB3">
            <w:r>
              <w:t>}</w:t>
            </w:r>
          </w:p>
          <w:p w:rsidR="00156FB3" w:rsidRDefault="00156FB3" w:rsidP="00156FB3"/>
          <w:p w:rsidR="00156FB3" w:rsidRDefault="00156FB3" w:rsidP="00156FB3">
            <w:r>
              <w:t>.ft-stop-circle:before {</w:t>
            </w:r>
          </w:p>
          <w:p w:rsidR="00156FB3" w:rsidRDefault="00156FB3" w:rsidP="00156FB3">
            <w:r>
              <w:t xml:space="preserve">    content: "\e9bb";</w:t>
            </w:r>
          </w:p>
          <w:p w:rsidR="00156FB3" w:rsidRDefault="00156FB3" w:rsidP="00156FB3">
            <w:r>
              <w:t>}</w:t>
            </w:r>
          </w:p>
          <w:p w:rsidR="00156FB3" w:rsidRDefault="00156FB3" w:rsidP="00156FB3"/>
          <w:p w:rsidR="00156FB3" w:rsidRDefault="00156FB3" w:rsidP="00156FB3">
            <w:r>
              <w:t>.ft-sun:before {</w:t>
            </w:r>
          </w:p>
          <w:p w:rsidR="00156FB3" w:rsidRDefault="00156FB3" w:rsidP="00156FB3">
            <w:r>
              <w:t xml:space="preserve">    content: "\e9bc";</w:t>
            </w:r>
          </w:p>
          <w:p w:rsidR="00156FB3" w:rsidRDefault="00156FB3" w:rsidP="00156FB3">
            <w:r>
              <w:t>}</w:t>
            </w:r>
          </w:p>
          <w:p w:rsidR="00156FB3" w:rsidRDefault="00156FB3" w:rsidP="00156FB3"/>
          <w:p w:rsidR="00156FB3" w:rsidRDefault="00156FB3" w:rsidP="00156FB3">
            <w:r>
              <w:t>.ft-sunrise:before {</w:t>
            </w:r>
          </w:p>
          <w:p w:rsidR="00156FB3" w:rsidRDefault="00156FB3" w:rsidP="00156FB3">
            <w:r>
              <w:t xml:space="preserve">    content: "\e9bd";</w:t>
            </w:r>
          </w:p>
          <w:p w:rsidR="00156FB3" w:rsidRDefault="00156FB3" w:rsidP="00156FB3">
            <w:r>
              <w:t>}</w:t>
            </w:r>
          </w:p>
          <w:p w:rsidR="00156FB3" w:rsidRDefault="00156FB3" w:rsidP="00156FB3"/>
          <w:p w:rsidR="00156FB3" w:rsidRDefault="00156FB3" w:rsidP="00156FB3">
            <w:r>
              <w:t>.ft-sunset:before {</w:t>
            </w:r>
          </w:p>
          <w:p w:rsidR="00156FB3" w:rsidRDefault="00156FB3" w:rsidP="00156FB3">
            <w:r>
              <w:t xml:space="preserve">    content: "\e9be";</w:t>
            </w:r>
          </w:p>
          <w:p w:rsidR="00156FB3" w:rsidRDefault="00156FB3" w:rsidP="00156FB3">
            <w:r>
              <w:t>}</w:t>
            </w:r>
          </w:p>
          <w:p w:rsidR="00156FB3" w:rsidRDefault="00156FB3" w:rsidP="00156FB3"/>
          <w:p w:rsidR="00156FB3" w:rsidRDefault="00156FB3" w:rsidP="00156FB3">
            <w:r>
              <w:t>.ft-tablet:before {</w:t>
            </w:r>
          </w:p>
          <w:p w:rsidR="00156FB3" w:rsidRDefault="00156FB3" w:rsidP="00156FB3">
            <w:r>
              <w:t xml:space="preserve">    content: "\e9bf";</w:t>
            </w:r>
          </w:p>
          <w:p w:rsidR="00156FB3" w:rsidRDefault="00156FB3" w:rsidP="00156FB3">
            <w:r>
              <w:t>}</w:t>
            </w:r>
          </w:p>
          <w:p w:rsidR="00156FB3" w:rsidRDefault="00156FB3" w:rsidP="00156FB3"/>
          <w:p w:rsidR="00156FB3" w:rsidRDefault="00156FB3" w:rsidP="00156FB3">
            <w:r>
              <w:t>.ft-tag:before {</w:t>
            </w:r>
          </w:p>
          <w:p w:rsidR="00156FB3" w:rsidRDefault="00156FB3" w:rsidP="00156FB3">
            <w:r>
              <w:t xml:space="preserve">    content: "\e9c0";</w:t>
            </w:r>
          </w:p>
          <w:p w:rsidR="00156FB3" w:rsidRDefault="00156FB3" w:rsidP="00156FB3">
            <w:r>
              <w:t>}</w:t>
            </w:r>
          </w:p>
          <w:p w:rsidR="00156FB3" w:rsidRDefault="00156FB3" w:rsidP="00156FB3"/>
          <w:p w:rsidR="00156FB3" w:rsidRDefault="00156FB3" w:rsidP="00156FB3">
            <w:r>
              <w:t>.ft-target:before {</w:t>
            </w:r>
          </w:p>
          <w:p w:rsidR="00156FB3" w:rsidRDefault="00156FB3" w:rsidP="00156FB3">
            <w:r>
              <w:t xml:space="preserve">    content: "\e9c1";</w:t>
            </w:r>
          </w:p>
          <w:p w:rsidR="00156FB3" w:rsidRDefault="00156FB3" w:rsidP="00156FB3">
            <w:r>
              <w:t>}</w:t>
            </w:r>
          </w:p>
          <w:p w:rsidR="00156FB3" w:rsidRDefault="00156FB3" w:rsidP="00156FB3"/>
          <w:p w:rsidR="00156FB3" w:rsidRDefault="00156FB3" w:rsidP="00156FB3">
            <w:r>
              <w:t>.ft-thermometer:before {</w:t>
            </w:r>
          </w:p>
          <w:p w:rsidR="00156FB3" w:rsidRDefault="00156FB3" w:rsidP="00156FB3">
            <w:r>
              <w:t xml:space="preserve">    content: "\e9c2";</w:t>
            </w:r>
          </w:p>
          <w:p w:rsidR="00156FB3" w:rsidRDefault="00156FB3" w:rsidP="00156FB3">
            <w:r>
              <w:t>}</w:t>
            </w:r>
          </w:p>
          <w:p w:rsidR="00156FB3" w:rsidRDefault="00156FB3" w:rsidP="00156FB3"/>
          <w:p w:rsidR="00156FB3" w:rsidRDefault="00156FB3" w:rsidP="00156FB3">
            <w:r>
              <w:t>.ft-thumbs-down:before {</w:t>
            </w:r>
          </w:p>
          <w:p w:rsidR="00156FB3" w:rsidRDefault="00156FB3" w:rsidP="00156FB3">
            <w:r>
              <w:t xml:space="preserve">    content: "\e9c3";</w:t>
            </w:r>
          </w:p>
          <w:p w:rsidR="00156FB3" w:rsidRDefault="00156FB3" w:rsidP="00156FB3">
            <w:r>
              <w:t>}</w:t>
            </w:r>
          </w:p>
          <w:p w:rsidR="00156FB3" w:rsidRDefault="00156FB3" w:rsidP="00156FB3"/>
          <w:p w:rsidR="00156FB3" w:rsidRDefault="00156FB3" w:rsidP="00156FB3">
            <w:r>
              <w:t>.ft-thumbs-up:before {</w:t>
            </w:r>
          </w:p>
          <w:p w:rsidR="00156FB3" w:rsidRDefault="00156FB3" w:rsidP="00156FB3">
            <w:r>
              <w:t xml:space="preserve">    content: "\e9c4";</w:t>
            </w:r>
          </w:p>
          <w:p w:rsidR="00156FB3" w:rsidRDefault="00156FB3" w:rsidP="00156FB3">
            <w:r>
              <w:t>}</w:t>
            </w:r>
          </w:p>
          <w:p w:rsidR="00156FB3" w:rsidRDefault="00156FB3" w:rsidP="00156FB3"/>
          <w:p w:rsidR="00156FB3" w:rsidRDefault="00156FB3" w:rsidP="00156FB3">
            <w:r>
              <w:t>.ft-toggle-left:before {</w:t>
            </w:r>
          </w:p>
          <w:p w:rsidR="00156FB3" w:rsidRDefault="00156FB3" w:rsidP="00156FB3">
            <w:r>
              <w:t xml:space="preserve">    content: "\e9c5";</w:t>
            </w:r>
          </w:p>
          <w:p w:rsidR="00156FB3" w:rsidRDefault="00156FB3" w:rsidP="00156FB3">
            <w:r>
              <w:t>}</w:t>
            </w:r>
          </w:p>
          <w:p w:rsidR="00156FB3" w:rsidRDefault="00156FB3" w:rsidP="00156FB3"/>
          <w:p w:rsidR="00156FB3" w:rsidRDefault="00156FB3" w:rsidP="00156FB3">
            <w:r>
              <w:t>.ft-toggle-right:before {</w:t>
            </w:r>
          </w:p>
          <w:p w:rsidR="00156FB3" w:rsidRDefault="00156FB3" w:rsidP="00156FB3">
            <w:r>
              <w:t xml:space="preserve">    content: "\e9c6";</w:t>
            </w:r>
          </w:p>
          <w:p w:rsidR="00156FB3" w:rsidRDefault="00156FB3" w:rsidP="00156FB3">
            <w:r>
              <w:t>}</w:t>
            </w:r>
          </w:p>
          <w:p w:rsidR="00156FB3" w:rsidRDefault="00156FB3" w:rsidP="00156FB3"/>
          <w:p w:rsidR="00156FB3" w:rsidRDefault="00156FB3" w:rsidP="00156FB3">
            <w:r>
              <w:t>.ft-trash-2:before {</w:t>
            </w:r>
          </w:p>
          <w:p w:rsidR="00156FB3" w:rsidRDefault="00156FB3" w:rsidP="00156FB3">
            <w:r>
              <w:t xml:space="preserve">    content: "\e9c7";</w:t>
            </w:r>
          </w:p>
          <w:p w:rsidR="00156FB3" w:rsidRDefault="00156FB3" w:rsidP="00156FB3">
            <w:r>
              <w:t>}</w:t>
            </w:r>
          </w:p>
          <w:p w:rsidR="00156FB3" w:rsidRDefault="00156FB3" w:rsidP="00156FB3"/>
          <w:p w:rsidR="00156FB3" w:rsidRDefault="00156FB3" w:rsidP="00156FB3">
            <w:r>
              <w:t>.ft-trash:before {</w:t>
            </w:r>
          </w:p>
          <w:p w:rsidR="00156FB3" w:rsidRDefault="00156FB3" w:rsidP="00156FB3">
            <w:r>
              <w:t xml:space="preserve">    content: "\e9c8";</w:t>
            </w:r>
          </w:p>
          <w:p w:rsidR="00156FB3" w:rsidRDefault="00156FB3" w:rsidP="00156FB3">
            <w:r>
              <w:t>}</w:t>
            </w:r>
          </w:p>
          <w:p w:rsidR="00156FB3" w:rsidRDefault="00156FB3" w:rsidP="00156FB3"/>
          <w:p w:rsidR="00156FB3" w:rsidRDefault="00156FB3" w:rsidP="00156FB3">
            <w:r>
              <w:t>.ft-trending-down:before {</w:t>
            </w:r>
          </w:p>
          <w:p w:rsidR="00156FB3" w:rsidRDefault="00156FB3" w:rsidP="00156FB3">
            <w:r>
              <w:t xml:space="preserve">    content: "\e9c9";</w:t>
            </w:r>
          </w:p>
          <w:p w:rsidR="00156FB3" w:rsidRDefault="00156FB3" w:rsidP="00156FB3">
            <w:r>
              <w:t>}</w:t>
            </w:r>
          </w:p>
          <w:p w:rsidR="00156FB3" w:rsidRDefault="00156FB3" w:rsidP="00156FB3"/>
          <w:p w:rsidR="00156FB3" w:rsidRDefault="00156FB3" w:rsidP="00156FB3">
            <w:r>
              <w:t>.ft-trending-up:before {</w:t>
            </w:r>
          </w:p>
          <w:p w:rsidR="00156FB3" w:rsidRDefault="00156FB3" w:rsidP="00156FB3">
            <w:r>
              <w:t xml:space="preserve">    content: "\e9ca";</w:t>
            </w:r>
          </w:p>
          <w:p w:rsidR="00156FB3" w:rsidRDefault="00156FB3" w:rsidP="00156FB3">
            <w:r>
              <w:t>}</w:t>
            </w:r>
          </w:p>
          <w:p w:rsidR="00156FB3" w:rsidRDefault="00156FB3" w:rsidP="00156FB3"/>
          <w:p w:rsidR="00156FB3" w:rsidRDefault="00156FB3" w:rsidP="00156FB3">
            <w:r>
              <w:t>.ft-triangle:before {</w:t>
            </w:r>
          </w:p>
          <w:p w:rsidR="00156FB3" w:rsidRDefault="00156FB3" w:rsidP="00156FB3">
            <w:r>
              <w:t xml:space="preserve">    content: "\e9cb";</w:t>
            </w:r>
          </w:p>
          <w:p w:rsidR="00156FB3" w:rsidRDefault="00156FB3" w:rsidP="00156FB3">
            <w:r>
              <w:t>}</w:t>
            </w:r>
          </w:p>
          <w:p w:rsidR="00156FB3" w:rsidRDefault="00156FB3" w:rsidP="00156FB3"/>
          <w:p w:rsidR="00156FB3" w:rsidRDefault="00156FB3" w:rsidP="00156FB3">
            <w:r>
              <w:t>.ft-tv:before {</w:t>
            </w:r>
          </w:p>
          <w:p w:rsidR="00156FB3" w:rsidRDefault="00156FB3" w:rsidP="00156FB3">
            <w:r>
              <w:t xml:space="preserve">    content: "\e9cc";</w:t>
            </w:r>
          </w:p>
          <w:p w:rsidR="00156FB3" w:rsidRDefault="00156FB3" w:rsidP="00156FB3">
            <w:r>
              <w:t>}</w:t>
            </w:r>
          </w:p>
          <w:p w:rsidR="00156FB3" w:rsidRDefault="00156FB3" w:rsidP="00156FB3"/>
          <w:p w:rsidR="00156FB3" w:rsidRDefault="00156FB3" w:rsidP="00156FB3">
            <w:r>
              <w:t>.ft-twitter:before {</w:t>
            </w:r>
          </w:p>
          <w:p w:rsidR="00156FB3" w:rsidRDefault="00156FB3" w:rsidP="00156FB3">
            <w:r>
              <w:t xml:space="preserve">    content: "\e9cd";</w:t>
            </w:r>
          </w:p>
          <w:p w:rsidR="00156FB3" w:rsidRDefault="00156FB3" w:rsidP="00156FB3">
            <w:r>
              <w:t>}</w:t>
            </w:r>
          </w:p>
          <w:p w:rsidR="00156FB3" w:rsidRDefault="00156FB3" w:rsidP="00156FB3"/>
          <w:p w:rsidR="00156FB3" w:rsidRDefault="00156FB3" w:rsidP="00156FB3">
            <w:r>
              <w:t>.ft-type:before {</w:t>
            </w:r>
          </w:p>
          <w:p w:rsidR="00156FB3" w:rsidRDefault="00156FB3" w:rsidP="00156FB3">
            <w:r>
              <w:t xml:space="preserve">    content: "\e9ce";</w:t>
            </w:r>
          </w:p>
          <w:p w:rsidR="00156FB3" w:rsidRDefault="00156FB3" w:rsidP="00156FB3">
            <w:r>
              <w:t>}</w:t>
            </w:r>
          </w:p>
          <w:p w:rsidR="00156FB3" w:rsidRDefault="00156FB3" w:rsidP="00156FB3"/>
          <w:p w:rsidR="00156FB3" w:rsidRDefault="00156FB3" w:rsidP="00156FB3">
            <w:r>
              <w:t>.ft-umbrella:before {</w:t>
            </w:r>
          </w:p>
          <w:p w:rsidR="00156FB3" w:rsidRDefault="00156FB3" w:rsidP="00156FB3">
            <w:r>
              <w:t xml:space="preserve">    content: "\e9cf";</w:t>
            </w:r>
          </w:p>
          <w:p w:rsidR="00156FB3" w:rsidRDefault="00156FB3" w:rsidP="00156FB3">
            <w:r>
              <w:t>}</w:t>
            </w:r>
          </w:p>
          <w:p w:rsidR="00156FB3" w:rsidRDefault="00156FB3" w:rsidP="00156FB3"/>
          <w:p w:rsidR="00156FB3" w:rsidRDefault="00156FB3" w:rsidP="00156FB3">
            <w:r>
              <w:t>.ft-unlock:before {</w:t>
            </w:r>
          </w:p>
          <w:p w:rsidR="00156FB3" w:rsidRDefault="00156FB3" w:rsidP="00156FB3">
            <w:r>
              <w:t xml:space="preserve">    content: "\e9d0";</w:t>
            </w:r>
          </w:p>
          <w:p w:rsidR="00156FB3" w:rsidRDefault="00156FB3" w:rsidP="00156FB3">
            <w:r>
              <w:t>}</w:t>
            </w:r>
          </w:p>
          <w:p w:rsidR="00156FB3" w:rsidRDefault="00156FB3" w:rsidP="00156FB3"/>
          <w:p w:rsidR="00156FB3" w:rsidRDefault="00156FB3" w:rsidP="00156FB3">
            <w:r>
              <w:t>.ft-upload-cloud:before {</w:t>
            </w:r>
          </w:p>
          <w:p w:rsidR="00156FB3" w:rsidRDefault="00156FB3" w:rsidP="00156FB3">
            <w:r>
              <w:t xml:space="preserve">    content: "\e9d1";</w:t>
            </w:r>
          </w:p>
          <w:p w:rsidR="00156FB3" w:rsidRDefault="00156FB3" w:rsidP="00156FB3">
            <w:r>
              <w:t>}</w:t>
            </w:r>
          </w:p>
          <w:p w:rsidR="00156FB3" w:rsidRDefault="00156FB3" w:rsidP="00156FB3"/>
          <w:p w:rsidR="00156FB3" w:rsidRDefault="00156FB3" w:rsidP="00156FB3">
            <w:r>
              <w:t>.ft-upload:before {</w:t>
            </w:r>
          </w:p>
          <w:p w:rsidR="00156FB3" w:rsidRDefault="00156FB3" w:rsidP="00156FB3">
            <w:r>
              <w:t xml:space="preserve">    content: "\e9d2";</w:t>
            </w:r>
          </w:p>
          <w:p w:rsidR="00156FB3" w:rsidRDefault="00156FB3" w:rsidP="00156FB3">
            <w:r>
              <w:t>}</w:t>
            </w:r>
          </w:p>
          <w:p w:rsidR="00156FB3" w:rsidRDefault="00156FB3" w:rsidP="00156FB3"/>
          <w:p w:rsidR="00156FB3" w:rsidRDefault="00156FB3" w:rsidP="00156FB3">
            <w:r>
              <w:t>.ft-user-check:before {</w:t>
            </w:r>
          </w:p>
          <w:p w:rsidR="00156FB3" w:rsidRDefault="00156FB3" w:rsidP="00156FB3">
            <w:r>
              <w:t xml:space="preserve">    content: "\e9d3";</w:t>
            </w:r>
          </w:p>
          <w:p w:rsidR="00156FB3" w:rsidRDefault="00156FB3" w:rsidP="00156FB3">
            <w:r>
              <w:t>}</w:t>
            </w:r>
          </w:p>
          <w:p w:rsidR="00156FB3" w:rsidRDefault="00156FB3" w:rsidP="00156FB3"/>
          <w:p w:rsidR="00156FB3" w:rsidRDefault="00156FB3" w:rsidP="00156FB3">
            <w:r>
              <w:t>.ft-user-minus:before {</w:t>
            </w:r>
          </w:p>
          <w:p w:rsidR="00156FB3" w:rsidRDefault="00156FB3" w:rsidP="00156FB3">
            <w:r>
              <w:t xml:space="preserve">    content: "\e9d4";</w:t>
            </w:r>
          </w:p>
          <w:p w:rsidR="00156FB3" w:rsidRDefault="00156FB3" w:rsidP="00156FB3">
            <w:r>
              <w:t>}</w:t>
            </w:r>
          </w:p>
          <w:p w:rsidR="00156FB3" w:rsidRDefault="00156FB3" w:rsidP="00156FB3"/>
          <w:p w:rsidR="00156FB3" w:rsidRDefault="00156FB3" w:rsidP="00156FB3">
            <w:r>
              <w:t>.ft-user-plus:before {</w:t>
            </w:r>
          </w:p>
          <w:p w:rsidR="00156FB3" w:rsidRDefault="00156FB3" w:rsidP="00156FB3">
            <w:r>
              <w:t xml:space="preserve">    content: "\e9d5";</w:t>
            </w:r>
          </w:p>
          <w:p w:rsidR="00156FB3" w:rsidRDefault="00156FB3" w:rsidP="00156FB3">
            <w:r>
              <w:t>}</w:t>
            </w:r>
          </w:p>
          <w:p w:rsidR="00156FB3" w:rsidRDefault="00156FB3" w:rsidP="00156FB3"/>
          <w:p w:rsidR="00156FB3" w:rsidRDefault="00156FB3" w:rsidP="00156FB3">
            <w:r>
              <w:t>.ft-user-x:before {</w:t>
            </w:r>
          </w:p>
          <w:p w:rsidR="00156FB3" w:rsidRDefault="00156FB3" w:rsidP="00156FB3">
            <w:r>
              <w:t xml:space="preserve">    content: "\e9d6";</w:t>
            </w:r>
          </w:p>
          <w:p w:rsidR="00156FB3" w:rsidRDefault="00156FB3" w:rsidP="00156FB3">
            <w:r>
              <w:t>}</w:t>
            </w:r>
          </w:p>
          <w:p w:rsidR="00156FB3" w:rsidRDefault="00156FB3" w:rsidP="00156FB3"/>
          <w:p w:rsidR="00156FB3" w:rsidRDefault="00156FB3" w:rsidP="00156FB3">
            <w:r>
              <w:t>.ft-user:before {</w:t>
            </w:r>
          </w:p>
          <w:p w:rsidR="00156FB3" w:rsidRDefault="00156FB3" w:rsidP="00156FB3">
            <w:r>
              <w:t xml:space="preserve">    content: "\e9d7";</w:t>
            </w:r>
          </w:p>
          <w:p w:rsidR="00156FB3" w:rsidRDefault="00156FB3" w:rsidP="00156FB3">
            <w:r>
              <w:t>}</w:t>
            </w:r>
          </w:p>
          <w:p w:rsidR="00156FB3" w:rsidRDefault="00156FB3" w:rsidP="00156FB3"/>
          <w:p w:rsidR="00156FB3" w:rsidRDefault="00156FB3" w:rsidP="00156FB3">
            <w:r>
              <w:t>.ft-users:before {</w:t>
            </w:r>
          </w:p>
          <w:p w:rsidR="00156FB3" w:rsidRDefault="00156FB3" w:rsidP="00156FB3">
            <w:r>
              <w:t xml:space="preserve">    content: "\e9d8";</w:t>
            </w:r>
          </w:p>
          <w:p w:rsidR="00156FB3" w:rsidRDefault="00156FB3" w:rsidP="00156FB3">
            <w:r>
              <w:t>}</w:t>
            </w:r>
          </w:p>
          <w:p w:rsidR="00156FB3" w:rsidRDefault="00156FB3" w:rsidP="00156FB3"/>
          <w:p w:rsidR="00156FB3" w:rsidRDefault="00156FB3" w:rsidP="00156FB3">
            <w:r>
              <w:t>.ft-video-off:before {</w:t>
            </w:r>
          </w:p>
          <w:p w:rsidR="00156FB3" w:rsidRDefault="00156FB3" w:rsidP="00156FB3">
            <w:r>
              <w:t xml:space="preserve">    content: "\e9d9";</w:t>
            </w:r>
          </w:p>
          <w:p w:rsidR="00156FB3" w:rsidRDefault="00156FB3" w:rsidP="00156FB3">
            <w:r>
              <w:t>}</w:t>
            </w:r>
          </w:p>
          <w:p w:rsidR="00156FB3" w:rsidRDefault="00156FB3" w:rsidP="00156FB3"/>
          <w:p w:rsidR="00156FB3" w:rsidRDefault="00156FB3" w:rsidP="00156FB3">
            <w:r>
              <w:t>.ft-video:before {</w:t>
            </w:r>
          </w:p>
          <w:p w:rsidR="00156FB3" w:rsidRDefault="00156FB3" w:rsidP="00156FB3">
            <w:r>
              <w:t xml:space="preserve">    content: "\e9da";</w:t>
            </w:r>
          </w:p>
          <w:p w:rsidR="00156FB3" w:rsidRDefault="00156FB3" w:rsidP="00156FB3">
            <w:r>
              <w:t>}</w:t>
            </w:r>
          </w:p>
          <w:p w:rsidR="00156FB3" w:rsidRDefault="00156FB3" w:rsidP="00156FB3"/>
          <w:p w:rsidR="00156FB3" w:rsidRDefault="00156FB3" w:rsidP="00156FB3">
            <w:r>
              <w:t>.ft-voicemail:before {</w:t>
            </w:r>
          </w:p>
          <w:p w:rsidR="00156FB3" w:rsidRDefault="00156FB3" w:rsidP="00156FB3">
            <w:r>
              <w:t xml:space="preserve">    content: "\e9db";</w:t>
            </w:r>
          </w:p>
          <w:p w:rsidR="00156FB3" w:rsidRDefault="00156FB3" w:rsidP="00156FB3">
            <w:r>
              <w:t>}</w:t>
            </w:r>
          </w:p>
          <w:p w:rsidR="00156FB3" w:rsidRDefault="00156FB3" w:rsidP="00156FB3"/>
          <w:p w:rsidR="00156FB3" w:rsidRDefault="00156FB3" w:rsidP="00156FB3">
            <w:r>
              <w:t>.ft-volume-1:before {</w:t>
            </w:r>
          </w:p>
          <w:p w:rsidR="00156FB3" w:rsidRDefault="00156FB3" w:rsidP="00156FB3">
            <w:r>
              <w:t xml:space="preserve">    content: "\e9dc";</w:t>
            </w:r>
          </w:p>
          <w:p w:rsidR="00156FB3" w:rsidRDefault="00156FB3" w:rsidP="00156FB3">
            <w:r>
              <w:t>}</w:t>
            </w:r>
          </w:p>
          <w:p w:rsidR="00156FB3" w:rsidRDefault="00156FB3" w:rsidP="00156FB3"/>
          <w:p w:rsidR="00156FB3" w:rsidRDefault="00156FB3" w:rsidP="00156FB3">
            <w:r>
              <w:t>.ft-volume-2:before {</w:t>
            </w:r>
          </w:p>
          <w:p w:rsidR="00156FB3" w:rsidRDefault="00156FB3" w:rsidP="00156FB3">
            <w:r>
              <w:t xml:space="preserve">    content: "\e9dd";</w:t>
            </w:r>
          </w:p>
          <w:p w:rsidR="00156FB3" w:rsidRDefault="00156FB3" w:rsidP="00156FB3">
            <w:r>
              <w:t>}</w:t>
            </w:r>
          </w:p>
          <w:p w:rsidR="00156FB3" w:rsidRDefault="00156FB3" w:rsidP="00156FB3"/>
          <w:p w:rsidR="00156FB3" w:rsidRDefault="00156FB3" w:rsidP="00156FB3">
            <w:r>
              <w:t>.ft-volume-x:before {</w:t>
            </w:r>
          </w:p>
          <w:p w:rsidR="00156FB3" w:rsidRDefault="00156FB3" w:rsidP="00156FB3">
            <w:r>
              <w:t xml:space="preserve">    content: "\e9de";</w:t>
            </w:r>
          </w:p>
          <w:p w:rsidR="00156FB3" w:rsidRDefault="00156FB3" w:rsidP="00156FB3">
            <w:r>
              <w:t>}</w:t>
            </w:r>
          </w:p>
          <w:p w:rsidR="00156FB3" w:rsidRDefault="00156FB3" w:rsidP="00156FB3"/>
          <w:p w:rsidR="00156FB3" w:rsidRDefault="00156FB3" w:rsidP="00156FB3">
            <w:r>
              <w:t>.ft-volume:before {</w:t>
            </w:r>
          </w:p>
          <w:p w:rsidR="00156FB3" w:rsidRDefault="00156FB3" w:rsidP="00156FB3">
            <w:r>
              <w:t xml:space="preserve">    content: "\e9df";</w:t>
            </w:r>
          </w:p>
          <w:p w:rsidR="00156FB3" w:rsidRDefault="00156FB3" w:rsidP="00156FB3">
            <w:r>
              <w:t>}</w:t>
            </w:r>
          </w:p>
          <w:p w:rsidR="00156FB3" w:rsidRDefault="00156FB3" w:rsidP="00156FB3"/>
          <w:p w:rsidR="00156FB3" w:rsidRDefault="00156FB3" w:rsidP="00156FB3">
            <w:r>
              <w:t>.ft-watch:before {</w:t>
            </w:r>
          </w:p>
          <w:p w:rsidR="00156FB3" w:rsidRDefault="00156FB3" w:rsidP="00156FB3">
            <w:r>
              <w:t xml:space="preserve">    content: "\e9e0";</w:t>
            </w:r>
          </w:p>
          <w:p w:rsidR="00156FB3" w:rsidRDefault="00156FB3" w:rsidP="00156FB3">
            <w:r>
              <w:t>}</w:t>
            </w:r>
          </w:p>
          <w:p w:rsidR="00156FB3" w:rsidRDefault="00156FB3" w:rsidP="00156FB3"/>
          <w:p w:rsidR="00156FB3" w:rsidRDefault="00156FB3" w:rsidP="00156FB3">
            <w:r>
              <w:t>.ft-wifi-off:before {</w:t>
            </w:r>
          </w:p>
          <w:p w:rsidR="00156FB3" w:rsidRDefault="00156FB3" w:rsidP="00156FB3">
            <w:r>
              <w:t xml:space="preserve">    content: "\e9e1";</w:t>
            </w:r>
          </w:p>
          <w:p w:rsidR="00156FB3" w:rsidRDefault="00156FB3" w:rsidP="00156FB3">
            <w:r>
              <w:t>}</w:t>
            </w:r>
          </w:p>
          <w:p w:rsidR="00156FB3" w:rsidRDefault="00156FB3" w:rsidP="00156FB3"/>
          <w:p w:rsidR="00156FB3" w:rsidRDefault="00156FB3" w:rsidP="00156FB3">
            <w:r>
              <w:t>.ft-wifi:before {</w:t>
            </w:r>
          </w:p>
          <w:p w:rsidR="00156FB3" w:rsidRDefault="00156FB3" w:rsidP="00156FB3">
            <w:r>
              <w:t xml:space="preserve">    content: "\e9e2";</w:t>
            </w:r>
          </w:p>
          <w:p w:rsidR="00156FB3" w:rsidRDefault="00156FB3" w:rsidP="00156FB3">
            <w:r>
              <w:t>}</w:t>
            </w:r>
          </w:p>
          <w:p w:rsidR="00156FB3" w:rsidRDefault="00156FB3" w:rsidP="00156FB3"/>
          <w:p w:rsidR="00156FB3" w:rsidRDefault="00156FB3" w:rsidP="00156FB3">
            <w:r>
              <w:t>.ft-wind:before {</w:t>
            </w:r>
          </w:p>
          <w:p w:rsidR="00156FB3" w:rsidRDefault="00156FB3" w:rsidP="00156FB3">
            <w:r>
              <w:t xml:space="preserve">    content: "\e9e3";</w:t>
            </w:r>
          </w:p>
          <w:p w:rsidR="00156FB3" w:rsidRDefault="00156FB3" w:rsidP="00156FB3">
            <w:r>
              <w:t>}</w:t>
            </w:r>
          </w:p>
          <w:p w:rsidR="00156FB3" w:rsidRDefault="00156FB3" w:rsidP="00156FB3"/>
          <w:p w:rsidR="00156FB3" w:rsidRDefault="00156FB3" w:rsidP="00156FB3">
            <w:r>
              <w:t>.ft-x-circle:before {</w:t>
            </w:r>
          </w:p>
          <w:p w:rsidR="00156FB3" w:rsidRDefault="00156FB3" w:rsidP="00156FB3">
            <w:r>
              <w:t xml:space="preserve">    content: "\e9e4";</w:t>
            </w:r>
          </w:p>
          <w:p w:rsidR="00156FB3" w:rsidRDefault="00156FB3" w:rsidP="00156FB3">
            <w:r>
              <w:t>}</w:t>
            </w:r>
          </w:p>
          <w:p w:rsidR="00156FB3" w:rsidRDefault="00156FB3" w:rsidP="00156FB3"/>
          <w:p w:rsidR="00156FB3" w:rsidRDefault="00156FB3" w:rsidP="00156FB3">
            <w:r>
              <w:t>.ft-x-square:before {</w:t>
            </w:r>
          </w:p>
          <w:p w:rsidR="00156FB3" w:rsidRDefault="00156FB3" w:rsidP="00156FB3">
            <w:r>
              <w:t xml:space="preserve">    content: "\e9e5";</w:t>
            </w:r>
          </w:p>
          <w:p w:rsidR="00156FB3" w:rsidRDefault="00156FB3" w:rsidP="00156FB3">
            <w:r>
              <w:t>}</w:t>
            </w:r>
          </w:p>
          <w:p w:rsidR="00156FB3" w:rsidRDefault="00156FB3" w:rsidP="00156FB3"/>
          <w:p w:rsidR="00156FB3" w:rsidRDefault="00156FB3" w:rsidP="00156FB3">
            <w:r>
              <w:t>.ft-x:before {</w:t>
            </w:r>
          </w:p>
          <w:p w:rsidR="00156FB3" w:rsidRDefault="00156FB3" w:rsidP="00156FB3">
            <w:r>
              <w:t xml:space="preserve">    content: "\e9e6";</w:t>
            </w:r>
          </w:p>
          <w:p w:rsidR="00156FB3" w:rsidRDefault="00156FB3" w:rsidP="00156FB3">
            <w:r>
              <w:t>}</w:t>
            </w:r>
          </w:p>
          <w:p w:rsidR="00156FB3" w:rsidRDefault="00156FB3" w:rsidP="00156FB3"/>
          <w:p w:rsidR="00156FB3" w:rsidRDefault="00156FB3" w:rsidP="00156FB3">
            <w:r>
              <w:t>.ft-zap:before {</w:t>
            </w:r>
          </w:p>
          <w:p w:rsidR="00156FB3" w:rsidRDefault="00156FB3" w:rsidP="00156FB3">
            <w:r>
              <w:t xml:space="preserve">    content: "\e9e7";</w:t>
            </w:r>
          </w:p>
          <w:p w:rsidR="00156FB3" w:rsidRDefault="00156FB3" w:rsidP="00156FB3">
            <w:r>
              <w:t>}</w:t>
            </w:r>
          </w:p>
          <w:p w:rsidR="00156FB3" w:rsidRDefault="00156FB3" w:rsidP="00156FB3"/>
          <w:p w:rsidR="00156FB3" w:rsidRDefault="00156FB3" w:rsidP="00156FB3">
            <w:r>
              <w:t>.ft-zoom-in:before {</w:t>
            </w:r>
          </w:p>
          <w:p w:rsidR="00156FB3" w:rsidRDefault="00156FB3" w:rsidP="00156FB3">
            <w:r>
              <w:t xml:space="preserve">    content: "\e9e8";</w:t>
            </w:r>
          </w:p>
          <w:p w:rsidR="00156FB3" w:rsidRDefault="00156FB3" w:rsidP="00156FB3">
            <w:r>
              <w:t>}</w:t>
            </w:r>
          </w:p>
          <w:p w:rsidR="00156FB3" w:rsidRDefault="00156FB3" w:rsidP="00156FB3"/>
          <w:p w:rsidR="00156FB3" w:rsidRDefault="00156FB3" w:rsidP="00156FB3">
            <w:r>
              <w:t>.ft-zoom-out:before {</w:t>
            </w:r>
          </w:p>
          <w:p w:rsidR="00156FB3" w:rsidRDefault="00156FB3" w:rsidP="00156FB3">
            <w:r>
              <w:t xml:space="preserve">    content: "\e9e9";</w:t>
            </w:r>
          </w:p>
          <w:p w:rsidR="0048012D" w:rsidRDefault="00156FB3" w:rsidP="00156FB3">
            <w:r>
              <w:t>}</w:t>
            </w:r>
          </w:p>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intlTellnput.css</w:t>
            </w:r>
          </w:p>
        </w:tc>
      </w:tr>
      <w:tr w:rsidR="0048012D" w:rsidTr="0048012D">
        <w:tc>
          <w:tcPr>
            <w:tcW w:w="9576" w:type="dxa"/>
          </w:tcPr>
          <w:p w:rsidR="00156FB3" w:rsidRDefault="00156FB3" w:rsidP="00156FB3">
            <w:r>
              <w:t>.iti {</w:t>
            </w:r>
          </w:p>
          <w:p w:rsidR="00156FB3" w:rsidRDefault="00156FB3" w:rsidP="00156FB3">
            <w:r>
              <w:t xml:space="preserve">    position: relative;</w:t>
            </w:r>
          </w:p>
          <w:p w:rsidR="00156FB3" w:rsidRDefault="00156FB3" w:rsidP="00156FB3">
            <w:r>
              <w:t xml:space="preserve">    display: block;</w:t>
            </w:r>
          </w:p>
          <w:p w:rsidR="00156FB3" w:rsidRDefault="00156FB3" w:rsidP="00156FB3">
            <w:r>
              <w:t>}</w:t>
            </w:r>
          </w:p>
          <w:p w:rsidR="00156FB3" w:rsidRDefault="00156FB3" w:rsidP="00156FB3"/>
          <w:p w:rsidR="00156FB3" w:rsidRDefault="00156FB3" w:rsidP="00156FB3">
            <w:r>
              <w:t>.iti * {</w:t>
            </w:r>
          </w:p>
          <w:p w:rsidR="00156FB3" w:rsidRDefault="00156FB3" w:rsidP="00156FB3">
            <w:r>
              <w:t xml:space="preserve">    box-sizing: border-box;</w:t>
            </w:r>
          </w:p>
          <w:p w:rsidR="00156FB3" w:rsidRDefault="00156FB3" w:rsidP="00156FB3">
            <w:r>
              <w:t xml:space="preserve">    -moz-box-sizing: border-box;</w:t>
            </w:r>
          </w:p>
          <w:p w:rsidR="00156FB3" w:rsidRDefault="00156FB3" w:rsidP="00156FB3">
            <w:r>
              <w:t>}</w:t>
            </w:r>
          </w:p>
          <w:p w:rsidR="00156FB3" w:rsidRDefault="00156FB3" w:rsidP="00156FB3"/>
          <w:p w:rsidR="00156FB3" w:rsidRDefault="00156FB3" w:rsidP="00156FB3">
            <w:r>
              <w:t>.iti__hide {</w:t>
            </w:r>
          </w:p>
          <w:p w:rsidR="00156FB3" w:rsidRDefault="00156FB3" w:rsidP="00156FB3">
            <w:r>
              <w:t xml:space="preserve">    display: none;</w:t>
            </w:r>
          </w:p>
          <w:p w:rsidR="00156FB3" w:rsidRDefault="00156FB3" w:rsidP="00156FB3">
            <w:r>
              <w:t>}</w:t>
            </w:r>
          </w:p>
          <w:p w:rsidR="00156FB3" w:rsidRDefault="00156FB3" w:rsidP="00156FB3"/>
          <w:p w:rsidR="00156FB3" w:rsidRDefault="00156FB3" w:rsidP="00156FB3">
            <w:r>
              <w:t>.iti__v-hide {</w:t>
            </w:r>
          </w:p>
          <w:p w:rsidR="00156FB3" w:rsidRDefault="00156FB3" w:rsidP="00156FB3">
            <w:r>
              <w:t xml:space="preserve">    visibility: hidden;</w:t>
            </w:r>
          </w:p>
          <w:p w:rsidR="00156FB3" w:rsidRDefault="00156FB3" w:rsidP="00156FB3">
            <w:r>
              <w:t>}</w:t>
            </w:r>
          </w:p>
          <w:p w:rsidR="00156FB3" w:rsidRDefault="00156FB3" w:rsidP="00156FB3"/>
          <w:p w:rsidR="00156FB3" w:rsidRDefault="00156FB3" w:rsidP="00156FB3">
            <w:r>
              <w:t>.iti input, .iti input[type=text], .iti input[type=tel] {</w:t>
            </w:r>
          </w:p>
          <w:p w:rsidR="00156FB3" w:rsidRDefault="00156FB3" w:rsidP="00156FB3">
            <w:r>
              <w:t xml:space="preserve">    position: relative;</w:t>
            </w:r>
          </w:p>
          <w:p w:rsidR="00156FB3" w:rsidRDefault="00156FB3" w:rsidP="00156FB3">
            <w:r>
              <w:t xml:space="preserve">    z-index: 0;</w:t>
            </w:r>
          </w:p>
          <w:p w:rsidR="00156FB3" w:rsidRDefault="00156FB3" w:rsidP="00156FB3">
            <w:r>
              <w:t xml:space="preserve">    margin-top: 0 !important;</w:t>
            </w:r>
          </w:p>
          <w:p w:rsidR="00156FB3" w:rsidRDefault="00156FB3" w:rsidP="00156FB3">
            <w:r>
              <w:t xml:space="preserve">    margin-bottom: 0 !important;</w:t>
            </w:r>
          </w:p>
          <w:p w:rsidR="00156FB3" w:rsidRDefault="00156FB3" w:rsidP="00156FB3">
            <w:r>
              <w:t xml:space="preserve">    padding-right: 36px;</w:t>
            </w:r>
          </w:p>
          <w:p w:rsidR="00156FB3" w:rsidRDefault="00156FB3" w:rsidP="00156FB3">
            <w:r>
              <w:t xml:space="preserve">    margin-right: 0;</w:t>
            </w:r>
          </w:p>
          <w:p w:rsidR="00156FB3" w:rsidRDefault="00156FB3" w:rsidP="00156FB3">
            <w:r>
              <w:t>}</w:t>
            </w:r>
          </w:p>
          <w:p w:rsidR="00156FB3" w:rsidRDefault="00156FB3" w:rsidP="00156FB3"/>
          <w:p w:rsidR="00156FB3" w:rsidRDefault="00156FB3" w:rsidP="00156FB3">
            <w:r>
              <w:t>.iti__flag-container {</w:t>
            </w:r>
          </w:p>
          <w:p w:rsidR="00156FB3" w:rsidRDefault="00156FB3" w:rsidP="00156FB3">
            <w:r>
              <w:t xml:space="preserve">    position: absolute;</w:t>
            </w:r>
          </w:p>
          <w:p w:rsidR="00156FB3" w:rsidRDefault="00156FB3" w:rsidP="00156FB3">
            <w:r>
              <w:t xml:space="preserve">    top: 0;</w:t>
            </w:r>
          </w:p>
          <w:p w:rsidR="00156FB3" w:rsidRDefault="00156FB3" w:rsidP="00156FB3">
            <w:r>
              <w:t xml:space="preserve">    bottom: 0;</w:t>
            </w:r>
          </w:p>
          <w:p w:rsidR="00156FB3" w:rsidRDefault="00156FB3" w:rsidP="00156FB3">
            <w:r>
              <w:t xml:space="preserve">    right: 0;</w:t>
            </w:r>
          </w:p>
          <w:p w:rsidR="00156FB3" w:rsidRDefault="00156FB3" w:rsidP="00156FB3">
            <w:r>
              <w:t xml:space="preserve">    padding: 1px;</w:t>
            </w:r>
          </w:p>
          <w:p w:rsidR="00156FB3" w:rsidRDefault="00156FB3" w:rsidP="00156FB3">
            <w:r>
              <w:t>}</w:t>
            </w:r>
          </w:p>
          <w:p w:rsidR="00156FB3" w:rsidRDefault="00156FB3" w:rsidP="00156FB3"/>
          <w:p w:rsidR="00156FB3" w:rsidRDefault="00156FB3" w:rsidP="00156FB3">
            <w:r>
              <w:t>.iti__selected-flag {</w:t>
            </w:r>
          </w:p>
          <w:p w:rsidR="00156FB3" w:rsidRDefault="00156FB3" w:rsidP="00156FB3">
            <w:r>
              <w:t xml:space="preserve">    z-index: 1;</w:t>
            </w:r>
          </w:p>
          <w:p w:rsidR="00156FB3" w:rsidRDefault="00156FB3" w:rsidP="00156FB3">
            <w:r>
              <w:t xml:space="preserve">    position: relative;</w:t>
            </w:r>
          </w:p>
          <w:p w:rsidR="00156FB3" w:rsidRDefault="00156FB3" w:rsidP="00156FB3">
            <w:r>
              <w:t xml:space="preserve">    display: flex;</w:t>
            </w:r>
          </w:p>
          <w:p w:rsidR="00156FB3" w:rsidRDefault="00156FB3" w:rsidP="00156FB3">
            <w:r>
              <w:t xml:space="preserve">    align-items: center;</w:t>
            </w:r>
          </w:p>
          <w:p w:rsidR="00156FB3" w:rsidRDefault="00156FB3" w:rsidP="00156FB3">
            <w:r>
              <w:t xml:space="preserve">    height: 100%;</w:t>
            </w:r>
          </w:p>
          <w:p w:rsidR="00156FB3" w:rsidRDefault="00156FB3" w:rsidP="00156FB3">
            <w:r>
              <w:t xml:space="preserve">    padding: 0 6px 0 8px;</w:t>
            </w:r>
          </w:p>
          <w:p w:rsidR="00156FB3" w:rsidRDefault="00156FB3" w:rsidP="00156FB3">
            <w:r>
              <w:t>}</w:t>
            </w:r>
          </w:p>
          <w:p w:rsidR="00156FB3" w:rsidRDefault="00156FB3" w:rsidP="00156FB3"/>
          <w:p w:rsidR="00156FB3" w:rsidRDefault="00156FB3" w:rsidP="00156FB3">
            <w:r>
              <w:t>.iti__arrow {</w:t>
            </w:r>
          </w:p>
          <w:p w:rsidR="00156FB3" w:rsidRDefault="00156FB3" w:rsidP="00156FB3">
            <w:r>
              <w:t xml:space="preserve">    margin-left: 6px;</w:t>
            </w:r>
          </w:p>
          <w:p w:rsidR="00156FB3" w:rsidRDefault="00156FB3" w:rsidP="00156FB3">
            <w:r>
              <w:t xml:space="preserve">    width: 0;</w:t>
            </w:r>
          </w:p>
          <w:p w:rsidR="00156FB3" w:rsidRDefault="00156FB3" w:rsidP="00156FB3">
            <w:r>
              <w:t xml:space="preserve">    height: 0;</w:t>
            </w:r>
          </w:p>
          <w:p w:rsidR="00156FB3" w:rsidRDefault="00156FB3" w:rsidP="00156FB3">
            <w:r>
              <w:t xml:space="preserve">    border-left: 3px solid transparent;</w:t>
            </w:r>
          </w:p>
          <w:p w:rsidR="00156FB3" w:rsidRDefault="00156FB3" w:rsidP="00156FB3">
            <w:r>
              <w:t xml:space="preserve">    border-right: 3px solid transparent;</w:t>
            </w:r>
          </w:p>
          <w:p w:rsidR="00156FB3" w:rsidRDefault="00156FB3" w:rsidP="00156FB3">
            <w:r>
              <w:t xml:space="preserve">    border-top: 4px solid #555;</w:t>
            </w:r>
          </w:p>
          <w:p w:rsidR="00156FB3" w:rsidRDefault="00156FB3" w:rsidP="00156FB3">
            <w:r>
              <w:t>}</w:t>
            </w:r>
          </w:p>
          <w:p w:rsidR="00156FB3" w:rsidRDefault="00156FB3" w:rsidP="00156FB3"/>
          <w:p w:rsidR="00156FB3" w:rsidRDefault="00156FB3" w:rsidP="00156FB3">
            <w:r>
              <w:t>.iti__arrow--up {</w:t>
            </w:r>
          </w:p>
          <w:p w:rsidR="00156FB3" w:rsidRDefault="00156FB3" w:rsidP="00156FB3">
            <w:r>
              <w:t xml:space="preserve">    border-top: none;</w:t>
            </w:r>
          </w:p>
          <w:p w:rsidR="00156FB3" w:rsidRDefault="00156FB3" w:rsidP="00156FB3">
            <w:r>
              <w:t xml:space="preserve">    border-bottom: 4px solid #555;</w:t>
            </w:r>
          </w:p>
          <w:p w:rsidR="00156FB3" w:rsidRDefault="00156FB3" w:rsidP="00156FB3">
            <w:r>
              <w:t>}</w:t>
            </w:r>
          </w:p>
          <w:p w:rsidR="00156FB3" w:rsidRDefault="00156FB3" w:rsidP="00156FB3"/>
          <w:p w:rsidR="00156FB3" w:rsidRDefault="00156FB3" w:rsidP="00156FB3">
            <w:r>
              <w:t>.iti__country-list {</w:t>
            </w:r>
          </w:p>
          <w:p w:rsidR="00156FB3" w:rsidRDefault="00156FB3" w:rsidP="00156FB3">
            <w:r>
              <w:t xml:space="preserve">    position: absolute;</w:t>
            </w:r>
          </w:p>
          <w:p w:rsidR="00156FB3" w:rsidRDefault="00156FB3" w:rsidP="00156FB3">
            <w:r>
              <w:t xml:space="preserve">    z-index: 2;</w:t>
            </w:r>
          </w:p>
          <w:p w:rsidR="00156FB3" w:rsidRDefault="00156FB3" w:rsidP="00156FB3">
            <w:r>
              <w:t xml:space="preserve">    list-style: none;</w:t>
            </w:r>
          </w:p>
          <w:p w:rsidR="00156FB3" w:rsidRDefault="00156FB3" w:rsidP="00156FB3">
            <w:r>
              <w:t xml:space="preserve">    text-align: left;</w:t>
            </w:r>
          </w:p>
          <w:p w:rsidR="00156FB3" w:rsidRDefault="00156FB3" w:rsidP="00156FB3">
            <w:r>
              <w:t xml:space="preserve">    padding: 0;</w:t>
            </w:r>
          </w:p>
          <w:p w:rsidR="00156FB3" w:rsidRDefault="00156FB3" w:rsidP="00156FB3">
            <w:r>
              <w:t xml:space="preserve">    margin: 0 0 0 -1px;</w:t>
            </w:r>
          </w:p>
          <w:p w:rsidR="00156FB3" w:rsidRDefault="00156FB3" w:rsidP="00156FB3">
            <w:r>
              <w:t xml:space="preserve">    box-shadow: 1px 1px 4px rgba(0, 0, 0, 0.2);</w:t>
            </w:r>
          </w:p>
          <w:p w:rsidR="00156FB3" w:rsidRDefault="00156FB3" w:rsidP="00156FB3">
            <w:r>
              <w:t xml:space="preserve">    background-color: white;</w:t>
            </w:r>
          </w:p>
          <w:p w:rsidR="00156FB3" w:rsidRDefault="00156FB3" w:rsidP="00156FB3">
            <w:r>
              <w:t xml:space="preserve">    border: 1px solid #CCC;</w:t>
            </w:r>
          </w:p>
          <w:p w:rsidR="00156FB3" w:rsidRDefault="00156FB3" w:rsidP="00156FB3">
            <w:r>
              <w:t xml:space="preserve">    white-space: nowrap;</w:t>
            </w:r>
          </w:p>
          <w:p w:rsidR="00156FB3" w:rsidRDefault="00156FB3" w:rsidP="00156FB3">
            <w:r>
              <w:t xml:space="preserve">    max-height: 200px;</w:t>
            </w:r>
          </w:p>
          <w:p w:rsidR="00156FB3" w:rsidRDefault="00156FB3" w:rsidP="00156FB3">
            <w:r>
              <w:t xml:space="preserve">    overflow-y: scroll;</w:t>
            </w:r>
          </w:p>
          <w:p w:rsidR="00156FB3" w:rsidRDefault="00156FB3" w:rsidP="00156FB3">
            <w:r>
              <w:t xml:space="preserve">    -webkit-overflow-scrolling: touch;</w:t>
            </w:r>
          </w:p>
          <w:p w:rsidR="00156FB3" w:rsidRDefault="00156FB3" w:rsidP="00156FB3">
            <w:r>
              <w:t>}</w:t>
            </w:r>
          </w:p>
          <w:p w:rsidR="00156FB3" w:rsidRDefault="00156FB3" w:rsidP="00156FB3"/>
          <w:p w:rsidR="00156FB3" w:rsidRDefault="00156FB3" w:rsidP="00156FB3">
            <w:r>
              <w:t>.iti__country-list--dropup {</w:t>
            </w:r>
          </w:p>
          <w:p w:rsidR="00156FB3" w:rsidRDefault="00156FB3" w:rsidP="00156FB3">
            <w:r>
              <w:t xml:space="preserve">    bottom: 100%;</w:t>
            </w:r>
          </w:p>
          <w:p w:rsidR="00156FB3" w:rsidRDefault="00156FB3" w:rsidP="00156FB3">
            <w:r>
              <w:t xml:space="preserve">    margin-bottom: -1px;</w:t>
            </w:r>
          </w:p>
          <w:p w:rsidR="00156FB3" w:rsidRDefault="00156FB3" w:rsidP="00156FB3">
            <w:r>
              <w:t>}</w:t>
            </w:r>
          </w:p>
          <w:p w:rsidR="00156FB3" w:rsidRDefault="00156FB3" w:rsidP="00156FB3"/>
          <w:p w:rsidR="00156FB3" w:rsidRDefault="00156FB3" w:rsidP="00156FB3">
            <w:r>
              <w:t>@media (max-width: 500px) {</w:t>
            </w:r>
          </w:p>
          <w:p w:rsidR="00156FB3" w:rsidRDefault="00156FB3" w:rsidP="00156FB3">
            <w:r>
              <w:t xml:space="preserve">    .iti__country-list {</w:t>
            </w:r>
          </w:p>
          <w:p w:rsidR="00156FB3" w:rsidRDefault="00156FB3" w:rsidP="00156FB3">
            <w:r>
              <w:t xml:space="preserve">        white-space: normal;</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iti__flag-box {</w:t>
            </w:r>
          </w:p>
          <w:p w:rsidR="00156FB3" w:rsidRDefault="00156FB3" w:rsidP="00156FB3">
            <w:r>
              <w:t xml:space="preserve">    display: inline-block;</w:t>
            </w:r>
          </w:p>
          <w:p w:rsidR="00156FB3" w:rsidRDefault="00156FB3" w:rsidP="00156FB3">
            <w:r>
              <w:t xml:space="preserve">    width: 20px;</w:t>
            </w:r>
          </w:p>
          <w:p w:rsidR="00156FB3" w:rsidRDefault="00156FB3" w:rsidP="00156FB3">
            <w:r>
              <w:t>}</w:t>
            </w:r>
          </w:p>
          <w:p w:rsidR="00156FB3" w:rsidRDefault="00156FB3" w:rsidP="00156FB3"/>
          <w:p w:rsidR="00156FB3" w:rsidRDefault="00156FB3" w:rsidP="00156FB3">
            <w:r>
              <w:t>.iti__divider {</w:t>
            </w:r>
          </w:p>
          <w:p w:rsidR="00156FB3" w:rsidRDefault="00156FB3" w:rsidP="00156FB3">
            <w:r>
              <w:t xml:space="preserve">    padding-bottom: 5px;</w:t>
            </w:r>
          </w:p>
          <w:p w:rsidR="00156FB3" w:rsidRDefault="00156FB3" w:rsidP="00156FB3">
            <w:r>
              <w:t xml:space="preserve">    margin-bottom: 5px;</w:t>
            </w:r>
          </w:p>
          <w:p w:rsidR="00156FB3" w:rsidRDefault="00156FB3" w:rsidP="00156FB3">
            <w:r>
              <w:t xml:space="preserve">    border-bottom: 1px solid #CCC;</w:t>
            </w:r>
          </w:p>
          <w:p w:rsidR="00156FB3" w:rsidRDefault="00156FB3" w:rsidP="00156FB3">
            <w:r>
              <w:t>}</w:t>
            </w:r>
          </w:p>
          <w:p w:rsidR="00156FB3" w:rsidRDefault="00156FB3" w:rsidP="00156FB3"/>
          <w:p w:rsidR="00156FB3" w:rsidRDefault="00156FB3" w:rsidP="00156FB3">
            <w:r>
              <w:t>.iti__country {</w:t>
            </w:r>
          </w:p>
          <w:p w:rsidR="00156FB3" w:rsidRDefault="00156FB3" w:rsidP="00156FB3">
            <w:r>
              <w:t xml:space="preserve">    padding: 5px 10px;</w:t>
            </w:r>
          </w:p>
          <w:p w:rsidR="00156FB3" w:rsidRDefault="00156FB3" w:rsidP="00156FB3">
            <w:r>
              <w:t xml:space="preserve">    outline: none;</w:t>
            </w:r>
          </w:p>
          <w:p w:rsidR="00156FB3" w:rsidRDefault="00156FB3" w:rsidP="00156FB3">
            <w:r>
              <w:t>}</w:t>
            </w:r>
          </w:p>
          <w:p w:rsidR="00156FB3" w:rsidRDefault="00156FB3" w:rsidP="00156FB3"/>
          <w:p w:rsidR="00156FB3" w:rsidRDefault="00156FB3" w:rsidP="00156FB3">
            <w:r>
              <w:t>.iti__dial-code {</w:t>
            </w:r>
          </w:p>
          <w:p w:rsidR="00156FB3" w:rsidRDefault="00156FB3" w:rsidP="00156FB3">
            <w:r>
              <w:t xml:space="preserve">    color: #999;</w:t>
            </w:r>
          </w:p>
          <w:p w:rsidR="00156FB3" w:rsidRDefault="00156FB3" w:rsidP="00156FB3">
            <w:r>
              <w:t>}</w:t>
            </w:r>
          </w:p>
          <w:p w:rsidR="00156FB3" w:rsidRDefault="00156FB3" w:rsidP="00156FB3"/>
          <w:p w:rsidR="00156FB3" w:rsidRDefault="00156FB3" w:rsidP="00156FB3">
            <w:r>
              <w:t>.iti__country.iti__highlight {</w:t>
            </w:r>
          </w:p>
          <w:p w:rsidR="00156FB3" w:rsidRDefault="00156FB3" w:rsidP="00156FB3">
            <w:r>
              <w:t xml:space="preserve">    background-color: rgba(0, 0, 0, 0.05);</w:t>
            </w:r>
          </w:p>
          <w:p w:rsidR="00156FB3" w:rsidRDefault="00156FB3" w:rsidP="00156FB3">
            <w:r>
              <w:t>}</w:t>
            </w:r>
          </w:p>
          <w:p w:rsidR="00156FB3" w:rsidRDefault="00156FB3" w:rsidP="00156FB3"/>
          <w:p w:rsidR="00156FB3" w:rsidRDefault="00156FB3" w:rsidP="00156FB3">
            <w:r>
              <w:t>.iti__flag-box, .iti__country-name, .iti__dial-code {</w:t>
            </w:r>
          </w:p>
          <w:p w:rsidR="00156FB3" w:rsidRDefault="00156FB3" w:rsidP="00156FB3">
            <w:r>
              <w:t xml:space="preserve">    vertical-align: middle;</w:t>
            </w:r>
          </w:p>
          <w:p w:rsidR="00156FB3" w:rsidRDefault="00156FB3" w:rsidP="00156FB3">
            <w:r>
              <w:t>}</w:t>
            </w:r>
          </w:p>
          <w:p w:rsidR="00156FB3" w:rsidRDefault="00156FB3" w:rsidP="00156FB3"/>
          <w:p w:rsidR="00156FB3" w:rsidRDefault="00156FB3" w:rsidP="00156FB3">
            <w:r>
              <w:t>.iti__flag-box, .iti__country-name {</w:t>
            </w:r>
          </w:p>
          <w:p w:rsidR="00156FB3" w:rsidRDefault="00156FB3" w:rsidP="00156FB3">
            <w:r>
              <w:t xml:space="preserve">    margin-right: 6px;</w:t>
            </w:r>
          </w:p>
          <w:p w:rsidR="00156FB3" w:rsidRDefault="00156FB3" w:rsidP="00156FB3">
            <w:r>
              <w:t>}</w:t>
            </w:r>
          </w:p>
          <w:p w:rsidR="00156FB3" w:rsidRDefault="00156FB3" w:rsidP="00156FB3"/>
          <w:p w:rsidR="00156FB3" w:rsidRDefault="00156FB3" w:rsidP="00156FB3">
            <w:r>
              <w:t>.iti--allow-dropdown input, .iti--allow-dropdown input[type=text], .iti--allow-dropdown input[type=tel], .iti--separate-dial-code input, .iti--separate-dial-code input[type=text], .iti--separate-dial-code input[type=tel] {</w:t>
            </w:r>
          </w:p>
          <w:p w:rsidR="00156FB3" w:rsidRDefault="00156FB3" w:rsidP="00156FB3">
            <w:r>
              <w:t xml:space="preserve">    padding-right: 6px;</w:t>
            </w:r>
          </w:p>
          <w:p w:rsidR="00156FB3" w:rsidRDefault="00156FB3" w:rsidP="00156FB3">
            <w:r>
              <w:t xml:space="preserve">    padding-left: 52px;</w:t>
            </w:r>
          </w:p>
          <w:p w:rsidR="00156FB3" w:rsidRDefault="00156FB3" w:rsidP="00156FB3">
            <w:r>
              <w:t xml:space="preserve">    margin-left: 0;</w:t>
            </w:r>
          </w:p>
          <w:p w:rsidR="00156FB3" w:rsidRDefault="00156FB3" w:rsidP="00156FB3">
            <w:r>
              <w:t>}</w:t>
            </w:r>
          </w:p>
          <w:p w:rsidR="00156FB3" w:rsidRDefault="00156FB3" w:rsidP="00156FB3"/>
          <w:p w:rsidR="00156FB3" w:rsidRDefault="00156FB3" w:rsidP="00156FB3">
            <w:r>
              <w:t>.iti--allow-dropdown .iti__flag-container, .iti--separate-dial-code .iti__flag-container {</w:t>
            </w:r>
          </w:p>
          <w:p w:rsidR="00156FB3" w:rsidRDefault="00156FB3" w:rsidP="00156FB3">
            <w:r>
              <w:t xml:space="preserve">    right: auto;</w:t>
            </w:r>
          </w:p>
          <w:p w:rsidR="00156FB3" w:rsidRDefault="00156FB3" w:rsidP="00156FB3">
            <w:r>
              <w:t xml:space="preserve">    left: 0;</w:t>
            </w:r>
          </w:p>
          <w:p w:rsidR="00156FB3" w:rsidRDefault="00156FB3" w:rsidP="00156FB3">
            <w:r>
              <w:t>}</w:t>
            </w:r>
          </w:p>
          <w:p w:rsidR="00156FB3" w:rsidRDefault="00156FB3" w:rsidP="00156FB3"/>
          <w:p w:rsidR="00156FB3" w:rsidRDefault="00156FB3" w:rsidP="00156FB3">
            <w:r>
              <w:t>.iti--allow-dropdown .iti__flag-container:hover {</w:t>
            </w:r>
          </w:p>
          <w:p w:rsidR="00156FB3" w:rsidRDefault="00156FB3" w:rsidP="00156FB3">
            <w:r>
              <w:t xml:space="preserve">    cursor: pointer;</w:t>
            </w:r>
          </w:p>
          <w:p w:rsidR="00156FB3" w:rsidRDefault="00156FB3" w:rsidP="00156FB3">
            <w:r>
              <w:t>}</w:t>
            </w:r>
          </w:p>
          <w:p w:rsidR="00156FB3" w:rsidRDefault="00156FB3" w:rsidP="00156FB3"/>
          <w:p w:rsidR="00156FB3" w:rsidRDefault="00156FB3" w:rsidP="00156FB3">
            <w:r>
              <w:t>.iti--allow-dropdown .iti__flag-container:hover .iti__selected-flag {</w:t>
            </w:r>
          </w:p>
          <w:p w:rsidR="00156FB3" w:rsidRDefault="00156FB3" w:rsidP="00156FB3">
            <w:r>
              <w:t xml:space="preserve">    background-color: rgba(0, 0, 0, 0.05);</w:t>
            </w:r>
          </w:p>
          <w:p w:rsidR="00156FB3" w:rsidRDefault="00156FB3" w:rsidP="00156FB3">
            <w:r>
              <w:t>}</w:t>
            </w:r>
          </w:p>
          <w:p w:rsidR="00156FB3" w:rsidRDefault="00156FB3" w:rsidP="00156FB3"/>
          <w:p w:rsidR="00156FB3" w:rsidRDefault="00156FB3" w:rsidP="00156FB3">
            <w:r>
              <w:t>.iti--allow-dropdown input[disabled] + .iti__flag-container:hover,</w:t>
            </w:r>
          </w:p>
          <w:p w:rsidR="00156FB3" w:rsidRDefault="00156FB3" w:rsidP="00156FB3">
            <w:r>
              <w:t>.iti--allow-dropdown input[readonly] + .iti__flag-container:hover {</w:t>
            </w:r>
          </w:p>
          <w:p w:rsidR="00156FB3" w:rsidRDefault="00156FB3" w:rsidP="00156FB3">
            <w:r>
              <w:t xml:space="preserve">    cursor: default;</w:t>
            </w:r>
          </w:p>
          <w:p w:rsidR="00156FB3" w:rsidRDefault="00156FB3" w:rsidP="00156FB3">
            <w:r>
              <w:t>}</w:t>
            </w:r>
          </w:p>
          <w:p w:rsidR="00156FB3" w:rsidRDefault="00156FB3" w:rsidP="00156FB3"/>
          <w:p w:rsidR="00156FB3" w:rsidRDefault="00156FB3" w:rsidP="00156FB3">
            <w:r>
              <w:t>.iti--allow-dropdown input[disabled] + .iti__flag-container:hover .iti__selected-flag,</w:t>
            </w:r>
          </w:p>
          <w:p w:rsidR="00156FB3" w:rsidRDefault="00156FB3" w:rsidP="00156FB3">
            <w:r>
              <w:t>.iti--allow-dropdown input[readonly] + .iti__flag-container:hover .iti__selected-flag {</w:t>
            </w:r>
          </w:p>
          <w:p w:rsidR="00156FB3" w:rsidRDefault="00156FB3" w:rsidP="00156FB3">
            <w:r>
              <w:t xml:space="preserve">    background-color: transparent;</w:t>
            </w:r>
          </w:p>
          <w:p w:rsidR="00156FB3" w:rsidRDefault="00156FB3" w:rsidP="00156FB3">
            <w:r>
              <w:t>}</w:t>
            </w:r>
          </w:p>
          <w:p w:rsidR="00156FB3" w:rsidRDefault="00156FB3" w:rsidP="00156FB3"/>
          <w:p w:rsidR="00156FB3" w:rsidRDefault="00156FB3" w:rsidP="00156FB3">
            <w:r>
              <w:t>.iti--separate-dial-code .iti__selected-flag {</w:t>
            </w:r>
          </w:p>
          <w:p w:rsidR="00156FB3" w:rsidRDefault="00156FB3" w:rsidP="00156FB3">
            <w:r>
              <w:t xml:space="preserve">    background-color: rgba(0, 0, 0, 0.05);</w:t>
            </w:r>
          </w:p>
          <w:p w:rsidR="00156FB3" w:rsidRDefault="00156FB3" w:rsidP="00156FB3">
            <w:r>
              <w:t>}</w:t>
            </w:r>
          </w:p>
          <w:p w:rsidR="00156FB3" w:rsidRDefault="00156FB3" w:rsidP="00156FB3"/>
          <w:p w:rsidR="00156FB3" w:rsidRDefault="00156FB3" w:rsidP="00156FB3">
            <w:r>
              <w:t>.iti--separate-dial-code .iti__selected-dial-code {</w:t>
            </w:r>
          </w:p>
          <w:p w:rsidR="00156FB3" w:rsidRDefault="00156FB3" w:rsidP="00156FB3">
            <w:r>
              <w:t xml:space="preserve">    margin-left: 6px;</w:t>
            </w:r>
          </w:p>
          <w:p w:rsidR="00156FB3" w:rsidRDefault="00156FB3" w:rsidP="00156FB3">
            <w:r>
              <w:t>}</w:t>
            </w:r>
          </w:p>
          <w:p w:rsidR="00156FB3" w:rsidRDefault="00156FB3" w:rsidP="00156FB3"/>
          <w:p w:rsidR="00156FB3" w:rsidRDefault="00156FB3" w:rsidP="00156FB3">
            <w:r>
              <w:t>.iti--container {</w:t>
            </w:r>
          </w:p>
          <w:p w:rsidR="00156FB3" w:rsidRDefault="00156FB3" w:rsidP="00156FB3">
            <w:r>
              <w:t xml:space="preserve">    position: absolute;</w:t>
            </w:r>
          </w:p>
          <w:p w:rsidR="00156FB3" w:rsidRDefault="00156FB3" w:rsidP="00156FB3">
            <w:r>
              <w:t xml:space="preserve">    top: -1000px;</w:t>
            </w:r>
          </w:p>
          <w:p w:rsidR="00156FB3" w:rsidRDefault="00156FB3" w:rsidP="00156FB3">
            <w:r>
              <w:t xml:space="preserve">    left: -1000px;</w:t>
            </w:r>
          </w:p>
          <w:p w:rsidR="00156FB3" w:rsidRDefault="00156FB3" w:rsidP="00156FB3">
            <w:r>
              <w:t xml:space="preserve">    z-index: 1060;</w:t>
            </w:r>
          </w:p>
          <w:p w:rsidR="00156FB3" w:rsidRDefault="00156FB3" w:rsidP="00156FB3">
            <w:r>
              <w:t xml:space="preserve">    padding: 1px;</w:t>
            </w:r>
          </w:p>
          <w:p w:rsidR="00156FB3" w:rsidRDefault="00156FB3" w:rsidP="00156FB3">
            <w:r>
              <w:t>}</w:t>
            </w:r>
          </w:p>
          <w:p w:rsidR="00156FB3" w:rsidRDefault="00156FB3" w:rsidP="00156FB3"/>
          <w:p w:rsidR="00156FB3" w:rsidRDefault="00156FB3" w:rsidP="00156FB3">
            <w:r>
              <w:t>.iti--container:hover {</w:t>
            </w:r>
          </w:p>
          <w:p w:rsidR="00156FB3" w:rsidRDefault="00156FB3" w:rsidP="00156FB3">
            <w:r>
              <w:t xml:space="preserve">    cursor: pointer;</w:t>
            </w:r>
          </w:p>
          <w:p w:rsidR="00156FB3" w:rsidRDefault="00156FB3" w:rsidP="00156FB3">
            <w:r>
              <w:t>}</w:t>
            </w:r>
          </w:p>
          <w:p w:rsidR="00156FB3" w:rsidRDefault="00156FB3" w:rsidP="00156FB3"/>
          <w:p w:rsidR="00156FB3" w:rsidRDefault="00156FB3" w:rsidP="00156FB3">
            <w:r>
              <w:t>.iti-mobile .iti--container {</w:t>
            </w:r>
          </w:p>
          <w:p w:rsidR="00156FB3" w:rsidRDefault="00156FB3" w:rsidP="00156FB3">
            <w:r>
              <w:t xml:space="preserve">    top: 30px;</w:t>
            </w:r>
          </w:p>
          <w:p w:rsidR="00156FB3" w:rsidRDefault="00156FB3" w:rsidP="00156FB3">
            <w:r>
              <w:t xml:space="preserve">    bottom: 30px;</w:t>
            </w:r>
          </w:p>
          <w:p w:rsidR="00156FB3" w:rsidRDefault="00156FB3" w:rsidP="00156FB3">
            <w:r>
              <w:t xml:space="preserve">    left: 30px;</w:t>
            </w:r>
          </w:p>
          <w:p w:rsidR="00156FB3" w:rsidRDefault="00156FB3" w:rsidP="00156FB3">
            <w:r>
              <w:t xml:space="preserve">    right: 30px;</w:t>
            </w:r>
          </w:p>
          <w:p w:rsidR="00156FB3" w:rsidRDefault="00156FB3" w:rsidP="00156FB3">
            <w:r>
              <w:t xml:space="preserve">    position: fixed;</w:t>
            </w:r>
          </w:p>
          <w:p w:rsidR="00156FB3" w:rsidRDefault="00156FB3" w:rsidP="00156FB3">
            <w:r>
              <w:t>}</w:t>
            </w:r>
          </w:p>
          <w:p w:rsidR="00156FB3" w:rsidRDefault="00156FB3" w:rsidP="00156FB3"/>
          <w:p w:rsidR="00156FB3" w:rsidRDefault="00156FB3" w:rsidP="00156FB3">
            <w:r>
              <w:t>.iti-mobile .iti__country-list {</w:t>
            </w:r>
          </w:p>
          <w:p w:rsidR="00156FB3" w:rsidRDefault="00156FB3" w:rsidP="00156FB3">
            <w:r>
              <w:t xml:space="preserve">    max-height: 100%;</w:t>
            </w:r>
          </w:p>
          <w:p w:rsidR="00156FB3" w:rsidRDefault="00156FB3" w:rsidP="00156FB3">
            <w:r>
              <w:t xml:space="preserve">    width: 100%;</w:t>
            </w:r>
          </w:p>
          <w:p w:rsidR="00156FB3" w:rsidRDefault="00156FB3" w:rsidP="00156FB3">
            <w:r>
              <w:t>}</w:t>
            </w:r>
          </w:p>
          <w:p w:rsidR="00156FB3" w:rsidRDefault="00156FB3" w:rsidP="00156FB3"/>
          <w:p w:rsidR="00156FB3" w:rsidRDefault="00156FB3" w:rsidP="00156FB3">
            <w:r>
              <w:t>.iti-mobile .iti__country {</w:t>
            </w:r>
          </w:p>
          <w:p w:rsidR="00156FB3" w:rsidRDefault="00156FB3" w:rsidP="00156FB3">
            <w:r>
              <w:t xml:space="preserve">    padding: 10px 10px;</w:t>
            </w:r>
          </w:p>
          <w:p w:rsidR="00156FB3" w:rsidRDefault="00156FB3" w:rsidP="00156FB3">
            <w:r>
              <w:t xml:space="preserve">    line-height: 1.5em;</w:t>
            </w:r>
          </w:p>
          <w:p w:rsidR="00156FB3" w:rsidRDefault="00156FB3" w:rsidP="00156FB3">
            <w:r>
              <w:t>}</w:t>
            </w:r>
          </w:p>
          <w:p w:rsidR="00156FB3" w:rsidRDefault="00156FB3" w:rsidP="00156FB3"/>
          <w:p w:rsidR="00156FB3" w:rsidRDefault="00156FB3" w:rsidP="00156FB3">
            <w:r>
              <w:t>.iti__flag {</w:t>
            </w:r>
          </w:p>
          <w:p w:rsidR="00156FB3" w:rsidRDefault="00156FB3" w:rsidP="00156FB3">
            <w:r>
              <w:t xml:space="preserve">    width: 20px;</w:t>
            </w:r>
          </w:p>
          <w:p w:rsidR="00156FB3" w:rsidRDefault="00156FB3" w:rsidP="00156FB3">
            <w:r>
              <w:t>}</w:t>
            </w:r>
          </w:p>
          <w:p w:rsidR="00156FB3" w:rsidRDefault="00156FB3" w:rsidP="00156FB3"/>
          <w:p w:rsidR="00156FB3" w:rsidRDefault="00156FB3" w:rsidP="00156FB3">
            <w:r>
              <w:t>.iti__flag.iti__be {</w:t>
            </w:r>
          </w:p>
          <w:p w:rsidR="00156FB3" w:rsidRDefault="00156FB3" w:rsidP="00156FB3">
            <w:r>
              <w:t xml:space="preserve">    width: 18px;</w:t>
            </w:r>
          </w:p>
          <w:p w:rsidR="00156FB3" w:rsidRDefault="00156FB3" w:rsidP="00156FB3">
            <w:r>
              <w:t>}</w:t>
            </w:r>
          </w:p>
          <w:p w:rsidR="00156FB3" w:rsidRDefault="00156FB3" w:rsidP="00156FB3"/>
          <w:p w:rsidR="00156FB3" w:rsidRDefault="00156FB3" w:rsidP="00156FB3">
            <w:r>
              <w:t>.iti__flag.iti__ch {</w:t>
            </w:r>
          </w:p>
          <w:p w:rsidR="00156FB3" w:rsidRDefault="00156FB3" w:rsidP="00156FB3">
            <w:r>
              <w:t xml:space="preserve">    width: 15px;</w:t>
            </w:r>
          </w:p>
          <w:p w:rsidR="00156FB3" w:rsidRDefault="00156FB3" w:rsidP="00156FB3">
            <w:r>
              <w:t>}</w:t>
            </w:r>
          </w:p>
          <w:p w:rsidR="00156FB3" w:rsidRDefault="00156FB3" w:rsidP="00156FB3"/>
          <w:p w:rsidR="00156FB3" w:rsidRDefault="00156FB3" w:rsidP="00156FB3">
            <w:r>
              <w:t>.iti__flag.iti__mc {</w:t>
            </w:r>
          </w:p>
          <w:p w:rsidR="00156FB3" w:rsidRDefault="00156FB3" w:rsidP="00156FB3">
            <w:r>
              <w:t xml:space="preserve">    width: 19px;</w:t>
            </w:r>
          </w:p>
          <w:p w:rsidR="00156FB3" w:rsidRDefault="00156FB3" w:rsidP="00156FB3">
            <w:r>
              <w:t>}</w:t>
            </w:r>
          </w:p>
          <w:p w:rsidR="00156FB3" w:rsidRDefault="00156FB3" w:rsidP="00156FB3"/>
          <w:p w:rsidR="00156FB3" w:rsidRDefault="00156FB3" w:rsidP="00156FB3">
            <w:r>
              <w:t>.iti__flag.iti__ne {</w:t>
            </w:r>
          </w:p>
          <w:p w:rsidR="00156FB3" w:rsidRDefault="00156FB3" w:rsidP="00156FB3">
            <w:r>
              <w:t xml:space="preserve">    width: 18px;</w:t>
            </w:r>
          </w:p>
          <w:p w:rsidR="00156FB3" w:rsidRDefault="00156FB3" w:rsidP="00156FB3">
            <w:r>
              <w:t>}</w:t>
            </w:r>
          </w:p>
          <w:p w:rsidR="00156FB3" w:rsidRDefault="00156FB3" w:rsidP="00156FB3"/>
          <w:p w:rsidR="00156FB3" w:rsidRDefault="00156FB3" w:rsidP="00156FB3">
            <w:r>
              <w:t>.iti__flag.iti__np {</w:t>
            </w:r>
          </w:p>
          <w:p w:rsidR="00156FB3" w:rsidRDefault="00156FB3" w:rsidP="00156FB3">
            <w:r>
              <w:t xml:space="preserve">    width: 13px;</w:t>
            </w:r>
          </w:p>
          <w:p w:rsidR="00156FB3" w:rsidRDefault="00156FB3" w:rsidP="00156FB3">
            <w:r>
              <w:t>}</w:t>
            </w:r>
          </w:p>
          <w:p w:rsidR="00156FB3" w:rsidRDefault="00156FB3" w:rsidP="00156FB3"/>
          <w:p w:rsidR="00156FB3" w:rsidRDefault="00156FB3" w:rsidP="00156FB3">
            <w:r>
              <w:t>.iti__flag.iti__va {</w:t>
            </w:r>
          </w:p>
          <w:p w:rsidR="00156FB3" w:rsidRDefault="00156FB3" w:rsidP="00156FB3">
            <w:r>
              <w:t xml:space="preserve">    width: 15px;</w:t>
            </w:r>
          </w:p>
          <w:p w:rsidR="00156FB3" w:rsidRDefault="00156FB3" w:rsidP="00156FB3">
            <w:r>
              <w:t>}</w:t>
            </w:r>
          </w:p>
          <w:p w:rsidR="00156FB3" w:rsidRDefault="00156FB3" w:rsidP="00156FB3"/>
          <w:p w:rsidR="00156FB3" w:rsidRDefault="00156FB3" w:rsidP="00156FB3">
            <w:r>
              <w:t>@media (-webkit-min-device-pixel-ratio: 2), (min-resolution: 192dpi) {</w:t>
            </w:r>
          </w:p>
          <w:p w:rsidR="00156FB3" w:rsidRDefault="00156FB3" w:rsidP="00156FB3">
            <w:r>
              <w:t xml:space="preserve">    .iti__flag {</w:t>
            </w:r>
          </w:p>
          <w:p w:rsidR="00156FB3" w:rsidRDefault="00156FB3" w:rsidP="00156FB3">
            <w:r>
              <w:t xml:space="preserve">        background-size: 5652px 15px;</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iti__flag.iti__ac {</w:t>
            </w:r>
          </w:p>
          <w:p w:rsidR="00156FB3" w:rsidRDefault="00156FB3" w:rsidP="00156FB3">
            <w:r>
              <w:t xml:space="preserve">    height: 10px;</w:t>
            </w:r>
          </w:p>
          <w:p w:rsidR="00156FB3" w:rsidRDefault="00156FB3" w:rsidP="00156FB3">
            <w:r>
              <w:t xml:space="preserve">    background-position: 0px 0px;</w:t>
            </w:r>
          </w:p>
          <w:p w:rsidR="00156FB3" w:rsidRDefault="00156FB3" w:rsidP="00156FB3">
            <w:r>
              <w:t>}</w:t>
            </w:r>
          </w:p>
          <w:p w:rsidR="00156FB3" w:rsidRDefault="00156FB3" w:rsidP="00156FB3"/>
          <w:p w:rsidR="00156FB3" w:rsidRDefault="00156FB3" w:rsidP="00156FB3">
            <w:r>
              <w:t>.iti__flag.iti__ad {</w:t>
            </w:r>
          </w:p>
          <w:p w:rsidR="00156FB3" w:rsidRDefault="00156FB3" w:rsidP="00156FB3">
            <w:r>
              <w:t xml:space="preserve">    height: 14px;</w:t>
            </w:r>
          </w:p>
          <w:p w:rsidR="00156FB3" w:rsidRDefault="00156FB3" w:rsidP="00156FB3">
            <w:r>
              <w:t xml:space="preserve">    background-position: -22px 0px;</w:t>
            </w:r>
          </w:p>
          <w:p w:rsidR="00156FB3" w:rsidRDefault="00156FB3" w:rsidP="00156FB3">
            <w:r>
              <w:t>}</w:t>
            </w:r>
          </w:p>
          <w:p w:rsidR="00156FB3" w:rsidRDefault="00156FB3" w:rsidP="00156FB3"/>
          <w:p w:rsidR="00156FB3" w:rsidRDefault="00156FB3" w:rsidP="00156FB3">
            <w:r>
              <w:t>.iti__flag.iti__ae {</w:t>
            </w:r>
          </w:p>
          <w:p w:rsidR="00156FB3" w:rsidRDefault="00156FB3" w:rsidP="00156FB3">
            <w:r>
              <w:t xml:space="preserve">    height: 10px;</w:t>
            </w:r>
          </w:p>
          <w:p w:rsidR="00156FB3" w:rsidRDefault="00156FB3" w:rsidP="00156FB3">
            <w:r>
              <w:t xml:space="preserve">    background-position: -44px 0px;</w:t>
            </w:r>
          </w:p>
          <w:p w:rsidR="00156FB3" w:rsidRDefault="00156FB3" w:rsidP="00156FB3">
            <w:r>
              <w:t>}</w:t>
            </w:r>
          </w:p>
          <w:p w:rsidR="00156FB3" w:rsidRDefault="00156FB3" w:rsidP="00156FB3"/>
          <w:p w:rsidR="00156FB3" w:rsidRDefault="00156FB3" w:rsidP="00156FB3">
            <w:r>
              <w:t>.iti__flag.iti__af {</w:t>
            </w:r>
          </w:p>
          <w:p w:rsidR="00156FB3" w:rsidRDefault="00156FB3" w:rsidP="00156FB3">
            <w:r>
              <w:t xml:space="preserve">    height: 14px;</w:t>
            </w:r>
          </w:p>
          <w:p w:rsidR="00156FB3" w:rsidRDefault="00156FB3" w:rsidP="00156FB3">
            <w:r>
              <w:t xml:space="preserve">    background-position: -66px 0px;</w:t>
            </w:r>
          </w:p>
          <w:p w:rsidR="00156FB3" w:rsidRDefault="00156FB3" w:rsidP="00156FB3">
            <w:r>
              <w:t>}</w:t>
            </w:r>
          </w:p>
          <w:p w:rsidR="00156FB3" w:rsidRDefault="00156FB3" w:rsidP="00156FB3"/>
          <w:p w:rsidR="00156FB3" w:rsidRDefault="00156FB3" w:rsidP="00156FB3">
            <w:r>
              <w:t>.iti__flag.iti__ag {</w:t>
            </w:r>
          </w:p>
          <w:p w:rsidR="00156FB3" w:rsidRDefault="00156FB3" w:rsidP="00156FB3">
            <w:r>
              <w:t xml:space="preserve">    height: 14px;</w:t>
            </w:r>
          </w:p>
          <w:p w:rsidR="00156FB3" w:rsidRDefault="00156FB3" w:rsidP="00156FB3">
            <w:r>
              <w:t xml:space="preserve">    background-position: -88px 0px;</w:t>
            </w:r>
          </w:p>
          <w:p w:rsidR="00156FB3" w:rsidRDefault="00156FB3" w:rsidP="00156FB3">
            <w:r>
              <w:t>}</w:t>
            </w:r>
          </w:p>
          <w:p w:rsidR="00156FB3" w:rsidRDefault="00156FB3" w:rsidP="00156FB3"/>
          <w:p w:rsidR="00156FB3" w:rsidRDefault="00156FB3" w:rsidP="00156FB3">
            <w:r>
              <w:t>.iti__flag.iti__ai {</w:t>
            </w:r>
          </w:p>
          <w:p w:rsidR="00156FB3" w:rsidRDefault="00156FB3" w:rsidP="00156FB3">
            <w:r>
              <w:t xml:space="preserve">    height: 10px;</w:t>
            </w:r>
          </w:p>
          <w:p w:rsidR="00156FB3" w:rsidRDefault="00156FB3" w:rsidP="00156FB3">
            <w:r>
              <w:t xml:space="preserve">    background-position: -110px 0px;</w:t>
            </w:r>
          </w:p>
          <w:p w:rsidR="00156FB3" w:rsidRDefault="00156FB3" w:rsidP="00156FB3">
            <w:r>
              <w:t>}</w:t>
            </w:r>
          </w:p>
          <w:p w:rsidR="00156FB3" w:rsidRDefault="00156FB3" w:rsidP="00156FB3"/>
          <w:p w:rsidR="00156FB3" w:rsidRDefault="00156FB3" w:rsidP="00156FB3">
            <w:r>
              <w:t>.iti__flag.iti__al {</w:t>
            </w:r>
          </w:p>
          <w:p w:rsidR="00156FB3" w:rsidRDefault="00156FB3" w:rsidP="00156FB3">
            <w:r>
              <w:t xml:space="preserve">    height: 15px;</w:t>
            </w:r>
          </w:p>
          <w:p w:rsidR="00156FB3" w:rsidRDefault="00156FB3" w:rsidP="00156FB3">
            <w:r>
              <w:t xml:space="preserve">    background-position: -132px 0px;</w:t>
            </w:r>
          </w:p>
          <w:p w:rsidR="00156FB3" w:rsidRDefault="00156FB3" w:rsidP="00156FB3">
            <w:r>
              <w:t>}</w:t>
            </w:r>
          </w:p>
          <w:p w:rsidR="00156FB3" w:rsidRDefault="00156FB3" w:rsidP="00156FB3"/>
          <w:p w:rsidR="00156FB3" w:rsidRDefault="00156FB3" w:rsidP="00156FB3">
            <w:r>
              <w:t>.iti__flag.iti__am {</w:t>
            </w:r>
          </w:p>
          <w:p w:rsidR="00156FB3" w:rsidRDefault="00156FB3" w:rsidP="00156FB3">
            <w:r>
              <w:t xml:space="preserve">    height: 10px;</w:t>
            </w:r>
          </w:p>
          <w:p w:rsidR="00156FB3" w:rsidRDefault="00156FB3" w:rsidP="00156FB3">
            <w:r>
              <w:t xml:space="preserve">    background-position: -154px 0px;</w:t>
            </w:r>
          </w:p>
          <w:p w:rsidR="00156FB3" w:rsidRDefault="00156FB3" w:rsidP="00156FB3">
            <w:r>
              <w:t>}</w:t>
            </w:r>
          </w:p>
          <w:p w:rsidR="00156FB3" w:rsidRDefault="00156FB3" w:rsidP="00156FB3"/>
          <w:p w:rsidR="00156FB3" w:rsidRDefault="00156FB3" w:rsidP="00156FB3">
            <w:r>
              <w:t>.iti__flag.iti__ao {</w:t>
            </w:r>
          </w:p>
          <w:p w:rsidR="00156FB3" w:rsidRDefault="00156FB3" w:rsidP="00156FB3">
            <w:r>
              <w:t xml:space="preserve">    height: 14px;</w:t>
            </w:r>
          </w:p>
          <w:p w:rsidR="00156FB3" w:rsidRDefault="00156FB3" w:rsidP="00156FB3">
            <w:r>
              <w:t xml:space="preserve">    background-position: -176px 0px;</w:t>
            </w:r>
          </w:p>
          <w:p w:rsidR="00156FB3" w:rsidRDefault="00156FB3" w:rsidP="00156FB3">
            <w:r>
              <w:t>}</w:t>
            </w:r>
          </w:p>
          <w:p w:rsidR="00156FB3" w:rsidRDefault="00156FB3" w:rsidP="00156FB3"/>
          <w:p w:rsidR="00156FB3" w:rsidRDefault="00156FB3" w:rsidP="00156FB3">
            <w:r>
              <w:t>.iti__flag.iti__aq {</w:t>
            </w:r>
          </w:p>
          <w:p w:rsidR="00156FB3" w:rsidRDefault="00156FB3" w:rsidP="00156FB3">
            <w:r>
              <w:t xml:space="preserve">    height: 14px;</w:t>
            </w:r>
          </w:p>
          <w:p w:rsidR="00156FB3" w:rsidRDefault="00156FB3" w:rsidP="00156FB3">
            <w:r>
              <w:t xml:space="preserve">    background-position: -198px 0px;</w:t>
            </w:r>
          </w:p>
          <w:p w:rsidR="00156FB3" w:rsidRDefault="00156FB3" w:rsidP="00156FB3">
            <w:r>
              <w:t>}</w:t>
            </w:r>
          </w:p>
          <w:p w:rsidR="00156FB3" w:rsidRDefault="00156FB3" w:rsidP="00156FB3"/>
          <w:p w:rsidR="00156FB3" w:rsidRDefault="00156FB3" w:rsidP="00156FB3">
            <w:r>
              <w:t>.iti__flag.iti__ar {</w:t>
            </w:r>
          </w:p>
          <w:p w:rsidR="00156FB3" w:rsidRDefault="00156FB3" w:rsidP="00156FB3">
            <w:r>
              <w:t xml:space="preserve">    height: 13px;</w:t>
            </w:r>
          </w:p>
          <w:p w:rsidR="00156FB3" w:rsidRDefault="00156FB3" w:rsidP="00156FB3">
            <w:r>
              <w:t xml:space="preserve">    background-position: -220px 0px;</w:t>
            </w:r>
          </w:p>
          <w:p w:rsidR="00156FB3" w:rsidRDefault="00156FB3" w:rsidP="00156FB3">
            <w:r>
              <w:t>}</w:t>
            </w:r>
          </w:p>
          <w:p w:rsidR="00156FB3" w:rsidRDefault="00156FB3" w:rsidP="00156FB3"/>
          <w:p w:rsidR="00156FB3" w:rsidRDefault="00156FB3" w:rsidP="00156FB3">
            <w:r>
              <w:t>.iti__flag.iti__as {</w:t>
            </w:r>
          </w:p>
          <w:p w:rsidR="00156FB3" w:rsidRDefault="00156FB3" w:rsidP="00156FB3">
            <w:r>
              <w:t xml:space="preserve">    height: 10px;</w:t>
            </w:r>
          </w:p>
          <w:p w:rsidR="00156FB3" w:rsidRDefault="00156FB3" w:rsidP="00156FB3">
            <w:r>
              <w:t xml:space="preserve">    background-position: -242px 0px;</w:t>
            </w:r>
          </w:p>
          <w:p w:rsidR="00156FB3" w:rsidRDefault="00156FB3" w:rsidP="00156FB3">
            <w:r>
              <w:t>}</w:t>
            </w:r>
          </w:p>
          <w:p w:rsidR="00156FB3" w:rsidRDefault="00156FB3" w:rsidP="00156FB3"/>
          <w:p w:rsidR="00156FB3" w:rsidRDefault="00156FB3" w:rsidP="00156FB3">
            <w:r>
              <w:t>.iti__flag.iti__at {</w:t>
            </w:r>
          </w:p>
          <w:p w:rsidR="00156FB3" w:rsidRDefault="00156FB3" w:rsidP="00156FB3">
            <w:r>
              <w:t xml:space="preserve">    height: 14px;</w:t>
            </w:r>
          </w:p>
          <w:p w:rsidR="00156FB3" w:rsidRDefault="00156FB3" w:rsidP="00156FB3">
            <w:r>
              <w:t xml:space="preserve">    background-position: -264px 0px;</w:t>
            </w:r>
          </w:p>
          <w:p w:rsidR="00156FB3" w:rsidRDefault="00156FB3" w:rsidP="00156FB3">
            <w:r>
              <w:t>}</w:t>
            </w:r>
          </w:p>
          <w:p w:rsidR="00156FB3" w:rsidRDefault="00156FB3" w:rsidP="00156FB3"/>
          <w:p w:rsidR="00156FB3" w:rsidRDefault="00156FB3" w:rsidP="00156FB3">
            <w:r>
              <w:t>.iti__flag.iti__au {</w:t>
            </w:r>
          </w:p>
          <w:p w:rsidR="00156FB3" w:rsidRDefault="00156FB3" w:rsidP="00156FB3">
            <w:r>
              <w:t xml:space="preserve">    height: 10px;</w:t>
            </w:r>
          </w:p>
          <w:p w:rsidR="00156FB3" w:rsidRDefault="00156FB3" w:rsidP="00156FB3">
            <w:r>
              <w:t xml:space="preserve">    background-position: -286px 0px;</w:t>
            </w:r>
          </w:p>
          <w:p w:rsidR="00156FB3" w:rsidRDefault="00156FB3" w:rsidP="00156FB3">
            <w:r>
              <w:t>}</w:t>
            </w:r>
          </w:p>
          <w:p w:rsidR="00156FB3" w:rsidRDefault="00156FB3" w:rsidP="00156FB3"/>
          <w:p w:rsidR="00156FB3" w:rsidRDefault="00156FB3" w:rsidP="00156FB3">
            <w:r>
              <w:t>.iti__flag.iti__aw {</w:t>
            </w:r>
          </w:p>
          <w:p w:rsidR="00156FB3" w:rsidRDefault="00156FB3" w:rsidP="00156FB3">
            <w:r>
              <w:t xml:space="preserve">    height: 14px;</w:t>
            </w:r>
          </w:p>
          <w:p w:rsidR="00156FB3" w:rsidRDefault="00156FB3" w:rsidP="00156FB3">
            <w:r>
              <w:t xml:space="preserve">    background-position: -308px 0px;</w:t>
            </w:r>
          </w:p>
          <w:p w:rsidR="00156FB3" w:rsidRDefault="00156FB3" w:rsidP="00156FB3">
            <w:r>
              <w:t>}</w:t>
            </w:r>
          </w:p>
          <w:p w:rsidR="00156FB3" w:rsidRDefault="00156FB3" w:rsidP="00156FB3"/>
          <w:p w:rsidR="00156FB3" w:rsidRDefault="00156FB3" w:rsidP="00156FB3">
            <w:r>
              <w:t>.iti__flag.iti__ax {</w:t>
            </w:r>
          </w:p>
          <w:p w:rsidR="00156FB3" w:rsidRDefault="00156FB3" w:rsidP="00156FB3">
            <w:r>
              <w:t xml:space="preserve">    height: 13px;</w:t>
            </w:r>
          </w:p>
          <w:p w:rsidR="00156FB3" w:rsidRDefault="00156FB3" w:rsidP="00156FB3">
            <w:r>
              <w:t xml:space="preserve">    background-position: -330px 0px;</w:t>
            </w:r>
          </w:p>
          <w:p w:rsidR="00156FB3" w:rsidRDefault="00156FB3" w:rsidP="00156FB3">
            <w:r>
              <w:t>}</w:t>
            </w:r>
          </w:p>
          <w:p w:rsidR="00156FB3" w:rsidRDefault="00156FB3" w:rsidP="00156FB3"/>
          <w:p w:rsidR="00156FB3" w:rsidRDefault="00156FB3" w:rsidP="00156FB3">
            <w:r>
              <w:t>.iti__flag.iti__az {</w:t>
            </w:r>
          </w:p>
          <w:p w:rsidR="00156FB3" w:rsidRDefault="00156FB3" w:rsidP="00156FB3">
            <w:r>
              <w:t xml:space="preserve">    height: 10px;</w:t>
            </w:r>
          </w:p>
          <w:p w:rsidR="00156FB3" w:rsidRDefault="00156FB3" w:rsidP="00156FB3">
            <w:r>
              <w:t xml:space="preserve">    background-position: -352px 0px;</w:t>
            </w:r>
          </w:p>
          <w:p w:rsidR="00156FB3" w:rsidRDefault="00156FB3" w:rsidP="00156FB3">
            <w:r>
              <w:t>}</w:t>
            </w:r>
          </w:p>
          <w:p w:rsidR="00156FB3" w:rsidRDefault="00156FB3" w:rsidP="00156FB3"/>
          <w:p w:rsidR="00156FB3" w:rsidRDefault="00156FB3" w:rsidP="00156FB3">
            <w:r>
              <w:t>.iti__flag.iti__ba {</w:t>
            </w:r>
          </w:p>
          <w:p w:rsidR="00156FB3" w:rsidRDefault="00156FB3" w:rsidP="00156FB3">
            <w:r>
              <w:t xml:space="preserve">    height: 10px;</w:t>
            </w:r>
          </w:p>
          <w:p w:rsidR="00156FB3" w:rsidRDefault="00156FB3" w:rsidP="00156FB3">
            <w:r>
              <w:t xml:space="preserve">    background-position: -374px 0px;</w:t>
            </w:r>
          </w:p>
          <w:p w:rsidR="00156FB3" w:rsidRDefault="00156FB3" w:rsidP="00156FB3">
            <w:r>
              <w:t>}</w:t>
            </w:r>
          </w:p>
          <w:p w:rsidR="00156FB3" w:rsidRDefault="00156FB3" w:rsidP="00156FB3"/>
          <w:p w:rsidR="00156FB3" w:rsidRDefault="00156FB3" w:rsidP="00156FB3">
            <w:r>
              <w:t>.iti__flag.iti__bb {</w:t>
            </w:r>
          </w:p>
          <w:p w:rsidR="00156FB3" w:rsidRDefault="00156FB3" w:rsidP="00156FB3">
            <w:r>
              <w:t xml:space="preserve">    height: 14px;</w:t>
            </w:r>
          </w:p>
          <w:p w:rsidR="00156FB3" w:rsidRDefault="00156FB3" w:rsidP="00156FB3">
            <w:r>
              <w:t xml:space="preserve">    background-position: -396px 0px;</w:t>
            </w:r>
          </w:p>
          <w:p w:rsidR="00156FB3" w:rsidRDefault="00156FB3" w:rsidP="00156FB3">
            <w:r>
              <w:t>}</w:t>
            </w:r>
          </w:p>
          <w:p w:rsidR="00156FB3" w:rsidRDefault="00156FB3" w:rsidP="00156FB3"/>
          <w:p w:rsidR="00156FB3" w:rsidRDefault="00156FB3" w:rsidP="00156FB3">
            <w:r>
              <w:t>.iti__flag.iti__bd {</w:t>
            </w:r>
          </w:p>
          <w:p w:rsidR="00156FB3" w:rsidRDefault="00156FB3" w:rsidP="00156FB3">
            <w:r>
              <w:t xml:space="preserve">    height: 12px;</w:t>
            </w:r>
          </w:p>
          <w:p w:rsidR="00156FB3" w:rsidRDefault="00156FB3" w:rsidP="00156FB3">
            <w:r>
              <w:t xml:space="preserve">    background-position: -418px 0px;</w:t>
            </w:r>
          </w:p>
          <w:p w:rsidR="00156FB3" w:rsidRDefault="00156FB3" w:rsidP="00156FB3">
            <w:r>
              <w:t>}</w:t>
            </w:r>
          </w:p>
          <w:p w:rsidR="00156FB3" w:rsidRDefault="00156FB3" w:rsidP="00156FB3"/>
          <w:p w:rsidR="00156FB3" w:rsidRDefault="00156FB3" w:rsidP="00156FB3">
            <w:r>
              <w:t>.iti__flag.iti__be {</w:t>
            </w:r>
          </w:p>
          <w:p w:rsidR="00156FB3" w:rsidRDefault="00156FB3" w:rsidP="00156FB3">
            <w:r>
              <w:t xml:space="preserve">    height: 15px;</w:t>
            </w:r>
          </w:p>
          <w:p w:rsidR="00156FB3" w:rsidRDefault="00156FB3" w:rsidP="00156FB3">
            <w:r>
              <w:t xml:space="preserve">    background-position: -440px 0px;</w:t>
            </w:r>
          </w:p>
          <w:p w:rsidR="00156FB3" w:rsidRDefault="00156FB3" w:rsidP="00156FB3">
            <w:r>
              <w:t>}</w:t>
            </w:r>
          </w:p>
          <w:p w:rsidR="00156FB3" w:rsidRDefault="00156FB3" w:rsidP="00156FB3"/>
          <w:p w:rsidR="00156FB3" w:rsidRDefault="00156FB3" w:rsidP="00156FB3">
            <w:r>
              <w:t>.iti__flag.iti__bf {</w:t>
            </w:r>
          </w:p>
          <w:p w:rsidR="00156FB3" w:rsidRDefault="00156FB3" w:rsidP="00156FB3">
            <w:r>
              <w:t xml:space="preserve">    height: 14px;</w:t>
            </w:r>
          </w:p>
          <w:p w:rsidR="00156FB3" w:rsidRDefault="00156FB3" w:rsidP="00156FB3">
            <w:r>
              <w:t xml:space="preserve">    background-position: -460px 0px;</w:t>
            </w:r>
          </w:p>
          <w:p w:rsidR="00156FB3" w:rsidRDefault="00156FB3" w:rsidP="00156FB3">
            <w:r>
              <w:t>}</w:t>
            </w:r>
          </w:p>
          <w:p w:rsidR="00156FB3" w:rsidRDefault="00156FB3" w:rsidP="00156FB3"/>
          <w:p w:rsidR="00156FB3" w:rsidRDefault="00156FB3" w:rsidP="00156FB3">
            <w:r>
              <w:t>.iti__flag.iti__bg {</w:t>
            </w:r>
          </w:p>
          <w:p w:rsidR="00156FB3" w:rsidRDefault="00156FB3" w:rsidP="00156FB3">
            <w:r>
              <w:t xml:space="preserve">    height: 12px;</w:t>
            </w:r>
          </w:p>
          <w:p w:rsidR="00156FB3" w:rsidRDefault="00156FB3" w:rsidP="00156FB3">
            <w:r>
              <w:t xml:space="preserve">    background-position: -482px 0px;</w:t>
            </w:r>
          </w:p>
          <w:p w:rsidR="00156FB3" w:rsidRDefault="00156FB3" w:rsidP="00156FB3">
            <w:r>
              <w:t>}</w:t>
            </w:r>
          </w:p>
          <w:p w:rsidR="00156FB3" w:rsidRDefault="00156FB3" w:rsidP="00156FB3"/>
          <w:p w:rsidR="00156FB3" w:rsidRDefault="00156FB3" w:rsidP="00156FB3">
            <w:r>
              <w:t>.iti__flag.iti__bh {</w:t>
            </w:r>
          </w:p>
          <w:p w:rsidR="00156FB3" w:rsidRDefault="00156FB3" w:rsidP="00156FB3">
            <w:r>
              <w:t xml:space="preserve">    height: 12px;</w:t>
            </w:r>
          </w:p>
          <w:p w:rsidR="00156FB3" w:rsidRDefault="00156FB3" w:rsidP="00156FB3">
            <w:r>
              <w:t xml:space="preserve">    background-position: -504px 0px;</w:t>
            </w:r>
          </w:p>
          <w:p w:rsidR="00156FB3" w:rsidRDefault="00156FB3" w:rsidP="00156FB3">
            <w:r>
              <w:t>}</w:t>
            </w:r>
          </w:p>
          <w:p w:rsidR="00156FB3" w:rsidRDefault="00156FB3" w:rsidP="00156FB3"/>
          <w:p w:rsidR="00156FB3" w:rsidRDefault="00156FB3" w:rsidP="00156FB3">
            <w:r>
              <w:t>.iti__flag.iti__bi {</w:t>
            </w:r>
          </w:p>
          <w:p w:rsidR="00156FB3" w:rsidRDefault="00156FB3" w:rsidP="00156FB3">
            <w:r>
              <w:t xml:space="preserve">    height: 12px;</w:t>
            </w:r>
          </w:p>
          <w:p w:rsidR="00156FB3" w:rsidRDefault="00156FB3" w:rsidP="00156FB3">
            <w:r>
              <w:t xml:space="preserve">    background-position: -526px 0px;</w:t>
            </w:r>
          </w:p>
          <w:p w:rsidR="00156FB3" w:rsidRDefault="00156FB3" w:rsidP="00156FB3">
            <w:r>
              <w:t>}</w:t>
            </w:r>
          </w:p>
          <w:p w:rsidR="00156FB3" w:rsidRDefault="00156FB3" w:rsidP="00156FB3"/>
          <w:p w:rsidR="00156FB3" w:rsidRDefault="00156FB3" w:rsidP="00156FB3">
            <w:r>
              <w:t>.iti__flag.iti__bj {</w:t>
            </w:r>
          </w:p>
          <w:p w:rsidR="00156FB3" w:rsidRDefault="00156FB3" w:rsidP="00156FB3">
            <w:r>
              <w:t xml:space="preserve">    height: 14px;</w:t>
            </w:r>
          </w:p>
          <w:p w:rsidR="00156FB3" w:rsidRDefault="00156FB3" w:rsidP="00156FB3">
            <w:r>
              <w:t xml:space="preserve">    background-position: -548px 0px;</w:t>
            </w:r>
          </w:p>
          <w:p w:rsidR="00156FB3" w:rsidRDefault="00156FB3" w:rsidP="00156FB3">
            <w:r>
              <w:t>}</w:t>
            </w:r>
          </w:p>
          <w:p w:rsidR="00156FB3" w:rsidRDefault="00156FB3" w:rsidP="00156FB3"/>
          <w:p w:rsidR="00156FB3" w:rsidRDefault="00156FB3" w:rsidP="00156FB3">
            <w:r>
              <w:t>.iti__flag.iti__bl {</w:t>
            </w:r>
          </w:p>
          <w:p w:rsidR="00156FB3" w:rsidRDefault="00156FB3" w:rsidP="00156FB3">
            <w:r>
              <w:t xml:space="preserve">    height: 14px;</w:t>
            </w:r>
          </w:p>
          <w:p w:rsidR="00156FB3" w:rsidRDefault="00156FB3" w:rsidP="00156FB3">
            <w:r>
              <w:t xml:space="preserve">    background-position: -570px 0px;</w:t>
            </w:r>
          </w:p>
          <w:p w:rsidR="00156FB3" w:rsidRDefault="00156FB3" w:rsidP="00156FB3">
            <w:r>
              <w:t>}</w:t>
            </w:r>
          </w:p>
          <w:p w:rsidR="00156FB3" w:rsidRDefault="00156FB3" w:rsidP="00156FB3"/>
          <w:p w:rsidR="00156FB3" w:rsidRDefault="00156FB3" w:rsidP="00156FB3">
            <w:r>
              <w:t>.iti__flag.iti__bm {</w:t>
            </w:r>
          </w:p>
          <w:p w:rsidR="00156FB3" w:rsidRDefault="00156FB3" w:rsidP="00156FB3">
            <w:r>
              <w:t xml:space="preserve">    height: 10px;</w:t>
            </w:r>
          </w:p>
          <w:p w:rsidR="00156FB3" w:rsidRDefault="00156FB3" w:rsidP="00156FB3">
            <w:r>
              <w:t xml:space="preserve">    background-position: -592px 0px;</w:t>
            </w:r>
          </w:p>
          <w:p w:rsidR="00156FB3" w:rsidRDefault="00156FB3" w:rsidP="00156FB3">
            <w:r>
              <w:t>}</w:t>
            </w:r>
          </w:p>
          <w:p w:rsidR="00156FB3" w:rsidRDefault="00156FB3" w:rsidP="00156FB3"/>
          <w:p w:rsidR="00156FB3" w:rsidRDefault="00156FB3" w:rsidP="00156FB3">
            <w:r>
              <w:t>.iti__flag.iti__bn {</w:t>
            </w:r>
          </w:p>
          <w:p w:rsidR="00156FB3" w:rsidRDefault="00156FB3" w:rsidP="00156FB3">
            <w:r>
              <w:t xml:space="preserve">    height: 10px;</w:t>
            </w:r>
          </w:p>
          <w:p w:rsidR="00156FB3" w:rsidRDefault="00156FB3" w:rsidP="00156FB3">
            <w:r>
              <w:t xml:space="preserve">    background-position: -614px 0px;</w:t>
            </w:r>
          </w:p>
          <w:p w:rsidR="00156FB3" w:rsidRDefault="00156FB3" w:rsidP="00156FB3">
            <w:r>
              <w:t>}</w:t>
            </w:r>
          </w:p>
          <w:p w:rsidR="00156FB3" w:rsidRDefault="00156FB3" w:rsidP="00156FB3"/>
          <w:p w:rsidR="00156FB3" w:rsidRDefault="00156FB3" w:rsidP="00156FB3">
            <w:r>
              <w:t>.iti__flag.iti__bo {</w:t>
            </w:r>
          </w:p>
          <w:p w:rsidR="00156FB3" w:rsidRDefault="00156FB3" w:rsidP="00156FB3">
            <w:r>
              <w:t xml:space="preserve">    height: 14px;</w:t>
            </w:r>
          </w:p>
          <w:p w:rsidR="00156FB3" w:rsidRDefault="00156FB3" w:rsidP="00156FB3">
            <w:r>
              <w:t xml:space="preserve">    background-position: -636px 0px;</w:t>
            </w:r>
          </w:p>
          <w:p w:rsidR="00156FB3" w:rsidRDefault="00156FB3" w:rsidP="00156FB3">
            <w:r>
              <w:t>}</w:t>
            </w:r>
          </w:p>
          <w:p w:rsidR="00156FB3" w:rsidRDefault="00156FB3" w:rsidP="00156FB3"/>
          <w:p w:rsidR="00156FB3" w:rsidRDefault="00156FB3" w:rsidP="00156FB3">
            <w:r>
              <w:t>.iti__flag.iti__bq {</w:t>
            </w:r>
          </w:p>
          <w:p w:rsidR="00156FB3" w:rsidRDefault="00156FB3" w:rsidP="00156FB3">
            <w:r>
              <w:t xml:space="preserve">    height: 14px;</w:t>
            </w:r>
          </w:p>
          <w:p w:rsidR="00156FB3" w:rsidRDefault="00156FB3" w:rsidP="00156FB3">
            <w:r>
              <w:t xml:space="preserve">    background-position: -658px 0px;</w:t>
            </w:r>
          </w:p>
          <w:p w:rsidR="00156FB3" w:rsidRDefault="00156FB3" w:rsidP="00156FB3">
            <w:r>
              <w:t>}</w:t>
            </w:r>
          </w:p>
          <w:p w:rsidR="00156FB3" w:rsidRDefault="00156FB3" w:rsidP="00156FB3"/>
          <w:p w:rsidR="00156FB3" w:rsidRDefault="00156FB3" w:rsidP="00156FB3">
            <w:r>
              <w:t>.iti__flag.iti__br {</w:t>
            </w:r>
          </w:p>
          <w:p w:rsidR="00156FB3" w:rsidRDefault="00156FB3" w:rsidP="00156FB3">
            <w:r>
              <w:t xml:space="preserve">    height: 14px;</w:t>
            </w:r>
          </w:p>
          <w:p w:rsidR="00156FB3" w:rsidRDefault="00156FB3" w:rsidP="00156FB3">
            <w:r>
              <w:t xml:space="preserve">    background-position: -680px 0px;</w:t>
            </w:r>
          </w:p>
          <w:p w:rsidR="00156FB3" w:rsidRDefault="00156FB3" w:rsidP="00156FB3">
            <w:r>
              <w:t>}</w:t>
            </w:r>
          </w:p>
          <w:p w:rsidR="00156FB3" w:rsidRDefault="00156FB3" w:rsidP="00156FB3"/>
          <w:p w:rsidR="00156FB3" w:rsidRDefault="00156FB3" w:rsidP="00156FB3">
            <w:r>
              <w:t>.iti__flag.iti__bs {</w:t>
            </w:r>
          </w:p>
          <w:p w:rsidR="00156FB3" w:rsidRDefault="00156FB3" w:rsidP="00156FB3">
            <w:r>
              <w:t xml:space="preserve">    height: 10px;</w:t>
            </w:r>
          </w:p>
          <w:p w:rsidR="00156FB3" w:rsidRDefault="00156FB3" w:rsidP="00156FB3">
            <w:r>
              <w:t xml:space="preserve">    background-position: -702px 0px;</w:t>
            </w:r>
          </w:p>
          <w:p w:rsidR="00156FB3" w:rsidRDefault="00156FB3" w:rsidP="00156FB3">
            <w:r>
              <w:t>}</w:t>
            </w:r>
          </w:p>
          <w:p w:rsidR="00156FB3" w:rsidRDefault="00156FB3" w:rsidP="00156FB3"/>
          <w:p w:rsidR="00156FB3" w:rsidRDefault="00156FB3" w:rsidP="00156FB3">
            <w:r>
              <w:t>.iti__flag.iti__bt {</w:t>
            </w:r>
          </w:p>
          <w:p w:rsidR="00156FB3" w:rsidRDefault="00156FB3" w:rsidP="00156FB3">
            <w:r>
              <w:t xml:space="preserve">    height: 14px;</w:t>
            </w:r>
          </w:p>
          <w:p w:rsidR="00156FB3" w:rsidRDefault="00156FB3" w:rsidP="00156FB3">
            <w:r>
              <w:t xml:space="preserve">    background-position: -724px 0px;</w:t>
            </w:r>
          </w:p>
          <w:p w:rsidR="00156FB3" w:rsidRDefault="00156FB3" w:rsidP="00156FB3">
            <w:r>
              <w:t>}</w:t>
            </w:r>
          </w:p>
          <w:p w:rsidR="00156FB3" w:rsidRDefault="00156FB3" w:rsidP="00156FB3"/>
          <w:p w:rsidR="00156FB3" w:rsidRDefault="00156FB3" w:rsidP="00156FB3">
            <w:r>
              <w:t>.iti__flag.iti__bv {</w:t>
            </w:r>
          </w:p>
          <w:p w:rsidR="00156FB3" w:rsidRDefault="00156FB3" w:rsidP="00156FB3">
            <w:r>
              <w:t xml:space="preserve">    height: 15px;</w:t>
            </w:r>
          </w:p>
          <w:p w:rsidR="00156FB3" w:rsidRDefault="00156FB3" w:rsidP="00156FB3">
            <w:r>
              <w:t xml:space="preserve">    background-position: -746px 0px;</w:t>
            </w:r>
          </w:p>
          <w:p w:rsidR="00156FB3" w:rsidRDefault="00156FB3" w:rsidP="00156FB3">
            <w:r>
              <w:t>}</w:t>
            </w:r>
          </w:p>
          <w:p w:rsidR="00156FB3" w:rsidRDefault="00156FB3" w:rsidP="00156FB3"/>
          <w:p w:rsidR="00156FB3" w:rsidRDefault="00156FB3" w:rsidP="00156FB3">
            <w:r>
              <w:t>.iti__flag.iti__bw {</w:t>
            </w:r>
          </w:p>
          <w:p w:rsidR="00156FB3" w:rsidRDefault="00156FB3" w:rsidP="00156FB3">
            <w:r>
              <w:t xml:space="preserve">    height: 14px;</w:t>
            </w:r>
          </w:p>
          <w:p w:rsidR="00156FB3" w:rsidRDefault="00156FB3" w:rsidP="00156FB3">
            <w:r>
              <w:t xml:space="preserve">    background-position: -768px 0px;</w:t>
            </w:r>
          </w:p>
          <w:p w:rsidR="00156FB3" w:rsidRDefault="00156FB3" w:rsidP="00156FB3">
            <w:r>
              <w:t>}</w:t>
            </w:r>
          </w:p>
          <w:p w:rsidR="00156FB3" w:rsidRDefault="00156FB3" w:rsidP="00156FB3"/>
          <w:p w:rsidR="00156FB3" w:rsidRDefault="00156FB3" w:rsidP="00156FB3">
            <w:r>
              <w:t>.iti__flag.iti__by {</w:t>
            </w:r>
          </w:p>
          <w:p w:rsidR="00156FB3" w:rsidRDefault="00156FB3" w:rsidP="00156FB3">
            <w:r>
              <w:t xml:space="preserve">    height: 10px;</w:t>
            </w:r>
          </w:p>
          <w:p w:rsidR="00156FB3" w:rsidRDefault="00156FB3" w:rsidP="00156FB3">
            <w:r>
              <w:t xml:space="preserve">    background-position: -790px 0px;</w:t>
            </w:r>
          </w:p>
          <w:p w:rsidR="00156FB3" w:rsidRDefault="00156FB3" w:rsidP="00156FB3">
            <w:r>
              <w:t>}</w:t>
            </w:r>
          </w:p>
          <w:p w:rsidR="00156FB3" w:rsidRDefault="00156FB3" w:rsidP="00156FB3"/>
          <w:p w:rsidR="00156FB3" w:rsidRDefault="00156FB3" w:rsidP="00156FB3">
            <w:r>
              <w:t>.iti__flag.iti__bz {</w:t>
            </w:r>
          </w:p>
          <w:p w:rsidR="00156FB3" w:rsidRDefault="00156FB3" w:rsidP="00156FB3">
            <w:r>
              <w:t xml:space="preserve">    height: 14px;</w:t>
            </w:r>
          </w:p>
          <w:p w:rsidR="00156FB3" w:rsidRDefault="00156FB3" w:rsidP="00156FB3">
            <w:r>
              <w:t xml:space="preserve">    background-position: -812px 0px;</w:t>
            </w:r>
          </w:p>
          <w:p w:rsidR="00156FB3" w:rsidRDefault="00156FB3" w:rsidP="00156FB3">
            <w:r>
              <w:t>}</w:t>
            </w:r>
          </w:p>
          <w:p w:rsidR="00156FB3" w:rsidRDefault="00156FB3" w:rsidP="00156FB3"/>
          <w:p w:rsidR="00156FB3" w:rsidRDefault="00156FB3" w:rsidP="00156FB3">
            <w:r>
              <w:t>.iti__flag.iti__ca {</w:t>
            </w:r>
          </w:p>
          <w:p w:rsidR="00156FB3" w:rsidRDefault="00156FB3" w:rsidP="00156FB3">
            <w:r>
              <w:t xml:space="preserve">    height: 10px;</w:t>
            </w:r>
          </w:p>
          <w:p w:rsidR="00156FB3" w:rsidRDefault="00156FB3" w:rsidP="00156FB3">
            <w:r>
              <w:t xml:space="preserve">    background-position: -834px 0px;</w:t>
            </w:r>
          </w:p>
          <w:p w:rsidR="00156FB3" w:rsidRDefault="00156FB3" w:rsidP="00156FB3">
            <w:r>
              <w:t>}</w:t>
            </w:r>
          </w:p>
          <w:p w:rsidR="00156FB3" w:rsidRDefault="00156FB3" w:rsidP="00156FB3"/>
          <w:p w:rsidR="00156FB3" w:rsidRDefault="00156FB3" w:rsidP="00156FB3">
            <w:r>
              <w:t>.iti__flag.iti__cc {</w:t>
            </w:r>
          </w:p>
          <w:p w:rsidR="00156FB3" w:rsidRDefault="00156FB3" w:rsidP="00156FB3">
            <w:r>
              <w:t xml:space="preserve">    height: 10px;</w:t>
            </w:r>
          </w:p>
          <w:p w:rsidR="00156FB3" w:rsidRDefault="00156FB3" w:rsidP="00156FB3">
            <w:r>
              <w:t xml:space="preserve">    background-position: -856px 0px;</w:t>
            </w:r>
          </w:p>
          <w:p w:rsidR="00156FB3" w:rsidRDefault="00156FB3" w:rsidP="00156FB3">
            <w:r>
              <w:t>}</w:t>
            </w:r>
          </w:p>
          <w:p w:rsidR="00156FB3" w:rsidRDefault="00156FB3" w:rsidP="00156FB3"/>
          <w:p w:rsidR="00156FB3" w:rsidRDefault="00156FB3" w:rsidP="00156FB3">
            <w:r>
              <w:t>.iti__flag.iti__cd {</w:t>
            </w:r>
          </w:p>
          <w:p w:rsidR="00156FB3" w:rsidRDefault="00156FB3" w:rsidP="00156FB3">
            <w:r>
              <w:t xml:space="preserve">    height: 15px;</w:t>
            </w:r>
          </w:p>
          <w:p w:rsidR="00156FB3" w:rsidRDefault="00156FB3" w:rsidP="00156FB3">
            <w:r>
              <w:t xml:space="preserve">    background-position: -878px 0px;</w:t>
            </w:r>
          </w:p>
          <w:p w:rsidR="00156FB3" w:rsidRDefault="00156FB3" w:rsidP="00156FB3">
            <w:r>
              <w:t>}</w:t>
            </w:r>
          </w:p>
          <w:p w:rsidR="00156FB3" w:rsidRDefault="00156FB3" w:rsidP="00156FB3"/>
          <w:p w:rsidR="00156FB3" w:rsidRDefault="00156FB3" w:rsidP="00156FB3">
            <w:r>
              <w:t>.iti__flag.iti__cf {</w:t>
            </w:r>
          </w:p>
          <w:p w:rsidR="00156FB3" w:rsidRDefault="00156FB3" w:rsidP="00156FB3">
            <w:r>
              <w:t xml:space="preserve">    height: 14px;</w:t>
            </w:r>
          </w:p>
          <w:p w:rsidR="00156FB3" w:rsidRDefault="00156FB3" w:rsidP="00156FB3">
            <w:r>
              <w:t xml:space="preserve">    background-position: -900px 0px;</w:t>
            </w:r>
          </w:p>
          <w:p w:rsidR="00156FB3" w:rsidRDefault="00156FB3" w:rsidP="00156FB3">
            <w:r>
              <w:t>}</w:t>
            </w:r>
          </w:p>
          <w:p w:rsidR="00156FB3" w:rsidRDefault="00156FB3" w:rsidP="00156FB3"/>
          <w:p w:rsidR="00156FB3" w:rsidRDefault="00156FB3" w:rsidP="00156FB3">
            <w:r>
              <w:t>.iti__flag.iti__cg {</w:t>
            </w:r>
          </w:p>
          <w:p w:rsidR="00156FB3" w:rsidRDefault="00156FB3" w:rsidP="00156FB3">
            <w:r>
              <w:t xml:space="preserve">    height: 14px;</w:t>
            </w:r>
          </w:p>
          <w:p w:rsidR="00156FB3" w:rsidRDefault="00156FB3" w:rsidP="00156FB3">
            <w:r>
              <w:t xml:space="preserve">    background-position: -922px 0px;</w:t>
            </w:r>
          </w:p>
          <w:p w:rsidR="00156FB3" w:rsidRDefault="00156FB3" w:rsidP="00156FB3">
            <w:r>
              <w:t>}</w:t>
            </w:r>
          </w:p>
          <w:p w:rsidR="00156FB3" w:rsidRDefault="00156FB3" w:rsidP="00156FB3"/>
          <w:p w:rsidR="00156FB3" w:rsidRDefault="00156FB3" w:rsidP="00156FB3">
            <w:r>
              <w:t>.iti__flag.iti__ch {</w:t>
            </w:r>
          </w:p>
          <w:p w:rsidR="00156FB3" w:rsidRDefault="00156FB3" w:rsidP="00156FB3">
            <w:r>
              <w:t xml:space="preserve">    height: 15px;</w:t>
            </w:r>
          </w:p>
          <w:p w:rsidR="00156FB3" w:rsidRDefault="00156FB3" w:rsidP="00156FB3">
            <w:r>
              <w:t xml:space="preserve">    background-position: -944px 0px;</w:t>
            </w:r>
          </w:p>
          <w:p w:rsidR="00156FB3" w:rsidRDefault="00156FB3" w:rsidP="00156FB3">
            <w:r>
              <w:t>}</w:t>
            </w:r>
          </w:p>
          <w:p w:rsidR="00156FB3" w:rsidRDefault="00156FB3" w:rsidP="00156FB3"/>
          <w:p w:rsidR="00156FB3" w:rsidRDefault="00156FB3" w:rsidP="00156FB3">
            <w:r>
              <w:t>.iti__flag.iti__ci {</w:t>
            </w:r>
          </w:p>
          <w:p w:rsidR="00156FB3" w:rsidRDefault="00156FB3" w:rsidP="00156FB3">
            <w:r>
              <w:t xml:space="preserve">    height: 14px;</w:t>
            </w:r>
          </w:p>
          <w:p w:rsidR="00156FB3" w:rsidRDefault="00156FB3" w:rsidP="00156FB3">
            <w:r>
              <w:t xml:space="preserve">    background-position: -961px 0px;</w:t>
            </w:r>
          </w:p>
          <w:p w:rsidR="00156FB3" w:rsidRDefault="00156FB3" w:rsidP="00156FB3">
            <w:r>
              <w:t>}</w:t>
            </w:r>
          </w:p>
          <w:p w:rsidR="00156FB3" w:rsidRDefault="00156FB3" w:rsidP="00156FB3"/>
          <w:p w:rsidR="00156FB3" w:rsidRDefault="00156FB3" w:rsidP="00156FB3">
            <w:r>
              <w:t>.iti__flag.iti__ck {</w:t>
            </w:r>
          </w:p>
          <w:p w:rsidR="00156FB3" w:rsidRDefault="00156FB3" w:rsidP="00156FB3">
            <w:r>
              <w:t xml:space="preserve">    height: 10px;</w:t>
            </w:r>
          </w:p>
          <w:p w:rsidR="00156FB3" w:rsidRDefault="00156FB3" w:rsidP="00156FB3">
            <w:r>
              <w:t xml:space="preserve">    background-position: -983px 0px;</w:t>
            </w:r>
          </w:p>
          <w:p w:rsidR="00156FB3" w:rsidRDefault="00156FB3" w:rsidP="00156FB3">
            <w:r>
              <w:t>}</w:t>
            </w:r>
          </w:p>
          <w:p w:rsidR="00156FB3" w:rsidRDefault="00156FB3" w:rsidP="00156FB3"/>
          <w:p w:rsidR="00156FB3" w:rsidRDefault="00156FB3" w:rsidP="00156FB3">
            <w:r>
              <w:t>.iti__flag.iti__cl {</w:t>
            </w:r>
          </w:p>
          <w:p w:rsidR="00156FB3" w:rsidRDefault="00156FB3" w:rsidP="00156FB3">
            <w:r>
              <w:t xml:space="preserve">    height: 14px;</w:t>
            </w:r>
          </w:p>
          <w:p w:rsidR="00156FB3" w:rsidRDefault="00156FB3" w:rsidP="00156FB3">
            <w:r>
              <w:t xml:space="preserve">    background-position: -1005px 0px;</w:t>
            </w:r>
          </w:p>
          <w:p w:rsidR="00156FB3" w:rsidRDefault="00156FB3" w:rsidP="00156FB3">
            <w:r>
              <w:t>}</w:t>
            </w:r>
          </w:p>
          <w:p w:rsidR="00156FB3" w:rsidRDefault="00156FB3" w:rsidP="00156FB3"/>
          <w:p w:rsidR="00156FB3" w:rsidRDefault="00156FB3" w:rsidP="00156FB3">
            <w:r>
              <w:t>.iti__flag.iti__cm {</w:t>
            </w:r>
          </w:p>
          <w:p w:rsidR="00156FB3" w:rsidRDefault="00156FB3" w:rsidP="00156FB3">
            <w:r>
              <w:t xml:space="preserve">    height: 14px;</w:t>
            </w:r>
          </w:p>
          <w:p w:rsidR="00156FB3" w:rsidRDefault="00156FB3" w:rsidP="00156FB3">
            <w:r>
              <w:t xml:space="preserve">    background-position: -1027px 0px;</w:t>
            </w:r>
          </w:p>
          <w:p w:rsidR="00156FB3" w:rsidRDefault="00156FB3" w:rsidP="00156FB3">
            <w:r>
              <w:t>}</w:t>
            </w:r>
          </w:p>
          <w:p w:rsidR="00156FB3" w:rsidRDefault="00156FB3" w:rsidP="00156FB3"/>
          <w:p w:rsidR="00156FB3" w:rsidRDefault="00156FB3" w:rsidP="00156FB3">
            <w:r>
              <w:t>.iti__flag.iti__cn {</w:t>
            </w:r>
          </w:p>
          <w:p w:rsidR="00156FB3" w:rsidRDefault="00156FB3" w:rsidP="00156FB3">
            <w:r>
              <w:t xml:space="preserve">    height: 14px;</w:t>
            </w:r>
          </w:p>
          <w:p w:rsidR="00156FB3" w:rsidRDefault="00156FB3" w:rsidP="00156FB3">
            <w:r>
              <w:t xml:space="preserve">    background-position: -1049px 0px;</w:t>
            </w:r>
          </w:p>
          <w:p w:rsidR="00156FB3" w:rsidRDefault="00156FB3" w:rsidP="00156FB3">
            <w:r>
              <w:t>}</w:t>
            </w:r>
          </w:p>
          <w:p w:rsidR="00156FB3" w:rsidRDefault="00156FB3" w:rsidP="00156FB3"/>
          <w:p w:rsidR="00156FB3" w:rsidRDefault="00156FB3" w:rsidP="00156FB3">
            <w:r>
              <w:t>.iti__flag.iti__co {</w:t>
            </w:r>
          </w:p>
          <w:p w:rsidR="00156FB3" w:rsidRDefault="00156FB3" w:rsidP="00156FB3">
            <w:r>
              <w:t xml:space="preserve">    height: 14px;</w:t>
            </w:r>
          </w:p>
          <w:p w:rsidR="00156FB3" w:rsidRDefault="00156FB3" w:rsidP="00156FB3">
            <w:r>
              <w:t xml:space="preserve">    background-position: -1071px 0px;</w:t>
            </w:r>
          </w:p>
          <w:p w:rsidR="00156FB3" w:rsidRDefault="00156FB3" w:rsidP="00156FB3">
            <w:r>
              <w:t>}</w:t>
            </w:r>
          </w:p>
          <w:p w:rsidR="00156FB3" w:rsidRDefault="00156FB3" w:rsidP="00156FB3"/>
          <w:p w:rsidR="00156FB3" w:rsidRDefault="00156FB3" w:rsidP="00156FB3">
            <w:r>
              <w:t>.iti__flag.iti__cp {</w:t>
            </w:r>
          </w:p>
          <w:p w:rsidR="00156FB3" w:rsidRDefault="00156FB3" w:rsidP="00156FB3">
            <w:r>
              <w:t xml:space="preserve">    height: 14px;</w:t>
            </w:r>
          </w:p>
          <w:p w:rsidR="00156FB3" w:rsidRDefault="00156FB3" w:rsidP="00156FB3">
            <w:r>
              <w:t xml:space="preserve">    background-position: -1093px 0px;</w:t>
            </w:r>
          </w:p>
          <w:p w:rsidR="00156FB3" w:rsidRDefault="00156FB3" w:rsidP="00156FB3">
            <w:r>
              <w:t>}</w:t>
            </w:r>
          </w:p>
          <w:p w:rsidR="00156FB3" w:rsidRDefault="00156FB3" w:rsidP="00156FB3"/>
          <w:p w:rsidR="00156FB3" w:rsidRDefault="00156FB3" w:rsidP="00156FB3">
            <w:r>
              <w:t>.iti__flag.iti__cr {</w:t>
            </w:r>
          </w:p>
          <w:p w:rsidR="00156FB3" w:rsidRDefault="00156FB3" w:rsidP="00156FB3">
            <w:r>
              <w:t xml:space="preserve">    height: 12px;</w:t>
            </w:r>
          </w:p>
          <w:p w:rsidR="00156FB3" w:rsidRDefault="00156FB3" w:rsidP="00156FB3">
            <w:r>
              <w:t xml:space="preserve">    background-position: -1115px 0px;</w:t>
            </w:r>
          </w:p>
          <w:p w:rsidR="00156FB3" w:rsidRDefault="00156FB3" w:rsidP="00156FB3">
            <w:r>
              <w:t>}</w:t>
            </w:r>
          </w:p>
          <w:p w:rsidR="00156FB3" w:rsidRDefault="00156FB3" w:rsidP="00156FB3"/>
          <w:p w:rsidR="00156FB3" w:rsidRDefault="00156FB3" w:rsidP="00156FB3">
            <w:r>
              <w:t>.iti__flag.iti__cu {</w:t>
            </w:r>
          </w:p>
          <w:p w:rsidR="00156FB3" w:rsidRDefault="00156FB3" w:rsidP="00156FB3">
            <w:r>
              <w:t xml:space="preserve">    height: 10px;</w:t>
            </w:r>
          </w:p>
          <w:p w:rsidR="00156FB3" w:rsidRDefault="00156FB3" w:rsidP="00156FB3">
            <w:r>
              <w:t xml:space="preserve">    background-position: -1137px 0px;</w:t>
            </w:r>
          </w:p>
          <w:p w:rsidR="00156FB3" w:rsidRDefault="00156FB3" w:rsidP="00156FB3">
            <w:r>
              <w:t>}</w:t>
            </w:r>
          </w:p>
          <w:p w:rsidR="00156FB3" w:rsidRDefault="00156FB3" w:rsidP="00156FB3"/>
          <w:p w:rsidR="00156FB3" w:rsidRDefault="00156FB3" w:rsidP="00156FB3">
            <w:r>
              <w:t>.iti__flag.iti__cv {</w:t>
            </w:r>
          </w:p>
          <w:p w:rsidR="00156FB3" w:rsidRDefault="00156FB3" w:rsidP="00156FB3">
            <w:r>
              <w:t xml:space="preserve">    height: 12px;</w:t>
            </w:r>
          </w:p>
          <w:p w:rsidR="00156FB3" w:rsidRDefault="00156FB3" w:rsidP="00156FB3">
            <w:r>
              <w:t xml:space="preserve">    background-position: -1159px 0px;</w:t>
            </w:r>
          </w:p>
          <w:p w:rsidR="00156FB3" w:rsidRDefault="00156FB3" w:rsidP="00156FB3">
            <w:r>
              <w:t>}</w:t>
            </w:r>
          </w:p>
          <w:p w:rsidR="00156FB3" w:rsidRDefault="00156FB3" w:rsidP="00156FB3"/>
          <w:p w:rsidR="00156FB3" w:rsidRDefault="00156FB3" w:rsidP="00156FB3">
            <w:r>
              <w:t>.iti__flag.iti__cw {</w:t>
            </w:r>
          </w:p>
          <w:p w:rsidR="00156FB3" w:rsidRDefault="00156FB3" w:rsidP="00156FB3">
            <w:r>
              <w:t xml:space="preserve">    height: 14px;</w:t>
            </w:r>
          </w:p>
          <w:p w:rsidR="00156FB3" w:rsidRDefault="00156FB3" w:rsidP="00156FB3">
            <w:r>
              <w:t xml:space="preserve">    background-position: -1181px 0px;</w:t>
            </w:r>
          </w:p>
          <w:p w:rsidR="00156FB3" w:rsidRDefault="00156FB3" w:rsidP="00156FB3">
            <w:r>
              <w:t>}</w:t>
            </w:r>
          </w:p>
          <w:p w:rsidR="00156FB3" w:rsidRDefault="00156FB3" w:rsidP="00156FB3"/>
          <w:p w:rsidR="00156FB3" w:rsidRDefault="00156FB3" w:rsidP="00156FB3">
            <w:r>
              <w:t>.iti__flag.iti__cx {</w:t>
            </w:r>
          </w:p>
          <w:p w:rsidR="00156FB3" w:rsidRDefault="00156FB3" w:rsidP="00156FB3">
            <w:r>
              <w:t xml:space="preserve">    height: 10px;</w:t>
            </w:r>
          </w:p>
          <w:p w:rsidR="00156FB3" w:rsidRDefault="00156FB3" w:rsidP="00156FB3">
            <w:r>
              <w:t xml:space="preserve">    background-position: -1203px 0px;</w:t>
            </w:r>
          </w:p>
          <w:p w:rsidR="00156FB3" w:rsidRDefault="00156FB3" w:rsidP="00156FB3">
            <w:r>
              <w:t>}</w:t>
            </w:r>
          </w:p>
          <w:p w:rsidR="00156FB3" w:rsidRDefault="00156FB3" w:rsidP="00156FB3"/>
          <w:p w:rsidR="00156FB3" w:rsidRDefault="00156FB3" w:rsidP="00156FB3">
            <w:r>
              <w:t>.iti__flag.iti__cy {</w:t>
            </w:r>
          </w:p>
          <w:p w:rsidR="00156FB3" w:rsidRDefault="00156FB3" w:rsidP="00156FB3">
            <w:r>
              <w:t xml:space="preserve">    height: 14px;</w:t>
            </w:r>
          </w:p>
          <w:p w:rsidR="00156FB3" w:rsidRDefault="00156FB3" w:rsidP="00156FB3">
            <w:r>
              <w:t xml:space="preserve">    background-position: -1225px 0px;</w:t>
            </w:r>
          </w:p>
          <w:p w:rsidR="00156FB3" w:rsidRDefault="00156FB3" w:rsidP="00156FB3">
            <w:r>
              <w:t>}</w:t>
            </w:r>
          </w:p>
          <w:p w:rsidR="00156FB3" w:rsidRDefault="00156FB3" w:rsidP="00156FB3"/>
          <w:p w:rsidR="00156FB3" w:rsidRDefault="00156FB3" w:rsidP="00156FB3">
            <w:r>
              <w:t>.iti__flag.iti__cz {</w:t>
            </w:r>
          </w:p>
          <w:p w:rsidR="00156FB3" w:rsidRDefault="00156FB3" w:rsidP="00156FB3">
            <w:r>
              <w:t xml:space="preserve">    height: 14px;</w:t>
            </w:r>
          </w:p>
          <w:p w:rsidR="00156FB3" w:rsidRDefault="00156FB3" w:rsidP="00156FB3">
            <w:r>
              <w:t xml:space="preserve">    background-position: -1247px 0px;</w:t>
            </w:r>
          </w:p>
          <w:p w:rsidR="00156FB3" w:rsidRDefault="00156FB3" w:rsidP="00156FB3">
            <w:r>
              <w:t>}</w:t>
            </w:r>
          </w:p>
          <w:p w:rsidR="00156FB3" w:rsidRDefault="00156FB3" w:rsidP="00156FB3"/>
          <w:p w:rsidR="00156FB3" w:rsidRDefault="00156FB3" w:rsidP="00156FB3">
            <w:r>
              <w:t>.iti__flag.iti__de {</w:t>
            </w:r>
          </w:p>
          <w:p w:rsidR="00156FB3" w:rsidRDefault="00156FB3" w:rsidP="00156FB3">
            <w:r>
              <w:t xml:space="preserve">    height: 12px;</w:t>
            </w:r>
          </w:p>
          <w:p w:rsidR="00156FB3" w:rsidRDefault="00156FB3" w:rsidP="00156FB3">
            <w:r>
              <w:t xml:space="preserve">    background-position: -1269px 0px;</w:t>
            </w:r>
          </w:p>
          <w:p w:rsidR="00156FB3" w:rsidRDefault="00156FB3" w:rsidP="00156FB3">
            <w:r>
              <w:t>}</w:t>
            </w:r>
          </w:p>
          <w:p w:rsidR="00156FB3" w:rsidRDefault="00156FB3" w:rsidP="00156FB3"/>
          <w:p w:rsidR="00156FB3" w:rsidRDefault="00156FB3" w:rsidP="00156FB3">
            <w:r>
              <w:t>.iti__flag.iti__dg {</w:t>
            </w:r>
          </w:p>
          <w:p w:rsidR="00156FB3" w:rsidRDefault="00156FB3" w:rsidP="00156FB3">
            <w:r>
              <w:t xml:space="preserve">    height: 10px;</w:t>
            </w:r>
          </w:p>
          <w:p w:rsidR="00156FB3" w:rsidRDefault="00156FB3" w:rsidP="00156FB3">
            <w:r>
              <w:t xml:space="preserve">    background-position: -1291px 0px;</w:t>
            </w:r>
          </w:p>
          <w:p w:rsidR="00156FB3" w:rsidRDefault="00156FB3" w:rsidP="00156FB3">
            <w:r>
              <w:t>}</w:t>
            </w:r>
          </w:p>
          <w:p w:rsidR="00156FB3" w:rsidRDefault="00156FB3" w:rsidP="00156FB3"/>
          <w:p w:rsidR="00156FB3" w:rsidRDefault="00156FB3" w:rsidP="00156FB3">
            <w:r>
              <w:t>.iti__flag.iti__dj {</w:t>
            </w:r>
          </w:p>
          <w:p w:rsidR="00156FB3" w:rsidRDefault="00156FB3" w:rsidP="00156FB3">
            <w:r>
              <w:t xml:space="preserve">    height: 14px;</w:t>
            </w:r>
          </w:p>
          <w:p w:rsidR="00156FB3" w:rsidRDefault="00156FB3" w:rsidP="00156FB3">
            <w:r>
              <w:t xml:space="preserve">    background-position: -1313px 0px;</w:t>
            </w:r>
          </w:p>
          <w:p w:rsidR="00156FB3" w:rsidRDefault="00156FB3" w:rsidP="00156FB3">
            <w:r>
              <w:t>}</w:t>
            </w:r>
          </w:p>
          <w:p w:rsidR="00156FB3" w:rsidRDefault="00156FB3" w:rsidP="00156FB3"/>
          <w:p w:rsidR="00156FB3" w:rsidRDefault="00156FB3" w:rsidP="00156FB3">
            <w:r>
              <w:t>.iti__flag.iti__dk {</w:t>
            </w:r>
          </w:p>
          <w:p w:rsidR="00156FB3" w:rsidRDefault="00156FB3" w:rsidP="00156FB3">
            <w:r>
              <w:t xml:space="preserve">    height: 15px;</w:t>
            </w:r>
          </w:p>
          <w:p w:rsidR="00156FB3" w:rsidRDefault="00156FB3" w:rsidP="00156FB3">
            <w:r>
              <w:t xml:space="preserve">    background-position: -1335px 0px;</w:t>
            </w:r>
          </w:p>
          <w:p w:rsidR="00156FB3" w:rsidRDefault="00156FB3" w:rsidP="00156FB3">
            <w:r>
              <w:t>}</w:t>
            </w:r>
          </w:p>
          <w:p w:rsidR="00156FB3" w:rsidRDefault="00156FB3" w:rsidP="00156FB3"/>
          <w:p w:rsidR="00156FB3" w:rsidRDefault="00156FB3" w:rsidP="00156FB3">
            <w:r>
              <w:t>.iti__flag.iti__dm {</w:t>
            </w:r>
          </w:p>
          <w:p w:rsidR="00156FB3" w:rsidRDefault="00156FB3" w:rsidP="00156FB3">
            <w:r>
              <w:t xml:space="preserve">    height: 10px;</w:t>
            </w:r>
          </w:p>
          <w:p w:rsidR="00156FB3" w:rsidRDefault="00156FB3" w:rsidP="00156FB3">
            <w:r>
              <w:t xml:space="preserve">    background-position: -1357px 0px;</w:t>
            </w:r>
          </w:p>
          <w:p w:rsidR="00156FB3" w:rsidRDefault="00156FB3" w:rsidP="00156FB3">
            <w:r>
              <w:t>}</w:t>
            </w:r>
          </w:p>
          <w:p w:rsidR="00156FB3" w:rsidRDefault="00156FB3" w:rsidP="00156FB3"/>
          <w:p w:rsidR="00156FB3" w:rsidRDefault="00156FB3" w:rsidP="00156FB3">
            <w:r>
              <w:t>.iti__flag.iti__do {</w:t>
            </w:r>
          </w:p>
          <w:p w:rsidR="00156FB3" w:rsidRDefault="00156FB3" w:rsidP="00156FB3">
            <w:r>
              <w:t xml:space="preserve">    height: 14px;</w:t>
            </w:r>
          </w:p>
          <w:p w:rsidR="00156FB3" w:rsidRDefault="00156FB3" w:rsidP="00156FB3">
            <w:r>
              <w:t xml:space="preserve">    background-position: -1379px 0px;</w:t>
            </w:r>
          </w:p>
          <w:p w:rsidR="00156FB3" w:rsidRDefault="00156FB3" w:rsidP="00156FB3">
            <w:r>
              <w:t>}</w:t>
            </w:r>
          </w:p>
          <w:p w:rsidR="00156FB3" w:rsidRDefault="00156FB3" w:rsidP="00156FB3"/>
          <w:p w:rsidR="00156FB3" w:rsidRDefault="00156FB3" w:rsidP="00156FB3">
            <w:r>
              <w:t>.iti__flag.iti__dz {</w:t>
            </w:r>
          </w:p>
          <w:p w:rsidR="00156FB3" w:rsidRDefault="00156FB3" w:rsidP="00156FB3">
            <w:r>
              <w:t xml:space="preserve">    height: 14px;</w:t>
            </w:r>
          </w:p>
          <w:p w:rsidR="00156FB3" w:rsidRDefault="00156FB3" w:rsidP="00156FB3">
            <w:r>
              <w:t xml:space="preserve">    background-position: -1401px 0px;</w:t>
            </w:r>
          </w:p>
          <w:p w:rsidR="00156FB3" w:rsidRDefault="00156FB3" w:rsidP="00156FB3">
            <w:r>
              <w:t>}</w:t>
            </w:r>
          </w:p>
          <w:p w:rsidR="00156FB3" w:rsidRDefault="00156FB3" w:rsidP="00156FB3"/>
          <w:p w:rsidR="00156FB3" w:rsidRDefault="00156FB3" w:rsidP="00156FB3">
            <w:r>
              <w:t>.iti__flag.iti__ea {</w:t>
            </w:r>
          </w:p>
          <w:p w:rsidR="00156FB3" w:rsidRDefault="00156FB3" w:rsidP="00156FB3">
            <w:r>
              <w:t xml:space="preserve">    height: 14px;</w:t>
            </w:r>
          </w:p>
          <w:p w:rsidR="00156FB3" w:rsidRDefault="00156FB3" w:rsidP="00156FB3">
            <w:r>
              <w:t xml:space="preserve">    background-position: -1423px 0px;</w:t>
            </w:r>
          </w:p>
          <w:p w:rsidR="00156FB3" w:rsidRDefault="00156FB3" w:rsidP="00156FB3">
            <w:r>
              <w:t>}</w:t>
            </w:r>
          </w:p>
          <w:p w:rsidR="00156FB3" w:rsidRDefault="00156FB3" w:rsidP="00156FB3"/>
          <w:p w:rsidR="00156FB3" w:rsidRDefault="00156FB3" w:rsidP="00156FB3">
            <w:r>
              <w:t>.iti__flag.iti__ec {</w:t>
            </w:r>
          </w:p>
          <w:p w:rsidR="00156FB3" w:rsidRDefault="00156FB3" w:rsidP="00156FB3">
            <w:r>
              <w:t xml:space="preserve">    height: 14px;</w:t>
            </w:r>
          </w:p>
          <w:p w:rsidR="00156FB3" w:rsidRDefault="00156FB3" w:rsidP="00156FB3">
            <w:r>
              <w:t xml:space="preserve">    background-position: -1445px 0px;</w:t>
            </w:r>
          </w:p>
          <w:p w:rsidR="00156FB3" w:rsidRDefault="00156FB3" w:rsidP="00156FB3">
            <w:r>
              <w:t>}</w:t>
            </w:r>
          </w:p>
          <w:p w:rsidR="00156FB3" w:rsidRDefault="00156FB3" w:rsidP="00156FB3"/>
          <w:p w:rsidR="00156FB3" w:rsidRDefault="00156FB3" w:rsidP="00156FB3">
            <w:r>
              <w:t>.iti__flag.iti__ee {</w:t>
            </w:r>
          </w:p>
          <w:p w:rsidR="00156FB3" w:rsidRDefault="00156FB3" w:rsidP="00156FB3">
            <w:r>
              <w:t xml:space="preserve">    height: 13px;</w:t>
            </w:r>
          </w:p>
          <w:p w:rsidR="00156FB3" w:rsidRDefault="00156FB3" w:rsidP="00156FB3">
            <w:r>
              <w:t xml:space="preserve">    background-position: -1467px 0px;</w:t>
            </w:r>
          </w:p>
          <w:p w:rsidR="00156FB3" w:rsidRDefault="00156FB3" w:rsidP="00156FB3">
            <w:r>
              <w:t>}</w:t>
            </w:r>
          </w:p>
          <w:p w:rsidR="00156FB3" w:rsidRDefault="00156FB3" w:rsidP="00156FB3"/>
          <w:p w:rsidR="00156FB3" w:rsidRDefault="00156FB3" w:rsidP="00156FB3">
            <w:r>
              <w:t>.iti__flag.iti__eg {</w:t>
            </w:r>
          </w:p>
          <w:p w:rsidR="00156FB3" w:rsidRDefault="00156FB3" w:rsidP="00156FB3">
            <w:r>
              <w:t xml:space="preserve">    height: 14px;</w:t>
            </w:r>
          </w:p>
          <w:p w:rsidR="00156FB3" w:rsidRDefault="00156FB3" w:rsidP="00156FB3">
            <w:r>
              <w:t xml:space="preserve">    background-position: -1489px 0px;</w:t>
            </w:r>
          </w:p>
          <w:p w:rsidR="00156FB3" w:rsidRDefault="00156FB3" w:rsidP="00156FB3">
            <w:r>
              <w:t>}</w:t>
            </w:r>
          </w:p>
          <w:p w:rsidR="00156FB3" w:rsidRDefault="00156FB3" w:rsidP="00156FB3"/>
          <w:p w:rsidR="00156FB3" w:rsidRDefault="00156FB3" w:rsidP="00156FB3">
            <w:r>
              <w:t>.iti__flag.iti__eh {</w:t>
            </w:r>
          </w:p>
          <w:p w:rsidR="00156FB3" w:rsidRDefault="00156FB3" w:rsidP="00156FB3">
            <w:r>
              <w:t xml:space="preserve">    height: 10px;</w:t>
            </w:r>
          </w:p>
          <w:p w:rsidR="00156FB3" w:rsidRDefault="00156FB3" w:rsidP="00156FB3">
            <w:r>
              <w:t xml:space="preserve">    background-position: -1511px 0px;</w:t>
            </w:r>
          </w:p>
          <w:p w:rsidR="00156FB3" w:rsidRDefault="00156FB3" w:rsidP="00156FB3">
            <w:r>
              <w:t>}</w:t>
            </w:r>
          </w:p>
          <w:p w:rsidR="00156FB3" w:rsidRDefault="00156FB3" w:rsidP="00156FB3"/>
          <w:p w:rsidR="00156FB3" w:rsidRDefault="00156FB3" w:rsidP="00156FB3">
            <w:r>
              <w:t>.iti__flag.iti__er {</w:t>
            </w:r>
          </w:p>
          <w:p w:rsidR="00156FB3" w:rsidRDefault="00156FB3" w:rsidP="00156FB3">
            <w:r>
              <w:t xml:space="preserve">    height: 10px;</w:t>
            </w:r>
          </w:p>
          <w:p w:rsidR="00156FB3" w:rsidRDefault="00156FB3" w:rsidP="00156FB3">
            <w:r>
              <w:t xml:space="preserve">    background-position: -1533px 0px;</w:t>
            </w:r>
          </w:p>
          <w:p w:rsidR="00156FB3" w:rsidRDefault="00156FB3" w:rsidP="00156FB3">
            <w:r>
              <w:t>}</w:t>
            </w:r>
          </w:p>
          <w:p w:rsidR="00156FB3" w:rsidRDefault="00156FB3" w:rsidP="00156FB3"/>
          <w:p w:rsidR="00156FB3" w:rsidRDefault="00156FB3" w:rsidP="00156FB3">
            <w:r>
              <w:t>.iti__flag.iti__es {</w:t>
            </w:r>
          </w:p>
          <w:p w:rsidR="00156FB3" w:rsidRDefault="00156FB3" w:rsidP="00156FB3">
            <w:r>
              <w:t xml:space="preserve">    height: 14px;</w:t>
            </w:r>
          </w:p>
          <w:p w:rsidR="00156FB3" w:rsidRDefault="00156FB3" w:rsidP="00156FB3">
            <w:r>
              <w:t xml:space="preserve">    background-position: -1555px 0px;</w:t>
            </w:r>
          </w:p>
          <w:p w:rsidR="00156FB3" w:rsidRDefault="00156FB3" w:rsidP="00156FB3">
            <w:r>
              <w:t>}</w:t>
            </w:r>
          </w:p>
          <w:p w:rsidR="00156FB3" w:rsidRDefault="00156FB3" w:rsidP="00156FB3"/>
          <w:p w:rsidR="00156FB3" w:rsidRDefault="00156FB3" w:rsidP="00156FB3">
            <w:r>
              <w:t>.iti__flag.iti__et {</w:t>
            </w:r>
          </w:p>
          <w:p w:rsidR="00156FB3" w:rsidRDefault="00156FB3" w:rsidP="00156FB3">
            <w:r>
              <w:t xml:space="preserve">    height: 10px;</w:t>
            </w:r>
          </w:p>
          <w:p w:rsidR="00156FB3" w:rsidRDefault="00156FB3" w:rsidP="00156FB3">
            <w:r>
              <w:t xml:space="preserve">    background-position: -1577px 0px;</w:t>
            </w:r>
          </w:p>
          <w:p w:rsidR="00156FB3" w:rsidRDefault="00156FB3" w:rsidP="00156FB3">
            <w:r>
              <w:t>}</w:t>
            </w:r>
          </w:p>
          <w:p w:rsidR="00156FB3" w:rsidRDefault="00156FB3" w:rsidP="00156FB3"/>
          <w:p w:rsidR="00156FB3" w:rsidRDefault="00156FB3" w:rsidP="00156FB3">
            <w:r>
              <w:t>.iti__flag.iti__eu {</w:t>
            </w:r>
          </w:p>
          <w:p w:rsidR="00156FB3" w:rsidRDefault="00156FB3" w:rsidP="00156FB3">
            <w:r>
              <w:t xml:space="preserve">    height: 14px;</w:t>
            </w:r>
          </w:p>
          <w:p w:rsidR="00156FB3" w:rsidRDefault="00156FB3" w:rsidP="00156FB3">
            <w:r>
              <w:t xml:space="preserve">    background-position: -1599px 0px;</w:t>
            </w:r>
          </w:p>
          <w:p w:rsidR="00156FB3" w:rsidRDefault="00156FB3" w:rsidP="00156FB3">
            <w:r>
              <w:t>}</w:t>
            </w:r>
          </w:p>
          <w:p w:rsidR="00156FB3" w:rsidRDefault="00156FB3" w:rsidP="00156FB3"/>
          <w:p w:rsidR="00156FB3" w:rsidRDefault="00156FB3" w:rsidP="00156FB3">
            <w:r>
              <w:t>.iti__flag.iti__fi {</w:t>
            </w:r>
          </w:p>
          <w:p w:rsidR="00156FB3" w:rsidRDefault="00156FB3" w:rsidP="00156FB3">
            <w:r>
              <w:t xml:space="preserve">    height: 12px;</w:t>
            </w:r>
          </w:p>
          <w:p w:rsidR="00156FB3" w:rsidRDefault="00156FB3" w:rsidP="00156FB3">
            <w:r>
              <w:t xml:space="preserve">    background-position: -1621px 0px;</w:t>
            </w:r>
          </w:p>
          <w:p w:rsidR="00156FB3" w:rsidRDefault="00156FB3" w:rsidP="00156FB3">
            <w:r>
              <w:t>}</w:t>
            </w:r>
          </w:p>
          <w:p w:rsidR="00156FB3" w:rsidRDefault="00156FB3" w:rsidP="00156FB3"/>
          <w:p w:rsidR="00156FB3" w:rsidRDefault="00156FB3" w:rsidP="00156FB3">
            <w:r>
              <w:t>.iti__flag.iti__fj {</w:t>
            </w:r>
          </w:p>
          <w:p w:rsidR="00156FB3" w:rsidRDefault="00156FB3" w:rsidP="00156FB3">
            <w:r>
              <w:t xml:space="preserve">    height: 10px;</w:t>
            </w:r>
          </w:p>
          <w:p w:rsidR="00156FB3" w:rsidRDefault="00156FB3" w:rsidP="00156FB3">
            <w:r>
              <w:t xml:space="preserve">    background-position: -1643px 0px;</w:t>
            </w:r>
          </w:p>
          <w:p w:rsidR="00156FB3" w:rsidRDefault="00156FB3" w:rsidP="00156FB3">
            <w:r>
              <w:t>}</w:t>
            </w:r>
          </w:p>
          <w:p w:rsidR="00156FB3" w:rsidRDefault="00156FB3" w:rsidP="00156FB3"/>
          <w:p w:rsidR="00156FB3" w:rsidRDefault="00156FB3" w:rsidP="00156FB3">
            <w:r>
              <w:t>.iti__flag.iti__fk {</w:t>
            </w:r>
          </w:p>
          <w:p w:rsidR="00156FB3" w:rsidRDefault="00156FB3" w:rsidP="00156FB3">
            <w:r>
              <w:t xml:space="preserve">    height: 10px;</w:t>
            </w:r>
          </w:p>
          <w:p w:rsidR="00156FB3" w:rsidRDefault="00156FB3" w:rsidP="00156FB3">
            <w:r>
              <w:t xml:space="preserve">    background-position: -1665px 0px;</w:t>
            </w:r>
          </w:p>
          <w:p w:rsidR="00156FB3" w:rsidRDefault="00156FB3" w:rsidP="00156FB3">
            <w:r>
              <w:t>}</w:t>
            </w:r>
          </w:p>
          <w:p w:rsidR="00156FB3" w:rsidRDefault="00156FB3" w:rsidP="00156FB3"/>
          <w:p w:rsidR="00156FB3" w:rsidRDefault="00156FB3" w:rsidP="00156FB3">
            <w:r>
              <w:t>.iti__flag.iti__fm {</w:t>
            </w:r>
          </w:p>
          <w:p w:rsidR="00156FB3" w:rsidRDefault="00156FB3" w:rsidP="00156FB3">
            <w:r>
              <w:t xml:space="preserve">    height: 11px;</w:t>
            </w:r>
          </w:p>
          <w:p w:rsidR="00156FB3" w:rsidRDefault="00156FB3" w:rsidP="00156FB3">
            <w:r>
              <w:t xml:space="preserve">    background-position: -1687px 0px;</w:t>
            </w:r>
          </w:p>
          <w:p w:rsidR="00156FB3" w:rsidRDefault="00156FB3" w:rsidP="00156FB3">
            <w:r>
              <w:t>}</w:t>
            </w:r>
          </w:p>
          <w:p w:rsidR="00156FB3" w:rsidRDefault="00156FB3" w:rsidP="00156FB3"/>
          <w:p w:rsidR="00156FB3" w:rsidRDefault="00156FB3" w:rsidP="00156FB3">
            <w:r>
              <w:t>.iti__flag.iti__fo {</w:t>
            </w:r>
          </w:p>
          <w:p w:rsidR="00156FB3" w:rsidRDefault="00156FB3" w:rsidP="00156FB3">
            <w:r>
              <w:t xml:space="preserve">    height: 15px;</w:t>
            </w:r>
          </w:p>
          <w:p w:rsidR="00156FB3" w:rsidRDefault="00156FB3" w:rsidP="00156FB3">
            <w:r>
              <w:t xml:space="preserve">    background-position: -1709px 0px;</w:t>
            </w:r>
          </w:p>
          <w:p w:rsidR="00156FB3" w:rsidRDefault="00156FB3" w:rsidP="00156FB3">
            <w:r>
              <w:t>}</w:t>
            </w:r>
          </w:p>
          <w:p w:rsidR="00156FB3" w:rsidRDefault="00156FB3" w:rsidP="00156FB3"/>
          <w:p w:rsidR="00156FB3" w:rsidRDefault="00156FB3" w:rsidP="00156FB3">
            <w:r>
              <w:t>.iti__flag.iti__fr {</w:t>
            </w:r>
          </w:p>
          <w:p w:rsidR="00156FB3" w:rsidRDefault="00156FB3" w:rsidP="00156FB3">
            <w:r>
              <w:t xml:space="preserve">    height: 14px;</w:t>
            </w:r>
          </w:p>
          <w:p w:rsidR="00156FB3" w:rsidRDefault="00156FB3" w:rsidP="00156FB3">
            <w:r>
              <w:t xml:space="preserve">    background-position: -1731px 0px;</w:t>
            </w:r>
          </w:p>
          <w:p w:rsidR="00156FB3" w:rsidRDefault="00156FB3" w:rsidP="00156FB3">
            <w:r>
              <w:t>}</w:t>
            </w:r>
          </w:p>
          <w:p w:rsidR="00156FB3" w:rsidRDefault="00156FB3" w:rsidP="00156FB3"/>
          <w:p w:rsidR="00156FB3" w:rsidRDefault="00156FB3" w:rsidP="00156FB3">
            <w:r>
              <w:t>.iti__flag.iti__ga {</w:t>
            </w:r>
          </w:p>
          <w:p w:rsidR="00156FB3" w:rsidRDefault="00156FB3" w:rsidP="00156FB3">
            <w:r>
              <w:t xml:space="preserve">    height: 15px;</w:t>
            </w:r>
          </w:p>
          <w:p w:rsidR="00156FB3" w:rsidRDefault="00156FB3" w:rsidP="00156FB3">
            <w:r>
              <w:t xml:space="preserve">    background-position: -1753px 0px;</w:t>
            </w:r>
          </w:p>
          <w:p w:rsidR="00156FB3" w:rsidRDefault="00156FB3" w:rsidP="00156FB3">
            <w:r>
              <w:t>}</w:t>
            </w:r>
          </w:p>
          <w:p w:rsidR="00156FB3" w:rsidRDefault="00156FB3" w:rsidP="00156FB3"/>
          <w:p w:rsidR="00156FB3" w:rsidRDefault="00156FB3" w:rsidP="00156FB3">
            <w:r>
              <w:t>.iti__flag.iti__gb {</w:t>
            </w:r>
          </w:p>
          <w:p w:rsidR="00156FB3" w:rsidRDefault="00156FB3" w:rsidP="00156FB3">
            <w:r>
              <w:t xml:space="preserve">    height: 10px;</w:t>
            </w:r>
          </w:p>
          <w:p w:rsidR="00156FB3" w:rsidRDefault="00156FB3" w:rsidP="00156FB3">
            <w:r>
              <w:t xml:space="preserve">    background-position: -1775px 0px;</w:t>
            </w:r>
          </w:p>
          <w:p w:rsidR="00156FB3" w:rsidRDefault="00156FB3" w:rsidP="00156FB3">
            <w:r>
              <w:t>}</w:t>
            </w:r>
          </w:p>
          <w:p w:rsidR="00156FB3" w:rsidRDefault="00156FB3" w:rsidP="00156FB3"/>
          <w:p w:rsidR="00156FB3" w:rsidRDefault="00156FB3" w:rsidP="00156FB3">
            <w:r>
              <w:t>.iti__flag.iti__gd {</w:t>
            </w:r>
          </w:p>
          <w:p w:rsidR="00156FB3" w:rsidRDefault="00156FB3" w:rsidP="00156FB3">
            <w:r>
              <w:t xml:space="preserve">    height: 12px;</w:t>
            </w:r>
          </w:p>
          <w:p w:rsidR="00156FB3" w:rsidRDefault="00156FB3" w:rsidP="00156FB3">
            <w:r>
              <w:t xml:space="preserve">    background-position: -1797px 0px;</w:t>
            </w:r>
          </w:p>
          <w:p w:rsidR="00156FB3" w:rsidRDefault="00156FB3" w:rsidP="00156FB3">
            <w:r>
              <w:t>}</w:t>
            </w:r>
          </w:p>
          <w:p w:rsidR="00156FB3" w:rsidRDefault="00156FB3" w:rsidP="00156FB3"/>
          <w:p w:rsidR="00156FB3" w:rsidRDefault="00156FB3" w:rsidP="00156FB3">
            <w:r>
              <w:t>.iti__flag.iti__ge {</w:t>
            </w:r>
          </w:p>
          <w:p w:rsidR="00156FB3" w:rsidRDefault="00156FB3" w:rsidP="00156FB3">
            <w:r>
              <w:t xml:space="preserve">    height: 14px;</w:t>
            </w:r>
          </w:p>
          <w:p w:rsidR="00156FB3" w:rsidRDefault="00156FB3" w:rsidP="00156FB3">
            <w:r>
              <w:t xml:space="preserve">    background-position: -1819px 0px;</w:t>
            </w:r>
          </w:p>
          <w:p w:rsidR="00156FB3" w:rsidRDefault="00156FB3" w:rsidP="00156FB3">
            <w:r>
              <w:t>}</w:t>
            </w:r>
          </w:p>
          <w:p w:rsidR="00156FB3" w:rsidRDefault="00156FB3" w:rsidP="00156FB3"/>
          <w:p w:rsidR="00156FB3" w:rsidRDefault="00156FB3" w:rsidP="00156FB3">
            <w:r>
              <w:t>.iti__flag.iti__gf {</w:t>
            </w:r>
          </w:p>
          <w:p w:rsidR="00156FB3" w:rsidRDefault="00156FB3" w:rsidP="00156FB3">
            <w:r>
              <w:t xml:space="preserve">    height: 14px;</w:t>
            </w:r>
          </w:p>
          <w:p w:rsidR="00156FB3" w:rsidRDefault="00156FB3" w:rsidP="00156FB3">
            <w:r>
              <w:t xml:space="preserve">    background-position: -1841px 0px;</w:t>
            </w:r>
          </w:p>
          <w:p w:rsidR="00156FB3" w:rsidRDefault="00156FB3" w:rsidP="00156FB3">
            <w:r>
              <w:t>}</w:t>
            </w:r>
          </w:p>
          <w:p w:rsidR="00156FB3" w:rsidRDefault="00156FB3" w:rsidP="00156FB3"/>
          <w:p w:rsidR="00156FB3" w:rsidRDefault="00156FB3" w:rsidP="00156FB3">
            <w:r>
              <w:t>.iti__flag.iti__gg {</w:t>
            </w:r>
          </w:p>
          <w:p w:rsidR="00156FB3" w:rsidRDefault="00156FB3" w:rsidP="00156FB3">
            <w:r>
              <w:t xml:space="preserve">    height: 14px;</w:t>
            </w:r>
          </w:p>
          <w:p w:rsidR="00156FB3" w:rsidRDefault="00156FB3" w:rsidP="00156FB3">
            <w:r>
              <w:t xml:space="preserve">    background-position: -1863px 0px;</w:t>
            </w:r>
          </w:p>
          <w:p w:rsidR="00156FB3" w:rsidRDefault="00156FB3" w:rsidP="00156FB3">
            <w:r>
              <w:t>}</w:t>
            </w:r>
          </w:p>
          <w:p w:rsidR="00156FB3" w:rsidRDefault="00156FB3" w:rsidP="00156FB3"/>
          <w:p w:rsidR="00156FB3" w:rsidRDefault="00156FB3" w:rsidP="00156FB3">
            <w:r>
              <w:t>.iti__flag.iti__gh {</w:t>
            </w:r>
          </w:p>
          <w:p w:rsidR="00156FB3" w:rsidRDefault="00156FB3" w:rsidP="00156FB3">
            <w:r>
              <w:t xml:space="preserve">    height: 14px;</w:t>
            </w:r>
          </w:p>
          <w:p w:rsidR="00156FB3" w:rsidRDefault="00156FB3" w:rsidP="00156FB3">
            <w:r>
              <w:t xml:space="preserve">    background-position: -1885px 0px;</w:t>
            </w:r>
          </w:p>
          <w:p w:rsidR="00156FB3" w:rsidRDefault="00156FB3" w:rsidP="00156FB3">
            <w:r>
              <w:t>}</w:t>
            </w:r>
          </w:p>
          <w:p w:rsidR="00156FB3" w:rsidRDefault="00156FB3" w:rsidP="00156FB3"/>
          <w:p w:rsidR="00156FB3" w:rsidRDefault="00156FB3" w:rsidP="00156FB3">
            <w:r>
              <w:t>.iti__flag.iti__gi {</w:t>
            </w:r>
          </w:p>
          <w:p w:rsidR="00156FB3" w:rsidRDefault="00156FB3" w:rsidP="00156FB3">
            <w:r>
              <w:t xml:space="preserve">    height: 10px;</w:t>
            </w:r>
          </w:p>
          <w:p w:rsidR="00156FB3" w:rsidRDefault="00156FB3" w:rsidP="00156FB3">
            <w:r>
              <w:t xml:space="preserve">    background-position: -1907px 0px;</w:t>
            </w:r>
          </w:p>
          <w:p w:rsidR="00156FB3" w:rsidRDefault="00156FB3" w:rsidP="00156FB3">
            <w:r>
              <w:t>}</w:t>
            </w:r>
          </w:p>
          <w:p w:rsidR="00156FB3" w:rsidRDefault="00156FB3" w:rsidP="00156FB3"/>
          <w:p w:rsidR="00156FB3" w:rsidRDefault="00156FB3" w:rsidP="00156FB3">
            <w:r>
              <w:t>.iti__flag.iti__gl {</w:t>
            </w:r>
          </w:p>
          <w:p w:rsidR="00156FB3" w:rsidRDefault="00156FB3" w:rsidP="00156FB3">
            <w:r>
              <w:t xml:space="preserve">    height: 14px;</w:t>
            </w:r>
          </w:p>
          <w:p w:rsidR="00156FB3" w:rsidRDefault="00156FB3" w:rsidP="00156FB3">
            <w:r>
              <w:t xml:space="preserve">    background-position: -1929px 0px;</w:t>
            </w:r>
          </w:p>
          <w:p w:rsidR="00156FB3" w:rsidRDefault="00156FB3" w:rsidP="00156FB3">
            <w:r>
              <w:t>}</w:t>
            </w:r>
          </w:p>
          <w:p w:rsidR="00156FB3" w:rsidRDefault="00156FB3" w:rsidP="00156FB3"/>
          <w:p w:rsidR="00156FB3" w:rsidRDefault="00156FB3" w:rsidP="00156FB3">
            <w:r>
              <w:t>.iti__flag.iti__gm {</w:t>
            </w:r>
          </w:p>
          <w:p w:rsidR="00156FB3" w:rsidRDefault="00156FB3" w:rsidP="00156FB3">
            <w:r>
              <w:t xml:space="preserve">    height: 14px;</w:t>
            </w:r>
          </w:p>
          <w:p w:rsidR="00156FB3" w:rsidRDefault="00156FB3" w:rsidP="00156FB3">
            <w:r>
              <w:t xml:space="preserve">    background-position: -1951px 0px;</w:t>
            </w:r>
          </w:p>
          <w:p w:rsidR="00156FB3" w:rsidRDefault="00156FB3" w:rsidP="00156FB3">
            <w:r>
              <w:t>}</w:t>
            </w:r>
          </w:p>
          <w:p w:rsidR="00156FB3" w:rsidRDefault="00156FB3" w:rsidP="00156FB3"/>
          <w:p w:rsidR="00156FB3" w:rsidRDefault="00156FB3" w:rsidP="00156FB3">
            <w:r>
              <w:t>.iti__flag.iti__gn {</w:t>
            </w:r>
          </w:p>
          <w:p w:rsidR="00156FB3" w:rsidRDefault="00156FB3" w:rsidP="00156FB3">
            <w:r>
              <w:t xml:space="preserve">    height: 14px;</w:t>
            </w:r>
          </w:p>
          <w:p w:rsidR="00156FB3" w:rsidRDefault="00156FB3" w:rsidP="00156FB3">
            <w:r>
              <w:t xml:space="preserve">    background-position: -1973px 0px;</w:t>
            </w:r>
          </w:p>
          <w:p w:rsidR="00156FB3" w:rsidRDefault="00156FB3" w:rsidP="00156FB3">
            <w:r>
              <w:t>}</w:t>
            </w:r>
          </w:p>
          <w:p w:rsidR="00156FB3" w:rsidRDefault="00156FB3" w:rsidP="00156FB3"/>
          <w:p w:rsidR="00156FB3" w:rsidRDefault="00156FB3" w:rsidP="00156FB3">
            <w:r>
              <w:t>.iti__flag.iti__gp {</w:t>
            </w:r>
          </w:p>
          <w:p w:rsidR="00156FB3" w:rsidRDefault="00156FB3" w:rsidP="00156FB3">
            <w:r>
              <w:t xml:space="preserve">    height: 14px;</w:t>
            </w:r>
          </w:p>
          <w:p w:rsidR="00156FB3" w:rsidRDefault="00156FB3" w:rsidP="00156FB3">
            <w:r>
              <w:t xml:space="preserve">    background-position: -1995px 0px;</w:t>
            </w:r>
          </w:p>
          <w:p w:rsidR="00156FB3" w:rsidRDefault="00156FB3" w:rsidP="00156FB3">
            <w:r>
              <w:t>}</w:t>
            </w:r>
          </w:p>
          <w:p w:rsidR="00156FB3" w:rsidRDefault="00156FB3" w:rsidP="00156FB3"/>
          <w:p w:rsidR="00156FB3" w:rsidRDefault="00156FB3" w:rsidP="00156FB3">
            <w:r>
              <w:t>.iti__flag.iti__gq {</w:t>
            </w:r>
          </w:p>
          <w:p w:rsidR="00156FB3" w:rsidRDefault="00156FB3" w:rsidP="00156FB3">
            <w:r>
              <w:t xml:space="preserve">    height: 14px;</w:t>
            </w:r>
          </w:p>
          <w:p w:rsidR="00156FB3" w:rsidRDefault="00156FB3" w:rsidP="00156FB3">
            <w:r>
              <w:t xml:space="preserve">    background-position: -2017px 0px;</w:t>
            </w:r>
          </w:p>
          <w:p w:rsidR="00156FB3" w:rsidRDefault="00156FB3" w:rsidP="00156FB3">
            <w:r>
              <w:t>}</w:t>
            </w:r>
          </w:p>
          <w:p w:rsidR="00156FB3" w:rsidRDefault="00156FB3" w:rsidP="00156FB3"/>
          <w:p w:rsidR="00156FB3" w:rsidRDefault="00156FB3" w:rsidP="00156FB3">
            <w:r>
              <w:t>.iti__flag.iti__gr {</w:t>
            </w:r>
          </w:p>
          <w:p w:rsidR="00156FB3" w:rsidRDefault="00156FB3" w:rsidP="00156FB3">
            <w:r>
              <w:t xml:space="preserve">    height: 14px;</w:t>
            </w:r>
          </w:p>
          <w:p w:rsidR="00156FB3" w:rsidRDefault="00156FB3" w:rsidP="00156FB3">
            <w:r>
              <w:t xml:space="preserve">    background-position: -2039px 0px;</w:t>
            </w:r>
          </w:p>
          <w:p w:rsidR="00156FB3" w:rsidRDefault="00156FB3" w:rsidP="00156FB3">
            <w:r>
              <w:t>}</w:t>
            </w:r>
          </w:p>
          <w:p w:rsidR="00156FB3" w:rsidRDefault="00156FB3" w:rsidP="00156FB3"/>
          <w:p w:rsidR="00156FB3" w:rsidRDefault="00156FB3" w:rsidP="00156FB3">
            <w:r>
              <w:t>.iti__flag.iti__gs {</w:t>
            </w:r>
          </w:p>
          <w:p w:rsidR="00156FB3" w:rsidRDefault="00156FB3" w:rsidP="00156FB3">
            <w:r>
              <w:t xml:space="preserve">    height: 10px;</w:t>
            </w:r>
          </w:p>
          <w:p w:rsidR="00156FB3" w:rsidRDefault="00156FB3" w:rsidP="00156FB3">
            <w:r>
              <w:t xml:space="preserve">    background-position: -2061px 0px;</w:t>
            </w:r>
          </w:p>
          <w:p w:rsidR="00156FB3" w:rsidRDefault="00156FB3" w:rsidP="00156FB3">
            <w:r>
              <w:t>}</w:t>
            </w:r>
          </w:p>
          <w:p w:rsidR="00156FB3" w:rsidRDefault="00156FB3" w:rsidP="00156FB3"/>
          <w:p w:rsidR="00156FB3" w:rsidRDefault="00156FB3" w:rsidP="00156FB3">
            <w:r>
              <w:t>.iti__flag.iti__gt {</w:t>
            </w:r>
          </w:p>
          <w:p w:rsidR="00156FB3" w:rsidRDefault="00156FB3" w:rsidP="00156FB3">
            <w:r>
              <w:t xml:space="preserve">    height: 13px;</w:t>
            </w:r>
          </w:p>
          <w:p w:rsidR="00156FB3" w:rsidRDefault="00156FB3" w:rsidP="00156FB3">
            <w:r>
              <w:t xml:space="preserve">    background-position: -2083px 0px;</w:t>
            </w:r>
          </w:p>
          <w:p w:rsidR="00156FB3" w:rsidRDefault="00156FB3" w:rsidP="00156FB3">
            <w:r>
              <w:t>}</w:t>
            </w:r>
          </w:p>
          <w:p w:rsidR="00156FB3" w:rsidRDefault="00156FB3" w:rsidP="00156FB3"/>
          <w:p w:rsidR="00156FB3" w:rsidRDefault="00156FB3" w:rsidP="00156FB3">
            <w:r>
              <w:t>.iti__flag.iti__gu {</w:t>
            </w:r>
          </w:p>
          <w:p w:rsidR="00156FB3" w:rsidRDefault="00156FB3" w:rsidP="00156FB3">
            <w:r>
              <w:t xml:space="preserve">    height: 11px;</w:t>
            </w:r>
          </w:p>
          <w:p w:rsidR="00156FB3" w:rsidRDefault="00156FB3" w:rsidP="00156FB3">
            <w:r>
              <w:t xml:space="preserve">    background-position: -2105px 0px;</w:t>
            </w:r>
          </w:p>
          <w:p w:rsidR="00156FB3" w:rsidRDefault="00156FB3" w:rsidP="00156FB3">
            <w:r>
              <w:t>}</w:t>
            </w:r>
          </w:p>
          <w:p w:rsidR="00156FB3" w:rsidRDefault="00156FB3" w:rsidP="00156FB3"/>
          <w:p w:rsidR="00156FB3" w:rsidRDefault="00156FB3" w:rsidP="00156FB3">
            <w:r>
              <w:t>.iti__flag.iti__gw {</w:t>
            </w:r>
          </w:p>
          <w:p w:rsidR="00156FB3" w:rsidRDefault="00156FB3" w:rsidP="00156FB3">
            <w:r>
              <w:t xml:space="preserve">    height: 10px;</w:t>
            </w:r>
          </w:p>
          <w:p w:rsidR="00156FB3" w:rsidRDefault="00156FB3" w:rsidP="00156FB3">
            <w:r>
              <w:t xml:space="preserve">    background-position: -2127px 0px;</w:t>
            </w:r>
          </w:p>
          <w:p w:rsidR="00156FB3" w:rsidRDefault="00156FB3" w:rsidP="00156FB3">
            <w:r>
              <w:t>}</w:t>
            </w:r>
          </w:p>
          <w:p w:rsidR="00156FB3" w:rsidRDefault="00156FB3" w:rsidP="00156FB3"/>
          <w:p w:rsidR="00156FB3" w:rsidRDefault="00156FB3" w:rsidP="00156FB3">
            <w:r>
              <w:t>.iti__flag.iti__gy {</w:t>
            </w:r>
          </w:p>
          <w:p w:rsidR="00156FB3" w:rsidRDefault="00156FB3" w:rsidP="00156FB3">
            <w:r>
              <w:t xml:space="preserve">    height: 12px;</w:t>
            </w:r>
          </w:p>
          <w:p w:rsidR="00156FB3" w:rsidRDefault="00156FB3" w:rsidP="00156FB3">
            <w:r>
              <w:t xml:space="preserve">    background-position: -2149px 0px;</w:t>
            </w:r>
          </w:p>
          <w:p w:rsidR="00156FB3" w:rsidRDefault="00156FB3" w:rsidP="00156FB3">
            <w:r>
              <w:t>}</w:t>
            </w:r>
          </w:p>
          <w:p w:rsidR="00156FB3" w:rsidRDefault="00156FB3" w:rsidP="00156FB3"/>
          <w:p w:rsidR="00156FB3" w:rsidRDefault="00156FB3" w:rsidP="00156FB3">
            <w:r>
              <w:t>.iti__flag.iti__hk {</w:t>
            </w:r>
          </w:p>
          <w:p w:rsidR="00156FB3" w:rsidRDefault="00156FB3" w:rsidP="00156FB3">
            <w:r>
              <w:t xml:space="preserve">    height: 14px;</w:t>
            </w:r>
          </w:p>
          <w:p w:rsidR="00156FB3" w:rsidRDefault="00156FB3" w:rsidP="00156FB3">
            <w:r>
              <w:t xml:space="preserve">    background-position: -2171px 0px;</w:t>
            </w:r>
          </w:p>
          <w:p w:rsidR="00156FB3" w:rsidRDefault="00156FB3" w:rsidP="00156FB3">
            <w:r>
              <w:t>}</w:t>
            </w:r>
          </w:p>
          <w:p w:rsidR="00156FB3" w:rsidRDefault="00156FB3" w:rsidP="00156FB3"/>
          <w:p w:rsidR="00156FB3" w:rsidRDefault="00156FB3" w:rsidP="00156FB3">
            <w:r>
              <w:t>.iti__flag.iti__hm {</w:t>
            </w:r>
          </w:p>
          <w:p w:rsidR="00156FB3" w:rsidRDefault="00156FB3" w:rsidP="00156FB3">
            <w:r>
              <w:t xml:space="preserve">    height: 10px;</w:t>
            </w:r>
          </w:p>
          <w:p w:rsidR="00156FB3" w:rsidRDefault="00156FB3" w:rsidP="00156FB3">
            <w:r>
              <w:t xml:space="preserve">    background-position: -2193px 0px;</w:t>
            </w:r>
          </w:p>
          <w:p w:rsidR="00156FB3" w:rsidRDefault="00156FB3" w:rsidP="00156FB3">
            <w:r>
              <w:t>}</w:t>
            </w:r>
          </w:p>
          <w:p w:rsidR="00156FB3" w:rsidRDefault="00156FB3" w:rsidP="00156FB3"/>
          <w:p w:rsidR="00156FB3" w:rsidRDefault="00156FB3" w:rsidP="00156FB3">
            <w:r>
              <w:t>.iti__flag.iti__hn {</w:t>
            </w:r>
          </w:p>
          <w:p w:rsidR="00156FB3" w:rsidRDefault="00156FB3" w:rsidP="00156FB3">
            <w:r>
              <w:t xml:space="preserve">    height: 10px;</w:t>
            </w:r>
          </w:p>
          <w:p w:rsidR="00156FB3" w:rsidRDefault="00156FB3" w:rsidP="00156FB3">
            <w:r>
              <w:t xml:space="preserve">    background-position: -2215px 0px;</w:t>
            </w:r>
          </w:p>
          <w:p w:rsidR="00156FB3" w:rsidRDefault="00156FB3" w:rsidP="00156FB3">
            <w:r>
              <w:t>}</w:t>
            </w:r>
          </w:p>
          <w:p w:rsidR="00156FB3" w:rsidRDefault="00156FB3" w:rsidP="00156FB3"/>
          <w:p w:rsidR="00156FB3" w:rsidRDefault="00156FB3" w:rsidP="00156FB3">
            <w:r>
              <w:t>.iti__flag.iti__hr {</w:t>
            </w:r>
          </w:p>
          <w:p w:rsidR="00156FB3" w:rsidRDefault="00156FB3" w:rsidP="00156FB3">
            <w:r>
              <w:t xml:space="preserve">    height: 10px;</w:t>
            </w:r>
          </w:p>
          <w:p w:rsidR="00156FB3" w:rsidRDefault="00156FB3" w:rsidP="00156FB3">
            <w:r>
              <w:t xml:space="preserve">    background-position: -2237px 0px;</w:t>
            </w:r>
          </w:p>
          <w:p w:rsidR="00156FB3" w:rsidRDefault="00156FB3" w:rsidP="00156FB3">
            <w:r>
              <w:t>}</w:t>
            </w:r>
          </w:p>
          <w:p w:rsidR="00156FB3" w:rsidRDefault="00156FB3" w:rsidP="00156FB3"/>
          <w:p w:rsidR="00156FB3" w:rsidRDefault="00156FB3" w:rsidP="00156FB3">
            <w:r>
              <w:t>.iti__flag.iti__ht {</w:t>
            </w:r>
          </w:p>
          <w:p w:rsidR="00156FB3" w:rsidRDefault="00156FB3" w:rsidP="00156FB3">
            <w:r>
              <w:t xml:space="preserve">    height: 12px;</w:t>
            </w:r>
          </w:p>
          <w:p w:rsidR="00156FB3" w:rsidRDefault="00156FB3" w:rsidP="00156FB3">
            <w:r>
              <w:t xml:space="preserve">    background-position: -2259px 0px;</w:t>
            </w:r>
          </w:p>
          <w:p w:rsidR="00156FB3" w:rsidRDefault="00156FB3" w:rsidP="00156FB3">
            <w:r>
              <w:t>}</w:t>
            </w:r>
          </w:p>
          <w:p w:rsidR="00156FB3" w:rsidRDefault="00156FB3" w:rsidP="00156FB3"/>
          <w:p w:rsidR="00156FB3" w:rsidRDefault="00156FB3" w:rsidP="00156FB3">
            <w:r>
              <w:t>.iti__flag.iti__hu {</w:t>
            </w:r>
          </w:p>
          <w:p w:rsidR="00156FB3" w:rsidRDefault="00156FB3" w:rsidP="00156FB3">
            <w:r>
              <w:t xml:space="preserve">    height: 10px;</w:t>
            </w:r>
          </w:p>
          <w:p w:rsidR="00156FB3" w:rsidRDefault="00156FB3" w:rsidP="00156FB3">
            <w:r>
              <w:t xml:space="preserve">    background-position: -2281px 0px;</w:t>
            </w:r>
          </w:p>
          <w:p w:rsidR="00156FB3" w:rsidRDefault="00156FB3" w:rsidP="00156FB3">
            <w:r>
              <w:t>}</w:t>
            </w:r>
          </w:p>
          <w:p w:rsidR="00156FB3" w:rsidRDefault="00156FB3" w:rsidP="00156FB3"/>
          <w:p w:rsidR="00156FB3" w:rsidRDefault="00156FB3" w:rsidP="00156FB3">
            <w:r>
              <w:t>.iti__flag.iti__ic {</w:t>
            </w:r>
          </w:p>
          <w:p w:rsidR="00156FB3" w:rsidRDefault="00156FB3" w:rsidP="00156FB3">
            <w:r>
              <w:t xml:space="preserve">    height: 14px;</w:t>
            </w:r>
          </w:p>
          <w:p w:rsidR="00156FB3" w:rsidRDefault="00156FB3" w:rsidP="00156FB3">
            <w:r>
              <w:t xml:space="preserve">    background-position: -2303px 0px;</w:t>
            </w:r>
          </w:p>
          <w:p w:rsidR="00156FB3" w:rsidRDefault="00156FB3" w:rsidP="00156FB3">
            <w:r>
              <w:t>}</w:t>
            </w:r>
          </w:p>
          <w:p w:rsidR="00156FB3" w:rsidRDefault="00156FB3" w:rsidP="00156FB3"/>
          <w:p w:rsidR="00156FB3" w:rsidRDefault="00156FB3" w:rsidP="00156FB3">
            <w:r>
              <w:lastRenderedPageBreak/>
              <w:t>.iti__flag.iti__id {</w:t>
            </w:r>
          </w:p>
          <w:p w:rsidR="00156FB3" w:rsidRDefault="00156FB3" w:rsidP="00156FB3">
            <w:r>
              <w:t xml:space="preserve">    height: 14px;</w:t>
            </w:r>
          </w:p>
          <w:p w:rsidR="00156FB3" w:rsidRDefault="00156FB3" w:rsidP="00156FB3">
            <w:r>
              <w:t xml:space="preserve">    background-position: -2325px 0px;</w:t>
            </w:r>
          </w:p>
          <w:p w:rsidR="00156FB3" w:rsidRDefault="00156FB3" w:rsidP="00156FB3">
            <w:r>
              <w:t>}</w:t>
            </w:r>
          </w:p>
          <w:p w:rsidR="00156FB3" w:rsidRDefault="00156FB3" w:rsidP="00156FB3"/>
          <w:p w:rsidR="00156FB3" w:rsidRDefault="00156FB3" w:rsidP="00156FB3">
            <w:r>
              <w:t>.iti__flag.iti__ie {</w:t>
            </w:r>
          </w:p>
          <w:p w:rsidR="00156FB3" w:rsidRDefault="00156FB3" w:rsidP="00156FB3">
            <w:r>
              <w:t xml:space="preserve">    height: 10px;</w:t>
            </w:r>
          </w:p>
          <w:p w:rsidR="00156FB3" w:rsidRDefault="00156FB3" w:rsidP="00156FB3">
            <w:r>
              <w:t xml:space="preserve">    background-position: -2347px 0px;</w:t>
            </w:r>
          </w:p>
          <w:p w:rsidR="00156FB3" w:rsidRDefault="00156FB3" w:rsidP="00156FB3">
            <w:r>
              <w:t>}</w:t>
            </w:r>
          </w:p>
          <w:p w:rsidR="00156FB3" w:rsidRDefault="00156FB3" w:rsidP="00156FB3"/>
          <w:p w:rsidR="00156FB3" w:rsidRDefault="00156FB3" w:rsidP="00156FB3">
            <w:r>
              <w:t>.iti__flag.iti__il {</w:t>
            </w:r>
          </w:p>
          <w:p w:rsidR="00156FB3" w:rsidRDefault="00156FB3" w:rsidP="00156FB3">
            <w:r>
              <w:t xml:space="preserve">    height: 15px;</w:t>
            </w:r>
          </w:p>
          <w:p w:rsidR="00156FB3" w:rsidRDefault="00156FB3" w:rsidP="00156FB3">
            <w:r>
              <w:t xml:space="preserve">    background-position: -2369px 0px;</w:t>
            </w:r>
          </w:p>
          <w:p w:rsidR="00156FB3" w:rsidRDefault="00156FB3" w:rsidP="00156FB3">
            <w:r>
              <w:t>}</w:t>
            </w:r>
          </w:p>
          <w:p w:rsidR="00156FB3" w:rsidRDefault="00156FB3" w:rsidP="00156FB3"/>
          <w:p w:rsidR="00156FB3" w:rsidRDefault="00156FB3" w:rsidP="00156FB3">
            <w:r>
              <w:t>.iti__flag.iti__im {</w:t>
            </w:r>
          </w:p>
          <w:p w:rsidR="00156FB3" w:rsidRDefault="00156FB3" w:rsidP="00156FB3">
            <w:r>
              <w:t xml:space="preserve">    height: 10px;</w:t>
            </w:r>
          </w:p>
          <w:p w:rsidR="00156FB3" w:rsidRDefault="00156FB3" w:rsidP="00156FB3">
            <w:r>
              <w:t xml:space="preserve">    background-position: -2391px 0px;</w:t>
            </w:r>
          </w:p>
          <w:p w:rsidR="00156FB3" w:rsidRDefault="00156FB3" w:rsidP="00156FB3">
            <w:r>
              <w:t>}</w:t>
            </w:r>
          </w:p>
          <w:p w:rsidR="00156FB3" w:rsidRDefault="00156FB3" w:rsidP="00156FB3"/>
          <w:p w:rsidR="00156FB3" w:rsidRDefault="00156FB3" w:rsidP="00156FB3">
            <w:r>
              <w:t>.iti__flag.iti__in {</w:t>
            </w:r>
          </w:p>
          <w:p w:rsidR="00156FB3" w:rsidRDefault="00156FB3" w:rsidP="00156FB3">
            <w:r>
              <w:t xml:space="preserve">    height: 14px;</w:t>
            </w:r>
          </w:p>
          <w:p w:rsidR="00156FB3" w:rsidRDefault="00156FB3" w:rsidP="00156FB3">
            <w:r>
              <w:t xml:space="preserve">    background-position: -2413px 0px;</w:t>
            </w:r>
          </w:p>
          <w:p w:rsidR="00156FB3" w:rsidRDefault="00156FB3" w:rsidP="00156FB3">
            <w:r>
              <w:t>}</w:t>
            </w:r>
          </w:p>
          <w:p w:rsidR="00156FB3" w:rsidRDefault="00156FB3" w:rsidP="00156FB3"/>
          <w:p w:rsidR="00156FB3" w:rsidRDefault="00156FB3" w:rsidP="00156FB3">
            <w:r>
              <w:t>.iti__flag.iti__io {</w:t>
            </w:r>
          </w:p>
          <w:p w:rsidR="00156FB3" w:rsidRDefault="00156FB3" w:rsidP="00156FB3">
            <w:r>
              <w:t xml:space="preserve">    height: 10px;</w:t>
            </w:r>
          </w:p>
          <w:p w:rsidR="00156FB3" w:rsidRDefault="00156FB3" w:rsidP="00156FB3">
            <w:r>
              <w:t xml:space="preserve">    background-position: -2435px 0px;</w:t>
            </w:r>
          </w:p>
          <w:p w:rsidR="00156FB3" w:rsidRDefault="00156FB3" w:rsidP="00156FB3">
            <w:r>
              <w:t>}</w:t>
            </w:r>
          </w:p>
          <w:p w:rsidR="00156FB3" w:rsidRDefault="00156FB3" w:rsidP="00156FB3"/>
          <w:p w:rsidR="00156FB3" w:rsidRDefault="00156FB3" w:rsidP="00156FB3">
            <w:r>
              <w:t>.iti__flag.iti__iq {</w:t>
            </w:r>
          </w:p>
          <w:p w:rsidR="00156FB3" w:rsidRDefault="00156FB3" w:rsidP="00156FB3">
            <w:r>
              <w:t xml:space="preserve">    height: 14px;</w:t>
            </w:r>
          </w:p>
          <w:p w:rsidR="00156FB3" w:rsidRDefault="00156FB3" w:rsidP="00156FB3">
            <w:r>
              <w:t xml:space="preserve">    background-position: -2457px 0px;</w:t>
            </w:r>
          </w:p>
          <w:p w:rsidR="00156FB3" w:rsidRDefault="00156FB3" w:rsidP="00156FB3">
            <w:r>
              <w:t>}</w:t>
            </w:r>
          </w:p>
          <w:p w:rsidR="00156FB3" w:rsidRDefault="00156FB3" w:rsidP="00156FB3"/>
          <w:p w:rsidR="00156FB3" w:rsidRDefault="00156FB3" w:rsidP="00156FB3">
            <w:r>
              <w:t>.iti__flag.iti__ir {</w:t>
            </w:r>
          </w:p>
          <w:p w:rsidR="00156FB3" w:rsidRDefault="00156FB3" w:rsidP="00156FB3">
            <w:r>
              <w:t xml:space="preserve">    height: 12px;</w:t>
            </w:r>
          </w:p>
          <w:p w:rsidR="00156FB3" w:rsidRDefault="00156FB3" w:rsidP="00156FB3">
            <w:r>
              <w:t xml:space="preserve">    background-position: -2479px 0px;</w:t>
            </w:r>
          </w:p>
          <w:p w:rsidR="00156FB3" w:rsidRDefault="00156FB3" w:rsidP="00156FB3">
            <w:r>
              <w:t>}</w:t>
            </w:r>
          </w:p>
          <w:p w:rsidR="00156FB3" w:rsidRDefault="00156FB3" w:rsidP="00156FB3"/>
          <w:p w:rsidR="00156FB3" w:rsidRDefault="00156FB3" w:rsidP="00156FB3">
            <w:r>
              <w:t>.iti__flag.iti__is {</w:t>
            </w:r>
          </w:p>
          <w:p w:rsidR="00156FB3" w:rsidRDefault="00156FB3" w:rsidP="00156FB3">
            <w:r>
              <w:t xml:space="preserve">    height: 15px;</w:t>
            </w:r>
          </w:p>
          <w:p w:rsidR="00156FB3" w:rsidRDefault="00156FB3" w:rsidP="00156FB3">
            <w:r>
              <w:t xml:space="preserve">    background-position: -2501px 0px;</w:t>
            </w:r>
          </w:p>
          <w:p w:rsidR="00156FB3" w:rsidRDefault="00156FB3" w:rsidP="00156FB3">
            <w:r>
              <w:t>}</w:t>
            </w:r>
          </w:p>
          <w:p w:rsidR="00156FB3" w:rsidRDefault="00156FB3" w:rsidP="00156FB3"/>
          <w:p w:rsidR="00156FB3" w:rsidRDefault="00156FB3" w:rsidP="00156FB3">
            <w:r>
              <w:t>.iti__flag.iti__it {</w:t>
            </w:r>
          </w:p>
          <w:p w:rsidR="00156FB3" w:rsidRDefault="00156FB3" w:rsidP="00156FB3">
            <w:r>
              <w:t xml:space="preserve">    height: 14px;</w:t>
            </w:r>
          </w:p>
          <w:p w:rsidR="00156FB3" w:rsidRDefault="00156FB3" w:rsidP="00156FB3">
            <w:r>
              <w:t xml:space="preserve">    background-position: -2523px 0px;</w:t>
            </w:r>
          </w:p>
          <w:p w:rsidR="00156FB3" w:rsidRDefault="00156FB3" w:rsidP="00156FB3">
            <w:r>
              <w:lastRenderedPageBreak/>
              <w:t>}</w:t>
            </w:r>
          </w:p>
          <w:p w:rsidR="00156FB3" w:rsidRDefault="00156FB3" w:rsidP="00156FB3"/>
          <w:p w:rsidR="00156FB3" w:rsidRDefault="00156FB3" w:rsidP="00156FB3">
            <w:r>
              <w:t>.iti__flag.iti__je {</w:t>
            </w:r>
          </w:p>
          <w:p w:rsidR="00156FB3" w:rsidRDefault="00156FB3" w:rsidP="00156FB3">
            <w:r>
              <w:t xml:space="preserve">    height: 12px;</w:t>
            </w:r>
          </w:p>
          <w:p w:rsidR="00156FB3" w:rsidRDefault="00156FB3" w:rsidP="00156FB3">
            <w:r>
              <w:t xml:space="preserve">    background-position: -2545px 0px;</w:t>
            </w:r>
          </w:p>
          <w:p w:rsidR="00156FB3" w:rsidRDefault="00156FB3" w:rsidP="00156FB3">
            <w:r>
              <w:t>}</w:t>
            </w:r>
          </w:p>
          <w:p w:rsidR="00156FB3" w:rsidRDefault="00156FB3" w:rsidP="00156FB3"/>
          <w:p w:rsidR="00156FB3" w:rsidRDefault="00156FB3" w:rsidP="00156FB3">
            <w:r>
              <w:t>.iti__flag.iti__jm {</w:t>
            </w:r>
          </w:p>
          <w:p w:rsidR="00156FB3" w:rsidRDefault="00156FB3" w:rsidP="00156FB3">
            <w:r>
              <w:t xml:space="preserve">    height: 10px;</w:t>
            </w:r>
          </w:p>
          <w:p w:rsidR="00156FB3" w:rsidRDefault="00156FB3" w:rsidP="00156FB3">
            <w:r>
              <w:t xml:space="preserve">    background-position: -2567px 0px;</w:t>
            </w:r>
          </w:p>
          <w:p w:rsidR="00156FB3" w:rsidRDefault="00156FB3" w:rsidP="00156FB3">
            <w:r>
              <w:t>}</w:t>
            </w:r>
          </w:p>
          <w:p w:rsidR="00156FB3" w:rsidRDefault="00156FB3" w:rsidP="00156FB3"/>
          <w:p w:rsidR="00156FB3" w:rsidRDefault="00156FB3" w:rsidP="00156FB3">
            <w:r>
              <w:t>.iti__flag.iti__jo {</w:t>
            </w:r>
          </w:p>
          <w:p w:rsidR="00156FB3" w:rsidRDefault="00156FB3" w:rsidP="00156FB3">
            <w:r>
              <w:t xml:space="preserve">    height: 10px;</w:t>
            </w:r>
          </w:p>
          <w:p w:rsidR="00156FB3" w:rsidRDefault="00156FB3" w:rsidP="00156FB3">
            <w:r>
              <w:t xml:space="preserve">    background-position: -2589px 0px;</w:t>
            </w:r>
          </w:p>
          <w:p w:rsidR="00156FB3" w:rsidRDefault="00156FB3" w:rsidP="00156FB3">
            <w:r>
              <w:t>}</w:t>
            </w:r>
          </w:p>
          <w:p w:rsidR="00156FB3" w:rsidRDefault="00156FB3" w:rsidP="00156FB3"/>
          <w:p w:rsidR="00156FB3" w:rsidRDefault="00156FB3" w:rsidP="00156FB3">
            <w:r>
              <w:t>.iti__flag.iti__jp {</w:t>
            </w:r>
          </w:p>
          <w:p w:rsidR="00156FB3" w:rsidRDefault="00156FB3" w:rsidP="00156FB3">
            <w:r>
              <w:t xml:space="preserve">    height: 14px;</w:t>
            </w:r>
          </w:p>
          <w:p w:rsidR="00156FB3" w:rsidRDefault="00156FB3" w:rsidP="00156FB3">
            <w:r>
              <w:t xml:space="preserve">    background-position: -2611px 0px;</w:t>
            </w:r>
          </w:p>
          <w:p w:rsidR="00156FB3" w:rsidRDefault="00156FB3" w:rsidP="00156FB3">
            <w:r>
              <w:t>}</w:t>
            </w:r>
          </w:p>
          <w:p w:rsidR="00156FB3" w:rsidRDefault="00156FB3" w:rsidP="00156FB3"/>
          <w:p w:rsidR="00156FB3" w:rsidRDefault="00156FB3" w:rsidP="00156FB3">
            <w:r>
              <w:t>.iti__flag.iti__ke {</w:t>
            </w:r>
          </w:p>
          <w:p w:rsidR="00156FB3" w:rsidRDefault="00156FB3" w:rsidP="00156FB3">
            <w:r>
              <w:t xml:space="preserve">    height: 14px;</w:t>
            </w:r>
          </w:p>
          <w:p w:rsidR="00156FB3" w:rsidRDefault="00156FB3" w:rsidP="00156FB3">
            <w:r>
              <w:t xml:space="preserve">    background-position: -2633px 0px;</w:t>
            </w:r>
          </w:p>
          <w:p w:rsidR="00156FB3" w:rsidRDefault="00156FB3" w:rsidP="00156FB3">
            <w:r>
              <w:t>}</w:t>
            </w:r>
          </w:p>
          <w:p w:rsidR="00156FB3" w:rsidRDefault="00156FB3" w:rsidP="00156FB3"/>
          <w:p w:rsidR="00156FB3" w:rsidRDefault="00156FB3" w:rsidP="00156FB3">
            <w:r>
              <w:t>.iti__flag.iti__kg {</w:t>
            </w:r>
          </w:p>
          <w:p w:rsidR="00156FB3" w:rsidRDefault="00156FB3" w:rsidP="00156FB3">
            <w:r>
              <w:t xml:space="preserve">    height: 12px;</w:t>
            </w:r>
          </w:p>
          <w:p w:rsidR="00156FB3" w:rsidRDefault="00156FB3" w:rsidP="00156FB3">
            <w:r>
              <w:t xml:space="preserve">    background-position: -2655px 0px;</w:t>
            </w:r>
          </w:p>
          <w:p w:rsidR="00156FB3" w:rsidRDefault="00156FB3" w:rsidP="00156FB3">
            <w:r>
              <w:t>}</w:t>
            </w:r>
          </w:p>
          <w:p w:rsidR="00156FB3" w:rsidRDefault="00156FB3" w:rsidP="00156FB3"/>
          <w:p w:rsidR="00156FB3" w:rsidRDefault="00156FB3" w:rsidP="00156FB3">
            <w:r>
              <w:t>.iti__flag.iti__kh {</w:t>
            </w:r>
          </w:p>
          <w:p w:rsidR="00156FB3" w:rsidRDefault="00156FB3" w:rsidP="00156FB3">
            <w:r>
              <w:t xml:space="preserve">    height: 13px;</w:t>
            </w:r>
          </w:p>
          <w:p w:rsidR="00156FB3" w:rsidRDefault="00156FB3" w:rsidP="00156FB3">
            <w:r>
              <w:t xml:space="preserve">    background-position: -2677px 0px;</w:t>
            </w:r>
          </w:p>
          <w:p w:rsidR="00156FB3" w:rsidRDefault="00156FB3" w:rsidP="00156FB3">
            <w:r>
              <w:t>}</w:t>
            </w:r>
          </w:p>
          <w:p w:rsidR="00156FB3" w:rsidRDefault="00156FB3" w:rsidP="00156FB3"/>
          <w:p w:rsidR="00156FB3" w:rsidRDefault="00156FB3" w:rsidP="00156FB3">
            <w:r>
              <w:t>.iti__flag.iti__ki {</w:t>
            </w:r>
          </w:p>
          <w:p w:rsidR="00156FB3" w:rsidRDefault="00156FB3" w:rsidP="00156FB3">
            <w:r>
              <w:t xml:space="preserve">    height: 10px;</w:t>
            </w:r>
          </w:p>
          <w:p w:rsidR="00156FB3" w:rsidRDefault="00156FB3" w:rsidP="00156FB3">
            <w:r>
              <w:t xml:space="preserve">    background-position: -2699px 0px;</w:t>
            </w:r>
          </w:p>
          <w:p w:rsidR="00156FB3" w:rsidRDefault="00156FB3" w:rsidP="00156FB3">
            <w:r>
              <w:t>}</w:t>
            </w:r>
          </w:p>
          <w:p w:rsidR="00156FB3" w:rsidRDefault="00156FB3" w:rsidP="00156FB3"/>
          <w:p w:rsidR="00156FB3" w:rsidRDefault="00156FB3" w:rsidP="00156FB3">
            <w:r>
              <w:t>.iti__flag.iti__km {</w:t>
            </w:r>
          </w:p>
          <w:p w:rsidR="00156FB3" w:rsidRDefault="00156FB3" w:rsidP="00156FB3">
            <w:r>
              <w:t xml:space="preserve">    height: 12px;</w:t>
            </w:r>
          </w:p>
          <w:p w:rsidR="00156FB3" w:rsidRDefault="00156FB3" w:rsidP="00156FB3">
            <w:r>
              <w:t xml:space="preserve">    background-position: -2721px 0px;</w:t>
            </w:r>
          </w:p>
          <w:p w:rsidR="00156FB3" w:rsidRDefault="00156FB3" w:rsidP="00156FB3">
            <w:r>
              <w:t>}</w:t>
            </w:r>
          </w:p>
          <w:p w:rsidR="00156FB3" w:rsidRDefault="00156FB3" w:rsidP="00156FB3"/>
          <w:p w:rsidR="00156FB3" w:rsidRDefault="00156FB3" w:rsidP="00156FB3">
            <w:r>
              <w:t>.iti__flag.iti__kn {</w:t>
            </w:r>
          </w:p>
          <w:p w:rsidR="00156FB3" w:rsidRDefault="00156FB3" w:rsidP="00156FB3">
            <w:r>
              <w:lastRenderedPageBreak/>
              <w:t xml:space="preserve">    height: 14px;</w:t>
            </w:r>
          </w:p>
          <w:p w:rsidR="00156FB3" w:rsidRDefault="00156FB3" w:rsidP="00156FB3">
            <w:r>
              <w:t xml:space="preserve">    background-position: -2743px 0px;</w:t>
            </w:r>
          </w:p>
          <w:p w:rsidR="00156FB3" w:rsidRDefault="00156FB3" w:rsidP="00156FB3">
            <w:r>
              <w:t>}</w:t>
            </w:r>
          </w:p>
          <w:p w:rsidR="00156FB3" w:rsidRDefault="00156FB3" w:rsidP="00156FB3"/>
          <w:p w:rsidR="00156FB3" w:rsidRDefault="00156FB3" w:rsidP="00156FB3">
            <w:r>
              <w:t>.iti__flag.iti__kp {</w:t>
            </w:r>
          </w:p>
          <w:p w:rsidR="00156FB3" w:rsidRDefault="00156FB3" w:rsidP="00156FB3">
            <w:r>
              <w:t xml:space="preserve">    height: 10px;</w:t>
            </w:r>
          </w:p>
          <w:p w:rsidR="00156FB3" w:rsidRDefault="00156FB3" w:rsidP="00156FB3">
            <w:r>
              <w:t xml:space="preserve">    background-position: -2765px 0px;</w:t>
            </w:r>
          </w:p>
          <w:p w:rsidR="00156FB3" w:rsidRDefault="00156FB3" w:rsidP="00156FB3">
            <w:r>
              <w:t>}</w:t>
            </w:r>
          </w:p>
          <w:p w:rsidR="00156FB3" w:rsidRDefault="00156FB3" w:rsidP="00156FB3"/>
          <w:p w:rsidR="00156FB3" w:rsidRDefault="00156FB3" w:rsidP="00156FB3">
            <w:r>
              <w:t>.iti__flag.iti__kr {</w:t>
            </w:r>
          </w:p>
          <w:p w:rsidR="00156FB3" w:rsidRDefault="00156FB3" w:rsidP="00156FB3">
            <w:r>
              <w:t xml:space="preserve">    height: 14px;</w:t>
            </w:r>
          </w:p>
          <w:p w:rsidR="00156FB3" w:rsidRDefault="00156FB3" w:rsidP="00156FB3">
            <w:r>
              <w:t xml:space="preserve">    background-position: -2787px 0px;</w:t>
            </w:r>
          </w:p>
          <w:p w:rsidR="00156FB3" w:rsidRDefault="00156FB3" w:rsidP="00156FB3">
            <w:r>
              <w:t>}</w:t>
            </w:r>
          </w:p>
          <w:p w:rsidR="00156FB3" w:rsidRDefault="00156FB3" w:rsidP="00156FB3"/>
          <w:p w:rsidR="00156FB3" w:rsidRDefault="00156FB3" w:rsidP="00156FB3">
            <w:r>
              <w:t>.iti__flag.iti__kw {</w:t>
            </w:r>
          </w:p>
          <w:p w:rsidR="00156FB3" w:rsidRDefault="00156FB3" w:rsidP="00156FB3">
            <w:r>
              <w:t xml:space="preserve">    height: 10px;</w:t>
            </w:r>
          </w:p>
          <w:p w:rsidR="00156FB3" w:rsidRDefault="00156FB3" w:rsidP="00156FB3">
            <w:r>
              <w:t xml:space="preserve">    background-position: -2809px 0px;</w:t>
            </w:r>
          </w:p>
          <w:p w:rsidR="00156FB3" w:rsidRDefault="00156FB3" w:rsidP="00156FB3">
            <w:r>
              <w:t>}</w:t>
            </w:r>
          </w:p>
          <w:p w:rsidR="00156FB3" w:rsidRDefault="00156FB3" w:rsidP="00156FB3"/>
          <w:p w:rsidR="00156FB3" w:rsidRDefault="00156FB3" w:rsidP="00156FB3">
            <w:r>
              <w:t>.iti__flag.iti__ky {</w:t>
            </w:r>
          </w:p>
          <w:p w:rsidR="00156FB3" w:rsidRDefault="00156FB3" w:rsidP="00156FB3">
            <w:r>
              <w:t xml:space="preserve">    height: 10px;</w:t>
            </w:r>
          </w:p>
          <w:p w:rsidR="00156FB3" w:rsidRDefault="00156FB3" w:rsidP="00156FB3">
            <w:r>
              <w:t xml:space="preserve">    background-position: -2831px 0px;</w:t>
            </w:r>
          </w:p>
          <w:p w:rsidR="00156FB3" w:rsidRDefault="00156FB3" w:rsidP="00156FB3">
            <w:r>
              <w:t>}</w:t>
            </w:r>
          </w:p>
          <w:p w:rsidR="00156FB3" w:rsidRDefault="00156FB3" w:rsidP="00156FB3"/>
          <w:p w:rsidR="00156FB3" w:rsidRDefault="00156FB3" w:rsidP="00156FB3">
            <w:r>
              <w:t>.iti__flag.iti__kz {</w:t>
            </w:r>
          </w:p>
          <w:p w:rsidR="00156FB3" w:rsidRDefault="00156FB3" w:rsidP="00156FB3">
            <w:r>
              <w:t xml:space="preserve">    height: 10px;</w:t>
            </w:r>
          </w:p>
          <w:p w:rsidR="00156FB3" w:rsidRDefault="00156FB3" w:rsidP="00156FB3">
            <w:r>
              <w:t xml:space="preserve">    background-position: -2853px 0px;</w:t>
            </w:r>
          </w:p>
          <w:p w:rsidR="00156FB3" w:rsidRDefault="00156FB3" w:rsidP="00156FB3">
            <w:r>
              <w:t>}</w:t>
            </w:r>
          </w:p>
          <w:p w:rsidR="00156FB3" w:rsidRDefault="00156FB3" w:rsidP="00156FB3"/>
          <w:p w:rsidR="00156FB3" w:rsidRDefault="00156FB3" w:rsidP="00156FB3">
            <w:r>
              <w:t>.iti__flag.iti__la {</w:t>
            </w:r>
          </w:p>
          <w:p w:rsidR="00156FB3" w:rsidRDefault="00156FB3" w:rsidP="00156FB3">
            <w:r>
              <w:t xml:space="preserve">    height: 14px;</w:t>
            </w:r>
          </w:p>
          <w:p w:rsidR="00156FB3" w:rsidRDefault="00156FB3" w:rsidP="00156FB3">
            <w:r>
              <w:t xml:space="preserve">    background-position: -2875px 0px;</w:t>
            </w:r>
          </w:p>
          <w:p w:rsidR="00156FB3" w:rsidRDefault="00156FB3" w:rsidP="00156FB3">
            <w:r>
              <w:t>}</w:t>
            </w:r>
          </w:p>
          <w:p w:rsidR="00156FB3" w:rsidRDefault="00156FB3" w:rsidP="00156FB3"/>
          <w:p w:rsidR="00156FB3" w:rsidRDefault="00156FB3" w:rsidP="00156FB3">
            <w:r>
              <w:t>.iti__flag.iti__lb {</w:t>
            </w:r>
          </w:p>
          <w:p w:rsidR="00156FB3" w:rsidRDefault="00156FB3" w:rsidP="00156FB3">
            <w:r>
              <w:t xml:space="preserve">    height: 14px;</w:t>
            </w:r>
          </w:p>
          <w:p w:rsidR="00156FB3" w:rsidRDefault="00156FB3" w:rsidP="00156FB3">
            <w:r>
              <w:t xml:space="preserve">    background-position: -2897px 0px;</w:t>
            </w:r>
          </w:p>
          <w:p w:rsidR="00156FB3" w:rsidRDefault="00156FB3" w:rsidP="00156FB3">
            <w:r>
              <w:t>}</w:t>
            </w:r>
          </w:p>
          <w:p w:rsidR="00156FB3" w:rsidRDefault="00156FB3" w:rsidP="00156FB3"/>
          <w:p w:rsidR="00156FB3" w:rsidRDefault="00156FB3" w:rsidP="00156FB3">
            <w:r>
              <w:t>.iti__flag.iti__lc {</w:t>
            </w:r>
          </w:p>
          <w:p w:rsidR="00156FB3" w:rsidRDefault="00156FB3" w:rsidP="00156FB3">
            <w:r>
              <w:t xml:space="preserve">    height: 10px;</w:t>
            </w:r>
          </w:p>
          <w:p w:rsidR="00156FB3" w:rsidRDefault="00156FB3" w:rsidP="00156FB3">
            <w:r>
              <w:t xml:space="preserve">    background-position: -2919px 0px;</w:t>
            </w:r>
          </w:p>
          <w:p w:rsidR="00156FB3" w:rsidRDefault="00156FB3" w:rsidP="00156FB3">
            <w:r>
              <w:t>}</w:t>
            </w:r>
          </w:p>
          <w:p w:rsidR="00156FB3" w:rsidRDefault="00156FB3" w:rsidP="00156FB3"/>
          <w:p w:rsidR="00156FB3" w:rsidRDefault="00156FB3" w:rsidP="00156FB3">
            <w:r>
              <w:t>.iti__flag.iti__li {</w:t>
            </w:r>
          </w:p>
          <w:p w:rsidR="00156FB3" w:rsidRDefault="00156FB3" w:rsidP="00156FB3">
            <w:r>
              <w:t xml:space="preserve">    height: 12px;</w:t>
            </w:r>
          </w:p>
          <w:p w:rsidR="00156FB3" w:rsidRDefault="00156FB3" w:rsidP="00156FB3">
            <w:r>
              <w:t xml:space="preserve">    background-position: -2941px 0px;</w:t>
            </w:r>
          </w:p>
          <w:p w:rsidR="00156FB3" w:rsidRDefault="00156FB3" w:rsidP="00156FB3">
            <w:r>
              <w:t>}</w:t>
            </w:r>
          </w:p>
          <w:p w:rsidR="00156FB3" w:rsidRDefault="00156FB3" w:rsidP="00156FB3"/>
          <w:p w:rsidR="00156FB3" w:rsidRDefault="00156FB3" w:rsidP="00156FB3">
            <w:r>
              <w:t>.iti__flag.iti__lk {</w:t>
            </w:r>
          </w:p>
          <w:p w:rsidR="00156FB3" w:rsidRDefault="00156FB3" w:rsidP="00156FB3">
            <w:r>
              <w:t xml:space="preserve">    height: 10px;</w:t>
            </w:r>
          </w:p>
          <w:p w:rsidR="00156FB3" w:rsidRDefault="00156FB3" w:rsidP="00156FB3">
            <w:r>
              <w:t xml:space="preserve">    background-position: -2963px 0px;</w:t>
            </w:r>
          </w:p>
          <w:p w:rsidR="00156FB3" w:rsidRDefault="00156FB3" w:rsidP="00156FB3">
            <w:r>
              <w:t>}</w:t>
            </w:r>
          </w:p>
          <w:p w:rsidR="00156FB3" w:rsidRDefault="00156FB3" w:rsidP="00156FB3"/>
          <w:p w:rsidR="00156FB3" w:rsidRDefault="00156FB3" w:rsidP="00156FB3">
            <w:r>
              <w:t>.iti__flag.iti__lr {</w:t>
            </w:r>
          </w:p>
          <w:p w:rsidR="00156FB3" w:rsidRDefault="00156FB3" w:rsidP="00156FB3">
            <w:r>
              <w:t xml:space="preserve">    height: 11px;</w:t>
            </w:r>
          </w:p>
          <w:p w:rsidR="00156FB3" w:rsidRDefault="00156FB3" w:rsidP="00156FB3">
            <w:r>
              <w:t xml:space="preserve">    background-position: -2985px 0px;</w:t>
            </w:r>
          </w:p>
          <w:p w:rsidR="00156FB3" w:rsidRDefault="00156FB3" w:rsidP="00156FB3">
            <w:r>
              <w:t>}</w:t>
            </w:r>
          </w:p>
          <w:p w:rsidR="00156FB3" w:rsidRDefault="00156FB3" w:rsidP="00156FB3"/>
          <w:p w:rsidR="00156FB3" w:rsidRDefault="00156FB3" w:rsidP="00156FB3">
            <w:r>
              <w:t>.iti__flag.iti__ls {</w:t>
            </w:r>
          </w:p>
          <w:p w:rsidR="00156FB3" w:rsidRDefault="00156FB3" w:rsidP="00156FB3">
            <w:r>
              <w:t xml:space="preserve">    height: 14px;</w:t>
            </w:r>
          </w:p>
          <w:p w:rsidR="00156FB3" w:rsidRDefault="00156FB3" w:rsidP="00156FB3">
            <w:r>
              <w:t xml:space="preserve">    background-position: -3007px 0px;</w:t>
            </w:r>
          </w:p>
          <w:p w:rsidR="00156FB3" w:rsidRDefault="00156FB3" w:rsidP="00156FB3">
            <w:r>
              <w:t>}</w:t>
            </w:r>
          </w:p>
          <w:p w:rsidR="00156FB3" w:rsidRDefault="00156FB3" w:rsidP="00156FB3"/>
          <w:p w:rsidR="00156FB3" w:rsidRDefault="00156FB3" w:rsidP="00156FB3">
            <w:r>
              <w:t>.iti__flag.iti__lt {</w:t>
            </w:r>
          </w:p>
          <w:p w:rsidR="00156FB3" w:rsidRDefault="00156FB3" w:rsidP="00156FB3">
            <w:r>
              <w:t xml:space="preserve">    height: 12px;</w:t>
            </w:r>
          </w:p>
          <w:p w:rsidR="00156FB3" w:rsidRDefault="00156FB3" w:rsidP="00156FB3">
            <w:r>
              <w:t xml:space="preserve">    background-position: -3029px 0px;</w:t>
            </w:r>
          </w:p>
          <w:p w:rsidR="00156FB3" w:rsidRDefault="00156FB3" w:rsidP="00156FB3">
            <w:r>
              <w:t>}</w:t>
            </w:r>
          </w:p>
          <w:p w:rsidR="00156FB3" w:rsidRDefault="00156FB3" w:rsidP="00156FB3"/>
          <w:p w:rsidR="00156FB3" w:rsidRDefault="00156FB3" w:rsidP="00156FB3">
            <w:r>
              <w:t>.iti__flag.iti__lu {</w:t>
            </w:r>
          </w:p>
          <w:p w:rsidR="00156FB3" w:rsidRDefault="00156FB3" w:rsidP="00156FB3">
            <w:r>
              <w:t xml:space="preserve">    height: 12px;</w:t>
            </w:r>
          </w:p>
          <w:p w:rsidR="00156FB3" w:rsidRDefault="00156FB3" w:rsidP="00156FB3">
            <w:r>
              <w:t xml:space="preserve">    background-position: -3051px 0px;</w:t>
            </w:r>
          </w:p>
          <w:p w:rsidR="00156FB3" w:rsidRDefault="00156FB3" w:rsidP="00156FB3">
            <w:r>
              <w:t>}</w:t>
            </w:r>
          </w:p>
          <w:p w:rsidR="00156FB3" w:rsidRDefault="00156FB3" w:rsidP="00156FB3"/>
          <w:p w:rsidR="00156FB3" w:rsidRDefault="00156FB3" w:rsidP="00156FB3">
            <w:r>
              <w:t>.iti__flag.iti__lv {</w:t>
            </w:r>
          </w:p>
          <w:p w:rsidR="00156FB3" w:rsidRDefault="00156FB3" w:rsidP="00156FB3">
            <w:r>
              <w:t xml:space="preserve">    height: 10px;</w:t>
            </w:r>
          </w:p>
          <w:p w:rsidR="00156FB3" w:rsidRDefault="00156FB3" w:rsidP="00156FB3">
            <w:r>
              <w:t xml:space="preserve">    background-position: -3073px 0px;</w:t>
            </w:r>
          </w:p>
          <w:p w:rsidR="00156FB3" w:rsidRDefault="00156FB3" w:rsidP="00156FB3">
            <w:r>
              <w:t>}</w:t>
            </w:r>
          </w:p>
          <w:p w:rsidR="00156FB3" w:rsidRDefault="00156FB3" w:rsidP="00156FB3"/>
          <w:p w:rsidR="00156FB3" w:rsidRDefault="00156FB3" w:rsidP="00156FB3">
            <w:r>
              <w:t>.iti__flag.iti__ly {</w:t>
            </w:r>
          </w:p>
          <w:p w:rsidR="00156FB3" w:rsidRDefault="00156FB3" w:rsidP="00156FB3">
            <w:r>
              <w:t xml:space="preserve">    height: 10px;</w:t>
            </w:r>
          </w:p>
          <w:p w:rsidR="00156FB3" w:rsidRDefault="00156FB3" w:rsidP="00156FB3">
            <w:r>
              <w:t xml:space="preserve">    background-position: -3095px 0px;</w:t>
            </w:r>
          </w:p>
          <w:p w:rsidR="00156FB3" w:rsidRDefault="00156FB3" w:rsidP="00156FB3">
            <w:r>
              <w:t>}</w:t>
            </w:r>
          </w:p>
          <w:p w:rsidR="00156FB3" w:rsidRDefault="00156FB3" w:rsidP="00156FB3"/>
          <w:p w:rsidR="00156FB3" w:rsidRDefault="00156FB3" w:rsidP="00156FB3">
            <w:r>
              <w:t>.iti__flag.iti__ma {</w:t>
            </w:r>
          </w:p>
          <w:p w:rsidR="00156FB3" w:rsidRDefault="00156FB3" w:rsidP="00156FB3">
            <w:r>
              <w:t xml:space="preserve">    height: 14px;</w:t>
            </w:r>
          </w:p>
          <w:p w:rsidR="00156FB3" w:rsidRDefault="00156FB3" w:rsidP="00156FB3">
            <w:r>
              <w:t xml:space="preserve">    background-position: -3117px 0px;</w:t>
            </w:r>
          </w:p>
          <w:p w:rsidR="00156FB3" w:rsidRDefault="00156FB3" w:rsidP="00156FB3">
            <w:r>
              <w:t>}</w:t>
            </w:r>
          </w:p>
          <w:p w:rsidR="00156FB3" w:rsidRDefault="00156FB3" w:rsidP="00156FB3"/>
          <w:p w:rsidR="00156FB3" w:rsidRDefault="00156FB3" w:rsidP="00156FB3">
            <w:r>
              <w:t>.iti__flag.iti__mc {</w:t>
            </w:r>
          </w:p>
          <w:p w:rsidR="00156FB3" w:rsidRDefault="00156FB3" w:rsidP="00156FB3">
            <w:r>
              <w:t xml:space="preserve">    height: 15px;</w:t>
            </w:r>
          </w:p>
          <w:p w:rsidR="00156FB3" w:rsidRDefault="00156FB3" w:rsidP="00156FB3">
            <w:r>
              <w:t xml:space="preserve">    background-position: -3139px 0px;</w:t>
            </w:r>
          </w:p>
          <w:p w:rsidR="00156FB3" w:rsidRDefault="00156FB3" w:rsidP="00156FB3">
            <w:r>
              <w:t>}</w:t>
            </w:r>
          </w:p>
          <w:p w:rsidR="00156FB3" w:rsidRDefault="00156FB3" w:rsidP="00156FB3"/>
          <w:p w:rsidR="00156FB3" w:rsidRDefault="00156FB3" w:rsidP="00156FB3">
            <w:r>
              <w:t>.iti__flag.iti__md {</w:t>
            </w:r>
          </w:p>
          <w:p w:rsidR="00156FB3" w:rsidRDefault="00156FB3" w:rsidP="00156FB3">
            <w:r>
              <w:t xml:space="preserve">    height: 10px;</w:t>
            </w:r>
          </w:p>
          <w:p w:rsidR="00156FB3" w:rsidRDefault="00156FB3" w:rsidP="00156FB3">
            <w:r>
              <w:lastRenderedPageBreak/>
              <w:t xml:space="preserve">    background-position: -3160px 0px;</w:t>
            </w:r>
          </w:p>
          <w:p w:rsidR="00156FB3" w:rsidRDefault="00156FB3" w:rsidP="00156FB3">
            <w:r>
              <w:t>}</w:t>
            </w:r>
          </w:p>
          <w:p w:rsidR="00156FB3" w:rsidRDefault="00156FB3" w:rsidP="00156FB3"/>
          <w:p w:rsidR="00156FB3" w:rsidRDefault="00156FB3" w:rsidP="00156FB3">
            <w:r>
              <w:t>.iti__flag.iti__me {</w:t>
            </w:r>
          </w:p>
          <w:p w:rsidR="00156FB3" w:rsidRDefault="00156FB3" w:rsidP="00156FB3">
            <w:r>
              <w:t xml:space="preserve">    height: 10px;</w:t>
            </w:r>
          </w:p>
          <w:p w:rsidR="00156FB3" w:rsidRDefault="00156FB3" w:rsidP="00156FB3">
            <w:r>
              <w:t xml:space="preserve">    background-position: -3182px 0px;</w:t>
            </w:r>
          </w:p>
          <w:p w:rsidR="00156FB3" w:rsidRDefault="00156FB3" w:rsidP="00156FB3">
            <w:r>
              <w:t>}</w:t>
            </w:r>
          </w:p>
          <w:p w:rsidR="00156FB3" w:rsidRDefault="00156FB3" w:rsidP="00156FB3"/>
          <w:p w:rsidR="00156FB3" w:rsidRDefault="00156FB3" w:rsidP="00156FB3">
            <w:r>
              <w:t>.iti__flag.iti__mf {</w:t>
            </w:r>
          </w:p>
          <w:p w:rsidR="00156FB3" w:rsidRDefault="00156FB3" w:rsidP="00156FB3">
            <w:r>
              <w:t xml:space="preserve">    height: 14px;</w:t>
            </w:r>
          </w:p>
          <w:p w:rsidR="00156FB3" w:rsidRDefault="00156FB3" w:rsidP="00156FB3">
            <w:r>
              <w:t xml:space="preserve">    background-position: -3204px 0px;</w:t>
            </w:r>
          </w:p>
          <w:p w:rsidR="00156FB3" w:rsidRDefault="00156FB3" w:rsidP="00156FB3">
            <w:r>
              <w:t>}</w:t>
            </w:r>
          </w:p>
          <w:p w:rsidR="00156FB3" w:rsidRDefault="00156FB3" w:rsidP="00156FB3"/>
          <w:p w:rsidR="00156FB3" w:rsidRDefault="00156FB3" w:rsidP="00156FB3">
            <w:r>
              <w:t>.iti__flag.iti__mg {</w:t>
            </w:r>
          </w:p>
          <w:p w:rsidR="00156FB3" w:rsidRDefault="00156FB3" w:rsidP="00156FB3">
            <w:r>
              <w:t xml:space="preserve">    height: 14px;</w:t>
            </w:r>
          </w:p>
          <w:p w:rsidR="00156FB3" w:rsidRDefault="00156FB3" w:rsidP="00156FB3">
            <w:r>
              <w:t xml:space="preserve">    background-position: -3226px 0px;</w:t>
            </w:r>
          </w:p>
          <w:p w:rsidR="00156FB3" w:rsidRDefault="00156FB3" w:rsidP="00156FB3">
            <w:r>
              <w:t>}</w:t>
            </w:r>
          </w:p>
          <w:p w:rsidR="00156FB3" w:rsidRDefault="00156FB3" w:rsidP="00156FB3"/>
          <w:p w:rsidR="00156FB3" w:rsidRDefault="00156FB3" w:rsidP="00156FB3">
            <w:r>
              <w:t>.iti__flag.iti__mh {</w:t>
            </w:r>
          </w:p>
          <w:p w:rsidR="00156FB3" w:rsidRDefault="00156FB3" w:rsidP="00156FB3">
            <w:r>
              <w:t xml:space="preserve">    height: 11px;</w:t>
            </w:r>
          </w:p>
          <w:p w:rsidR="00156FB3" w:rsidRDefault="00156FB3" w:rsidP="00156FB3">
            <w:r>
              <w:t xml:space="preserve">    background-position: -3248px 0px;</w:t>
            </w:r>
          </w:p>
          <w:p w:rsidR="00156FB3" w:rsidRDefault="00156FB3" w:rsidP="00156FB3">
            <w:r>
              <w:t>}</w:t>
            </w:r>
          </w:p>
          <w:p w:rsidR="00156FB3" w:rsidRDefault="00156FB3" w:rsidP="00156FB3"/>
          <w:p w:rsidR="00156FB3" w:rsidRDefault="00156FB3" w:rsidP="00156FB3">
            <w:r>
              <w:t>.iti__flag.iti__mk {</w:t>
            </w:r>
          </w:p>
          <w:p w:rsidR="00156FB3" w:rsidRDefault="00156FB3" w:rsidP="00156FB3">
            <w:r>
              <w:t xml:space="preserve">    height: 10px;</w:t>
            </w:r>
          </w:p>
          <w:p w:rsidR="00156FB3" w:rsidRDefault="00156FB3" w:rsidP="00156FB3">
            <w:r>
              <w:t xml:space="preserve">    background-position: -3270px 0px;</w:t>
            </w:r>
          </w:p>
          <w:p w:rsidR="00156FB3" w:rsidRDefault="00156FB3" w:rsidP="00156FB3">
            <w:r>
              <w:t>}</w:t>
            </w:r>
          </w:p>
          <w:p w:rsidR="00156FB3" w:rsidRDefault="00156FB3" w:rsidP="00156FB3"/>
          <w:p w:rsidR="00156FB3" w:rsidRDefault="00156FB3" w:rsidP="00156FB3">
            <w:r>
              <w:t>.iti__flag.iti__ml {</w:t>
            </w:r>
          </w:p>
          <w:p w:rsidR="00156FB3" w:rsidRDefault="00156FB3" w:rsidP="00156FB3">
            <w:r>
              <w:t xml:space="preserve">    height: 14px;</w:t>
            </w:r>
          </w:p>
          <w:p w:rsidR="00156FB3" w:rsidRDefault="00156FB3" w:rsidP="00156FB3">
            <w:r>
              <w:t xml:space="preserve">    background-position: -3292px 0px;</w:t>
            </w:r>
          </w:p>
          <w:p w:rsidR="00156FB3" w:rsidRDefault="00156FB3" w:rsidP="00156FB3">
            <w:r>
              <w:t>}</w:t>
            </w:r>
          </w:p>
          <w:p w:rsidR="00156FB3" w:rsidRDefault="00156FB3" w:rsidP="00156FB3"/>
          <w:p w:rsidR="00156FB3" w:rsidRDefault="00156FB3" w:rsidP="00156FB3">
            <w:r>
              <w:t>.iti__flag.iti__mm {</w:t>
            </w:r>
          </w:p>
          <w:p w:rsidR="00156FB3" w:rsidRDefault="00156FB3" w:rsidP="00156FB3">
            <w:r>
              <w:t xml:space="preserve">    height: 14px;</w:t>
            </w:r>
          </w:p>
          <w:p w:rsidR="00156FB3" w:rsidRDefault="00156FB3" w:rsidP="00156FB3">
            <w:r>
              <w:t xml:space="preserve">    background-position: -3314px 0px;</w:t>
            </w:r>
          </w:p>
          <w:p w:rsidR="00156FB3" w:rsidRDefault="00156FB3" w:rsidP="00156FB3">
            <w:r>
              <w:t>}</w:t>
            </w:r>
          </w:p>
          <w:p w:rsidR="00156FB3" w:rsidRDefault="00156FB3" w:rsidP="00156FB3"/>
          <w:p w:rsidR="00156FB3" w:rsidRDefault="00156FB3" w:rsidP="00156FB3">
            <w:r>
              <w:t>.iti__flag.iti__mn {</w:t>
            </w:r>
          </w:p>
          <w:p w:rsidR="00156FB3" w:rsidRDefault="00156FB3" w:rsidP="00156FB3">
            <w:r>
              <w:t xml:space="preserve">    height: 10px;</w:t>
            </w:r>
          </w:p>
          <w:p w:rsidR="00156FB3" w:rsidRDefault="00156FB3" w:rsidP="00156FB3">
            <w:r>
              <w:t xml:space="preserve">    background-position: -3336px 0px;</w:t>
            </w:r>
          </w:p>
          <w:p w:rsidR="00156FB3" w:rsidRDefault="00156FB3" w:rsidP="00156FB3">
            <w:r>
              <w:t>}</w:t>
            </w:r>
          </w:p>
          <w:p w:rsidR="00156FB3" w:rsidRDefault="00156FB3" w:rsidP="00156FB3"/>
          <w:p w:rsidR="00156FB3" w:rsidRDefault="00156FB3" w:rsidP="00156FB3">
            <w:r>
              <w:t>.iti__flag.iti__mo {</w:t>
            </w:r>
          </w:p>
          <w:p w:rsidR="00156FB3" w:rsidRDefault="00156FB3" w:rsidP="00156FB3">
            <w:r>
              <w:t xml:space="preserve">    height: 14px;</w:t>
            </w:r>
          </w:p>
          <w:p w:rsidR="00156FB3" w:rsidRDefault="00156FB3" w:rsidP="00156FB3">
            <w:r>
              <w:t xml:space="preserve">    background-position: -3358px 0px;</w:t>
            </w:r>
          </w:p>
          <w:p w:rsidR="00156FB3" w:rsidRDefault="00156FB3" w:rsidP="00156FB3">
            <w:r>
              <w:t>}</w:t>
            </w:r>
          </w:p>
          <w:p w:rsidR="00156FB3" w:rsidRDefault="00156FB3" w:rsidP="00156FB3"/>
          <w:p w:rsidR="00156FB3" w:rsidRDefault="00156FB3" w:rsidP="00156FB3">
            <w:r>
              <w:lastRenderedPageBreak/>
              <w:t>.iti__flag.iti__mp {</w:t>
            </w:r>
          </w:p>
          <w:p w:rsidR="00156FB3" w:rsidRDefault="00156FB3" w:rsidP="00156FB3">
            <w:r>
              <w:t xml:space="preserve">    height: 10px;</w:t>
            </w:r>
          </w:p>
          <w:p w:rsidR="00156FB3" w:rsidRDefault="00156FB3" w:rsidP="00156FB3">
            <w:r>
              <w:t xml:space="preserve">    background-position: -3380px 0px;</w:t>
            </w:r>
          </w:p>
          <w:p w:rsidR="00156FB3" w:rsidRDefault="00156FB3" w:rsidP="00156FB3">
            <w:r>
              <w:t>}</w:t>
            </w:r>
          </w:p>
          <w:p w:rsidR="00156FB3" w:rsidRDefault="00156FB3" w:rsidP="00156FB3"/>
          <w:p w:rsidR="00156FB3" w:rsidRDefault="00156FB3" w:rsidP="00156FB3">
            <w:r>
              <w:t>.iti__flag.iti__mq {</w:t>
            </w:r>
          </w:p>
          <w:p w:rsidR="00156FB3" w:rsidRDefault="00156FB3" w:rsidP="00156FB3">
            <w:r>
              <w:t xml:space="preserve">    height: 14px;</w:t>
            </w:r>
          </w:p>
          <w:p w:rsidR="00156FB3" w:rsidRDefault="00156FB3" w:rsidP="00156FB3">
            <w:r>
              <w:t xml:space="preserve">    background-position: -3402px 0px;</w:t>
            </w:r>
          </w:p>
          <w:p w:rsidR="00156FB3" w:rsidRDefault="00156FB3" w:rsidP="00156FB3">
            <w:r>
              <w:t>}</w:t>
            </w:r>
          </w:p>
          <w:p w:rsidR="00156FB3" w:rsidRDefault="00156FB3" w:rsidP="00156FB3"/>
          <w:p w:rsidR="00156FB3" w:rsidRDefault="00156FB3" w:rsidP="00156FB3">
            <w:r>
              <w:t>.iti__flag.iti__mr {</w:t>
            </w:r>
          </w:p>
          <w:p w:rsidR="00156FB3" w:rsidRDefault="00156FB3" w:rsidP="00156FB3">
            <w:r>
              <w:t xml:space="preserve">    height: 14px;</w:t>
            </w:r>
          </w:p>
          <w:p w:rsidR="00156FB3" w:rsidRDefault="00156FB3" w:rsidP="00156FB3">
            <w:r>
              <w:t xml:space="preserve">    background-position: -3424px 0px;</w:t>
            </w:r>
          </w:p>
          <w:p w:rsidR="00156FB3" w:rsidRDefault="00156FB3" w:rsidP="00156FB3">
            <w:r>
              <w:t>}</w:t>
            </w:r>
          </w:p>
          <w:p w:rsidR="00156FB3" w:rsidRDefault="00156FB3" w:rsidP="00156FB3"/>
          <w:p w:rsidR="00156FB3" w:rsidRDefault="00156FB3" w:rsidP="00156FB3">
            <w:r>
              <w:t>.iti__flag.iti__ms {</w:t>
            </w:r>
          </w:p>
          <w:p w:rsidR="00156FB3" w:rsidRDefault="00156FB3" w:rsidP="00156FB3">
            <w:r>
              <w:t xml:space="preserve">    height: 10px;</w:t>
            </w:r>
          </w:p>
          <w:p w:rsidR="00156FB3" w:rsidRDefault="00156FB3" w:rsidP="00156FB3">
            <w:r>
              <w:t xml:space="preserve">    background-position: -3446px 0px;</w:t>
            </w:r>
          </w:p>
          <w:p w:rsidR="00156FB3" w:rsidRDefault="00156FB3" w:rsidP="00156FB3">
            <w:r>
              <w:t>}</w:t>
            </w:r>
          </w:p>
          <w:p w:rsidR="00156FB3" w:rsidRDefault="00156FB3" w:rsidP="00156FB3"/>
          <w:p w:rsidR="00156FB3" w:rsidRDefault="00156FB3" w:rsidP="00156FB3">
            <w:r>
              <w:t>.iti__flag.iti__mt {</w:t>
            </w:r>
          </w:p>
          <w:p w:rsidR="00156FB3" w:rsidRDefault="00156FB3" w:rsidP="00156FB3">
            <w:r>
              <w:t xml:space="preserve">    height: 14px;</w:t>
            </w:r>
          </w:p>
          <w:p w:rsidR="00156FB3" w:rsidRDefault="00156FB3" w:rsidP="00156FB3">
            <w:r>
              <w:t xml:space="preserve">    background-position: -3468px 0px;</w:t>
            </w:r>
          </w:p>
          <w:p w:rsidR="00156FB3" w:rsidRDefault="00156FB3" w:rsidP="00156FB3">
            <w:r>
              <w:t>}</w:t>
            </w:r>
          </w:p>
          <w:p w:rsidR="00156FB3" w:rsidRDefault="00156FB3" w:rsidP="00156FB3"/>
          <w:p w:rsidR="00156FB3" w:rsidRDefault="00156FB3" w:rsidP="00156FB3">
            <w:r>
              <w:t>.iti__flag.iti__mu {</w:t>
            </w:r>
          </w:p>
          <w:p w:rsidR="00156FB3" w:rsidRDefault="00156FB3" w:rsidP="00156FB3">
            <w:r>
              <w:t xml:space="preserve">    height: 14px;</w:t>
            </w:r>
          </w:p>
          <w:p w:rsidR="00156FB3" w:rsidRDefault="00156FB3" w:rsidP="00156FB3">
            <w:r>
              <w:t xml:space="preserve">    background-position: -3490px 0px;</w:t>
            </w:r>
          </w:p>
          <w:p w:rsidR="00156FB3" w:rsidRDefault="00156FB3" w:rsidP="00156FB3">
            <w:r>
              <w:t>}</w:t>
            </w:r>
          </w:p>
          <w:p w:rsidR="00156FB3" w:rsidRDefault="00156FB3" w:rsidP="00156FB3"/>
          <w:p w:rsidR="00156FB3" w:rsidRDefault="00156FB3" w:rsidP="00156FB3">
            <w:r>
              <w:t>.iti__flag.iti__mv {</w:t>
            </w:r>
          </w:p>
          <w:p w:rsidR="00156FB3" w:rsidRDefault="00156FB3" w:rsidP="00156FB3">
            <w:r>
              <w:t xml:space="preserve">    height: 14px;</w:t>
            </w:r>
          </w:p>
          <w:p w:rsidR="00156FB3" w:rsidRDefault="00156FB3" w:rsidP="00156FB3">
            <w:r>
              <w:t xml:space="preserve">    background-position: -3512px 0px;</w:t>
            </w:r>
          </w:p>
          <w:p w:rsidR="00156FB3" w:rsidRDefault="00156FB3" w:rsidP="00156FB3">
            <w:r>
              <w:t>}</w:t>
            </w:r>
          </w:p>
          <w:p w:rsidR="00156FB3" w:rsidRDefault="00156FB3" w:rsidP="00156FB3"/>
          <w:p w:rsidR="00156FB3" w:rsidRDefault="00156FB3" w:rsidP="00156FB3">
            <w:r>
              <w:t>.iti__flag.iti__mw {</w:t>
            </w:r>
          </w:p>
          <w:p w:rsidR="00156FB3" w:rsidRDefault="00156FB3" w:rsidP="00156FB3">
            <w:r>
              <w:t xml:space="preserve">    height: 14px;</w:t>
            </w:r>
          </w:p>
          <w:p w:rsidR="00156FB3" w:rsidRDefault="00156FB3" w:rsidP="00156FB3">
            <w:r>
              <w:t xml:space="preserve">    background-position: -3534px 0px;</w:t>
            </w:r>
          </w:p>
          <w:p w:rsidR="00156FB3" w:rsidRDefault="00156FB3" w:rsidP="00156FB3">
            <w:r>
              <w:t>}</w:t>
            </w:r>
          </w:p>
          <w:p w:rsidR="00156FB3" w:rsidRDefault="00156FB3" w:rsidP="00156FB3"/>
          <w:p w:rsidR="00156FB3" w:rsidRDefault="00156FB3" w:rsidP="00156FB3">
            <w:r>
              <w:t>.iti__flag.iti__mx {</w:t>
            </w:r>
          </w:p>
          <w:p w:rsidR="00156FB3" w:rsidRDefault="00156FB3" w:rsidP="00156FB3">
            <w:r>
              <w:t xml:space="preserve">    height: 12px;</w:t>
            </w:r>
          </w:p>
          <w:p w:rsidR="00156FB3" w:rsidRDefault="00156FB3" w:rsidP="00156FB3">
            <w:r>
              <w:t xml:space="preserve">    background-position: -3556px 0px;</w:t>
            </w:r>
          </w:p>
          <w:p w:rsidR="00156FB3" w:rsidRDefault="00156FB3" w:rsidP="00156FB3">
            <w:r>
              <w:t>}</w:t>
            </w:r>
          </w:p>
          <w:p w:rsidR="00156FB3" w:rsidRDefault="00156FB3" w:rsidP="00156FB3"/>
          <w:p w:rsidR="00156FB3" w:rsidRDefault="00156FB3" w:rsidP="00156FB3">
            <w:r>
              <w:t>.iti__flag.iti__my {</w:t>
            </w:r>
          </w:p>
          <w:p w:rsidR="00156FB3" w:rsidRDefault="00156FB3" w:rsidP="00156FB3">
            <w:r>
              <w:t xml:space="preserve">    height: 10px;</w:t>
            </w:r>
          </w:p>
          <w:p w:rsidR="00156FB3" w:rsidRDefault="00156FB3" w:rsidP="00156FB3">
            <w:r>
              <w:t xml:space="preserve">    background-position: -3578px 0px;</w:t>
            </w:r>
          </w:p>
          <w:p w:rsidR="00156FB3" w:rsidRDefault="00156FB3" w:rsidP="00156FB3">
            <w:r>
              <w:lastRenderedPageBreak/>
              <w:t>}</w:t>
            </w:r>
          </w:p>
          <w:p w:rsidR="00156FB3" w:rsidRDefault="00156FB3" w:rsidP="00156FB3"/>
          <w:p w:rsidR="00156FB3" w:rsidRDefault="00156FB3" w:rsidP="00156FB3">
            <w:r>
              <w:t>.iti__flag.iti__mz {</w:t>
            </w:r>
          </w:p>
          <w:p w:rsidR="00156FB3" w:rsidRDefault="00156FB3" w:rsidP="00156FB3">
            <w:r>
              <w:t xml:space="preserve">    height: 14px;</w:t>
            </w:r>
          </w:p>
          <w:p w:rsidR="00156FB3" w:rsidRDefault="00156FB3" w:rsidP="00156FB3">
            <w:r>
              <w:t xml:space="preserve">    background-position: -3600px 0px;</w:t>
            </w:r>
          </w:p>
          <w:p w:rsidR="00156FB3" w:rsidRDefault="00156FB3" w:rsidP="00156FB3">
            <w:r>
              <w:t>}</w:t>
            </w:r>
          </w:p>
          <w:p w:rsidR="00156FB3" w:rsidRDefault="00156FB3" w:rsidP="00156FB3"/>
          <w:p w:rsidR="00156FB3" w:rsidRDefault="00156FB3" w:rsidP="00156FB3">
            <w:r>
              <w:t>.iti__flag.iti__na {</w:t>
            </w:r>
          </w:p>
          <w:p w:rsidR="00156FB3" w:rsidRDefault="00156FB3" w:rsidP="00156FB3">
            <w:r>
              <w:t xml:space="preserve">    height: 14px;</w:t>
            </w:r>
          </w:p>
          <w:p w:rsidR="00156FB3" w:rsidRDefault="00156FB3" w:rsidP="00156FB3">
            <w:r>
              <w:t xml:space="preserve">    background-position: -3622px 0px;</w:t>
            </w:r>
          </w:p>
          <w:p w:rsidR="00156FB3" w:rsidRDefault="00156FB3" w:rsidP="00156FB3">
            <w:r>
              <w:t>}</w:t>
            </w:r>
          </w:p>
          <w:p w:rsidR="00156FB3" w:rsidRDefault="00156FB3" w:rsidP="00156FB3"/>
          <w:p w:rsidR="00156FB3" w:rsidRDefault="00156FB3" w:rsidP="00156FB3">
            <w:r>
              <w:t>.iti__flag.iti__nc {</w:t>
            </w:r>
          </w:p>
          <w:p w:rsidR="00156FB3" w:rsidRDefault="00156FB3" w:rsidP="00156FB3">
            <w:r>
              <w:t xml:space="preserve">    height: 10px;</w:t>
            </w:r>
          </w:p>
          <w:p w:rsidR="00156FB3" w:rsidRDefault="00156FB3" w:rsidP="00156FB3">
            <w:r>
              <w:t xml:space="preserve">    background-position: -3644px 0px;</w:t>
            </w:r>
          </w:p>
          <w:p w:rsidR="00156FB3" w:rsidRDefault="00156FB3" w:rsidP="00156FB3">
            <w:r>
              <w:t>}</w:t>
            </w:r>
          </w:p>
          <w:p w:rsidR="00156FB3" w:rsidRDefault="00156FB3" w:rsidP="00156FB3"/>
          <w:p w:rsidR="00156FB3" w:rsidRDefault="00156FB3" w:rsidP="00156FB3">
            <w:r>
              <w:t>.iti__flag.iti__ne {</w:t>
            </w:r>
          </w:p>
          <w:p w:rsidR="00156FB3" w:rsidRDefault="00156FB3" w:rsidP="00156FB3">
            <w:r>
              <w:t xml:space="preserve">    height: 15px;</w:t>
            </w:r>
          </w:p>
          <w:p w:rsidR="00156FB3" w:rsidRDefault="00156FB3" w:rsidP="00156FB3">
            <w:r>
              <w:t xml:space="preserve">    background-position: -3666px 0px;</w:t>
            </w:r>
          </w:p>
          <w:p w:rsidR="00156FB3" w:rsidRDefault="00156FB3" w:rsidP="00156FB3">
            <w:r>
              <w:t>}</w:t>
            </w:r>
          </w:p>
          <w:p w:rsidR="00156FB3" w:rsidRDefault="00156FB3" w:rsidP="00156FB3"/>
          <w:p w:rsidR="00156FB3" w:rsidRDefault="00156FB3" w:rsidP="00156FB3">
            <w:r>
              <w:t>.iti__flag.iti__nf {</w:t>
            </w:r>
          </w:p>
          <w:p w:rsidR="00156FB3" w:rsidRDefault="00156FB3" w:rsidP="00156FB3">
            <w:r>
              <w:t xml:space="preserve">    height: 10px;</w:t>
            </w:r>
          </w:p>
          <w:p w:rsidR="00156FB3" w:rsidRDefault="00156FB3" w:rsidP="00156FB3">
            <w:r>
              <w:t xml:space="preserve">    background-position: -3686px 0px;</w:t>
            </w:r>
          </w:p>
          <w:p w:rsidR="00156FB3" w:rsidRDefault="00156FB3" w:rsidP="00156FB3">
            <w:r>
              <w:t>}</w:t>
            </w:r>
          </w:p>
          <w:p w:rsidR="00156FB3" w:rsidRDefault="00156FB3" w:rsidP="00156FB3"/>
          <w:p w:rsidR="00156FB3" w:rsidRDefault="00156FB3" w:rsidP="00156FB3">
            <w:r>
              <w:t>.iti__flag.iti__ng {</w:t>
            </w:r>
          </w:p>
          <w:p w:rsidR="00156FB3" w:rsidRDefault="00156FB3" w:rsidP="00156FB3">
            <w:r>
              <w:t xml:space="preserve">    height: 10px;</w:t>
            </w:r>
          </w:p>
          <w:p w:rsidR="00156FB3" w:rsidRDefault="00156FB3" w:rsidP="00156FB3">
            <w:r>
              <w:t xml:space="preserve">    background-position: -3708px 0px;</w:t>
            </w:r>
          </w:p>
          <w:p w:rsidR="00156FB3" w:rsidRDefault="00156FB3" w:rsidP="00156FB3">
            <w:r>
              <w:t>}</w:t>
            </w:r>
          </w:p>
          <w:p w:rsidR="00156FB3" w:rsidRDefault="00156FB3" w:rsidP="00156FB3"/>
          <w:p w:rsidR="00156FB3" w:rsidRDefault="00156FB3" w:rsidP="00156FB3">
            <w:r>
              <w:t>.iti__flag.iti__ni {</w:t>
            </w:r>
          </w:p>
          <w:p w:rsidR="00156FB3" w:rsidRDefault="00156FB3" w:rsidP="00156FB3">
            <w:r>
              <w:t xml:space="preserve">    height: 12px;</w:t>
            </w:r>
          </w:p>
          <w:p w:rsidR="00156FB3" w:rsidRDefault="00156FB3" w:rsidP="00156FB3">
            <w:r>
              <w:t xml:space="preserve">    background-position: -3730px 0px;</w:t>
            </w:r>
          </w:p>
          <w:p w:rsidR="00156FB3" w:rsidRDefault="00156FB3" w:rsidP="00156FB3">
            <w:r>
              <w:t>}</w:t>
            </w:r>
          </w:p>
          <w:p w:rsidR="00156FB3" w:rsidRDefault="00156FB3" w:rsidP="00156FB3"/>
          <w:p w:rsidR="00156FB3" w:rsidRDefault="00156FB3" w:rsidP="00156FB3">
            <w:r>
              <w:t>.iti__flag.iti__nl {</w:t>
            </w:r>
          </w:p>
          <w:p w:rsidR="00156FB3" w:rsidRDefault="00156FB3" w:rsidP="00156FB3">
            <w:r>
              <w:t xml:space="preserve">    height: 14px;</w:t>
            </w:r>
          </w:p>
          <w:p w:rsidR="00156FB3" w:rsidRDefault="00156FB3" w:rsidP="00156FB3">
            <w:r>
              <w:t xml:space="preserve">    background-position: -3752px 0px;</w:t>
            </w:r>
          </w:p>
          <w:p w:rsidR="00156FB3" w:rsidRDefault="00156FB3" w:rsidP="00156FB3">
            <w:r>
              <w:t>}</w:t>
            </w:r>
          </w:p>
          <w:p w:rsidR="00156FB3" w:rsidRDefault="00156FB3" w:rsidP="00156FB3"/>
          <w:p w:rsidR="00156FB3" w:rsidRDefault="00156FB3" w:rsidP="00156FB3">
            <w:r>
              <w:t>.iti__flag.iti__no {</w:t>
            </w:r>
          </w:p>
          <w:p w:rsidR="00156FB3" w:rsidRDefault="00156FB3" w:rsidP="00156FB3">
            <w:r>
              <w:t xml:space="preserve">    height: 15px;</w:t>
            </w:r>
          </w:p>
          <w:p w:rsidR="00156FB3" w:rsidRDefault="00156FB3" w:rsidP="00156FB3">
            <w:r>
              <w:t xml:space="preserve">    background-position: -3774px 0px;</w:t>
            </w:r>
          </w:p>
          <w:p w:rsidR="00156FB3" w:rsidRDefault="00156FB3" w:rsidP="00156FB3">
            <w:r>
              <w:t>}</w:t>
            </w:r>
          </w:p>
          <w:p w:rsidR="00156FB3" w:rsidRDefault="00156FB3" w:rsidP="00156FB3"/>
          <w:p w:rsidR="00156FB3" w:rsidRDefault="00156FB3" w:rsidP="00156FB3">
            <w:r>
              <w:t>.iti__flag.iti__np {</w:t>
            </w:r>
          </w:p>
          <w:p w:rsidR="00156FB3" w:rsidRDefault="00156FB3" w:rsidP="00156FB3">
            <w:r>
              <w:lastRenderedPageBreak/>
              <w:t xml:space="preserve">    height: 15px;</w:t>
            </w:r>
          </w:p>
          <w:p w:rsidR="00156FB3" w:rsidRDefault="00156FB3" w:rsidP="00156FB3">
            <w:r>
              <w:t xml:space="preserve">    background-position: -3796px 0px;</w:t>
            </w:r>
          </w:p>
          <w:p w:rsidR="00156FB3" w:rsidRDefault="00156FB3" w:rsidP="00156FB3">
            <w:r>
              <w:t>}</w:t>
            </w:r>
          </w:p>
          <w:p w:rsidR="00156FB3" w:rsidRDefault="00156FB3" w:rsidP="00156FB3"/>
          <w:p w:rsidR="00156FB3" w:rsidRDefault="00156FB3" w:rsidP="00156FB3">
            <w:r>
              <w:t>.iti__flag.iti__nr {</w:t>
            </w:r>
          </w:p>
          <w:p w:rsidR="00156FB3" w:rsidRDefault="00156FB3" w:rsidP="00156FB3">
            <w:r>
              <w:t xml:space="preserve">    height: 10px;</w:t>
            </w:r>
          </w:p>
          <w:p w:rsidR="00156FB3" w:rsidRDefault="00156FB3" w:rsidP="00156FB3">
            <w:r>
              <w:t xml:space="preserve">    background-position: -3811px 0px;</w:t>
            </w:r>
          </w:p>
          <w:p w:rsidR="00156FB3" w:rsidRDefault="00156FB3" w:rsidP="00156FB3">
            <w:r>
              <w:t>}</w:t>
            </w:r>
          </w:p>
          <w:p w:rsidR="00156FB3" w:rsidRDefault="00156FB3" w:rsidP="00156FB3"/>
          <w:p w:rsidR="00156FB3" w:rsidRDefault="00156FB3" w:rsidP="00156FB3">
            <w:r>
              <w:t>.iti__flag.iti__nu {</w:t>
            </w:r>
          </w:p>
          <w:p w:rsidR="00156FB3" w:rsidRDefault="00156FB3" w:rsidP="00156FB3">
            <w:r>
              <w:t xml:space="preserve">    height: 10px;</w:t>
            </w:r>
          </w:p>
          <w:p w:rsidR="00156FB3" w:rsidRDefault="00156FB3" w:rsidP="00156FB3">
            <w:r>
              <w:t xml:space="preserve">    background-position: -3833px 0px;</w:t>
            </w:r>
          </w:p>
          <w:p w:rsidR="00156FB3" w:rsidRDefault="00156FB3" w:rsidP="00156FB3">
            <w:r>
              <w:t>}</w:t>
            </w:r>
          </w:p>
          <w:p w:rsidR="00156FB3" w:rsidRDefault="00156FB3" w:rsidP="00156FB3"/>
          <w:p w:rsidR="00156FB3" w:rsidRDefault="00156FB3" w:rsidP="00156FB3">
            <w:r>
              <w:t>.iti__flag.iti__nz {</w:t>
            </w:r>
          </w:p>
          <w:p w:rsidR="00156FB3" w:rsidRDefault="00156FB3" w:rsidP="00156FB3">
            <w:r>
              <w:t xml:space="preserve">    height: 10px;</w:t>
            </w:r>
          </w:p>
          <w:p w:rsidR="00156FB3" w:rsidRDefault="00156FB3" w:rsidP="00156FB3">
            <w:r>
              <w:t xml:space="preserve">    background-position: -3855px 0px;</w:t>
            </w:r>
          </w:p>
          <w:p w:rsidR="00156FB3" w:rsidRDefault="00156FB3" w:rsidP="00156FB3">
            <w:r>
              <w:t>}</w:t>
            </w:r>
          </w:p>
          <w:p w:rsidR="00156FB3" w:rsidRDefault="00156FB3" w:rsidP="00156FB3"/>
          <w:p w:rsidR="00156FB3" w:rsidRDefault="00156FB3" w:rsidP="00156FB3">
            <w:r>
              <w:t>.iti__flag.iti__om {</w:t>
            </w:r>
          </w:p>
          <w:p w:rsidR="00156FB3" w:rsidRDefault="00156FB3" w:rsidP="00156FB3">
            <w:r>
              <w:t xml:space="preserve">    height: 10px;</w:t>
            </w:r>
          </w:p>
          <w:p w:rsidR="00156FB3" w:rsidRDefault="00156FB3" w:rsidP="00156FB3">
            <w:r>
              <w:t xml:space="preserve">    background-position: -3877px 0px;</w:t>
            </w:r>
          </w:p>
          <w:p w:rsidR="00156FB3" w:rsidRDefault="00156FB3" w:rsidP="00156FB3">
            <w:r>
              <w:t>}</w:t>
            </w:r>
          </w:p>
          <w:p w:rsidR="00156FB3" w:rsidRDefault="00156FB3" w:rsidP="00156FB3"/>
          <w:p w:rsidR="00156FB3" w:rsidRDefault="00156FB3" w:rsidP="00156FB3">
            <w:r>
              <w:t>.iti__flag.iti__pa {</w:t>
            </w:r>
          </w:p>
          <w:p w:rsidR="00156FB3" w:rsidRDefault="00156FB3" w:rsidP="00156FB3">
            <w:r>
              <w:t xml:space="preserve">    height: 14px;</w:t>
            </w:r>
          </w:p>
          <w:p w:rsidR="00156FB3" w:rsidRDefault="00156FB3" w:rsidP="00156FB3">
            <w:r>
              <w:t xml:space="preserve">    background-position: -3899px 0px;</w:t>
            </w:r>
          </w:p>
          <w:p w:rsidR="00156FB3" w:rsidRDefault="00156FB3" w:rsidP="00156FB3">
            <w:r>
              <w:t>}</w:t>
            </w:r>
          </w:p>
          <w:p w:rsidR="00156FB3" w:rsidRDefault="00156FB3" w:rsidP="00156FB3"/>
          <w:p w:rsidR="00156FB3" w:rsidRDefault="00156FB3" w:rsidP="00156FB3">
            <w:r>
              <w:t>.iti__flag.iti__pe {</w:t>
            </w:r>
          </w:p>
          <w:p w:rsidR="00156FB3" w:rsidRDefault="00156FB3" w:rsidP="00156FB3">
            <w:r>
              <w:t xml:space="preserve">    height: 14px;</w:t>
            </w:r>
          </w:p>
          <w:p w:rsidR="00156FB3" w:rsidRDefault="00156FB3" w:rsidP="00156FB3">
            <w:r>
              <w:t xml:space="preserve">    background-position: -3921px 0px;</w:t>
            </w:r>
          </w:p>
          <w:p w:rsidR="00156FB3" w:rsidRDefault="00156FB3" w:rsidP="00156FB3">
            <w:r>
              <w:t>}</w:t>
            </w:r>
          </w:p>
          <w:p w:rsidR="00156FB3" w:rsidRDefault="00156FB3" w:rsidP="00156FB3"/>
          <w:p w:rsidR="00156FB3" w:rsidRDefault="00156FB3" w:rsidP="00156FB3">
            <w:r>
              <w:t>.iti__flag.iti__pf {</w:t>
            </w:r>
          </w:p>
          <w:p w:rsidR="00156FB3" w:rsidRDefault="00156FB3" w:rsidP="00156FB3">
            <w:r>
              <w:t xml:space="preserve">    height: 14px;</w:t>
            </w:r>
          </w:p>
          <w:p w:rsidR="00156FB3" w:rsidRDefault="00156FB3" w:rsidP="00156FB3">
            <w:r>
              <w:t xml:space="preserve">    background-position: -3943px 0px;</w:t>
            </w:r>
          </w:p>
          <w:p w:rsidR="00156FB3" w:rsidRDefault="00156FB3" w:rsidP="00156FB3">
            <w:r>
              <w:t>}</w:t>
            </w:r>
          </w:p>
          <w:p w:rsidR="00156FB3" w:rsidRDefault="00156FB3" w:rsidP="00156FB3"/>
          <w:p w:rsidR="00156FB3" w:rsidRDefault="00156FB3" w:rsidP="00156FB3">
            <w:r>
              <w:t>.iti__flag.iti__pg {</w:t>
            </w:r>
          </w:p>
          <w:p w:rsidR="00156FB3" w:rsidRDefault="00156FB3" w:rsidP="00156FB3">
            <w:r>
              <w:t xml:space="preserve">    height: 15px;</w:t>
            </w:r>
          </w:p>
          <w:p w:rsidR="00156FB3" w:rsidRDefault="00156FB3" w:rsidP="00156FB3">
            <w:r>
              <w:t xml:space="preserve">    background-position: -3965px 0px;</w:t>
            </w:r>
          </w:p>
          <w:p w:rsidR="00156FB3" w:rsidRDefault="00156FB3" w:rsidP="00156FB3">
            <w:r>
              <w:t>}</w:t>
            </w:r>
          </w:p>
          <w:p w:rsidR="00156FB3" w:rsidRDefault="00156FB3" w:rsidP="00156FB3"/>
          <w:p w:rsidR="00156FB3" w:rsidRDefault="00156FB3" w:rsidP="00156FB3">
            <w:r>
              <w:t>.iti__flag.iti__ph {</w:t>
            </w:r>
          </w:p>
          <w:p w:rsidR="00156FB3" w:rsidRDefault="00156FB3" w:rsidP="00156FB3">
            <w:r>
              <w:t xml:space="preserve">    height: 10px;</w:t>
            </w:r>
          </w:p>
          <w:p w:rsidR="00156FB3" w:rsidRDefault="00156FB3" w:rsidP="00156FB3">
            <w:r>
              <w:t xml:space="preserve">    background-position: -3987px 0px;</w:t>
            </w:r>
          </w:p>
          <w:p w:rsidR="00156FB3" w:rsidRDefault="00156FB3" w:rsidP="00156FB3">
            <w:r>
              <w:t>}</w:t>
            </w:r>
          </w:p>
          <w:p w:rsidR="00156FB3" w:rsidRDefault="00156FB3" w:rsidP="00156FB3"/>
          <w:p w:rsidR="00156FB3" w:rsidRDefault="00156FB3" w:rsidP="00156FB3">
            <w:r>
              <w:t>.iti__flag.iti__pk {</w:t>
            </w:r>
          </w:p>
          <w:p w:rsidR="00156FB3" w:rsidRDefault="00156FB3" w:rsidP="00156FB3">
            <w:r>
              <w:t xml:space="preserve">    height: 14px;</w:t>
            </w:r>
          </w:p>
          <w:p w:rsidR="00156FB3" w:rsidRDefault="00156FB3" w:rsidP="00156FB3">
            <w:r>
              <w:t xml:space="preserve">    background-position: -4009px 0px;</w:t>
            </w:r>
          </w:p>
          <w:p w:rsidR="00156FB3" w:rsidRDefault="00156FB3" w:rsidP="00156FB3">
            <w:r>
              <w:t>}</w:t>
            </w:r>
          </w:p>
          <w:p w:rsidR="00156FB3" w:rsidRDefault="00156FB3" w:rsidP="00156FB3"/>
          <w:p w:rsidR="00156FB3" w:rsidRDefault="00156FB3" w:rsidP="00156FB3">
            <w:r>
              <w:t>.iti__flag.iti__pl {</w:t>
            </w:r>
          </w:p>
          <w:p w:rsidR="00156FB3" w:rsidRDefault="00156FB3" w:rsidP="00156FB3">
            <w:r>
              <w:t xml:space="preserve">    height: 13px;</w:t>
            </w:r>
          </w:p>
          <w:p w:rsidR="00156FB3" w:rsidRDefault="00156FB3" w:rsidP="00156FB3">
            <w:r>
              <w:t xml:space="preserve">    background-position: -4031px 0px;</w:t>
            </w:r>
          </w:p>
          <w:p w:rsidR="00156FB3" w:rsidRDefault="00156FB3" w:rsidP="00156FB3">
            <w:r>
              <w:t>}</w:t>
            </w:r>
          </w:p>
          <w:p w:rsidR="00156FB3" w:rsidRDefault="00156FB3" w:rsidP="00156FB3"/>
          <w:p w:rsidR="00156FB3" w:rsidRDefault="00156FB3" w:rsidP="00156FB3">
            <w:r>
              <w:t>.iti__flag.iti__pm {</w:t>
            </w:r>
          </w:p>
          <w:p w:rsidR="00156FB3" w:rsidRDefault="00156FB3" w:rsidP="00156FB3">
            <w:r>
              <w:t xml:space="preserve">    height: 14px;</w:t>
            </w:r>
          </w:p>
          <w:p w:rsidR="00156FB3" w:rsidRDefault="00156FB3" w:rsidP="00156FB3">
            <w:r>
              <w:t xml:space="preserve">    background-position: -4053px 0px;</w:t>
            </w:r>
          </w:p>
          <w:p w:rsidR="00156FB3" w:rsidRDefault="00156FB3" w:rsidP="00156FB3">
            <w:r>
              <w:t>}</w:t>
            </w:r>
          </w:p>
          <w:p w:rsidR="00156FB3" w:rsidRDefault="00156FB3" w:rsidP="00156FB3"/>
          <w:p w:rsidR="00156FB3" w:rsidRDefault="00156FB3" w:rsidP="00156FB3">
            <w:r>
              <w:t>.iti__flag.iti__pn {</w:t>
            </w:r>
          </w:p>
          <w:p w:rsidR="00156FB3" w:rsidRDefault="00156FB3" w:rsidP="00156FB3">
            <w:r>
              <w:t xml:space="preserve">    height: 10px;</w:t>
            </w:r>
          </w:p>
          <w:p w:rsidR="00156FB3" w:rsidRDefault="00156FB3" w:rsidP="00156FB3">
            <w:r>
              <w:t xml:space="preserve">    background-position: -4075px 0px;</w:t>
            </w:r>
          </w:p>
          <w:p w:rsidR="00156FB3" w:rsidRDefault="00156FB3" w:rsidP="00156FB3">
            <w:r>
              <w:t>}</w:t>
            </w:r>
          </w:p>
          <w:p w:rsidR="00156FB3" w:rsidRDefault="00156FB3" w:rsidP="00156FB3"/>
          <w:p w:rsidR="00156FB3" w:rsidRDefault="00156FB3" w:rsidP="00156FB3">
            <w:r>
              <w:t>.iti__flag.iti__pr {</w:t>
            </w:r>
          </w:p>
          <w:p w:rsidR="00156FB3" w:rsidRDefault="00156FB3" w:rsidP="00156FB3">
            <w:r>
              <w:t xml:space="preserve">    height: 14px;</w:t>
            </w:r>
          </w:p>
          <w:p w:rsidR="00156FB3" w:rsidRDefault="00156FB3" w:rsidP="00156FB3">
            <w:r>
              <w:t xml:space="preserve">    background-position: -4097px 0px;</w:t>
            </w:r>
          </w:p>
          <w:p w:rsidR="00156FB3" w:rsidRDefault="00156FB3" w:rsidP="00156FB3">
            <w:r>
              <w:t>}</w:t>
            </w:r>
          </w:p>
          <w:p w:rsidR="00156FB3" w:rsidRDefault="00156FB3" w:rsidP="00156FB3"/>
          <w:p w:rsidR="00156FB3" w:rsidRDefault="00156FB3" w:rsidP="00156FB3">
            <w:r>
              <w:t>.iti__flag.iti__ps {</w:t>
            </w:r>
          </w:p>
          <w:p w:rsidR="00156FB3" w:rsidRDefault="00156FB3" w:rsidP="00156FB3">
            <w:r>
              <w:t xml:space="preserve">    height: 10px;</w:t>
            </w:r>
          </w:p>
          <w:p w:rsidR="00156FB3" w:rsidRDefault="00156FB3" w:rsidP="00156FB3">
            <w:r>
              <w:t xml:space="preserve">    background-position: -4119px 0px;</w:t>
            </w:r>
          </w:p>
          <w:p w:rsidR="00156FB3" w:rsidRDefault="00156FB3" w:rsidP="00156FB3">
            <w:r>
              <w:t>}</w:t>
            </w:r>
          </w:p>
          <w:p w:rsidR="00156FB3" w:rsidRDefault="00156FB3" w:rsidP="00156FB3"/>
          <w:p w:rsidR="00156FB3" w:rsidRDefault="00156FB3" w:rsidP="00156FB3">
            <w:r>
              <w:t>.iti__flag.iti__pt {</w:t>
            </w:r>
          </w:p>
          <w:p w:rsidR="00156FB3" w:rsidRDefault="00156FB3" w:rsidP="00156FB3">
            <w:r>
              <w:t xml:space="preserve">    height: 14px;</w:t>
            </w:r>
          </w:p>
          <w:p w:rsidR="00156FB3" w:rsidRDefault="00156FB3" w:rsidP="00156FB3">
            <w:r>
              <w:t xml:space="preserve">    background-position: -4141px 0px;</w:t>
            </w:r>
          </w:p>
          <w:p w:rsidR="00156FB3" w:rsidRDefault="00156FB3" w:rsidP="00156FB3">
            <w:r>
              <w:t>}</w:t>
            </w:r>
          </w:p>
          <w:p w:rsidR="00156FB3" w:rsidRDefault="00156FB3" w:rsidP="00156FB3"/>
          <w:p w:rsidR="00156FB3" w:rsidRDefault="00156FB3" w:rsidP="00156FB3">
            <w:r>
              <w:t>.iti__flag.iti__pw {</w:t>
            </w:r>
          </w:p>
          <w:p w:rsidR="00156FB3" w:rsidRDefault="00156FB3" w:rsidP="00156FB3">
            <w:r>
              <w:t xml:space="preserve">    height: 13px;</w:t>
            </w:r>
          </w:p>
          <w:p w:rsidR="00156FB3" w:rsidRDefault="00156FB3" w:rsidP="00156FB3">
            <w:r>
              <w:t xml:space="preserve">    background-position: -4163px 0px;</w:t>
            </w:r>
          </w:p>
          <w:p w:rsidR="00156FB3" w:rsidRDefault="00156FB3" w:rsidP="00156FB3">
            <w:r>
              <w:t>}</w:t>
            </w:r>
          </w:p>
          <w:p w:rsidR="00156FB3" w:rsidRDefault="00156FB3" w:rsidP="00156FB3"/>
          <w:p w:rsidR="00156FB3" w:rsidRDefault="00156FB3" w:rsidP="00156FB3">
            <w:r>
              <w:t>.iti__flag.iti__py {</w:t>
            </w:r>
          </w:p>
          <w:p w:rsidR="00156FB3" w:rsidRDefault="00156FB3" w:rsidP="00156FB3">
            <w:r>
              <w:t xml:space="preserve">    height: 11px;</w:t>
            </w:r>
          </w:p>
          <w:p w:rsidR="00156FB3" w:rsidRDefault="00156FB3" w:rsidP="00156FB3">
            <w:r>
              <w:t xml:space="preserve">    background-position: -4185px 0px;</w:t>
            </w:r>
          </w:p>
          <w:p w:rsidR="00156FB3" w:rsidRDefault="00156FB3" w:rsidP="00156FB3">
            <w:r>
              <w:t>}</w:t>
            </w:r>
          </w:p>
          <w:p w:rsidR="00156FB3" w:rsidRDefault="00156FB3" w:rsidP="00156FB3"/>
          <w:p w:rsidR="00156FB3" w:rsidRDefault="00156FB3" w:rsidP="00156FB3">
            <w:r>
              <w:t>.iti__flag.iti__qa {</w:t>
            </w:r>
          </w:p>
          <w:p w:rsidR="00156FB3" w:rsidRDefault="00156FB3" w:rsidP="00156FB3">
            <w:r>
              <w:t xml:space="preserve">    height: 8px;</w:t>
            </w:r>
          </w:p>
          <w:p w:rsidR="00156FB3" w:rsidRDefault="00156FB3" w:rsidP="00156FB3">
            <w:r>
              <w:lastRenderedPageBreak/>
              <w:t xml:space="preserve">    background-position: -4207px 0px;</w:t>
            </w:r>
          </w:p>
          <w:p w:rsidR="00156FB3" w:rsidRDefault="00156FB3" w:rsidP="00156FB3">
            <w:r>
              <w:t>}</w:t>
            </w:r>
          </w:p>
          <w:p w:rsidR="00156FB3" w:rsidRDefault="00156FB3" w:rsidP="00156FB3"/>
          <w:p w:rsidR="00156FB3" w:rsidRDefault="00156FB3" w:rsidP="00156FB3">
            <w:r>
              <w:t>.iti__flag.iti__re {</w:t>
            </w:r>
          </w:p>
          <w:p w:rsidR="00156FB3" w:rsidRDefault="00156FB3" w:rsidP="00156FB3">
            <w:r>
              <w:t xml:space="preserve">    height: 14px;</w:t>
            </w:r>
          </w:p>
          <w:p w:rsidR="00156FB3" w:rsidRDefault="00156FB3" w:rsidP="00156FB3">
            <w:r>
              <w:t xml:space="preserve">    background-position: -4229px 0px;</w:t>
            </w:r>
          </w:p>
          <w:p w:rsidR="00156FB3" w:rsidRDefault="00156FB3" w:rsidP="00156FB3">
            <w:r>
              <w:t>}</w:t>
            </w:r>
          </w:p>
          <w:p w:rsidR="00156FB3" w:rsidRDefault="00156FB3" w:rsidP="00156FB3"/>
          <w:p w:rsidR="00156FB3" w:rsidRDefault="00156FB3" w:rsidP="00156FB3">
            <w:r>
              <w:t>.iti__flag.iti__ro {</w:t>
            </w:r>
          </w:p>
          <w:p w:rsidR="00156FB3" w:rsidRDefault="00156FB3" w:rsidP="00156FB3">
            <w:r>
              <w:t xml:space="preserve">    height: 14px;</w:t>
            </w:r>
          </w:p>
          <w:p w:rsidR="00156FB3" w:rsidRDefault="00156FB3" w:rsidP="00156FB3">
            <w:r>
              <w:t xml:space="preserve">    background-position: -4251px 0px;</w:t>
            </w:r>
          </w:p>
          <w:p w:rsidR="00156FB3" w:rsidRDefault="00156FB3" w:rsidP="00156FB3">
            <w:r>
              <w:t>}</w:t>
            </w:r>
          </w:p>
          <w:p w:rsidR="00156FB3" w:rsidRDefault="00156FB3" w:rsidP="00156FB3"/>
          <w:p w:rsidR="00156FB3" w:rsidRDefault="00156FB3" w:rsidP="00156FB3">
            <w:r>
              <w:t>.iti__flag.iti__rs {</w:t>
            </w:r>
          </w:p>
          <w:p w:rsidR="00156FB3" w:rsidRDefault="00156FB3" w:rsidP="00156FB3">
            <w:r>
              <w:t xml:space="preserve">    height: 14px;</w:t>
            </w:r>
          </w:p>
          <w:p w:rsidR="00156FB3" w:rsidRDefault="00156FB3" w:rsidP="00156FB3">
            <w:r>
              <w:t xml:space="preserve">    background-position: -4273px 0px;</w:t>
            </w:r>
          </w:p>
          <w:p w:rsidR="00156FB3" w:rsidRDefault="00156FB3" w:rsidP="00156FB3">
            <w:r>
              <w:t>}</w:t>
            </w:r>
          </w:p>
          <w:p w:rsidR="00156FB3" w:rsidRDefault="00156FB3" w:rsidP="00156FB3"/>
          <w:p w:rsidR="00156FB3" w:rsidRDefault="00156FB3" w:rsidP="00156FB3">
            <w:r>
              <w:t>.iti__flag.iti__ru {</w:t>
            </w:r>
          </w:p>
          <w:p w:rsidR="00156FB3" w:rsidRDefault="00156FB3" w:rsidP="00156FB3">
            <w:r>
              <w:t xml:space="preserve">    height: 14px;</w:t>
            </w:r>
          </w:p>
          <w:p w:rsidR="00156FB3" w:rsidRDefault="00156FB3" w:rsidP="00156FB3">
            <w:r>
              <w:t xml:space="preserve">    background-position: -4295px 0px;</w:t>
            </w:r>
          </w:p>
          <w:p w:rsidR="00156FB3" w:rsidRDefault="00156FB3" w:rsidP="00156FB3">
            <w:r>
              <w:t>}</w:t>
            </w:r>
          </w:p>
          <w:p w:rsidR="00156FB3" w:rsidRDefault="00156FB3" w:rsidP="00156FB3"/>
          <w:p w:rsidR="00156FB3" w:rsidRDefault="00156FB3" w:rsidP="00156FB3">
            <w:r>
              <w:t>.iti__flag.iti__rw {</w:t>
            </w:r>
          </w:p>
          <w:p w:rsidR="00156FB3" w:rsidRDefault="00156FB3" w:rsidP="00156FB3">
            <w:r>
              <w:t xml:space="preserve">    height: 14px;</w:t>
            </w:r>
          </w:p>
          <w:p w:rsidR="00156FB3" w:rsidRDefault="00156FB3" w:rsidP="00156FB3">
            <w:r>
              <w:t xml:space="preserve">    background-position: -4317px 0px;</w:t>
            </w:r>
          </w:p>
          <w:p w:rsidR="00156FB3" w:rsidRDefault="00156FB3" w:rsidP="00156FB3">
            <w:r>
              <w:t>}</w:t>
            </w:r>
          </w:p>
          <w:p w:rsidR="00156FB3" w:rsidRDefault="00156FB3" w:rsidP="00156FB3"/>
          <w:p w:rsidR="00156FB3" w:rsidRDefault="00156FB3" w:rsidP="00156FB3">
            <w:r>
              <w:t>.iti__flag.iti__sa {</w:t>
            </w:r>
          </w:p>
          <w:p w:rsidR="00156FB3" w:rsidRDefault="00156FB3" w:rsidP="00156FB3">
            <w:r>
              <w:t xml:space="preserve">    height: 14px;</w:t>
            </w:r>
          </w:p>
          <w:p w:rsidR="00156FB3" w:rsidRDefault="00156FB3" w:rsidP="00156FB3">
            <w:r>
              <w:t xml:space="preserve">    background-position: -4339px 0px;</w:t>
            </w:r>
          </w:p>
          <w:p w:rsidR="00156FB3" w:rsidRDefault="00156FB3" w:rsidP="00156FB3">
            <w:r>
              <w:t>}</w:t>
            </w:r>
          </w:p>
          <w:p w:rsidR="00156FB3" w:rsidRDefault="00156FB3" w:rsidP="00156FB3"/>
          <w:p w:rsidR="00156FB3" w:rsidRDefault="00156FB3" w:rsidP="00156FB3">
            <w:r>
              <w:t>.iti__flag.iti__sb {</w:t>
            </w:r>
          </w:p>
          <w:p w:rsidR="00156FB3" w:rsidRDefault="00156FB3" w:rsidP="00156FB3">
            <w:r>
              <w:t xml:space="preserve">    height: 10px;</w:t>
            </w:r>
          </w:p>
          <w:p w:rsidR="00156FB3" w:rsidRDefault="00156FB3" w:rsidP="00156FB3">
            <w:r>
              <w:t xml:space="preserve">    background-position: -4361px 0px;</w:t>
            </w:r>
          </w:p>
          <w:p w:rsidR="00156FB3" w:rsidRDefault="00156FB3" w:rsidP="00156FB3">
            <w:r>
              <w:t>}</w:t>
            </w:r>
          </w:p>
          <w:p w:rsidR="00156FB3" w:rsidRDefault="00156FB3" w:rsidP="00156FB3"/>
          <w:p w:rsidR="00156FB3" w:rsidRDefault="00156FB3" w:rsidP="00156FB3">
            <w:r>
              <w:t>.iti__flag.iti__sc {</w:t>
            </w:r>
          </w:p>
          <w:p w:rsidR="00156FB3" w:rsidRDefault="00156FB3" w:rsidP="00156FB3">
            <w:r>
              <w:t xml:space="preserve">    height: 10px;</w:t>
            </w:r>
          </w:p>
          <w:p w:rsidR="00156FB3" w:rsidRDefault="00156FB3" w:rsidP="00156FB3">
            <w:r>
              <w:t xml:space="preserve">    background-position: -4383px 0px;</w:t>
            </w:r>
          </w:p>
          <w:p w:rsidR="00156FB3" w:rsidRDefault="00156FB3" w:rsidP="00156FB3">
            <w:r>
              <w:t>}</w:t>
            </w:r>
          </w:p>
          <w:p w:rsidR="00156FB3" w:rsidRDefault="00156FB3" w:rsidP="00156FB3"/>
          <w:p w:rsidR="00156FB3" w:rsidRDefault="00156FB3" w:rsidP="00156FB3">
            <w:r>
              <w:t>.iti__flag.iti__sd {</w:t>
            </w:r>
          </w:p>
          <w:p w:rsidR="00156FB3" w:rsidRDefault="00156FB3" w:rsidP="00156FB3">
            <w:r>
              <w:t xml:space="preserve">    height: 10px;</w:t>
            </w:r>
          </w:p>
          <w:p w:rsidR="00156FB3" w:rsidRDefault="00156FB3" w:rsidP="00156FB3">
            <w:r>
              <w:t xml:space="preserve">    background-position: -4405px 0px;</w:t>
            </w:r>
          </w:p>
          <w:p w:rsidR="00156FB3" w:rsidRDefault="00156FB3" w:rsidP="00156FB3">
            <w:r>
              <w:t>}</w:t>
            </w:r>
          </w:p>
          <w:p w:rsidR="00156FB3" w:rsidRDefault="00156FB3" w:rsidP="00156FB3"/>
          <w:p w:rsidR="00156FB3" w:rsidRDefault="00156FB3" w:rsidP="00156FB3">
            <w:r>
              <w:lastRenderedPageBreak/>
              <w:t>.iti__flag.iti__se {</w:t>
            </w:r>
          </w:p>
          <w:p w:rsidR="00156FB3" w:rsidRDefault="00156FB3" w:rsidP="00156FB3">
            <w:r>
              <w:t xml:space="preserve">    height: 13px;</w:t>
            </w:r>
          </w:p>
          <w:p w:rsidR="00156FB3" w:rsidRDefault="00156FB3" w:rsidP="00156FB3">
            <w:r>
              <w:t xml:space="preserve">    background-position: -4427px 0px;</w:t>
            </w:r>
          </w:p>
          <w:p w:rsidR="00156FB3" w:rsidRDefault="00156FB3" w:rsidP="00156FB3">
            <w:r>
              <w:t>}</w:t>
            </w:r>
          </w:p>
          <w:p w:rsidR="00156FB3" w:rsidRDefault="00156FB3" w:rsidP="00156FB3"/>
          <w:p w:rsidR="00156FB3" w:rsidRDefault="00156FB3" w:rsidP="00156FB3">
            <w:r>
              <w:t>.iti__flag.iti__sg {</w:t>
            </w:r>
          </w:p>
          <w:p w:rsidR="00156FB3" w:rsidRDefault="00156FB3" w:rsidP="00156FB3">
            <w:r>
              <w:t xml:space="preserve">    height: 14px;</w:t>
            </w:r>
          </w:p>
          <w:p w:rsidR="00156FB3" w:rsidRDefault="00156FB3" w:rsidP="00156FB3">
            <w:r>
              <w:t xml:space="preserve">    background-position: -4449px 0px;</w:t>
            </w:r>
          </w:p>
          <w:p w:rsidR="00156FB3" w:rsidRDefault="00156FB3" w:rsidP="00156FB3">
            <w:r>
              <w:t>}</w:t>
            </w:r>
          </w:p>
          <w:p w:rsidR="00156FB3" w:rsidRDefault="00156FB3" w:rsidP="00156FB3"/>
          <w:p w:rsidR="00156FB3" w:rsidRDefault="00156FB3" w:rsidP="00156FB3">
            <w:r>
              <w:t>.iti__flag.iti__sh {</w:t>
            </w:r>
          </w:p>
          <w:p w:rsidR="00156FB3" w:rsidRDefault="00156FB3" w:rsidP="00156FB3">
            <w:r>
              <w:t xml:space="preserve">    height: 10px;</w:t>
            </w:r>
          </w:p>
          <w:p w:rsidR="00156FB3" w:rsidRDefault="00156FB3" w:rsidP="00156FB3">
            <w:r>
              <w:t xml:space="preserve">    background-position: -4471px 0px;</w:t>
            </w:r>
          </w:p>
          <w:p w:rsidR="00156FB3" w:rsidRDefault="00156FB3" w:rsidP="00156FB3">
            <w:r>
              <w:t>}</w:t>
            </w:r>
          </w:p>
          <w:p w:rsidR="00156FB3" w:rsidRDefault="00156FB3" w:rsidP="00156FB3"/>
          <w:p w:rsidR="00156FB3" w:rsidRDefault="00156FB3" w:rsidP="00156FB3">
            <w:r>
              <w:t>.iti__flag.iti__si {</w:t>
            </w:r>
          </w:p>
          <w:p w:rsidR="00156FB3" w:rsidRDefault="00156FB3" w:rsidP="00156FB3">
            <w:r>
              <w:t xml:space="preserve">    height: 10px;</w:t>
            </w:r>
          </w:p>
          <w:p w:rsidR="00156FB3" w:rsidRDefault="00156FB3" w:rsidP="00156FB3">
            <w:r>
              <w:t xml:space="preserve">    background-position: -4493px 0px;</w:t>
            </w:r>
          </w:p>
          <w:p w:rsidR="00156FB3" w:rsidRDefault="00156FB3" w:rsidP="00156FB3">
            <w:r>
              <w:t>}</w:t>
            </w:r>
          </w:p>
          <w:p w:rsidR="00156FB3" w:rsidRDefault="00156FB3" w:rsidP="00156FB3"/>
          <w:p w:rsidR="00156FB3" w:rsidRDefault="00156FB3" w:rsidP="00156FB3">
            <w:r>
              <w:t>.iti__flag.iti__sj {</w:t>
            </w:r>
          </w:p>
          <w:p w:rsidR="00156FB3" w:rsidRDefault="00156FB3" w:rsidP="00156FB3">
            <w:r>
              <w:t xml:space="preserve">    height: 15px;</w:t>
            </w:r>
          </w:p>
          <w:p w:rsidR="00156FB3" w:rsidRDefault="00156FB3" w:rsidP="00156FB3">
            <w:r>
              <w:t xml:space="preserve">    background-position: -4515px 0px;</w:t>
            </w:r>
          </w:p>
          <w:p w:rsidR="00156FB3" w:rsidRDefault="00156FB3" w:rsidP="00156FB3">
            <w:r>
              <w:t>}</w:t>
            </w:r>
          </w:p>
          <w:p w:rsidR="00156FB3" w:rsidRDefault="00156FB3" w:rsidP="00156FB3"/>
          <w:p w:rsidR="00156FB3" w:rsidRDefault="00156FB3" w:rsidP="00156FB3">
            <w:r>
              <w:t>.iti__flag.iti__sk {</w:t>
            </w:r>
          </w:p>
          <w:p w:rsidR="00156FB3" w:rsidRDefault="00156FB3" w:rsidP="00156FB3">
            <w:r>
              <w:t xml:space="preserve">    height: 14px;</w:t>
            </w:r>
          </w:p>
          <w:p w:rsidR="00156FB3" w:rsidRDefault="00156FB3" w:rsidP="00156FB3">
            <w:r>
              <w:t xml:space="preserve">    background-position: -4537px 0px;</w:t>
            </w:r>
          </w:p>
          <w:p w:rsidR="00156FB3" w:rsidRDefault="00156FB3" w:rsidP="00156FB3">
            <w:r>
              <w:t>}</w:t>
            </w:r>
          </w:p>
          <w:p w:rsidR="00156FB3" w:rsidRDefault="00156FB3" w:rsidP="00156FB3"/>
          <w:p w:rsidR="00156FB3" w:rsidRDefault="00156FB3" w:rsidP="00156FB3">
            <w:r>
              <w:t>.iti__flag.iti__sl {</w:t>
            </w:r>
          </w:p>
          <w:p w:rsidR="00156FB3" w:rsidRDefault="00156FB3" w:rsidP="00156FB3">
            <w:r>
              <w:t xml:space="preserve">    height: 14px;</w:t>
            </w:r>
          </w:p>
          <w:p w:rsidR="00156FB3" w:rsidRDefault="00156FB3" w:rsidP="00156FB3">
            <w:r>
              <w:t xml:space="preserve">    background-position: -4559px 0px;</w:t>
            </w:r>
          </w:p>
          <w:p w:rsidR="00156FB3" w:rsidRDefault="00156FB3" w:rsidP="00156FB3">
            <w:r>
              <w:t>}</w:t>
            </w:r>
          </w:p>
          <w:p w:rsidR="00156FB3" w:rsidRDefault="00156FB3" w:rsidP="00156FB3"/>
          <w:p w:rsidR="00156FB3" w:rsidRDefault="00156FB3" w:rsidP="00156FB3">
            <w:r>
              <w:t>.iti__flag.iti__sm {</w:t>
            </w:r>
          </w:p>
          <w:p w:rsidR="00156FB3" w:rsidRDefault="00156FB3" w:rsidP="00156FB3">
            <w:r>
              <w:t xml:space="preserve">    height: 15px;</w:t>
            </w:r>
          </w:p>
          <w:p w:rsidR="00156FB3" w:rsidRDefault="00156FB3" w:rsidP="00156FB3">
            <w:r>
              <w:t xml:space="preserve">    background-position: -4581px 0px;</w:t>
            </w:r>
          </w:p>
          <w:p w:rsidR="00156FB3" w:rsidRDefault="00156FB3" w:rsidP="00156FB3">
            <w:r>
              <w:t>}</w:t>
            </w:r>
          </w:p>
          <w:p w:rsidR="00156FB3" w:rsidRDefault="00156FB3" w:rsidP="00156FB3"/>
          <w:p w:rsidR="00156FB3" w:rsidRDefault="00156FB3" w:rsidP="00156FB3">
            <w:r>
              <w:t>.iti__flag.iti__sn {</w:t>
            </w:r>
          </w:p>
          <w:p w:rsidR="00156FB3" w:rsidRDefault="00156FB3" w:rsidP="00156FB3">
            <w:r>
              <w:t xml:space="preserve">    height: 14px;</w:t>
            </w:r>
          </w:p>
          <w:p w:rsidR="00156FB3" w:rsidRDefault="00156FB3" w:rsidP="00156FB3">
            <w:r>
              <w:t xml:space="preserve">    background-position: -4603px 0px;</w:t>
            </w:r>
          </w:p>
          <w:p w:rsidR="00156FB3" w:rsidRDefault="00156FB3" w:rsidP="00156FB3">
            <w:r>
              <w:t>}</w:t>
            </w:r>
          </w:p>
          <w:p w:rsidR="00156FB3" w:rsidRDefault="00156FB3" w:rsidP="00156FB3"/>
          <w:p w:rsidR="00156FB3" w:rsidRDefault="00156FB3" w:rsidP="00156FB3">
            <w:r>
              <w:t>.iti__flag.iti__so {</w:t>
            </w:r>
          </w:p>
          <w:p w:rsidR="00156FB3" w:rsidRDefault="00156FB3" w:rsidP="00156FB3">
            <w:r>
              <w:t xml:space="preserve">    height: 14px;</w:t>
            </w:r>
          </w:p>
          <w:p w:rsidR="00156FB3" w:rsidRDefault="00156FB3" w:rsidP="00156FB3">
            <w:r>
              <w:t xml:space="preserve">    background-position: -4625px 0px;</w:t>
            </w:r>
          </w:p>
          <w:p w:rsidR="00156FB3" w:rsidRDefault="00156FB3" w:rsidP="00156FB3">
            <w:r>
              <w:lastRenderedPageBreak/>
              <w:t>}</w:t>
            </w:r>
          </w:p>
          <w:p w:rsidR="00156FB3" w:rsidRDefault="00156FB3" w:rsidP="00156FB3"/>
          <w:p w:rsidR="00156FB3" w:rsidRDefault="00156FB3" w:rsidP="00156FB3">
            <w:r>
              <w:t>.iti__flag.iti__sr {</w:t>
            </w:r>
          </w:p>
          <w:p w:rsidR="00156FB3" w:rsidRDefault="00156FB3" w:rsidP="00156FB3">
            <w:r>
              <w:t xml:space="preserve">    height: 14px;</w:t>
            </w:r>
          </w:p>
          <w:p w:rsidR="00156FB3" w:rsidRDefault="00156FB3" w:rsidP="00156FB3">
            <w:r>
              <w:t xml:space="preserve">    background-position: -4647px 0px;</w:t>
            </w:r>
          </w:p>
          <w:p w:rsidR="00156FB3" w:rsidRDefault="00156FB3" w:rsidP="00156FB3">
            <w:r>
              <w:t>}</w:t>
            </w:r>
          </w:p>
          <w:p w:rsidR="00156FB3" w:rsidRDefault="00156FB3" w:rsidP="00156FB3"/>
          <w:p w:rsidR="00156FB3" w:rsidRDefault="00156FB3" w:rsidP="00156FB3">
            <w:r>
              <w:t>.iti__flag.iti__ss {</w:t>
            </w:r>
          </w:p>
          <w:p w:rsidR="00156FB3" w:rsidRDefault="00156FB3" w:rsidP="00156FB3">
            <w:r>
              <w:t xml:space="preserve">    height: 10px;</w:t>
            </w:r>
          </w:p>
          <w:p w:rsidR="00156FB3" w:rsidRDefault="00156FB3" w:rsidP="00156FB3">
            <w:r>
              <w:t xml:space="preserve">    background-position: -4669px 0px;</w:t>
            </w:r>
          </w:p>
          <w:p w:rsidR="00156FB3" w:rsidRDefault="00156FB3" w:rsidP="00156FB3">
            <w:r>
              <w:t>}</w:t>
            </w:r>
          </w:p>
          <w:p w:rsidR="00156FB3" w:rsidRDefault="00156FB3" w:rsidP="00156FB3"/>
          <w:p w:rsidR="00156FB3" w:rsidRDefault="00156FB3" w:rsidP="00156FB3">
            <w:r>
              <w:t>.iti__flag.iti__st {</w:t>
            </w:r>
          </w:p>
          <w:p w:rsidR="00156FB3" w:rsidRDefault="00156FB3" w:rsidP="00156FB3">
            <w:r>
              <w:t xml:space="preserve">    height: 10px;</w:t>
            </w:r>
          </w:p>
          <w:p w:rsidR="00156FB3" w:rsidRDefault="00156FB3" w:rsidP="00156FB3">
            <w:r>
              <w:t xml:space="preserve">    background-position: -4691px 0px;</w:t>
            </w:r>
          </w:p>
          <w:p w:rsidR="00156FB3" w:rsidRDefault="00156FB3" w:rsidP="00156FB3">
            <w:r>
              <w:t>}</w:t>
            </w:r>
          </w:p>
          <w:p w:rsidR="00156FB3" w:rsidRDefault="00156FB3" w:rsidP="00156FB3"/>
          <w:p w:rsidR="00156FB3" w:rsidRDefault="00156FB3" w:rsidP="00156FB3">
            <w:r>
              <w:t>.iti__flag.iti__sv {</w:t>
            </w:r>
          </w:p>
          <w:p w:rsidR="00156FB3" w:rsidRDefault="00156FB3" w:rsidP="00156FB3">
            <w:r>
              <w:t xml:space="preserve">    height: 12px;</w:t>
            </w:r>
          </w:p>
          <w:p w:rsidR="00156FB3" w:rsidRDefault="00156FB3" w:rsidP="00156FB3">
            <w:r>
              <w:t xml:space="preserve">    background-position: -4713px 0px;</w:t>
            </w:r>
          </w:p>
          <w:p w:rsidR="00156FB3" w:rsidRDefault="00156FB3" w:rsidP="00156FB3">
            <w:r>
              <w:t>}</w:t>
            </w:r>
          </w:p>
          <w:p w:rsidR="00156FB3" w:rsidRDefault="00156FB3" w:rsidP="00156FB3"/>
          <w:p w:rsidR="00156FB3" w:rsidRDefault="00156FB3" w:rsidP="00156FB3">
            <w:r>
              <w:t>.iti__flag.iti__sx {</w:t>
            </w:r>
          </w:p>
          <w:p w:rsidR="00156FB3" w:rsidRDefault="00156FB3" w:rsidP="00156FB3">
            <w:r>
              <w:t xml:space="preserve">    height: 14px;</w:t>
            </w:r>
          </w:p>
          <w:p w:rsidR="00156FB3" w:rsidRDefault="00156FB3" w:rsidP="00156FB3">
            <w:r>
              <w:t xml:space="preserve">    background-position: -4735px 0px;</w:t>
            </w:r>
          </w:p>
          <w:p w:rsidR="00156FB3" w:rsidRDefault="00156FB3" w:rsidP="00156FB3">
            <w:r>
              <w:t>}</w:t>
            </w:r>
          </w:p>
          <w:p w:rsidR="00156FB3" w:rsidRDefault="00156FB3" w:rsidP="00156FB3"/>
          <w:p w:rsidR="00156FB3" w:rsidRDefault="00156FB3" w:rsidP="00156FB3">
            <w:r>
              <w:t>.iti__flag.iti__sy {</w:t>
            </w:r>
          </w:p>
          <w:p w:rsidR="00156FB3" w:rsidRDefault="00156FB3" w:rsidP="00156FB3">
            <w:r>
              <w:t xml:space="preserve">    height: 14px;</w:t>
            </w:r>
          </w:p>
          <w:p w:rsidR="00156FB3" w:rsidRDefault="00156FB3" w:rsidP="00156FB3">
            <w:r>
              <w:t xml:space="preserve">    background-position: -4757px 0px;</w:t>
            </w:r>
          </w:p>
          <w:p w:rsidR="00156FB3" w:rsidRDefault="00156FB3" w:rsidP="00156FB3">
            <w:r>
              <w:t>}</w:t>
            </w:r>
          </w:p>
          <w:p w:rsidR="00156FB3" w:rsidRDefault="00156FB3" w:rsidP="00156FB3"/>
          <w:p w:rsidR="00156FB3" w:rsidRDefault="00156FB3" w:rsidP="00156FB3">
            <w:r>
              <w:t>.iti__flag.iti__sz {</w:t>
            </w:r>
          </w:p>
          <w:p w:rsidR="00156FB3" w:rsidRDefault="00156FB3" w:rsidP="00156FB3">
            <w:r>
              <w:t xml:space="preserve">    height: 14px;</w:t>
            </w:r>
          </w:p>
          <w:p w:rsidR="00156FB3" w:rsidRDefault="00156FB3" w:rsidP="00156FB3">
            <w:r>
              <w:t xml:space="preserve">    background-position: -4779px 0px;</w:t>
            </w:r>
          </w:p>
          <w:p w:rsidR="00156FB3" w:rsidRDefault="00156FB3" w:rsidP="00156FB3">
            <w:r>
              <w:t>}</w:t>
            </w:r>
          </w:p>
          <w:p w:rsidR="00156FB3" w:rsidRDefault="00156FB3" w:rsidP="00156FB3"/>
          <w:p w:rsidR="00156FB3" w:rsidRDefault="00156FB3" w:rsidP="00156FB3">
            <w:r>
              <w:t>.iti__flag.iti__ta {</w:t>
            </w:r>
          </w:p>
          <w:p w:rsidR="00156FB3" w:rsidRDefault="00156FB3" w:rsidP="00156FB3">
            <w:r>
              <w:t xml:space="preserve">    height: 10px;</w:t>
            </w:r>
          </w:p>
          <w:p w:rsidR="00156FB3" w:rsidRDefault="00156FB3" w:rsidP="00156FB3">
            <w:r>
              <w:t xml:space="preserve">    background-position: -4801px 0px;</w:t>
            </w:r>
          </w:p>
          <w:p w:rsidR="00156FB3" w:rsidRDefault="00156FB3" w:rsidP="00156FB3">
            <w:r>
              <w:t>}</w:t>
            </w:r>
          </w:p>
          <w:p w:rsidR="00156FB3" w:rsidRDefault="00156FB3" w:rsidP="00156FB3"/>
          <w:p w:rsidR="00156FB3" w:rsidRDefault="00156FB3" w:rsidP="00156FB3">
            <w:r>
              <w:t>.iti__flag.iti__tc {</w:t>
            </w:r>
          </w:p>
          <w:p w:rsidR="00156FB3" w:rsidRDefault="00156FB3" w:rsidP="00156FB3">
            <w:r>
              <w:t xml:space="preserve">    height: 10px;</w:t>
            </w:r>
          </w:p>
          <w:p w:rsidR="00156FB3" w:rsidRDefault="00156FB3" w:rsidP="00156FB3">
            <w:r>
              <w:t xml:space="preserve">    background-position: -4823px 0px;</w:t>
            </w:r>
          </w:p>
          <w:p w:rsidR="00156FB3" w:rsidRDefault="00156FB3" w:rsidP="00156FB3">
            <w:r>
              <w:t>}</w:t>
            </w:r>
          </w:p>
          <w:p w:rsidR="00156FB3" w:rsidRDefault="00156FB3" w:rsidP="00156FB3"/>
          <w:p w:rsidR="00156FB3" w:rsidRDefault="00156FB3" w:rsidP="00156FB3">
            <w:r>
              <w:t>.iti__flag.iti__td {</w:t>
            </w:r>
          </w:p>
          <w:p w:rsidR="00156FB3" w:rsidRDefault="00156FB3" w:rsidP="00156FB3">
            <w:r>
              <w:lastRenderedPageBreak/>
              <w:t xml:space="preserve">    height: 14px;</w:t>
            </w:r>
          </w:p>
          <w:p w:rsidR="00156FB3" w:rsidRDefault="00156FB3" w:rsidP="00156FB3">
            <w:r>
              <w:t xml:space="preserve">    background-position: -4845px 0px;</w:t>
            </w:r>
          </w:p>
          <w:p w:rsidR="00156FB3" w:rsidRDefault="00156FB3" w:rsidP="00156FB3">
            <w:r>
              <w:t>}</w:t>
            </w:r>
          </w:p>
          <w:p w:rsidR="00156FB3" w:rsidRDefault="00156FB3" w:rsidP="00156FB3"/>
          <w:p w:rsidR="00156FB3" w:rsidRDefault="00156FB3" w:rsidP="00156FB3">
            <w:r>
              <w:t>.iti__flag.iti__tf {</w:t>
            </w:r>
          </w:p>
          <w:p w:rsidR="00156FB3" w:rsidRDefault="00156FB3" w:rsidP="00156FB3">
            <w:r>
              <w:t xml:space="preserve">    height: 14px;</w:t>
            </w:r>
          </w:p>
          <w:p w:rsidR="00156FB3" w:rsidRDefault="00156FB3" w:rsidP="00156FB3">
            <w:r>
              <w:t xml:space="preserve">    background-position: -4867px 0px;</w:t>
            </w:r>
          </w:p>
          <w:p w:rsidR="00156FB3" w:rsidRDefault="00156FB3" w:rsidP="00156FB3">
            <w:r>
              <w:t>}</w:t>
            </w:r>
          </w:p>
          <w:p w:rsidR="00156FB3" w:rsidRDefault="00156FB3" w:rsidP="00156FB3"/>
          <w:p w:rsidR="00156FB3" w:rsidRDefault="00156FB3" w:rsidP="00156FB3">
            <w:r>
              <w:t>.iti__flag.iti__tg {</w:t>
            </w:r>
          </w:p>
          <w:p w:rsidR="00156FB3" w:rsidRDefault="00156FB3" w:rsidP="00156FB3">
            <w:r>
              <w:t xml:space="preserve">    height: 13px;</w:t>
            </w:r>
          </w:p>
          <w:p w:rsidR="00156FB3" w:rsidRDefault="00156FB3" w:rsidP="00156FB3">
            <w:r>
              <w:t xml:space="preserve">    background-position: -4889px 0px;</w:t>
            </w:r>
          </w:p>
          <w:p w:rsidR="00156FB3" w:rsidRDefault="00156FB3" w:rsidP="00156FB3">
            <w:r>
              <w:t>}</w:t>
            </w:r>
          </w:p>
          <w:p w:rsidR="00156FB3" w:rsidRDefault="00156FB3" w:rsidP="00156FB3"/>
          <w:p w:rsidR="00156FB3" w:rsidRDefault="00156FB3" w:rsidP="00156FB3">
            <w:r>
              <w:t>.iti__flag.iti__th {</w:t>
            </w:r>
          </w:p>
          <w:p w:rsidR="00156FB3" w:rsidRDefault="00156FB3" w:rsidP="00156FB3">
            <w:r>
              <w:t xml:space="preserve">    height: 14px;</w:t>
            </w:r>
          </w:p>
          <w:p w:rsidR="00156FB3" w:rsidRDefault="00156FB3" w:rsidP="00156FB3">
            <w:r>
              <w:t xml:space="preserve">    background-position: -4911px 0px;</w:t>
            </w:r>
          </w:p>
          <w:p w:rsidR="00156FB3" w:rsidRDefault="00156FB3" w:rsidP="00156FB3">
            <w:r>
              <w:t>}</w:t>
            </w:r>
          </w:p>
          <w:p w:rsidR="00156FB3" w:rsidRDefault="00156FB3" w:rsidP="00156FB3"/>
          <w:p w:rsidR="00156FB3" w:rsidRDefault="00156FB3" w:rsidP="00156FB3">
            <w:r>
              <w:t>.iti__flag.iti__tj {</w:t>
            </w:r>
          </w:p>
          <w:p w:rsidR="00156FB3" w:rsidRDefault="00156FB3" w:rsidP="00156FB3">
            <w:r>
              <w:t xml:space="preserve">    height: 10px;</w:t>
            </w:r>
          </w:p>
          <w:p w:rsidR="00156FB3" w:rsidRDefault="00156FB3" w:rsidP="00156FB3">
            <w:r>
              <w:t xml:space="preserve">    background-position: -4933px 0px;</w:t>
            </w:r>
          </w:p>
          <w:p w:rsidR="00156FB3" w:rsidRDefault="00156FB3" w:rsidP="00156FB3">
            <w:r>
              <w:t>}</w:t>
            </w:r>
          </w:p>
          <w:p w:rsidR="00156FB3" w:rsidRDefault="00156FB3" w:rsidP="00156FB3"/>
          <w:p w:rsidR="00156FB3" w:rsidRDefault="00156FB3" w:rsidP="00156FB3">
            <w:r>
              <w:t>.iti__flag.iti__tk {</w:t>
            </w:r>
          </w:p>
          <w:p w:rsidR="00156FB3" w:rsidRDefault="00156FB3" w:rsidP="00156FB3">
            <w:r>
              <w:t xml:space="preserve">    height: 10px;</w:t>
            </w:r>
          </w:p>
          <w:p w:rsidR="00156FB3" w:rsidRDefault="00156FB3" w:rsidP="00156FB3">
            <w:r>
              <w:t xml:space="preserve">    background-position: -4955px 0px;</w:t>
            </w:r>
          </w:p>
          <w:p w:rsidR="00156FB3" w:rsidRDefault="00156FB3" w:rsidP="00156FB3">
            <w:r>
              <w:t>}</w:t>
            </w:r>
          </w:p>
          <w:p w:rsidR="00156FB3" w:rsidRDefault="00156FB3" w:rsidP="00156FB3"/>
          <w:p w:rsidR="00156FB3" w:rsidRDefault="00156FB3" w:rsidP="00156FB3">
            <w:r>
              <w:t>.iti__flag.iti__tl {</w:t>
            </w:r>
          </w:p>
          <w:p w:rsidR="00156FB3" w:rsidRDefault="00156FB3" w:rsidP="00156FB3">
            <w:r>
              <w:t xml:space="preserve">    height: 10px;</w:t>
            </w:r>
          </w:p>
          <w:p w:rsidR="00156FB3" w:rsidRDefault="00156FB3" w:rsidP="00156FB3">
            <w:r>
              <w:t xml:space="preserve">    background-position: -4977px 0px;</w:t>
            </w:r>
          </w:p>
          <w:p w:rsidR="00156FB3" w:rsidRDefault="00156FB3" w:rsidP="00156FB3">
            <w:r>
              <w:t>}</w:t>
            </w:r>
          </w:p>
          <w:p w:rsidR="00156FB3" w:rsidRDefault="00156FB3" w:rsidP="00156FB3"/>
          <w:p w:rsidR="00156FB3" w:rsidRDefault="00156FB3" w:rsidP="00156FB3">
            <w:r>
              <w:t>.iti__flag.iti__tm {</w:t>
            </w:r>
          </w:p>
          <w:p w:rsidR="00156FB3" w:rsidRDefault="00156FB3" w:rsidP="00156FB3">
            <w:r>
              <w:t xml:space="preserve">    height: 14px;</w:t>
            </w:r>
          </w:p>
          <w:p w:rsidR="00156FB3" w:rsidRDefault="00156FB3" w:rsidP="00156FB3">
            <w:r>
              <w:t xml:space="preserve">    background-position: -4999px 0px;</w:t>
            </w:r>
          </w:p>
          <w:p w:rsidR="00156FB3" w:rsidRDefault="00156FB3" w:rsidP="00156FB3">
            <w:r>
              <w:t>}</w:t>
            </w:r>
          </w:p>
          <w:p w:rsidR="00156FB3" w:rsidRDefault="00156FB3" w:rsidP="00156FB3"/>
          <w:p w:rsidR="00156FB3" w:rsidRDefault="00156FB3" w:rsidP="00156FB3">
            <w:r>
              <w:t>.iti__flag.iti__tn {</w:t>
            </w:r>
          </w:p>
          <w:p w:rsidR="00156FB3" w:rsidRDefault="00156FB3" w:rsidP="00156FB3">
            <w:r>
              <w:t xml:space="preserve">    height: 14px;</w:t>
            </w:r>
          </w:p>
          <w:p w:rsidR="00156FB3" w:rsidRDefault="00156FB3" w:rsidP="00156FB3">
            <w:r>
              <w:t xml:space="preserve">    background-position: -5021px 0px;</w:t>
            </w:r>
          </w:p>
          <w:p w:rsidR="00156FB3" w:rsidRDefault="00156FB3" w:rsidP="00156FB3">
            <w:r>
              <w:t>}</w:t>
            </w:r>
          </w:p>
          <w:p w:rsidR="00156FB3" w:rsidRDefault="00156FB3" w:rsidP="00156FB3"/>
          <w:p w:rsidR="00156FB3" w:rsidRDefault="00156FB3" w:rsidP="00156FB3">
            <w:r>
              <w:t>.iti__flag.iti__to {</w:t>
            </w:r>
          </w:p>
          <w:p w:rsidR="00156FB3" w:rsidRDefault="00156FB3" w:rsidP="00156FB3">
            <w:r>
              <w:t xml:space="preserve">    height: 10px;</w:t>
            </w:r>
          </w:p>
          <w:p w:rsidR="00156FB3" w:rsidRDefault="00156FB3" w:rsidP="00156FB3">
            <w:r>
              <w:t xml:space="preserve">    background-position: -5043px 0px;</w:t>
            </w:r>
          </w:p>
          <w:p w:rsidR="00156FB3" w:rsidRDefault="00156FB3" w:rsidP="00156FB3">
            <w:r>
              <w:t>}</w:t>
            </w:r>
          </w:p>
          <w:p w:rsidR="00156FB3" w:rsidRDefault="00156FB3" w:rsidP="00156FB3"/>
          <w:p w:rsidR="00156FB3" w:rsidRDefault="00156FB3" w:rsidP="00156FB3">
            <w:r>
              <w:t>.iti__flag.iti__tr {</w:t>
            </w:r>
          </w:p>
          <w:p w:rsidR="00156FB3" w:rsidRDefault="00156FB3" w:rsidP="00156FB3">
            <w:r>
              <w:t xml:space="preserve">    height: 14px;</w:t>
            </w:r>
          </w:p>
          <w:p w:rsidR="00156FB3" w:rsidRDefault="00156FB3" w:rsidP="00156FB3">
            <w:r>
              <w:t xml:space="preserve">    background-position: -5065px 0px;</w:t>
            </w:r>
          </w:p>
          <w:p w:rsidR="00156FB3" w:rsidRDefault="00156FB3" w:rsidP="00156FB3">
            <w:r>
              <w:t>}</w:t>
            </w:r>
          </w:p>
          <w:p w:rsidR="00156FB3" w:rsidRDefault="00156FB3" w:rsidP="00156FB3"/>
          <w:p w:rsidR="00156FB3" w:rsidRDefault="00156FB3" w:rsidP="00156FB3">
            <w:r>
              <w:t>.iti__flag.iti__tt {</w:t>
            </w:r>
          </w:p>
          <w:p w:rsidR="00156FB3" w:rsidRDefault="00156FB3" w:rsidP="00156FB3">
            <w:r>
              <w:t xml:space="preserve">    height: 12px;</w:t>
            </w:r>
          </w:p>
          <w:p w:rsidR="00156FB3" w:rsidRDefault="00156FB3" w:rsidP="00156FB3">
            <w:r>
              <w:t xml:space="preserve">    background-position: -5087px 0px;</w:t>
            </w:r>
          </w:p>
          <w:p w:rsidR="00156FB3" w:rsidRDefault="00156FB3" w:rsidP="00156FB3">
            <w:r>
              <w:t>}</w:t>
            </w:r>
          </w:p>
          <w:p w:rsidR="00156FB3" w:rsidRDefault="00156FB3" w:rsidP="00156FB3"/>
          <w:p w:rsidR="00156FB3" w:rsidRDefault="00156FB3" w:rsidP="00156FB3">
            <w:r>
              <w:t>.iti__flag.iti__tv {</w:t>
            </w:r>
          </w:p>
          <w:p w:rsidR="00156FB3" w:rsidRDefault="00156FB3" w:rsidP="00156FB3">
            <w:r>
              <w:t xml:space="preserve">    height: 10px;</w:t>
            </w:r>
          </w:p>
          <w:p w:rsidR="00156FB3" w:rsidRDefault="00156FB3" w:rsidP="00156FB3">
            <w:r>
              <w:t xml:space="preserve">    background-position: -5109px 0px;</w:t>
            </w:r>
          </w:p>
          <w:p w:rsidR="00156FB3" w:rsidRDefault="00156FB3" w:rsidP="00156FB3">
            <w:r>
              <w:t>}</w:t>
            </w:r>
          </w:p>
          <w:p w:rsidR="00156FB3" w:rsidRDefault="00156FB3" w:rsidP="00156FB3"/>
          <w:p w:rsidR="00156FB3" w:rsidRDefault="00156FB3" w:rsidP="00156FB3">
            <w:r>
              <w:t>.iti__flag.iti__tw {</w:t>
            </w:r>
          </w:p>
          <w:p w:rsidR="00156FB3" w:rsidRDefault="00156FB3" w:rsidP="00156FB3">
            <w:r>
              <w:t xml:space="preserve">    height: 14px;</w:t>
            </w:r>
          </w:p>
          <w:p w:rsidR="00156FB3" w:rsidRDefault="00156FB3" w:rsidP="00156FB3">
            <w:r>
              <w:t xml:space="preserve">    background-position: -5131px 0px;</w:t>
            </w:r>
          </w:p>
          <w:p w:rsidR="00156FB3" w:rsidRDefault="00156FB3" w:rsidP="00156FB3">
            <w:r>
              <w:t>}</w:t>
            </w:r>
          </w:p>
          <w:p w:rsidR="00156FB3" w:rsidRDefault="00156FB3" w:rsidP="00156FB3"/>
          <w:p w:rsidR="00156FB3" w:rsidRDefault="00156FB3" w:rsidP="00156FB3">
            <w:r>
              <w:t>.iti__flag.iti__tz {</w:t>
            </w:r>
          </w:p>
          <w:p w:rsidR="00156FB3" w:rsidRDefault="00156FB3" w:rsidP="00156FB3">
            <w:r>
              <w:t xml:space="preserve">    height: 14px;</w:t>
            </w:r>
          </w:p>
          <w:p w:rsidR="00156FB3" w:rsidRDefault="00156FB3" w:rsidP="00156FB3">
            <w:r>
              <w:t xml:space="preserve">    background-position: -5153px 0px;</w:t>
            </w:r>
          </w:p>
          <w:p w:rsidR="00156FB3" w:rsidRDefault="00156FB3" w:rsidP="00156FB3">
            <w:r>
              <w:t>}</w:t>
            </w:r>
          </w:p>
          <w:p w:rsidR="00156FB3" w:rsidRDefault="00156FB3" w:rsidP="00156FB3"/>
          <w:p w:rsidR="00156FB3" w:rsidRDefault="00156FB3" w:rsidP="00156FB3">
            <w:r>
              <w:t>.iti__flag.iti__ua {</w:t>
            </w:r>
          </w:p>
          <w:p w:rsidR="00156FB3" w:rsidRDefault="00156FB3" w:rsidP="00156FB3">
            <w:r>
              <w:t xml:space="preserve">    height: 14px;</w:t>
            </w:r>
          </w:p>
          <w:p w:rsidR="00156FB3" w:rsidRDefault="00156FB3" w:rsidP="00156FB3">
            <w:r>
              <w:t xml:space="preserve">    background-position: -5175px 0px;</w:t>
            </w:r>
          </w:p>
          <w:p w:rsidR="00156FB3" w:rsidRDefault="00156FB3" w:rsidP="00156FB3">
            <w:r>
              <w:t>}</w:t>
            </w:r>
          </w:p>
          <w:p w:rsidR="00156FB3" w:rsidRDefault="00156FB3" w:rsidP="00156FB3"/>
          <w:p w:rsidR="00156FB3" w:rsidRDefault="00156FB3" w:rsidP="00156FB3">
            <w:r>
              <w:t>.iti__flag.iti__ug {</w:t>
            </w:r>
          </w:p>
          <w:p w:rsidR="00156FB3" w:rsidRDefault="00156FB3" w:rsidP="00156FB3">
            <w:r>
              <w:t xml:space="preserve">    height: 14px;</w:t>
            </w:r>
          </w:p>
          <w:p w:rsidR="00156FB3" w:rsidRDefault="00156FB3" w:rsidP="00156FB3">
            <w:r>
              <w:t xml:space="preserve">    background-position: -5197px 0px;</w:t>
            </w:r>
          </w:p>
          <w:p w:rsidR="00156FB3" w:rsidRDefault="00156FB3" w:rsidP="00156FB3">
            <w:r>
              <w:t>}</w:t>
            </w:r>
          </w:p>
          <w:p w:rsidR="00156FB3" w:rsidRDefault="00156FB3" w:rsidP="00156FB3"/>
          <w:p w:rsidR="00156FB3" w:rsidRDefault="00156FB3" w:rsidP="00156FB3">
            <w:r>
              <w:t>.iti__flag.iti__um {</w:t>
            </w:r>
          </w:p>
          <w:p w:rsidR="00156FB3" w:rsidRDefault="00156FB3" w:rsidP="00156FB3">
            <w:r>
              <w:t xml:space="preserve">    height: 11px;</w:t>
            </w:r>
          </w:p>
          <w:p w:rsidR="00156FB3" w:rsidRDefault="00156FB3" w:rsidP="00156FB3">
            <w:r>
              <w:t xml:space="preserve">    background-position: -5219px 0px;</w:t>
            </w:r>
          </w:p>
          <w:p w:rsidR="00156FB3" w:rsidRDefault="00156FB3" w:rsidP="00156FB3">
            <w:r>
              <w:t>}</w:t>
            </w:r>
          </w:p>
          <w:p w:rsidR="00156FB3" w:rsidRDefault="00156FB3" w:rsidP="00156FB3"/>
          <w:p w:rsidR="00156FB3" w:rsidRDefault="00156FB3" w:rsidP="00156FB3">
            <w:r>
              <w:t>.iti__flag.iti__un {</w:t>
            </w:r>
          </w:p>
          <w:p w:rsidR="00156FB3" w:rsidRDefault="00156FB3" w:rsidP="00156FB3">
            <w:r>
              <w:t xml:space="preserve">    height: 14px;</w:t>
            </w:r>
          </w:p>
          <w:p w:rsidR="00156FB3" w:rsidRDefault="00156FB3" w:rsidP="00156FB3">
            <w:r>
              <w:t xml:space="preserve">    background-position: -5241px 0px;</w:t>
            </w:r>
          </w:p>
          <w:p w:rsidR="00156FB3" w:rsidRDefault="00156FB3" w:rsidP="00156FB3">
            <w:r>
              <w:t>}</w:t>
            </w:r>
          </w:p>
          <w:p w:rsidR="00156FB3" w:rsidRDefault="00156FB3" w:rsidP="00156FB3"/>
          <w:p w:rsidR="00156FB3" w:rsidRDefault="00156FB3" w:rsidP="00156FB3">
            <w:r>
              <w:t>.iti__flag.iti__us {</w:t>
            </w:r>
          </w:p>
          <w:p w:rsidR="00156FB3" w:rsidRDefault="00156FB3" w:rsidP="00156FB3">
            <w:r>
              <w:t xml:space="preserve">    height: 11px;</w:t>
            </w:r>
          </w:p>
          <w:p w:rsidR="00156FB3" w:rsidRDefault="00156FB3" w:rsidP="00156FB3">
            <w:r>
              <w:lastRenderedPageBreak/>
              <w:t xml:space="preserve">    background-position: -5263px 0px;</w:t>
            </w:r>
          </w:p>
          <w:p w:rsidR="00156FB3" w:rsidRDefault="00156FB3" w:rsidP="00156FB3">
            <w:r>
              <w:t>}</w:t>
            </w:r>
          </w:p>
          <w:p w:rsidR="00156FB3" w:rsidRDefault="00156FB3" w:rsidP="00156FB3"/>
          <w:p w:rsidR="00156FB3" w:rsidRDefault="00156FB3" w:rsidP="00156FB3">
            <w:r>
              <w:t>.iti__flag.iti__uy {</w:t>
            </w:r>
          </w:p>
          <w:p w:rsidR="00156FB3" w:rsidRDefault="00156FB3" w:rsidP="00156FB3">
            <w:r>
              <w:t xml:space="preserve">    height: 14px;</w:t>
            </w:r>
          </w:p>
          <w:p w:rsidR="00156FB3" w:rsidRDefault="00156FB3" w:rsidP="00156FB3">
            <w:r>
              <w:t xml:space="preserve">    background-position: -5285px 0px;</w:t>
            </w:r>
          </w:p>
          <w:p w:rsidR="00156FB3" w:rsidRDefault="00156FB3" w:rsidP="00156FB3">
            <w:r>
              <w:t>}</w:t>
            </w:r>
          </w:p>
          <w:p w:rsidR="00156FB3" w:rsidRDefault="00156FB3" w:rsidP="00156FB3"/>
          <w:p w:rsidR="00156FB3" w:rsidRDefault="00156FB3" w:rsidP="00156FB3">
            <w:r>
              <w:t>.iti__flag.iti__uz {</w:t>
            </w:r>
          </w:p>
          <w:p w:rsidR="00156FB3" w:rsidRDefault="00156FB3" w:rsidP="00156FB3">
            <w:r>
              <w:t xml:space="preserve">    height: 10px;</w:t>
            </w:r>
          </w:p>
          <w:p w:rsidR="00156FB3" w:rsidRDefault="00156FB3" w:rsidP="00156FB3">
            <w:r>
              <w:t xml:space="preserve">    background-position: -5307px 0px;</w:t>
            </w:r>
          </w:p>
          <w:p w:rsidR="00156FB3" w:rsidRDefault="00156FB3" w:rsidP="00156FB3">
            <w:r>
              <w:t>}</w:t>
            </w:r>
          </w:p>
          <w:p w:rsidR="00156FB3" w:rsidRDefault="00156FB3" w:rsidP="00156FB3"/>
          <w:p w:rsidR="00156FB3" w:rsidRDefault="00156FB3" w:rsidP="00156FB3">
            <w:r>
              <w:t>.iti__flag.iti__va {</w:t>
            </w:r>
          </w:p>
          <w:p w:rsidR="00156FB3" w:rsidRDefault="00156FB3" w:rsidP="00156FB3">
            <w:r>
              <w:t xml:space="preserve">    height: 15px;</w:t>
            </w:r>
          </w:p>
          <w:p w:rsidR="00156FB3" w:rsidRDefault="00156FB3" w:rsidP="00156FB3">
            <w:r>
              <w:t xml:space="preserve">    background-position: -5329px 0px;</w:t>
            </w:r>
          </w:p>
          <w:p w:rsidR="00156FB3" w:rsidRDefault="00156FB3" w:rsidP="00156FB3">
            <w:r>
              <w:t>}</w:t>
            </w:r>
          </w:p>
          <w:p w:rsidR="00156FB3" w:rsidRDefault="00156FB3" w:rsidP="00156FB3"/>
          <w:p w:rsidR="00156FB3" w:rsidRDefault="00156FB3" w:rsidP="00156FB3">
            <w:r>
              <w:t>.iti__flag.iti__vc {</w:t>
            </w:r>
          </w:p>
          <w:p w:rsidR="00156FB3" w:rsidRDefault="00156FB3" w:rsidP="00156FB3">
            <w:r>
              <w:t xml:space="preserve">    height: 14px;</w:t>
            </w:r>
          </w:p>
          <w:p w:rsidR="00156FB3" w:rsidRDefault="00156FB3" w:rsidP="00156FB3">
            <w:r>
              <w:t xml:space="preserve">    background-position: -5346px 0px;</w:t>
            </w:r>
          </w:p>
          <w:p w:rsidR="00156FB3" w:rsidRDefault="00156FB3" w:rsidP="00156FB3">
            <w:r>
              <w:t>}</w:t>
            </w:r>
          </w:p>
          <w:p w:rsidR="00156FB3" w:rsidRDefault="00156FB3" w:rsidP="00156FB3"/>
          <w:p w:rsidR="00156FB3" w:rsidRDefault="00156FB3" w:rsidP="00156FB3">
            <w:r>
              <w:t>.iti__flag.iti__ve {</w:t>
            </w:r>
          </w:p>
          <w:p w:rsidR="00156FB3" w:rsidRDefault="00156FB3" w:rsidP="00156FB3">
            <w:r>
              <w:t xml:space="preserve">    height: 14px;</w:t>
            </w:r>
          </w:p>
          <w:p w:rsidR="00156FB3" w:rsidRDefault="00156FB3" w:rsidP="00156FB3">
            <w:r>
              <w:t xml:space="preserve">    background-position: -5368px 0px;</w:t>
            </w:r>
          </w:p>
          <w:p w:rsidR="00156FB3" w:rsidRDefault="00156FB3" w:rsidP="00156FB3">
            <w:r>
              <w:t>}</w:t>
            </w:r>
          </w:p>
          <w:p w:rsidR="00156FB3" w:rsidRDefault="00156FB3" w:rsidP="00156FB3"/>
          <w:p w:rsidR="00156FB3" w:rsidRDefault="00156FB3" w:rsidP="00156FB3">
            <w:r>
              <w:t>.iti__flag.iti__vg {</w:t>
            </w:r>
          </w:p>
          <w:p w:rsidR="00156FB3" w:rsidRDefault="00156FB3" w:rsidP="00156FB3">
            <w:r>
              <w:t xml:space="preserve">    height: 10px;</w:t>
            </w:r>
          </w:p>
          <w:p w:rsidR="00156FB3" w:rsidRDefault="00156FB3" w:rsidP="00156FB3">
            <w:r>
              <w:t xml:space="preserve">    background-position: -5390px 0px;</w:t>
            </w:r>
          </w:p>
          <w:p w:rsidR="00156FB3" w:rsidRDefault="00156FB3" w:rsidP="00156FB3">
            <w:r>
              <w:t>}</w:t>
            </w:r>
          </w:p>
          <w:p w:rsidR="00156FB3" w:rsidRDefault="00156FB3" w:rsidP="00156FB3"/>
          <w:p w:rsidR="00156FB3" w:rsidRDefault="00156FB3" w:rsidP="00156FB3">
            <w:r>
              <w:t>.iti__flag.iti__vi {</w:t>
            </w:r>
          </w:p>
          <w:p w:rsidR="00156FB3" w:rsidRDefault="00156FB3" w:rsidP="00156FB3">
            <w:r>
              <w:t xml:space="preserve">    height: 14px;</w:t>
            </w:r>
          </w:p>
          <w:p w:rsidR="00156FB3" w:rsidRDefault="00156FB3" w:rsidP="00156FB3">
            <w:r>
              <w:t xml:space="preserve">    background-position: -5412px 0px;</w:t>
            </w:r>
          </w:p>
          <w:p w:rsidR="00156FB3" w:rsidRDefault="00156FB3" w:rsidP="00156FB3">
            <w:r>
              <w:t>}</w:t>
            </w:r>
          </w:p>
          <w:p w:rsidR="00156FB3" w:rsidRDefault="00156FB3" w:rsidP="00156FB3"/>
          <w:p w:rsidR="00156FB3" w:rsidRDefault="00156FB3" w:rsidP="00156FB3">
            <w:r>
              <w:t>.iti__flag.iti__vn {</w:t>
            </w:r>
          </w:p>
          <w:p w:rsidR="00156FB3" w:rsidRDefault="00156FB3" w:rsidP="00156FB3">
            <w:r>
              <w:t xml:space="preserve">    height: 14px;</w:t>
            </w:r>
          </w:p>
          <w:p w:rsidR="00156FB3" w:rsidRDefault="00156FB3" w:rsidP="00156FB3">
            <w:r>
              <w:t xml:space="preserve">    background-position: -5434px 0px;</w:t>
            </w:r>
          </w:p>
          <w:p w:rsidR="00156FB3" w:rsidRDefault="00156FB3" w:rsidP="00156FB3">
            <w:r>
              <w:t>}</w:t>
            </w:r>
          </w:p>
          <w:p w:rsidR="00156FB3" w:rsidRDefault="00156FB3" w:rsidP="00156FB3"/>
          <w:p w:rsidR="00156FB3" w:rsidRDefault="00156FB3" w:rsidP="00156FB3">
            <w:r>
              <w:t>.iti__flag.iti__vu {</w:t>
            </w:r>
          </w:p>
          <w:p w:rsidR="00156FB3" w:rsidRDefault="00156FB3" w:rsidP="00156FB3">
            <w:r>
              <w:t xml:space="preserve">    height: 12px;</w:t>
            </w:r>
          </w:p>
          <w:p w:rsidR="00156FB3" w:rsidRDefault="00156FB3" w:rsidP="00156FB3">
            <w:r>
              <w:t xml:space="preserve">    background-position: -5456px 0px;</w:t>
            </w:r>
          </w:p>
          <w:p w:rsidR="00156FB3" w:rsidRDefault="00156FB3" w:rsidP="00156FB3">
            <w:r>
              <w:t>}</w:t>
            </w:r>
          </w:p>
          <w:p w:rsidR="00156FB3" w:rsidRDefault="00156FB3" w:rsidP="00156FB3"/>
          <w:p w:rsidR="00156FB3" w:rsidRDefault="00156FB3" w:rsidP="00156FB3">
            <w:r>
              <w:lastRenderedPageBreak/>
              <w:t>.iti__flag.iti__wf {</w:t>
            </w:r>
          </w:p>
          <w:p w:rsidR="00156FB3" w:rsidRDefault="00156FB3" w:rsidP="00156FB3">
            <w:r>
              <w:t xml:space="preserve">    height: 14px;</w:t>
            </w:r>
          </w:p>
          <w:p w:rsidR="00156FB3" w:rsidRDefault="00156FB3" w:rsidP="00156FB3">
            <w:r>
              <w:t xml:space="preserve">    background-position: -5478px 0px;</w:t>
            </w:r>
          </w:p>
          <w:p w:rsidR="00156FB3" w:rsidRDefault="00156FB3" w:rsidP="00156FB3">
            <w:r>
              <w:t>}</w:t>
            </w:r>
          </w:p>
          <w:p w:rsidR="00156FB3" w:rsidRDefault="00156FB3" w:rsidP="00156FB3"/>
          <w:p w:rsidR="00156FB3" w:rsidRDefault="00156FB3" w:rsidP="00156FB3">
            <w:r>
              <w:t>.iti__flag.iti__ws {</w:t>
            </w:r>
          </w:p>
          <w:p w:rsidR="00156FB3" w:rsidRDefault="00156FB3" w:rsidP="00156FB3">
            <w:r>
              <w:t xml:space="preserve">    height: 10px;</w:t>
            </w:r>
          </w:p>
          <w:p w:rsidR="00156FB3" w:rsidRDefault="00156FB3" w:rsidP="00156FB3">
            <w:r>
              <w:t xml:space="preserve">    background-position: -5500px 0px;</w:t>
            </w:r>
          </w:p>
          <w:p w:rsidR="00156FB3" w:rsidRDefault="00156FB3" w:rsidP="00156FB3">
            <w:r>
              <w:t>}</w:t>
            </w:r>
          </w:p>
          <w:p w:rsidR="00156FB3" w:rsidRDefault="00156FB3" w:rsidP="00156FB3"/>
          <w:p w:rsidR="00156FB3" w:rsidRDefault="00156FB3" w:rsidP="00156FB3">
            <w:r>
              <w:t>.iti__flag.iti__xk {</w:t>
            </w:r>
          </w:p>
          <w:p w:rsidR="00156FB3" w:rsidRDefault="00156FB3" w:rsidP="00156FB3">
            <w:r>
              <w:t xml:space="preserve">    height: 15px;</w:t>
            </w:r>
          </w:p>
          <w:p w:rsidR="00156FB3" w:rsidRDefault="00156FB3" w:rsidP="00156FB3">
            <w:r>
              <w:t xml:space="preserve">    background-position: -5522px 0px;</w:t>
            </w:r>
          </w:p>
          <w:p w:rsidR="00156FB3" w:rsidRDefault="00156FB3" w:rsidP="00156FB3">
            <w:r>
              <w:t>}</w:t>
            </w:r>
          </w:p>
          <w:p w:rsidR="00156FB3" w:rsidRDefault="00156FB3" w:rsidP="00156FB3"/>
          <w:p w:rsidR="00156FB3" w:rsidRDefault="00156FB3" w:rsidP="00156FB3">
            <w:r>
              <w:t>.iti__flag.iti__ye {</w:t>
            </w:r>
          </w:p>
          <w:p w:rsidR="00156FB3" w:rsidRDefault="00156FB3" w:rsidP="00156FB3">
            <w:r>
              <w:t xml:space="preserve">    height: 14px;</w:t>
            </w:r>
          </w:p>
          <w:p w:rsidR="00156FB3" w:rsidRDefault="00156FB3" w:rsidP="00156FB3">
            <w:r>
              <w:t xml:space="preserve">    background-position: -5544px 0px;</w:t>
            </w:r>
          </w:p>
          <w:p w:rsidR="00156FB3" w:rsidRDefault="00156FB3" w:rsidP="00156FB3">
            <w:r>
              <w:t>}</w:t>
            </w:r>
          </w:p>
          <w:p w:rsidR="00156FB3" w:rsidRDefault="00156FB3" w:rsidP="00156FB3"/>
          <w:p w:rsidR="00156FB3" w:rsidRDefault="00156FB3" w:rsidP="00156FB3">
            <w:r>
              <w:t>.iti__flag.iti__yt {</w:t>
            </w:r>
          </w:p>
          <w:p w:rsidR="00156FB3" w:rsidRDefault="00156FB3" w:rsidP="00156FB3">
            <w:r>
              <w:t xml:space="preserve">    height: 14px;</w:t>
            </w:r>
          </w:p>
          <w:p w:rsidR="00156FB3" w:rsidRDefault="00156FB3" w:rsidP="00156FB3">
            <w:r>
              <w:t xml:space="preserve">    background-position: -5566px 0px;</w:t>
            </w:r>
          </w:p>
          <w:p w:rsidR="00156FB3" w:rsidRDefault="00156FB3" w:rsidP="00156FB3">
            <w:r>
              <w:t>}</w:t>
            </w:r>
          </w:p>
          <w:p w:rsidR="00156FB3" w:rsidRDefault="00156FB3" w:rsidP="00156FB3"/>
          <w:p w:rsidR="00156FB3" w:rsidRDefault="00156FB3" w:rsidP="00156FB3">
            <w:r>
              <w:t>.iti__flag.iti__za {</w:t>
            </w:r>
          </w:p>
          <w:p w:rsidR="00156FB3" w:rsidRDefault="00156FB3" w:rsidP="00156FB3">
            <w:r>
              <w:t xml:space="preserve">    height: 14px;</w:t>
            </w:r>
          </w:p>
          <w:p w:rsidR="00156FB3" w:rsidRDefault="00156FB3" w:rsidP="00156FB3">
            <w:r>
              <w:t xml:space="preserve">    background-position: -5588px 0px;</w:t>
            </w:r>
          </w:p>
          <w:p w:rsidR="00156FB3" w:rsidRDefault="00156FB3" w:rsidP="00156FB3">
            <w:r>
              <w:t>}</w:t>
            </w:r>
          </w:p>
          <w:p w:rsidR="00156FB3" w:rsidRDefault="00156FB3" w:rsidP="00156FB3"/>
          <w:p w:rsidR="00156FB3" w:rsidRDefault="00156FB3" w:rsidP="00156FB3">
            <w:r>
              <w:t>.iti__flag.iti__zm {</w:t>
            </w:r>
          </w:p>
          <w:p w:rsidR="00156FB3" w:rsidRDefault="00156FB3" w:rsidP="00156FB3">
            <w:r>
              <w:t xml:space="preserve">    height: 14px;</w:t>
            </w:r>
          </w:p>
          <w:p w:rsidR="00156FB3" w:rsidRDefault="00156FB3" w:rsidP="00156FB3">
            <w:r>
              <w:t xml:space="preserve">    background-position: -5610px 0px;</w:t>
            </w:r>
          </w:p>
          <w:p w:rsidR="00156FB3" w:rsidRDefault="00156FB3" w:rsidP="00156FB3">
            <w:r>
              <w:t>}</w:t>
            </w:r>
          </w:p>
          <w:p w:rsidR="00156FB3" w:rsidRDefault="00156FB3" w:rsidP="00156FB3"/>
          <w:p w:rsidR="00156FB3" w:rsidRDefault="00156FB3" w:rsidP="00156FB3">
            <w:r>
              <w:t>.iti__flag.iti__zw {</w:t>
            </w:r>
          </w:p>
          <w:p w:rsidR="00156FB3" w:rsidRDefault="00156FB3" w:rsidP="00156FB3">
            <w:r>
              <w:t xml:space="preserve">    height: 10px;</w:t>
            </w:r>
          </w:p>
          <w:p w:rsidR="00156FB3" w:rsidRDefault="00156FB3" w:rsidP="00156FB3">
            <w:r>
              <w:t xml:space="preserve">    background-position: -5632px 0px;</w:t>
            </w:r>
          </w:p>
          <w:p w:rsidR="00156FB3" w:rsidRDefault="00156FB3" w:rsidP="00156FB3">
            <w:r>
              <w:t>}</w:t>
            </w:r>
          </w:p>
          <w:p w:rsidR="00156FB3" w:rsidRDefault="00156FB3" w:rsidP="00156FB3"/>
          <w:p w:rsidR="00156FB3" w:rsidRDefault="00156FB3" w:rsidP="00156FB3">
            <w:r>
              <w:t>.iti__flag {</w:t>
            </w:r>
          </w:p>
          <w:p w:rsidR="00156FB3" w:rsidRDefault="00156FB3" w:rsidP="00156FB3">
            <w:r>
              <w:t xml:space="preserve">    height: 15px;</w:t>
            </w:r>
          </w:p>
          <w:p w:rsidR="00156FB3" w:rsidRDefault="00156FB3" w:rsidP="00156FB3">
            <w:r>
              <w:t xml:space="preserve">    box-shadow: 0px 0px 1px 0px #888;</w:t>
            </w:r>
          </w:p>
          <w:p w:rsidR="00156FB3" w:rsidRDefault="00156FB3" w:rsidP="00156FB3">
            <w:r>
              <w:t xml:space="preserve">    background-image: url("../img/flags.png");</w:t>
            </w:r>
          </w:p>
          <w:p w:rsidR="00156FB3" w:rsidRDefault="00156FB3" w:rsidP="00156FB3">
            <w:r>
              <w:t xml:space="preserve">    background-repeat: no-repeat;</w:t>
            </w:r>
          </w:p>
          <w:p w:rsidR="00156FB3" w:rsidRDefault="00156FB3" w:rsidP="00156FB3">
            <w:r>
              <w:t xml:space="preserve">    background-color: #DBDBDB;</w:t>
            </w:r>
          </w:p>
          <w:p w:rsidR="00156FB3" w:rsidRDefault="00156FB3" w:rsidP="00156FB3">
            <w:r>
              <w:t xml:space="preserve">    background-position: 20px 0;</w:t>
            </w:r>
          </w:p>
          <w:p w:rsidR="00156FB3" w:rsidRDefault="00156FB3" w:rsidP="00156FB3">
            <w:r>
              <w:t>}</w:t>
            </w:r>
          </w:p>
          <w:p w:rsidR="00156FB3" w:rsidRDefault="00156FB3" w:rsidP="00156FB3"/>
          <w:p w:rsidR="00156FB3" w:rsidRDefault="00156FB3" w:rsidP="00156FB3">
            <w:r>
              <w:t>@media (-webkit-min-device-pixel-ratio: 2), (min-resolution: 192dpi) {</w:t>
            </w:r>
          </w:p>
          <w:p w:rsidR="00156FB3" w:rsidRDefault="00156FB3" w:rsidP="00156FB3">
            <w:r>
              <w:t xml:space="preserve">    .iti__flag {</w:t>
            </w:r>
          </w:p>
          <w:p w:rsidR="00156FB3" w:rsidRDefault="00156FB3" w:rsidP="00156FB3">
            <w:r>
              <w:t xml:space="preserve">        background-image: url("../img/flags%402x.png");</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iti__flag.iti__np {</w:t>
            </w:r>
          </w:p>
          <w:p w:rsidR="00156FB3" w:rsidRDefault="00156FB3" w:rsidP="00156FB3">
            <w:r>
              <w:t xml:space="preserve">    background-color: transparent;</w:t>
            </w:r>
          </w:p>
          <w:p w:rsidR="0048012D" w:rsidRDefault="00156FB3" w:rsidP="00156FB3">
            <w:r>
              <w:t>}</w:t>
            </w:r>
          </w:p>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Lightgallery.css</w:t>
            </w:r>
          </w:p>
        </w:tc>
      </w:tr>
      <w:tr w:rsidR="0048012D" w:rsidTr="0048012D">
        <w:tc>
          <w:tcPr>
            <w:tcW w:w="9576" w:type="dxa"/>
          </w:tcPr>
          <w:p w:rsidR="00156FB3" w:rsidRDefault="00156FB3" w:rsidP="00156FB3">
            <w:r>
              <w:t>/*! lightgallery - v1.6.12 - 2019-02-19</w:t>
            </w:r>
          </w:p>
          <w:p w:rsidR="00156FB3" w:rsidRDefault="00156FB3" w:rsidP="00156FB3">
            <w:r>
              <w:t>* http://sachinchoolur.github.io/lightGallery/</w:t>
            </w:r>
          </w:p>
          <w:p w:rsidR="00156FB3" w:rsidRDefault="00156FB3" w:rsidP="00156FB3">
            <w:r>
              <w:t>* Copyright (c) 2019 Sachin N; Licensed GPLv3 */</w:t>
            </w:r>
          </w:p>
          <w:p w:rsidR="00156FB3" w:rsidRDefault="00156FB3" w:rsidP="00156FB3">
            <w:r>
              <w:t>@font-face {</w:t>
            </w:r>
          </w:p>
          <w:p w:rsidR="00156FB3" w:rsidRDefault="00156FB3" w:rsidP="00156FB3">
            <w:r>
              <w:t xml:space="preserve">    font-family: 'lg';</w:t>
            </w:r>
          </w:p>
          <w:p w:rsidR="00156FB3" w:rsidRDefault="00156FB3" w:rsidP="00156FB3">
            <w:r>
              <w:t xml:space="preserve">    src: url("https://assets.reachseniors.com/fonts/lg.eot?n1z373");</w:t>
            </w:r>
          </w:p>
          <w:p w:rsidR="00156FB3" w:rsidRDefault="00156FB3" w:rsidP="00156FB3">
            <w:r>
              <w:t xml:space="preserve">    src: url("https://assets.reachseniors.com/fonts/lg.eot?#iefixn1z373") format("embedded-opentype"), url("https://assets.reachseniors.com/fonts/lg.woff?n1z373") format("woff"), url("https://assets.reachseniors.com/fonts/lg.ttf?n1z373") format("truetype"), url("https://assets.reachseniors.com/fonts/lg.svg?n1z373#lg") format("svg");</w:t>
            </w:r>
          </w:p>
          <w:p w:rsidR="00156FB3" w:rsidRDefault="00156FB3" w:rsidP="00156FB3">
            <w:r>
              <w:t xml:space="preserve">    font-weight: normal;</w:t>
            </w:r>
          </w:p>
          <w:p w:rsidR="00156FB3" w:rsidRDefault="00156FB3" w:rsidP="00156FB3">
            <w:r>
              <w:t xml:space="preserve">    font-style: normal;</w:t>
            </w:r>
          </w:p>
          <w:p w:rsidR="00156FB3" w:rsidRDefault="00156FB3" w:rsidP="00156FB3">
            <w:r>
              <w:t>}</w:t>
            </w:r>
          </w:p>
          <w:p w:rsidR="00156FB3" w:rsidRDefault="00156FB3" w:rsidP="00156FB3"/>
          <w:p w:rsidR="00156FB3" w:rsidRDefault="00156FB3" w:rsidP="00156FB3">
            <w:r>
              <w:t>.lg-icon {</w:t>
            </w:r>
          </w:p>
          <w:p w:rsidR="00156FB3" w:rsidRDefault="00156FB3" w:rsidP="00156FB3">
            <w:r>
              <w:t xml:space="preserve">    font-family: 'lg';</w:t>
            </w:r>
          </w:p>
          <w:p w:rsidR="00156FB3" w:rsidRDefault="00156FB3" w:rsidP="00156FB3">
            <w:r>
              <w:t xml:space="preserve">    speak: none;</w:t>
            </w:r>
          </w:p>
          <w:p w:rsidR="00156FB3" w:rsidRDefault="00156FB3" w:rsidP="00156FB3">
            <w:r>
              <w:t xml:space="preserve">    font-style: normal;</w:t>
            </w:r>
          </w:p>
          <w:p w:rsidR="00156FB3" w:rsidRDefault="00156FB3" w:rsidP="00156FB3">
            <w:r>
              <w:t xml:space="preserve">    font-weight: normal;</w:t>
            </w:r>
          </w:p>
          <w:p w:rsidR="00156FB3" w:rsidRDefault="00156FB3" w:rsidP="00156FB3">
            <w:r>
              <w:t xml:space="preserve">    font-variant: normal;</w:t>
            </w:r>
          </w:p>
          <w:p w:rsidR="00156FB3" w:rsidRDefault="00156FB3" w:rsidP="00156FB3">
            <w:r>
              <w:t xml:space="preserve">    text-transform: none;</w:t>
            </w:r>
          </w:p>
          <w:p w:rsidR="00156FB3" w:rsidRDefault="00156FB3" w:rsidP="00156FB3">
            <w:r>
              <w:t xml:space="preserve">    line-height: 1;</w:t>
            </w:r>
          </w:p>
          <w:p w:rsidR="00156FB3" w:rsidRDefault="00156FB3" w:rsidP="00156FB3">
            <w:r>
              <w:t xml:space="preserve">    /* Better Font Rendering =========== */</w:t>
            </w:r>
          </w:p>
          <w:p w:rsidR="00156FB3" w:rsidRDefault="00156FB3" w:rsidP="00156FB3">
            <w:r>
              <w:t xml:space="preserve">    -webkit-font-smoothing: antialiased;</w:t>
            </w:r>
          </w:p>
          <w:p w:rsidR="00156FB3" w:rsidRDefault="00156FB3" w:rsidP="00156FB3">
            <w:r>
              <w:t xml:space="preserve">    -moz-osx-font-smoothing: grayscale;</w:t>
            </w:r>
          </w:p>
          <w:p w:rsidR="00156FB3" w:rsidRDefault="00156FB3" w:rsidP="00156FB3">
            <w:r>
              <w:t>}</w:t>
            </w:r>
          </w:p>
          <w:p w:rsidR="00156FB3" w:rsidRDefault="00156FB3" w:rsidP="00156FB3"/>
          <w:p w:rsidR="00156FB3" w:rsidRDefault="00156FB3" w:rsidP="00156FB3">
            <w:r>
              <w:t>.lg-actions .lg-next, .lg-actions .lg-prev {</w:t>
            </w:r>
          </w:p>
          <w:p w:rsidR="00156FB3" w:rsidRDefault="00156FB3" w:rsidP="00156FB3">
            <w:r>
              <w:t xml:space="preserve">    background-color: rgba(0, 0, 0, 0.45);</w:t>
            </w:r>
          </w:p>
          <w:p w:rsidR="00156FB3" w:rsidRDefault="00156FB3" w:rsidP="00156FB3">
            <w:r>
              <w:t xml:space="preserve">    border-radius: 2px;</w:t>
            </w:r>
          </w:p>
          <w:p w:rsidR="00156FB3" w:rsidRDefault="00156FB3" w:rsidP="00156FB3">
            <w:r>
              <w:t xml:space="preserve">    color: #999;</w:t>
            </w:r>
          </w:p>
          <w:p w:rsidR="00156FB3" w:rsidRDefault="00156FB3" w:rsidP="00156FB3">
            <w:r>
              <w:t xml:space="preserve">    cursor: pointer;</w:t>
            </w:r>
          </w:p>
          <w:p w:rsidR="00156FB3" w:rsidRDefault="00156FB3" w:rsidP="00156FB3">
            <w:r>
              <w:lastRenderedPageBreak/>
              <w:t xml:space="preserve">    display: block;</w:t>
            </w:r>
          </w:p>
          <w:p w:rsidR="00156FB3" w:rsidRDefault="00156FB3" w:rsidP="00156FB3">
            <w:r>
              <w:t xml:space="preserve">    font-size: 22px;</w:t>
            </w:r>
          </w:p>
          <w:p w:rsidR="00156FB3" w:rsidRDefault="00156FB3" w:rsidP="00156FB3">
            <w:r>
              <w:t xml:space="preserve">    margin-top: -10px;</w:t>
            </w:r>
          </w:p>
          <w:p w:rsidR="00156FB3" w:rsidRDefault="00156FB3" w:rsidP="00156FB3">
            <w:r>
              <w:t xml:space="preserve">    padding: 8px 10px 9px;</w:t>
            </w:r>
          </w:p>
          <w:p w:rsidR="00156FB3" w:rsidRDefault="00156FB3" w:rsidP="00156FB3">
            <w:r>
              <w:t xml:space="preserve">    position: absolute;</w:t>
            </w:r>
          </w:p>
          <w:p w:rsidR="00156FB3" w:rsidRDefault="00156FB3" w:rsidP="00156FB3">
            <w:r>
              <w:t xml:space="preserve">    top: 50%;</w:t>
            </w:r>
          </w:p>
          <w:p w:rsidR="00156FB3" w:rsidRDefault="00156FB3" w:rsidP="00156FB3">
            <w:r>
              <w:t xml:space="preserve">    z-index: 1080;</w:t>
            </w:r>
          </w:p>
          <w:p w:rsidR="00156FB3" w:rsidRDefault="00156FB3" w:rsidP="00156FB3">
            <w:r>
              <w:t xml:space="preserve">    border: none;</w:t>
            </w:r>
          </w:p>
          <w:p w:rsidR="00156FB3" w:rsidRDefault="00156FB3" w:rsidP="00156FB3">
            <w:r>
              <w:t xml:space="preserve">    outline: none;</w:t>
            </w:r>
          </w:p>
          <w:p w:rsidR="00156FB3" w:rsidRDefault="00156FB3" w:rsidP="00156FB3">
            <w:r>
              <w:t>}</w:t>
            </w:r>
          </w:p>
          <w:p w:rsidR="00156FB3" w:rsidRDefault="00156FB3" w:rsidP="00156FB3"/>
          <w:p w:rsidR="00156FB3" w:rsidRDefault="00156FB3" w:rsidP="00156FB3">
            <w:r>
              <w:t>.lg-actions .lg-next.disabled, .lg-actions .lg-prev.disabled {</w:t>
            </w:r>
          </w:p>
          <w:p w:rsidR="00156FB3" w:rsidRDefault="00156FB3" w:rsidP="00156FB3">
            <w:r>
              <w:t xml:space="preserve">    pointer-events: none;</w:t>
            </w:r>
          </w:p>
          <w:p w:rsidR="00156FB3" w:rsidRDefault="00156FB3" w:rsidP="00156FB3">
            <w:r>
              <w:t xml:space="preserve">    opacity: 0.5;</w:t>
            </w:r>
          </w:p>
          <w:p w:rsidR="00156FB3" w:rsidRDefault="00156FB3" w:rsidP="00156FB3">
            <w:r>
              <w:t>}</w:t>
            </w:r>
          </w:p>
          <w:p w:rsidR="00156FB3" w:rsidRDefault="00156FB3" w:rsidP="00156FB3"/>
          <w:p w:rsidR="00156FB3" w:rsidRDefault="00156FB3" w:rsidP="00156FB3">
            <w:r>
              <w:t>.lg-actions .lg-next:hover, .lg-actions .lg-prev:hover {</w:t>
            </w:r>
          </w:p>
          <w:p w:rsidR="00156FB3" w:rsidRDefault="00156FB3" w:rsidP="00156FB3">
            <w:r>
              <w:t xml:space="preserve">    color: #FFF;</w:t>
            </w:r>
          </w:p>
          <w:p w:rsidR="00156FB3" w:rsidRDefault="00156FB3" w:rsidP="00156FB3">
            <w:r>
              <w:t>}</w:t>
            </w:r>
          </w:p>
          <w:p w:rsidR="00156FB3" w:rsidRDefault="00156FB3" w:rsidP="00156FB3"/>
          <w:p w:rsidR="00156FB3" w:rsidRDefault="00156FB3" w:rsidP="00156FB3">
            <w:r>
              <w:t>.lg-actions .lg-next {</w:t>
            </w:r>
          </w:p>
          <w:p w:rsidR="00156FB3" w:rsidRDefault="00156FB3" w:rsidP="00156FB3">
            <w:r>
              <w:t xml:space="preserve">    right: 20px;</w:t>
            </w:r>
          </w:p>
          <w:p w:rsidR="00156FB3" w:rsidRDefault="00156FB3" w:rsidP="00156FB3">
            <w:r>
              <w:t>}</w:t>
            </w:r>
          </w:p>
          <w:p w:rsidR="00156FB3" w:rsidRDefault="00156FB3" w:rsidP="00156FB3"/>
          <w:p w:rsidR="00156FB3" w:rsidRDefault="00156FB3" w:rsidP="00156FB3">
            <w:r>
              <w:t>.lg-actions .lg-next:before {</w:t>
            </w:r>
          </w:p>
          <w:p w:rsidR="00156FB3" w:rsidRDefault="00156FB3" w:rsidP="00156FB3">
            <w:r>
              <w:t xml:space="preserve">    content: "\e095";</w:t>
            </w:r>
          </w:p>
          <w:p w:rsidR="00156FB3" w:rsidRDefault="00156FB3" w:rsidP="00156FB3">
            <w:r>
              <w:t>}</w:t>
            </w:r>
          </w:p>
          <w:p w:rsidR="00156FB3" w:rsidRDefault="00156FB3" w:rsidP="00156FB3"/>
          <w:p w:rsidR="00156FB3" w:rsidRDefault="00156FB3" w:rsidP="00156FB3">
            <w:r>
              <w:t>.lg-actions .lg-prev {</w:t>
            </w:r>
          </w:p>
          <w:p w:rsidR="00156FB3" w:rsidRDefault="00156FB3" w:rsidP="00156FB3">
            <w:r>
              <w:t xml:space="preserve">    left: 20px;</w:t>
            </w:r>
          </w:p>
          <w:p w:rsidR="00156FB3" w:rsidRDefault="00156FB3" w:rsidP="00156FB3">
            <w:r>
              <w:t>}</w:t>
            </w:r>
          </w:p>
          <w:p w:rsidR="00156FB3" w:rsidRDefault="00156FB3" w:rsidP="00156FB3"/>
          <w:p w:rsidR="00156FB3" w:rsidRDefault="00156FB3" w:rsidP="00156FB3">
            <w:r>
              <w:t>.lg-actions .lg-prev:after {</w:t>
            </w:r>
          </w:p>
          <w:p w:rsidR="00156FB3" w:rsidRDefault="00156FB3" w:rsidP="00156FB3">
            <w:r>
              <w:t xml:space="preserve">    content: "\e094";</w:t>
            </w:r>
          </w:p>
          <w:p w:rsidR="00156FB3" w:rsidRDefault="00156FB3" w:rsidP="00156FB3">
            <w:r>
              <w:t>}</w:t>
            </w:r>
          </w:p>
          <w:p w:rsidR="00156FB3" w:rsidRDefault="00156FB3" w:rsidP="00156FB3"/>
          <w:p w:rsidR="00156FB3" w:rsidRDefault="00156FB3" w:rsidP="00156FB3">
            <w:r>
              <w:t>@-webkit-keyframes lg-right-end {</w:t>
            </w:r>
          </w:p>
          <w:p w:rsidR="00156FB3" w:rsidRDefault="00156FB3" w:rsidP="00156FB3">
            <w:r>
              <w:t xml:space="preserve">    0% {</w:t>
            </w:r>
          </w:p>
          <w:p w:rsidR="00156FB3" w:rsidRDefault="00156FB3" w:rsidP="00156FB3">
            <w:r>
              <w:t xml:space="preserve">        left: 0;</w:t>
            </w:r>
          </w:p>
          <w:p w:rsidR="00156FB3" w:rsidRDefault="00156FB3" w:rsidP="00156FB3">
            <w:r>
              <w:t xml:space="preserve">    }</w:t>
            </w:r>
          </w:p>
          <w:p w:rsidR="00156FB3" w:rsidRDefault="00156FB3" w:rsidP="00156FB3">
            <w:r>
              <w:t xml:space="preserve">    50% {</w:t>
            </w:r>
          </w:p>
          <w:p w:rsidR="00156FB3" w:rsidRDefault="00156FB3" w:rsidP="00156FB3">
            <w:r>
              <w:t xml:space="preserve">        left: -30px;</w:t>
            </w:r>
          </w:p>
          <w:p w:rsidR="00156FB3" w:rsidRDefault="00156FB3" w:rsidP="00156FB3">
            <w:r>
              <w:t xml:space="preserve">    }</w:t>
            </w:r>
          </w:p>
          <w:p w:rsidR="00156FB3" w:rsidRDefault="00156FB3" w:rsidP="00156FB3">
            <w:r>
              <w:t xml:space="preserve">    100% {</w:t>
            </w:r>
          </w:p>
          <w:p w:rsidR="00156FB3" w:rsidRDefault="00156FB3" w:rsidP="00156FB3">
            <w:r>
              <w:t xml:space="preserve">        left: 0;</w:t>
            </w:r>
          </w:p>
          <w:p w:rsidR="00156FB3" w:rsidRDefault="00156FB3" w:rsidP="00156FB3">
            <w:r>
              <w:t xml:space="preserve">    }</w:t>
            </w:r>
          </w:p>
          <w:p w:rsidR="00156FB3" w:rsidRDefault="00156FB3" w:rsidP="00156FB3">
            <w:r>
              <w:t>}</w:t>
            </w:r>
          </w:p>
          <w:p w:rsidR="00156FB3" w:rsidRDefault="00156FB3" w:rsidP="00156FB3"/>
          <w:p w:rsidR="00156FB3" w:rsidRDefault="00156FB3" w:rsidP="00156FB3">
            <w:r>
              <w:lastRenderedPageBreak/>
              <w:t>@-moz-keyframes lg-right-end {</w:t>
            </w:r>
          </w:p>
          <w:p w:rsidR="00156FB3" w:rsidRDefault="00156FB3" w:rsidP="00156FB3">
            <w:r>
              <w:t xml:space="preserve">    0% {</w:t>
            </w:r>
          </w:p>
          <w:p w:rsidR="00156FB3" w:rsidRDefault="00156FB3" w:rsidP="00156FB3">
            <w:r>
              <w:t xml:space="preserve">        left: 0;</w:t>
            </w:r>
          </w:p>
          <w:p w:rsidR="00156FB3" w:rsidRDefault="00156FB3" w:rsidP="00156FB3">
            <w:r>
              <w:t xml:space="preserve">    }</w:t>
            </w:r>
          </w:p>
          <w:p w:rsidR="00156FB3" w:rsidRDefault="00156FB3" w:rsidP="00156FB3">
            <w:r>
              <w:t xml:space="preserve">    50% {</w:t>
            </w:r>
          </w:p>
          <w:p w:rsidR="00156FB3" w:rsidRDefault="00156FB3" w:rsidP="00156FB3">
            <w:r>
              <w:t xml:space="preserve">        left: -30px;</w:t>
            </w:r>
          </w:p>
          <w:p w:rsidR="00156FB3" w:rsidRDefault="00156FB3" w:rsidP="00156FB3">
            <w:r>
              <w:t xml:space="preserve">    }</w:t>
            </w:r>
          </w:p>
          <w:p w:rsidR="00156FB3" w:rsidRDefault="00156FB3" w:rsidP="00156FB3">
            <w:r>
              <w:t xml:space="preserve">    100% {</w:t>
            </w:r>
          </w:p>
          <w:p w:rsidR="00156FB3" w:rsidRDefault="00156FB3" w:rsidP="00156FB3">
            <w:r>
              <w:t xml:space="preserve">        left: 0;</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ms-keyframes lg-right-end {</w:t>
            </w:r>
          </w:p>
          <w:p w:rsidR="00156FB3" w:rsidRDefault="00156FB3" w:rsidP="00156FB3">
            <w:r>
              <w:t xml:space="preserve">    0% {</w:t>
            </w:r>
          </w:p>
          <w:p w:rsidR="00156FB3" w:rsidRDefault="00156FB3" w:rsidP="00156FB3">
            <w:r>
              <w:t xml:space="preserve">        left: 0;</w:t>
            </w:r>
          </w:p>
          <w:p w:rsidR="00156FB3" w:rsidRDefault="00156FB3" w:rsidP="00156FB3">
            <w:r>
              <w:t xml:space="preserve">    }</w:t>
            </w:r>
          </w:p>
          <w:p w:rsidR="00156FB3" w:rsidRDefault="00156FB3" w:rsidP="00156FB3">
            <w:r>
              <w:t xml:space="preserve">    50% {</w:t>
            </w:r>
          </w:p>
          <w:p w:rsidR="00156FB3" w:rsidRDefault="00156FB3" w:rsidP="00156FB3">
            <w:r>
              <w:t xml:space="preserve">        left: -30px;</w:t>
            </w:r>
          </w:p>
          <w:p w:rsidR="00156FB3" w:rsidRDefault="00156FB3" w:rsidP="00156FB3">
            <w:r>
              <w:t xml:space="preserve">    }</w:t>
            </w:r>
          </w:p>
          <w:p w:rsidR="00156FB3" w:rsidRDefault="00156FB3" w:rsidP="00156FB3">
            <w:r>
              <w:t xml:space="preserve">    100% {</w:t>
            </w:r>
          </w:p>
          <w:p w:rsidR="00156FB3" w:rsidRDefault="00156FB3" w:rsidP="00156FB3">
            <w:r>
              <w:t xml:space="preserve">        left: 0;</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keyframes lg-right-end {</w:t>
            </w:r>
          </w:p>
          <w:p w:rsidR="00156FB3" w:rsidRDefault="00156FB3" w:rsidP="00156FB3">
            <w:r>
              <w:t xml:space="preserve">    0% {</w:t>
            </w:r>
          </w:p>
          <w:p w:rsidR="00156FB3" w:rsidRDefault="00156FB3" w:rsidP="00156FB3">
            <w:r>
              <w:t xml:space="preserve">        left: 0;</w:t>
            </w:r>
          </w:p>
          <w:p w:rsidR="00156FB3" w:rsidRDefault="00156FB3" w:rsidP="00156FB3">
            <w:r>
              <w:t xml:space="preserve">    }</w:t>
            </w:r>
          </w:p>
          <w:p w:rsidR="00156FB3" w:rsidRDefault="00156FB3" w:rsidP="00156FB3">
            <w:r>
              <w:t xml:space="preserve">    50% {</w:t>
            </w:r>
          </w:p>
          <w:p w:rsidR="00156FB3" w:rsidRDefault="00156FB3" w:rsidP="00156FB3">
            <w:r>
              <w:t xml:space="preserve">        left: -30px;</w:t>
            </w:r>
          </w:p>
          <w:p w:rsidR="00156FB3" w:rsidRDefault="00156FB3" w:rsidP="00156FB3">
            <w:r>
              <w:t xml:space="preserve">    }</w:t>
            </w:r>
          </w:p>
          <w:p w:rsidR="00156FB3" w:rsidRDefault="00156FB3" w:rsidP="00156FB3">
            <w:r>
              <w:t xml:space="preserve">    100% {</w:t>
            </w:r>
          </w:p>
          <w:p w:rsidR="00156FB3" w:rsidRDefault="00156FB3" w:rsidP="00156FB3">
            <w:r>
              <w:t xml:space="preserve">        left: 0;</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webkit-keyframes lg-left-end {</w:t>
            </w:r>
          </w:p>
          <w:p w:rsidR="00156FB3" w:rsidRDefault="00156FB3" w:rsidP="00156FB3">
            <w:r>
              <w:t xml:space="preserve">    0% {</w:t>
            </w:r>
          </w:p>
          <w:p w:rsidR="00156FB3" w:rsidRDefault="00156FB3" w:rsidP="00156FB3">
            <w:r>
              <w:t xml:space="preserve">        left: 0;</w:t>
            </w:r>
          </w:p>
          <w:p w:rsidR="00156FB3" w:rsidRDefault="00156FB3" w:rsidP="00156FB3">
            <w:r>
              <w:t xml:space="preserve">    }</w:t>
            </w:r>
          </w:p>
          <w:p w:rsidR="00156FB3" w:rsidRDefault="00156FB3" w:rsidP="00156FB3">
            <w:r>
              <w:t xml:space="preserve">    50% {</w:t>
            </w:r>
          </w:p>
          <w:p w:rsidR="00156FB3" w:rsidRDefault="00156FB3" w:rsidP="00156FB3">
            <w:r>
              <w:t xml:space="preserve">        left: 30px;</w:t>
            </w:r>
          </w:p>
          <w:p w:rsidR="00156FB3" w:rsidRDefault="00156FB3" w:rsidP="00156FB3">
            <w:r>
              <w:t xml:space="preserve">    }</w:t>
            </w:r>
          </w:p>
          <w:p w:rsidR="00156FB3" w:rsidRDefault="00156FB3" w:rsidP="00156FB3">
            <w:r>
              <w:t xml:space="preserve">    100% {</w:t>
            </w:r>
          </w:p>
          <w:p w:rsidR="00156FB3" w:rsidRDefault="00156FB3" w:rsidP="00156FB3">
            <w:r>
              <w:t xml:space="preserve">        left: 0;</w:t>
            </w:r>
          </w:p>
          <w:p w:rsidR="00156FB3" w:rsidRDefault="00156FB3" w:rsidP="00156FB3">
            <w:r>
              <w:t xml:space="preserve">    }</w:t>
            </w:r>
          </w:p>
          <w:p w:rsidR="00156FB3" w:rsidRDefault="00156FB3" w:rsidP="00156FB3">
            <w:r>
              <w:t>}</w:t>
            </w:r>
          </w:p>
          <w:p w:rsidR="00156FB3" w:rsidRDefault="00156FB3" w:rsidP="00156FB3"/>
          <w:p w:rsidR="00156FB3" w:rsidRDefault="00156FB3" w:rsidP="00156FB3">
            <w:r>
              <w:lastRenderedPageBreak/>
              <w:t>@-moz-keyframes lg-left-end {</w:t>
            </w:r>
          </w:p>
          <w:p w:rsidR="00156FB3" w:rsidRDefault="00156FB3" w:rsidP="00156FB3">
            <w:r>
              <w:t xml:space="preserve">    0% {</w:t>
            </w:r>
          </w:p>
          <w:p w:rsidR="00156FB3" w:rsidRDefault="00156FB3" w:rsidP="00156FB3">
            <w:r>
              <w:t xml:space="preserve">        left: 0;</w:t>
            </w:r>
          </w:p>
          <w:p w:rsidR="00156FB3" w:rsidRDefault="00156FB3" w:rsidP="00156FB3">
            <w:r>
              <w:t xml:space="preserve">    }</w:t>
            </w:r>
          </w:p>
          <w:p w:rsidR="00156FB3" w:rsidRDefault="00156FB3" w:rsidP="00156FB3">
            <w:r>
              <w:t xml:space="preserve">    50% {</w:t>
            </w:r>
          </w:p>
          <w:p w:rsidR="00156FB3" w:rsidRDefault="00156FB3" w:rsidP="00156FB3">
            <w:r>
              <w:t xml:space="preserve">        left: 30px;</w:t>
            </w:r>
          </w:p>
          <w:p w:rsidR="00156FB3" w:rsidRDefault="00156FB3" w:rsidP="00156FB3">
            <w:r>
              <w:t xml:space="preserve">    }</w:t>
            </w:r>
          </w:p>
          <w:p w:rsidR="00156FB3" w:rsidRDefault="00156FB3" w:rsidP="00156FB3">
            <w:r>
              <w:t xml:space="preserve">    100% {</w:t>
            </w:r>
          </w:p>
          <w:p w:rsidR="00156FB3" w:rsidRDefault="00156FB3" w:rsidP="00156FB3">
            <w:r>
              <w:t xml:space="preserve">        left: 0;</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ms-keyframes lg-left-end {</w:t>
            </w:r>
          </w:p>
          <w:p w:rsidR="00156FB3" w:rsidRDefault="00156FB3" w:rsidP="00156FB3">
            <w:r>
              <w:t xml:space="preserve">    0% {</w:t>
            </w:r>
          </w:p>
          <w:p w:rsidR="00156FB3" w:rsidRDefault="00156FB3" w:rsidP="00156FB3">
            <w:r>
              <w:t xml:space="preserve">        left: 0;</w:t>
            </w:r>
          </w:p>
          <w:p w:rsidR="00156FB3" w:rsidRDefault="00156FB3" w:rsidP="00156FB3">
            <w:r>
              <w:t xml:space="preserve">    }</w:t>
            </w:r>
          </w:p>
          <w:p w:rsidR="00156FB3" w:rsidRDefault="00156FB3" w:rsidP="00156FB3">
            <w:r>
              <w:t xml:space="preserve">    50% {</w:t>
            </w:r>
          </w:p>
          <w:p w:rsidR="00156FB3" w:rsidRDefault="00156FB3" w:rsidP="00156FB3">
            <w:r>
              <w:t xml:space="preserve">        left: 30px;</w:t>
            </w:r>
          </w:p>
          <w:p w:rsidR="00156FB3" w:rsidRDefault="00156FB3" w:rsidP="00156FB3">
            <w:r>
              <w:t xml:space="preserve">    }</w:t>
            </w:r>
          </w:p>
          <w:p w:rsidR="00156FB3" w:rsidRDefault="00156FB3" w:rsidP="00156FB3">
            <w:r>
              <w:t xml:space="preserve">    100% {</w:t>
            </w:r>
          </w:p>
          <w:p w:rsidR="00156FB3" w:rsidRDefault="00156FB3" w:rsidP="00156FB3">
            <w:r>
              <w:t xml:space="preserve">        left: 0;</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keyframes lg-left-end {</w:t>
            </w:r>
          </w:p>
          <w:p w:rsidR="00156FB3" w:rsidRDefault="00156FB3" w:rsidP="00156FB3">
            <w:r>
              <w:t xml:space="preserve">    0% {</w:t>
            </w:r>
          </w:p>
          <w:p w:rsidR="00156FB3" w:rsidRDefault="00156FB3" w:rsidP="00156FB3">
            <w:r>
              <w:t xml:space="preserve">        left: 0;</w:t>
            </w:r>
          </w:p>
          <w:p w:rsidR="00156FB3" w:rsidRDefault="00156FB3" w:rsidP="00156FB3">
            <w:r>
              <w:t xml:space="preserve">    }</w:t>
            </w:r>
          </w:p>
          <w:p w:rsidR="00156FB3" w:rsidRDefault="00156FB3" w:rsidP="00156FB3">
            <w:r>
              <w:t xml:space="preserve">    50% {</w:t>
            </w:r>
          </w:p>
          <w:p w:rsidR="00156FB3" w:rsidRDefault="00156FB3" w:rsidP="00156FB3">
            <w:r>
              <w:t xml:space="preserve">        left: 30px;</w:t>
            </w:r>
          </w:p>
          <w:p w:rsidR="00156FB3" w:rsidRDefault="00156FB3" w:rsidP="00156FB3">
            <w:r>
              <w:t xml:space="preserve">    }</w:t>
            </w:r>
          </w:p>
          <w:p w:rsidR="00156FB3" w:rsidRDefault="00156FB3" w:rsidP="00156FB3">
            <w:r>
              <w:t xml:space="preserve">    100% {</w:t>
            </w:r>
          </w:p>
          <w:p w:rsidR="00156FB3" w:rsidRDefault="00156FB3" w:rsidP="00156FB3">
            <w:r>
              <w:t xml:space="preserve">        left: 0;</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lg-outer.lg-right-end .lg-object {</w:t>
            </w:r>
          </w:p>
          <w:p w:rsidR="00156FB3" w:rsidRDefault="00156FB3" w:rsidP="00156FB3">
            <w:r>
              <w:t xml:space="preserve">    -webkit-animation: lg-right-end 0.3s;</w:t>
            </w:r>
          </w:p>
          <w:p w:rsidR="00156FB3" w:rsidRDefault="00156FB3" w:rsidP="00156FB3">
            <w:r>
              <w:t xml:space="preserve">    -o-animation: lg-right-end 0.3s;</w:t>
            </w:r>
          </w:p>
          <w:p w:rsidR="00156FB3" w:rsidRDefault="00156FB3" w:rsidP="00156FB3">
            <w:r>
              <w:t xml:space="preserve">    animation: lg-right-end 0.3s;</w:t>
            </w:r>
          </w:p>
          <w:p w:rsidR="00156FB3" w:rsidRDefault="00156FB3" w:rsidP="00156FB3">
            <w:r>
              <w:t xml:space="preserve">    position: relative;</w:t>
            </w:r>
          </w:p>
          <w:p w:rsidR="00156FB3" w:rsidRDefault="00156FB3" w:rsidP="00156FB3">
            <w:r>
              <w:t>}</w:t>
            </w:r>
          </w:p>
          <w:p w:rsidR="00156FB3" w:rsidRDefault="00156FB3" w:rsidP="00156FB3"/>
          <w:p w:rsidR="00156FB3" w:rsidRDefault="00156FB3" w:rsidP="00156FB3">
            <w:r>
              <w:t>.lg-outer.lg-left-end .lg-object {</w:t>
            </w:r>
          </w:p>
          <w:p w:rsidR="00156FB3" w:rsidRDefault="00156FB3" w:rsidP="00156FB3">
            <w:r>
              <w:t xml:space="preserve">    -webkit-animation: lg-left-end 0.3s;</w:t>
            </w:r>
          </w:p>
          <w:p w:rsidR="00156FB3" w:rsidRDefault="00156FB3" w:rsidP="00156FB3">
            <w:r>
              <w:t xml:space="preserve">    -o-animation: lg-left-end 0.3s;</w:t>
            </w:r>
          </w:p>
          <w:p w:rsidR="00156FB3" w:rsidRDefault="00156FB3" w:rsidP="00156FB3">
            <w:r>
              <w:t xml:space="preserve">    animation: lg-left-end 0.3s;</w:t>
            </w:r>
          </w:p>
          <w:p w:rsidR="00156FB3" w:rsidRDefault="00156FB3" w:rsidP="00156FB3">
            <w:r>
              <w:t xml:space="preserve">    position: relative;</w:t>
            </w:r>
          </w:p>
          <w:p w:rsidR="00156FB3" w:rsidRDefault="00156FB3" w:rsidP="00156FB3">
            <w:r>
              <w:lastRenderedPageBreak/>
              <w:t>}</w:t>
            </w:r>
          </w:p>
          <w:p w:rsidR="00156FB3" w:rsidRDefault="00156FB3" w:rsidP="00156FB3"/>
          <w:p w:rsidR="00156FB3" w:rsidRDefault="00156FB3" w:rsidP="00156FB3">
            <w:r>
              <w:t>.lg-toolbar {</w:t>
            </w:r>
          </w:p>
          <w:p w:rsidR="00156FB3" w:rsidRDefault="00156FB3" w:rsidP="00156FB3">
            <w:r>
              <w:t xml:space="preserve">    z-index: 1082;</w:t>
            </w:r>
          </w:p>
          <w:p w:rsidR="00156FB3" w:rsidRDefault="00156FB3" w:rsidP="00156FB3">
            <w:r>
              <w:t xml:space="preserve">    left: 0;</w:t>
            </w:r>
          </w:p>
          <w:p w:rsidR="00156FB3" w:rsidRDefault="00156FB3" w:rsidP="00156FB3">
            <w:r>
              <w:t xml:space="preserve">    position: absolute;</w:t>
            </w:r>
          </w:p>
          <w:p w:rsidR="00156FB3" w:rsidRDefault="00156FB3" w:rsidP="00156FB3">
            <w:r>
              <w:t xml:space="preserve">    top: 0;</w:t>
            </w:r>
          </w:p>
          <w:p w:rsidR="00156FB3" w:rsidRDefault="00156FB3" w:rsidP="00156FB3">
            <w:r>
              <w:t xml:space="preserve">    width: 100%;</w:t>
            </w:r>
          </w:p>
          <w:p w:rsidR="00156FB3" w:rsidRDefault="00156FB3" w:rsidP="00156FB3">
            <w:r>
              <w:t xml:space="preserve">    background-color: rgba(0, 0, 0, 0.45);</w:t>
            </w:r>
          </w:p>
          <w:p w:rsidR="00156FB3" w:rsidRDefault="00156FB3" w:rsidP="00156FB3">
            <w:r>
              <w:t>}</w:t>
            </w:r>
          </w:p>
          <w:p w:rsidR="00156FB3" w:rsidRDefault="00156FB3" w:rsidP="00156FB3"/>
          <w:p w:rsidR="00156FB3" w:rsidRDefault="00156FB3" w:rsidP="00156FB3">
            <w:r>
              <w:t>.lg-toolbar .lg-icon {</w:t>
            </w:r>
          </w:p>
          <w:p w:rsidR="00156FB3" w:rsidRDefault="00156FB3" w:rsidP="00156FB3">
            <w:r>
              <w:t xml:space="preserve">    color: #999;</w:t>
            </w:r>
          </w:p>
          <w:p w:rsidR="00156FB3" w:rsidRDefault="00156FB3" w:rsidP="00156FB3">
            <w:r>
              <w:t xml:space="preserve">    cursor: pointer;</w:t>
            </w:r>
          </w:p>
          <w:p w:rsidR="00156FB3" w:rsidRDefault="00156FB3" w:rsidP="00156FB3">
            <w:r>
              <w:t xml:space="preserve">    float: right;</w:t>
            </w:r>
          </w:p>
          <w:p w:rsidR="00156FB3" w:rsidRDefault="00156FB3" w:rsidP="00156FB3">
            <w:r>
              <w:t xml:space="preserve">    font-size: 24px;</w:t>
            </w:r>
          </w:p>
          <w:p w:rsidR="00156FB3" w:rsidRDefault="00156FB3" w:rsidP="00156FB3">
            <w:r>
              <w:t xml:space="preserve">    height: 47px;</w:t>
            </w:r>
          </w:p>
          <w:p w:rsidR="00156FB3" w:rsidRDefault="00156FB3" w:rsidP="00156FB3">
            <w:r>
              <w:t xml:space="preserve">    line-height: 27px;</w:t>
            </w:r>
          </w:p>
          <w:p w:rsidR="00156FB3" w:rsidRDefault="00156FB3" w:rsidP="00156FB3">
            <w:r>
              <w:t xml:space="preserve">    padding: 10px 0;</w:t>
            </w:r>
          </w:p>
          <w:p w:rsidR="00156FB3" w:rsidRDefault="00156FB3" w:rsidP="00156FB3">
            <w:r>
              <w:t xml:space="preserve">    text-align: center;</w:t>
            </w:r>
          </w:p>
          <w:p w:rsidR="00156FB3" w:rsidRDefault="00156FB3" w:rsidP="00156FB3">
            <w:r>
              <w:t xml:space="preserve">    width: 50px;</w:t>
            </w:r>
          </w:p>
          <w:p w:rsidR="00156FB3" w:rsidRDefault="00156FB3" w:rsidP="00156FB3">
            <w:r>
              <w:t xml:space="preserve">    text-decoration: none !important;</w:t>
            </w:r>
          </w:p>
          <w:p w:rsidR="00156FB3" w:rsidRDefault="00156FB3" w:rsidP="00156FB3">
            <w:r>
              <w:t xml:space="preserve">    outline: medium none;</w:t>
            </w:r>
          </w:p>
          <w:p w:rsidR="00156FB3" w:rsidRDefault="00156FB3" w:rsidP="00156FB3">
            <w:r>
              <w:t xml:space="preserve">    -webkit-transition: color 0.2s linear;</w:t>
            </w:r>
          </w:p>
          <w:p w:rsidR="00156FB3" w:rsidRDefault="00156FB3" w:rsidP="00156FB3">
            <w:r>
              <w:t xml:space="preserve">    -o-transition: color 0.2s linear;</w:t>
            </w:r>
          </w:p>
          <w:p w:rsidR="00156FB3" w:rsidRDefault="00156FB3" w:rsidP="00156FB3">
            <w:r>
              <w:t xml:space="preserve">    transition: color 0.2s linear;</w:t>
            </w:r>
          </w:p>
          <w:p w:rsidR="00156FB3" w:rsidRDefault="00156FB3" w:rsidP="00156FB3">
            <w:r>
              <w:t>}</w:t>
            </w:r>
          </w:p>
          <w:p w:rsidR="00156FB3" w:rsidRDefault="00156FB3" w:rsidP="00156FB3"/>
          <w:p w:rsidR="00156FB3" w:rsidRDefault="00156FB3" w:rsidP="00156FB3">
            <w:r>
              <w:t>.lg-toolbar .lg-icon:hover {</w:t>
            </w:r>
          </w:p>
          <w:p w:rsidR="00156FB3" w:rsidRDefault="00156FB3" w:rsidP="00156FB3">
            <w:r>
              <w:t xml:space="preserve">    color: #FFF;</w:t>
            </w:r>
          </w:p>
          <w:p w:rsidR="00156FB3" w:rsidRDefault="00156FB3" w:rsidP="00156FB3">
            <w:r>
              <w:t>}</w:t>
            </w:r>
          </w:p>
          <w:p w:rsidR="00156FB3" w:rsidRDefault="00156FB3" w:rsidP="00156FB3"/>
          <w:p w:rsidR="00156FB3" w:rsidRDefault="00156FB3" w:rsidP="00156FB3">
            <w:r>
              <w:t>.lg-toolbar .lg-close:after {</w:t>
            </w:r>
          </w:p>
          <w:p w:rsidR="00156FB3" w:rsidRDefault="00156FB3" w:rsidP="00156FB3">
            <w:r>
              <w:t xml:space="preserve">    content: "\e070";</w:t>
            </w:r>
          </w:p>
          <w:p w:rsidR="00156FB3" w:rsidRDefault="00156FB3" w:rsidP="00156FB3">
            <w:r>
              <w:t>}</w:t>
            </w:r>
          </w:p>
          <w:p w:rsidR="00156FB3" w:rsidRDefault="00156FB3" w:rsidP="00156FB3"/>
          <w:p w:rsidR="00156FB3" w:rsidRDefault="00156FB3" w:rsidP="00156FB3">
            <w:r>
              <w:t>.lg-toolbar .lg-download:after {</w:t>
            </w:r>
          </w:p>
          <w:p w:rsidR="00156FB3" w:rsidRDefault="00156FB3" w:rsidP="00156FB3">
            <w:r>
              <w:t xml:space="preserve">    content: "\e0f2";</w:t>
            </w:r>
          </w:p>
          <w:p w:rsidR="00156FB3" w:rsidRDefault="00156FB3" w:rsidP="00156FB3">
            <w:r>
              <w:t>}</w:t>
            </w:r>
          </w:p>
          <w:p w:rsidR="00156FB3" w:rsidRDefault="00156FB3" w:rsidP="00156FB3"/>
          <w:p w:rsidR="00156FB3" w:rsidRDefault="00156FB3" w:rsidP="00156FB3">
            <w:r>
              <w:t>.lg-sub-html {</w:t>
            </w:r>
          </w:p>
          <w:p w:rsidR="00156FB3" w:rsidRDefault="00156FB3" w:rsidP="00156FB3">
            <w:r>
              <w:t xml:space="preserve">    background-color: rgba(0, 0, 0, 0.45);</w:t>
            </w:r>
          </w:p>
          <w:p w:rsidR="00156FB3" w:rsidRDefault="00156FB3" w:rsidP="00156FB3">
            <w:r>
              <w:t xml:space="preserve">    bottom: 0;</w:t>
            </w:r>
          </w:p>
          <w:p w:rsidR="00156FB3" w:rsidRDefault="00156FB3" w:rsidP="00156FB3">
            <w:r>
              <w:t xml:space="preserve">    color: #EEE;</w:t>
            </w:r>
          </w:p>
          <w:p w:rsidR="00156FB3" w:rsidRDefault="00156FB3" w:rsidP="00156FB3">
            <w:r>
              <w:t xml:space="preserve">    font-size: 16px;</w:t>
            </w:r>
          </w:p>
          <w:p w:rsidR="00156FB3" w:rsidRDefault="00156FB3" w:rsidP="00156FB3">
            <w:r>
              <w:t xml:space="preserve">    left: 0;</w:t>
            </w:r>
          </w:p>
          <w:p w:rsidR="00156FB3" w:rsidRDefault="00156FB3" w:rsidP="00156FB3">
            <w:r>
              <w:t xml:space="preserve">    padding: 10px 40px;</w:t>
            </w:r>
          </w:p>
          <w:p w:rsidR="00156FB3" w:rsidRDefault="00156FB3" w:rsidP="00156FB3">
            <w:r>
              <w:t xml:space="preserve">    position: fixed;</w:t>
            </w:r>
          </w:p>
          <w:p w:rsidR="00156FB3" w:rsidRDefault="00156FB3" w:rsidP="00156FB3">
            <w:r>
              <w:lastRenderedPageBreak/>
              <w:t xml:space="preserve">    right: 0;</w:t>
            </w:r>
          </w:p>
          <w:p w:rsidR="00156FB3" w:rsidRDefault="00156FB3" w:rsidP="00156FB3">
            <w:r>
              <w:t xml:space="preserve">    text-align: center;</w:t>
            </w:r>
          </w:p>
          <w:p w:rsidR="00156FB3" w:rsidRDefault="00156FB3" w:rsidP="00156FB3">
            <w:r>
              <w:t xml:space="preserve">    z-index: 1080;</w:t>
            </w:r>
          </w:p>
          <w:p w:rsidR="00156FB3" w:rsidRDefault="00156FB3" w:rsidP="00156FB3">
            <w:r>
              <w:t>}</w:t>
            </w:r>
          </w:p>
          <w:p w:rsidR="00156FB3" w:rsidRDefault="00156FB3" w:rsidP="00156FB3"/>
          <w:p w:rsidR="00156FB3" w:rsidRDefault="00156FB3" w:rsidP="00156FB3">
            <w:r>
              <w:t>.lg-sub-html h4 {</w:t>
            </w:r>
          </w:p>
          <w:p w:rsidR="00156FB3" w:rsidRDefault="00156FB3" w:rsidP="00156FB3">
            <w:r>
              <w:t xml:space="preserve">    margin: 0;</w:t>
            </w:r>
          </w:p>
          <w:p w:rsidR="00156FB3" w:rsidRDefault="00156FB3" w:rsidP="00156FB3">
            <w:r>
              <w:t xml:space="preserve">    font-size: 13px;</w:t>
            </w:r>
          </w:p>
          <w:p w:rsidR="00156FB3" w:rsidRDefault="00156FB3" w:rsidP="00156FB3">
            <w:r>
              <w:t xml:space="preserve">    font-weight: bold;</w:t>
            </w:r>
          </w:p>
          <w:p w:rsidR="00156FB3" w:rsidRDefault="00156FB3" w:rsidP="00156FB3">
            <w:r>
              <w:t>}</w:t>
            </w:r>
          </w:p>
          <w:p w:rsidR="00156FB3" w:rsidRDefault="00156FB3" w:rsidP="00156FB3"/>
          <w:p w:rsidR="00156FB3" w:rsidRDefault="00156FB3" w:rsidP="00156FB3">
            <w:r>
              <w:t>.lg-sub-html p {</w:t>
            </w:r>
          </w:p>
          <w:p w:rsidR="00156FB3" w:rsidRDefault="00156FB3" w:rsidP="00156FB3">
            <w:r>
              <w:t xml:space="preserve">    font-size: 12px;</w:t>
            </w:r>
          </w:p>
          <w:p w:rsidR="00156FB3" w:rsidRDefault="00156FB3" w:rsidP="00156FB3">
            <w:r>
              <w:t xml:space="preserve">    margin: 5px 0 0;</w:t>
            </w:r>
          </w:p>
          <w:p w:rsidR="00156FB3" w:rsidRDefault="00156FB3" w:rsidP="00156FB3">
            <w:r>
              <w:t>}</w:t>
            </w:r>
          </w:p>
          <w:p w:rsidR="00156FB3" w:rsidRDefault="00156FB3" w:rsidP="00156FB3"/>
          <w:p w:rsidR="00156FB3" w:rsidRDefault="00156FB3" w:rsidP="00156FB3">
            <w:r>
              <w:t>#lg-counter {</w:t>
            </w:r>
          </w:p>
          <w:p w:rsidR="00156FB3" w:rsidRDefault="00156FB3" w:rsidP="00156FB3">
            <w:r>
              <w:t xml:space="preserve">    color: #999;</w:t>
            </w:r>
          </w:p>
          <w:p w:rsidR="00156FB3" w:rsidRDefault="00156FB3" w:rsidP="00156FB3">
            <w:r>
              <w:t xml:space="preserve">    display: inline-block;</w:t>
            </w:r>
          </w:p>
          <w:p w:rsidR="00156FB3" w:rsidRDefault="00156FB3" w:rsidP="00156FB3">
            <w:r>
              <w:t xml:space="preserve">    font-size: 16px;</w:t>
            </w:r>
          </w:p>
          <w:p w:rsidR="00156FB3" w:rsidRDefault="00156FB3" w:rsidP="00156FB3">
            <w:r>
              <w:t xml:space="preserve">    padding-left: 20px;</w:t>
            </w:r>
          </w:p>
          <w:p w:rsidR="00156FB3" w:rsidRDefault="00156FB3" w:rsidP="00156FB3">
            <w:r>
              <w:t xml:space="preserve">    padding-top: 12px;</w:t>
            </w:r>
          </w:p>
          <w:p w:rsidR="00156FB3" w:rsidRDefault="00156FB3" w:rsidP="00156FB3">
            <w:r>
              <w:t xml:space="preserve">    vertical-align: middle;</w:t>
            </w:r>
          </w:p>
          <w:p w:rsidR="00156FB3" w:rsidRDefault="00156FB3" w:rsidP="00156FB3">
            <w:r>
              <w:t>}</w:t>
            </w:r>
          </w:p>
          <w:p w:rsidR="00156FB3" w:rsidRDefault="00156FB3" w:rsidP="00156FB3"/>
          <w:p w:rsidR="00156FB3" w:rsidRDefault="00156FB3" w:rsidP="00156FB3">
            <w:r>
              <w:t>.lg-toolbar, .lg-prev, .lg-next {</w:t>
            </w:r>
          </w:p>
          <w:p w:rsidR="00156FB3" w:rsidRDefault="00156FB3" w:rsidP="00156FB3">
            <w:r>
              <w:t xml:space="preserve">    opacity: 1;</w:t>
            </w:r>
          </w:p>
          <w:p w:rsidR="00156FB3" w:rsidRDefault="00156FB3" w:rsidP="00156FB3">
            <w:r>
              <w:t xml:space="preserve">    -webkit-transition: -webkit-transform 0.35s cubic-bezier(0, 0, 0.25, 1) 0s, opacity 0.35s cubic-bezier(0, 0, 0.25, 1) 0s, color 0.2s linear;</w:t>
            </w:r>
          </w:p>
          <w:p w:rsidR="00156FB3" w:rsidRDefault="00156FB3" w:rsidP="00156FB3">
            <w:r>
              <w:t xml:space="preserve">    -moz-transition: -moz-transform 0.35s cubic-bezier(0, 0, 0.25, 1) 0s, opacity 0.35s cubic-bezier(0, 0, 0.25, 1) 0s, color 0.2s linear;</w:t>
            </w:r>
          </w:p>
          <w:p w:rsidR="00156FB3" w:rsidRDefault="00156FB3" w:rsidP="00156FB3">
            <w:r>
              <w:t xml:space="preserve">    -o-transition: -o-transform 0.35s cubic-bezier(0, 0, 0.25, 1) 0s, opacity 0.35s cubic-bezier(0, 0, 0.25, 1) 0s, color 0.2s linear;</w:t>
            </w:r>
          </w:p>
          <w:p w:rsidR="00156FB3" w:rsidRDefault="00156FB3" w:rsidP="00156FB3">
            <w:r>
              <w:t xml:space="preserve">    transition: transform 0.35s cubic-bezier(0, 0, 0.25, 1) 0s, opacity 0.35s cubic-bezier(0, 0, 0.25, 1) 0s, color 0.2s linear;</w:t>
            </w:r>
          </w:p>
          <w:p w:rsidR="00156FB3" w:rsidRDefault="00156FB3" w:rsidP="00156FB3">
            <w:r>
              <w:t>}</w:t>
            </w:r>
          </w:p>
          <w:p w:rsidR="00156FB3" w:rsidRDefault="00156FB3" w:rsidP="00156FB3"/>
          <w:p w:rsidR="00156FB3" w:rsidRDefault="00156FB3" w:rsidP="00156FB3">
            <w:r>
              <w:t>.lg-hide-items .lg-prev {</w:t>
            </w:r>
          </w:p>
          <w:p w:rsidR="00156FB3" w:rsidRDefault="00156FB3" w:rsidP="00156FB3">
            <w:r>
              <w:t xml:space="preserve">    opacity: 0;</w:t>
            </w:r>
          </w:p>
          <w:p w:rsidR="00156FB3" w:rsidRDefault="00156FB3" w:rsidP="00156FB3">
            <w:r>
              <w:t xml:space="preserve">    -webkit-transform: translate3d(-10px, 0, 0);</w:t>
            </w:r>
          </w:p>
          <w:p w:rsidR="00156FB3" w:rsidRDefault="00156FB3" w:rsidP="00156FB3">
            <w:r>
              <w:t xml:space="preserve">    transform: translate3d(-10px, 0, 0);</w:t>
            </w:r>
          </w:p>
          <w:p w:rsidR="00156FB3" w:rsidRDefault="00156FB3" w:rsidP="00156FB3">
            <w:r>
              <w:t>}</w:t>
            </w:r>
          </w:p>
          <w:p w:rsidR="00156FB3" w:rsidRDefault="00156FB3" w:rsidP="00156FB3"/>
          <w:p w:rsidR="00156FB3" w:rsidRDefault="00156FB3" w:rsidP="00156FB3">
            <w:r>
              <w:t>.lg-hide-items .lg-next {</w:t>
            </w:r>
          </w:p>
          <w:p w:rsidR="00156FB3" w:rsidRDefault="00156FB3" w:rsidP="00156FB3">
            <w:r>
              <w:t xml:space="preserve">    opacity: 0;</w:t>
            </w:r>
          </w:p>
          <w:p w:rsidR="00156FB3" w:rsidRDefault="00156FB3" w:rsidP="00156FB3">
            <w:r>
              <w:t xml:space="preserve">    -webkit-transform: translate3d(10px, 0, 0);</w:t>
            </w:r>
          </w:p>
          <w:p w:rsidR="00156FB3" w:rsidRDefault="00156FB3" w:rsidP="00156FB3">
            <w:r>
              <w:t xml:space="preserve">    transform: translate3d(10px, 0, 0);</w:t>
            </w:r>
          </w:p>
          <w:p w:rsidR="00156FB3" w:rsidRDefault="00156FB3" w:rsidP="00156FB3">
            <w:r>
              <w:t>}</w:t>
            </w:r>
          </w:p>
          <w:p w:rsidR="00156FB3" w:rsidRDefault="00156FB3" w:rsidP="00156FB3"/>
          <w:p w:rsidR="00156FB3" w:rsidRDefault="00156FB3" w:rsidP="00156FB3">
            <w:r>
              <w:t>.lg-hide-items .lg-toolbar {</w:t>
            </w:r>
          </w:p>
          <w:p w:rsidR="00156FB3" w:rsidRDefault="00156FB3" w:rsidP="00156FB3">
            <w:r>
              <w:t xml:space="preserve">    opacity: 0;</w:t>
            </w:r>
          </w:p>
          <w:p w:rsidR="00156FB3" w:rsidRDefault="00156FB3" w:rsidP="00156FB3">
            <w:r>
              <w:t xml:space="preserve">    -webkit-transform: translate3d(0, -10px, 0);</w:t>
            </w:r>
          </w:p>
          <w:p w:rsidR="00156FB3" w:rsidRDefault="00156FB3" w:rsidP="00156FB3">
            <w:r>
              <w:t xml:space="preserve">    transform: translate3d(0, -10px, 0);</w:t>
            </w:r>
          </w:p>
          <w:p w:rsidR="00156FB3" w:rsidRDefault="00156FB3" w:rsidP="00156FB3">
            <w:r>
              <w:t>}</w:t>
            </w:r>
          </w:p>
          <w:p w:rsidR="00156FB3" w:rsidRDefault="00156FB3" w:rsidP="00156FB3"/>
          <w:p w:rsidR="00156FB3" w:rsidRDefault="00156FB3" w:rsidP="00156FB3">
            <w:r>
              <w:t>body:not(.lg-from-hash) .lg-outer.lg-start-zoom .lg-object {</w:t>
            </w:r>
          </w:p>
          <w:p w:rsidR="00156FB3" w:rsidRDefault="00156FB3" w:rsidP="00156FB3">
            <w:r>
              <w:t xml:space="preserve">    -webkit-transform: scale3d(0.5, 0.5, 0.5);</w:t>
            </w:r>
          </w:p>
          <w:p w:rsidR="00156FB3" w:rsidRDefault="00156FB3" w:rsidP="00156FB3">
            <w:r>
              <w:t xml:space="preserve">    transform: scale3d(0.5, 0.5, 0.5);</w:t>
            </w:r>
          </w:p>
          <w:p w:rsidR="00156FB3" w:rsidRDefault="00156FB3" w:rsidP="00156FB3">
            <w:r>
              <w:t xml:space="preserve">    opacity: 0;</w:t>
            </w:r>
          </w:p>
          <w:p w:rsidR="00156FB3" w:rsidRDefault="00156FB3" w:rsidP="00156FB3">
            <w:r>
              <w:t xml:space="preserve">    -webkit-transition: -webkit-transform 250ms cubic-bezier(0, 0, 0.25, 1) 0s, opacity 250ms cubic-bezier(0, 0, 0.25, 1) !important;</w:t>
            </w:r>
          </w:p>
          <w:p w:rsidR="00156FB3" w:rsidRDefault="00156FB3" w:rsidP="00156FB3">
            <w:r>
              <w:t xml:space="preserve">    -moz-transition: -moz-transform 250ms cubic-bezier(0, 0, 0.25, 1) 0s, opacity 250ms cubic-bezier(0, 0, 0.25, 1) !important;</w:t>
            </w:r>
          </w:p>
          <w:p w:rsidR="00156FB3" w:rsidRDefault="00156FB3" w:rsidP="00156FB3">
            <w:r>
              <w:t xml:space="preserve">    -o-transition: -o-transform 250ms cubic-bezier(0, 0, 0.25, 1) 0s, opacity 250ms cubic-bezier(0, 0, 0.25, 1) !important;</w:t>
            </w:r>
          </w:p>
          <w:p w:rsidR="00156FB3" w:rsidRDefault="00156FB3" w:rsidP="00156FB3">
            <w:r>
              <w:t xml:space="preserve">    transition: transform 250ms cubic-bezier(0, 0, 0.25, 1) 0s, opacity 250ms cubic-bezier(0, 0, 0.25, 1) !important;</w:t>
            </w:r>
          </w:p>
          <w:p w:rsidR="00156FB3" w:rsidRDefault="00156FB3" w:rsidP="00156FB3">
            <w:r>
              <w:t xml:space="preserve">    -webkit-transform-origin: 50% 50%;</w:t>
            </w:r>
          </w:p>
          <w:p w:rsidR="00156FB3" w:rsidRDefault="00156FB3" w:rsidP="00156FB3">
            <w:r>
              <w:t xml:space="preserve">    -moz-transform-origin: 50% 50%;</w:t>
            </w:r>
          </w:p>
          <w:p w:rsidR="00156FB3" w:rsidRDefault="00156FB3" w:rsidP="00156FB3">
            <w:r>
              <w:t xml:space="preserve">    -ms-transform-origin: 50% 50%;</w:t>
            </w:r>
          </w:p>
          <w:p w:rsidR="00156FB3" w:rsidRDefault="00156FB3" w:rsidP="00156FB3">
            <w:r>
              <w:t xml:space="preserve">    transform-origin: 50% 50%;</w:t>
            </w:r>
          </w:p>
          <w:p w:rsidR="00156FB3" w:rsidRDefault="00156FB3" w:rsidP="00156FB3">
            <w:r>
              <w:t>}</w:t>
            </w:r>
          </w:p>
          <w:p w:rsidR="00156FB3" w:rsidRDefault="00156FB3" w:rsidP="00156FB3"/>
          <w:p w:rsidR="00156FB3" w:rsidRDefault="00156FB3" w:rsidP="00156FB3">
            <w:r>
              <w:t>body:not(.lg-from-hash) .lg-outer.lg-start-zoom .lg-item.lg-complete .lg-object {</w:t>
            </w:r>
          </w:p>
          <w:p w:rsidR="00156FB3" w:rsidRDefault="00156FB3" w:rsidP="00156FB3">
            <w:r>
              <w:t xml:space="preserve">    -webkit-transform: scale3d(1, 1, 1);</w:t>
            </w:r>
          </w:p>
          <w:p w:rsidR="00156FB3" w:rsidRDefault="00156FB3" w:rsidP="00156FB3">
            <w:r>
              <w:t xml:space="preserve">    transform: scale3d(1, 1, 1);</w:t>
            </w:r>
          </w:p>
          <w:p w:rsidR="00156FB3" w:rsidRDefault="00156FB3" w:rsidP="00156FB3">
            <w:r>
              <w:t xml:space="preserve">    opacity: 1;</w:t>
            </w:r>
          </w:p>
          <w:p w:rsidR="00156FB3" w:rsidRDefault="00156FB3" w:rsidP="00156FB3">
            <w:r>
              <w:t>}</w:t>
            </w:r>
          </w:p>
          <w:p w:rsidR="00156FB3" w:rsidRDefault="00156FB3" w:rsidP="00156FB3"/>
          <w:p w:rsidR="00156FB3" w:rsidRDefault="00156FB3" w:rsidP="00156FB3">
            <w:r>
              <w:t>.lg-outer .lg-thumb-outer {</w:t>
            </w:r>
          </w:p>
          <w:p w:rsidR="00156FB3" w:rsidRDefault="00156FB3" w:rsidP="00156FB3">
            <w:r>
              <w:t xml:space="preserve">    background-color: #0D0A0A;</w:t>
            </w:r>
          </w:p>
          <w:p w:rsidR="00156FB3" w:rsidRDefault="00156FB3" w:rsidP="00156FB3">
            <w:r>
              <w:t xml:space="preserve">    bottom: 0;</w:t>
            </w:r>
          </w:p>
          <w:p w:rsidR="00156FB3" w:rsidRDefault="00156FB3" w:rsidP="00156FB3">
            <w:r>
              <w:t xml:space="preserve">    position: absolute;</w:t>
            </w:r>
          </w:p>
          <w:p w:rsidR="00156FB3" w:rsidRDefault="00156FB3" w:rsidP="00156FB3">
            <w:r>
              <w:t xml:space="preserve">    width: 100%;</w:t>
            </w:r>
          </w:p>
          <w:p w:rsidR="00156FB3" w:rsidRDefault="00156FB3" w:rsidP="00156FB3">
            <w:r>
              <w:t xml:space="preserve">    z-index: 1080;</w:t>
            </w:r>
          </w:p>
          <w:p w:rsidR="00156FB3" w:rsidRDefault="00156FB3" w:rsidP="00156FB3">
            <w:r>
              <w:t xml:space="preserve">    max-height: 350px;</w:t>
            </w:r>
          </w:p>
          <w:p w:rsidR="00156FB3" w:rsidRDefault="00156FB3" w:rsidP="00156FB3">
            <w:r>
              <w:t xml:space="preserve">    -webkit-transform: translate3d(0, 100%, 0);</w:t>
            </w:r>
          </w:p>
          <w:p w:rsidR="00156FB3" w:rsidRDefault="00156FB3" w:rsidP="00156FB3">
            <w:r>
              <w:t xml:space="preserve">    transform: translate3d(0, 100%, 0);</w:t>
            </w:r>
          </w:p>
          <w:p w:rsidR="00156FB3" w:rsidRDefault="00156FB3" w:rsidP="00156FB3">
            <w:r>
              <w:t xml:space="preserve">    -webkit-transition: -webkit-transform 0.25s cubic-bezier(0, 0, 0.25, 1) 0s;</w:t>
            </w:r>
          </w:p>
          <w:p w:rsidR="00156FB3" w:rsidRDefault="00156FB3" w:rsidP="00156FB3">
            <w:r>
              <w:t xml:space="preserve">    -moz-transition: -moz-transform 0.25s cubic-bezier(0, 0, 0.25, 1) 0s;</w:t>
            </w:r>
          </w:p>
          <w:p w:rsidR="00156FB3" w:rsidRDefault="00156FB3" w:rsidP="00156FB3">
            <w:r>
              <w:t xml:space="preserve">    -o-transition: -o-transform 0.25s cubic-bezier(0, 0, 0.25, 1) 0s;</w:t>
            </w:r>
          </w:p>
          <w:p w:rsidR="00156FB3" w:rsidRDefault="00156FB3" w:rsidP="00156FB3">
            <w:r>
              <w:t xml:space="preserve">    transition: transform 0.25s cubic-bezier(0, 0, 0.25, 1) 0s;</w:t>
            </w:r>
          </w:p>
          <w:p w:rsidR="00156FB3" w:rsidRDefault="00156FB3" w:rsidP="00156FB3">
            <w:r>
              <w:t>}</w:t>
            </w:r>
          </w:p>
          <w:p w:rsidR="00156FB3" w:rsidRDefault="00156FB3" w:rsidP="00156FB3"/>
          <w:p w:rsidR="00156FB3" w:rsidRDefault="00156FB3" w:rsidP="00156FB3">
            <w:r>
              <w:t>.lg-outer .lg-thumb-outer.lg-grab .lg-thumb-item {</w:t>
            </w:r>
          </w:p>
          <w:p w:rsidR="00156FB3" w:rsidRDefault="00156FB3" w:rsidP="00156FB3">
            <w:r>
              <w:t xml:space="preserve">    cursor: -webkit-grab;</w:t>
            </w:r>
          </w:p>
          <w:p w:rsidR="00156FB3" w:rsidRDefault="00156FB3" w:rsidP="00156FB3">
            <w:r>
              <w:lastRenderedPageBreak/>
              <w:t xml:space="preserve">    cursor: -moz-grab;</w:t>
            </w:r>
          </w:p>
          <w:p w:rsidR="00156FB3" w:rsidRDefault="00156FB3" w:rsidP="00156FB3">
            <w:r>
              <w:t xml:space="preserve">    cursor: -o-grab;</w:t>
            </w:r>
          </w:p>
          <w:p w:rsidR="00156FB3" w:rsidRDefault="00156FB3" w:rsidP="00156FB3">
            <w:r>
              <w:t xml:space="preserve">    cursor: -ms-grab;</w:t>
            </w:r>
          </w:p>
          <w:p w:rsidR="00156FB3" w:rsidRDefault="00156FB3" w:rsidP="00156FB3">
            <w:r>
              <w:t xml:space="preserve">    cursor: grab;</w:t>
            </w:r>
          </w:p>
          <w:p w:rsidR="00156FB3" w:rsidRDefault="00156FB3" w:rsidP="00156FB3">
            <w:r>
              <w:t>}</w:t>
            </w:r>
          </w:p>
          <w:p w:rsidR="00156FB3" w:rsidRDefault="00156FB3" w:rsidP="00156FB3"/>
          <w:p w:rsidR="00156FB3" w:rsidRDefault="00156FB3" w:rsidP="00156FB3">
            <w:r>
              <w:t>.lg-outer .lg-thumb-outer.lg-grabbing .lg-thumb-item {</w:t>
            </w:r>
          </w:p>
          <w:p w:rsidR="00156FB3" w:rsidRDefault="00156FB3" w:rsidP="00156FB3">
            <w:r>
              <w:t xml:space="preserve">    cursor: move;</w:t>
            </w:r>
          </w:p>
          <w:p w:rsidR="00156FB3" w:rsidRDefault="00156FB3" w:rsidP="00156FB3">
            <w:r>
              <w:t xml:space="preserve">    cursor: -webkit-grabbing;</w:t>
            </w:r>
          </w:p>
          <w:p w:rsidR="00156FB3" w:rsidRDefault="00156FB3" w:rsidP="00156FB3">
            <w:r>
              <w:t xml:space="preserve">    cursor: -moz-grabbing;</w:t>
            </w:r>
          </w:p>
          <w:p w:rsidR="00156FB3" w:rsidRDefault="00156FB3" w:rsidP="00156FB3">
            <w:r>
              <w:t xml:space="preserve">    cursor: -o-grabbing;</w:t>
            </w:r>
          </w:p>
          <w:p w:rsidR="00156FB3" w:rsidRDefault="00156FB3" w:rsidP="00156FB3">
            <w:r>
              <w:t xml:space="preserve">    cursor: -ms-grabbing;</w:t>
            </w:r>
          </w:p>
          <w:p w:rsidR="00156FB3" w:rsidRDefault="00156FB3" w:rsidP="00156FB3">
            <w:r>
              <w:t xml:space="preserve">    cursor: grabbing;</w:t>
            </w:r>
          </w:p>
          <w:p w:rsidR="00156FB3" w:rsidRDefault="00156FB3" w:rsidP="00156FB3">
            <w:r>
              <w:t>}</w:t>
            </w:r>
          </w:p>
          <w:p w:rsidR="00156FB3" w:rsidRDefault="00156FB3" w:rsidP="00156FB3"/>
          <w:p w:rsidR="00156FB3" w:rsidRDefault="00156FB3" w:rsidP="00156FB3">
            <w:r>
              <w:t>.lg-outer .lg-thumb-outer.lg-dragging .lg-thumb {</w:t>
            </w:r>
          </w:p>
          <w:p w:rsidR="00156FB3" w:rsidRDefault="00156FB3" w:rsidP="00156FB3">
            <w:r>
              <w:t xml:space="preserve">    -webkit-transition-duration: 0s !important;</w:t>
            </w:r>
          </w:p>
          <w:p w:rsidR="00156FB3" w:rsidRDefault="00156FB3" w:rsidP="00156FB3">
            <w:r>
              <w:t xml:space="preserve">    transition-duration: 0s !important;</w:t>
            </w:r>
          </w:p>
          <w:p w:rsidR="00156FB3" w:rsidRDefault="00156FB3" w:rsidP="00156FB3">
            <w:r>
              <w:t>}</w:t>
            </w:r>
          </w:p>
          <w:p w:rsidR="00156FB3" w:rsidRDefault="00156FB3" w:rsidP="00156FB3"/>
          <w:p w:rsidR="00156FB3" w:rsidRDefault="00156FB3" w:rsidP="00156FB3">
            <w:r>
              <w:t>.lg-outer.lg-thumb-open .lg-thumb-outer {</w:t>
            </w:r>
          </w:p>
          <w:p w:rsidR="00156FB3" w:rsidRDefault="00156FB3" w:rsidP="00156FB3">
            <w:r>
              <w:t xml:space="preserve">    -webkit-transform: translate3d(0, 0%, 0);</w:t>
            </w:r>
          </w:p>
          <w:p w:rsidR="00156FB3" w:rsidRDefault="00156FB3" w:rsidP="00156FB3">
            <w:r>
              <w:t xml:space="preserve">    transform: translate3d(0, 0%, 0);</w:t>
            </w:r>
          </w:p>
          <w:p w:rsidR="00156FB3" w:rsidRDefault="00156FB3" w:rsidP="00156FB3">
            <w:r>
              <w:t>}</w:t>
            </w:r>
          </w:p>
          <w:p w:rsidR="00156FB3" w:rsidRDefault="00156FB3" w:rsidP="00156FB3"/>
          <w:p w:rsidR="00156FB3" w:rsidRDefault="00156FB3" w:rsidP="00156FB3">
            <w:r>
              <w:t>.lg-outer .lg-thumb {</w:t>
            </w:r>
          </w:p>
          <w:p w:rsidR="00156FB3" w:rsidRDefault="00156FB3" w:rsidP="00156FB3">
            <w:r>
              <w:t xml:space="preserve">    padding: 10px 0;</w:t>
            </w:r>
          </w:p>
          <w:p w:rsidR="00156FB3" w:rsidRDefault="00156FB3" w:rsidP="00156FB3">
            <w:r>
              <w:t xml:space="preserve">    height: 100%;</w:t>
            </w:r>
          </w:p>
          <w:p w:rsidR="00156FB3" w:rsidRDefault="00156FB3" w:rsidP="00156FB3">
            <w:r>
              <w:t xml:space="preserve">    margin-bottom: -5px;</w:t>
            </w:r>
          </w:p>
          <w:p w:rsidR="00156FB3" w:rsidRDefault="00156FB3" w:rsidP="00156FB3">
            <w:r>
              <w:t>}</w:t>
            </w:r>
          </w:p>
          <w:p w:rsidR="00156FB3" w:rsidRDefault="00156FB3" w:rsidP="00156FB3"/>
          <w:p w:rsidR="00156FB3" w:rsidRDefault="00156FB3" w:rsidP="00156FB3">
            <w:r>
              <w:t>.lg-outer .lg-thumb-item {</w:t>
            </w:r>
          </w:p>
          <w:p w:rsidR="00156FB3" w:rsidRDefault="00156FB3" w:rsidP="00156FB3">
            <w:r>
              <w:t xml:space="preserve">    border-radius: 5px;</w:t>
            </w:r>
          </w:p>
          <w:p w:rsidR="00156FB3" w:rsidRDefault="00156FB3" w:rsidP="00156FB3">
            <w:r>
              <w:t xml:space="preserve">    cursor: pointer;</w:t>
            </w:r>
          </w:p>
          <w:p w:rsidR="00156FB3" w:rsidRDefault="00156FB3" w:rsidP="00156FB3">
            <w:r>
              <w:t xml:space="preserve">    float: left;</w:t>
            </w:r>
          </w:p>
          <w:p w:rsidR="00156FB3" w:rsidRDefault="00156FB3" w:rsidP="00156FB3">
            <w:r>
              <w:t xml:space="preserve">    overflow: hidden;</w:t>
            </w:r>
          </w:p>
          <w:p w:rsidR="00156FB3" w:rsidRDefault="00156FB3" w:rsidP="00156FB3">
            <w:r>
              <w:t xml:space="preserve">    height: 100%;</w:t>
            </w:r>
          </w:p>
          <w:p w:rsidR="00156FB3" w:rsidRDefault="00156FB3" w:rsidP="00156FB3">
            <w:r>
              <w:t xml:space="preserve">    border: 2px solid #FFF;</w:t>
            </w:r>
          </w:p>
          <w:p w:rsidR="00156FB3" w:rsidRDefault="00156FB3" w:rsidP="00156FB3">
            <w:r>
              <w:t xml:space="preserve">    border-radius: 4px;</w:t>
            </w:r>
          </w:p>
          <w:p w:rsidR="00156FB3" w:rsidRDefault="00156FB3" w:rsidP="00156FB3">
            <w:r>
              <w:t xml:space="preserve">    margin-bottom: 5px;</w:t>
            </w:r>
          </w:p>
          <w:p w:rsidR="00156FB3" w:rsidRDefault="00156FB3" w:rsidP="00156FB3">
            <w:r>
              <w:t>}</w:t>
            </w:r>
          </w:p>
          <w:p w:rsidR="00156FB3" w:rsidRDefault="00156FB3" w:rsidP="00156FB3"/>
          <w:p w:rsidR="00156FB3" w:rsidRDefault="00156FB3" w:rsidP="00156FB3">
            <w:r>
              <w:t>@media (min-width: 1025px) {</w:t>
            </w:r>
          </w:p>
          <w:p w:rsidR="00156FB3" w:rsidRDefault="00156FB3" w:rsidP="00156FB3">
            <w:r>
              <w:t xml:space="preserve">    .lg-outer .lg-thumb-item {</w:t>
            </w:r>
          </w:p>
          <w:p w:rsidR="00156FB3" w:rsidRDefault="00156FB3" w:rsidP="00156FB3">
            <w:r>
              <w:t xml:space="preserve">        -webkit-transition: border-color 0.25s ease;</w:t>
            </w:r>
          </w:p>
          <w:p w:rsidR="00156FB3" w:rsidRDefault="00156FB3" w:rsidP="00156FB3">
            <w:r>
              <w:t xml:space="preserve">        -o-transition: border-color 0.25s ease;</w:t>
            </w:r>
          </w:p>
          <w:p w:rsidR="00156FB3" w:rsidRDefault="00156FB3" w:rsidP="00156FB3">
            <w:r>
              <w:t xml:space="preserve">        transition: border-color 0.25s ease;</w:t>
            </w:r>
          </w:p>
          <w:p w:rsidR="00156FB3" w:rsidRDefault="00156FB3" w:rsidP="00156FB3">
            <w:r>
              <w:t xml:space="preserve">    }</w:t>
            </w:r>
          </w:p>
          <w:p w:rsidR="00156FB3" w:rsidRDefault="00156FB3" w:rsidP="00156FB3">
            <w:r>
              <w:lastRenderedPageBreak/>
              <w:t>}</w:t>
            </w:r>
          </w:p>
          <w:p w:rsidR="00156FB3" w:rsidRDefault="00156FB3" w:rsidP="00156FB3"/>
          <w:p w:rsidR="00156FB3" w:rsidRDefault="00156FB3" w:rsidP="00156FB3">
            <w:r>
              <w:t>.lg-outer .lg-thumb-item.active, .lg-outer .lg-thumb-item:hover {</w:t>
            </w:r>
          </w:p>
          <w:p w:rsidR="00156FB3" w:rsidRDefault="00156FB3" w:rsidP="00156FB3">
            <w:r>
              <w:t xml:space="preserve">    border-color: #a90707;</w:t>
            </w:r>
          </w:p>
          <w:p w:rsidR="00156FB3" w:rsidRDefault="00156FB3" w:rsidP="00156FB3">
            <w:r>
              <w:t>}</w:t>
            </w:r>
          </w:p>
          <w:p w:rsidR="00156FB3" w:rsidRDefault="00156FB3" w:rsidP="00156FB3"/>
          <w:p w:rsidR="00156FB3" w:rsidRDefault="00156FB3" w:rsidP="00156FB3">
            <w:r>
              <w:t>.lg-outer .lg-thumb-item img {</w:t>
            </w:r>
          </w:p>
          <w:p w:rsidR="00156FB3" w:rsidRDefault="00156FB3" w:rsidP="00156FB3">
            <w:r>
              <w:t xml:space="preserve">    width: 100%;</w:t>
            </w:r>
          </w:p>
          <w:p w:rsidR="00156FB3" w:rsidRDefault="00156FB3" w:rsidP="00156FB3">
            <w:r>
              <w:t xml:space="preserve">    height: 100%;</w:t>
            </w:r>
          </w:p>
          <w:p w:rsidR="00156FB3" w:rsidRDefault="00156FB3" w:rsidP="00156FB3">
            <w:r>
              <w:t xml:space="preserve">    object-fit: cover;</w:t>
            </w:r>
          </w:p>
          <w:p w:rsidR="00156FB3" w:rsidRDefault="00156FB3" w:rsidP="00156FB3">
            <w:r>
              <w:t>}</w:t>
            </w:r>
          </w:p>
          <w:p w:rsidR="00156FB3" w:rsidRDefault="00156FB3" w:rsidP="00156FB3"/>
          <w:p w:rsidR="00156FB3" w:rsidRDefault="00156FB3" w:rsidP="00156FB3">
            <w:r>
              <w:t>.lg-outer.lg-has-thumb .lg-item {</w:t>
            </w:r>
          </w:p>
          <w:p w:rsidR="00156FB3" w:rsidRDefault="00156FB3" w:rsidP="00156FB3">
            <w:r>
              <w:t xml:space="preserve">    padding-bottom: 120px;</w:t>
            </w:r>
          </w:p>
          <w:p w:rsidR="00156FB3" w:rsidRDefault="00156FB3" w:rsidP="00156FB3">
            <w:r>
              <w:t>}</w:t>
            </w:r>
          </w:p>
          <w:p w:rsidR="00156FB3" w:rsidRDefault="00156FB3" w:rsidP="00156FB3"/>
          <w:p w:rsidR="00156FB3" w:rsidRDefault="00156FB3" w:rsidP="00156FB3">
            <w:r>
              <w:t>.lg-outer.lg-can-toggle .lg-item {</w:t>
            </w:r>
          </w:p>
          <w:p w:rsidR="00156FB3" w:rsidRDefault="00156FB3" w:rsidP="00156FB3">
            <w:r>
              <w:t xml:space="preserve">    padding-bottom: 0;</w:t>
            </w:r>
          </w:p>
          <w:p w:rsidR="00156FB3" w:rsidRDefault="00156FB3" w:rsidP="00156FB3">
            <w:r>
              <w:t>}</w:t>
            </w:r>
          </w:p>
          <w:p w:rsidR="00156FB3" w:rsidRDefault="00156FB3" w:rsidP="00156FB3"/>
          <w:p w:rsidR="00156FB3" w:rsidRDefault="00156FB3" w:rsidP="00156FB3">
            <w:r>
              <w:t>.lg-outer.lg-pull-caption-up .lg-sub-html {</w:t>
            </w:r>
          </w:p>
          <w:p w:rsidR="00156FB3" w:rsidRDefault="00156FB3" w:rsidP="00156FB3">
            <w:r>
              <w:t xml:space="preserve">    -webkit-transition: bottom 0.25s ease;</w:t>
            </w:r>
          </w:p>
          <w:p w:rsidR="00156FB3" w:rsidRDefault="00156FB3" w:rsidP="00156FB3">
            <w:r>
              <w:t xml:space="preserve">    -o-transition: bottom 0.25s ease;</w:t>
            </w:r>
          </w:p>
          <w:p w:rsidR="00156FB3" w:rsidRDefault="00156FB3" w:rsidP="00156FB3">
            <w:r>
              <w:t xml:space="preserve">    transition: bottom 0.25s ease;</w:t>
            </w:r>
          </w:p>
          <w:p w:rsidR="00156FB3" w:rsidRDefault="00156FB3" w:rsidP="00156FB3">
            <w:r>
              <w:t>}</w:t>
            </w:r>
          </w:p>
          <w:p w:rsidR="00156FB3" w:rsidRDefault="00156FB3" w:rsidP="00156FB3"/>
          <w:p w:rsidR="00156FB3" w:rsidRDefault="00156FB3" w:rsidP="00156FB3">
            <w:r>
              <w:t>.lg-outer.lg-pull-caption-up.lg-thumb-open .lg-sub-html {</w:t>
            </w:r>
          </w:p>
          <w:p w:rsidR="00156FB3" w:rsidRDefault="00156FB3" w:rsidP="00156FB3">
            <w:r>
              <w:t xml:space="preserve">    bottom: 100px;</w:t>
            </w:r>
          </w:p>
          <w:p w:rsidR="00156FB3" w:rsidRDefault="00156FB3" w:rsidP="00156FB3">
            <w:r>
              <w:t>}</w:t>
            </w:r>
          </w:p>
          <w:p w:rsidR="00156FB3" w:rsidRDefault="00156FB3" w:rsidP="00156FB3"/>
          <w:p w:rsidR="00156FB3" w:rsidRDefault="00156FB3" w:rsidP="00156FB3">
            <w:r>
              <w:t>.lg-outer .lg-toogle-thumb {</w:t>
            </w:r>
          </w:p>
          <w:p w:rsidR="00156FB3" w:rsidRDefault="00156FB3" w:rsidP="00156FB3">
            <w:r>
              <w:t xml:space="preserve">    background-color: #0D0A0A;</w:t>
            </w:r>
          </w:p>
          <w:p w:rsidR="00156FB3" w:rsidRDefault="00156FB3" w:rsidP="00156FB3">
            <w:r>
              <w:t xml:space="preserve">    border-radius: 2px 2px 0 0;</w:t>
            </w:r>
          </w:p>
          <w:p w:rsidR="00156FB3" w:rsidRDefault="00156FB3" w:rsidP="00156FB3">
            <w:r>
              <w:t xml:space="preserve">    color: #999;</w:t>
            </w:r>
          </w:p>
          <w:p w:rsidR="00156FB3" w:rsidRDefault="00156FB3" w:rsidP="00156FB3">
            <w:r>
              <w:t xml:space="preserve">    cursor: pointer;</w:t>
            </w:r>
          </w:p>
          <w:p w:rsidR="00156FB3" w:rsidRDefault="00156FB3" w:rsidP="00156FB3">
            <w:r>
              <w:t xml:space="preserve">    font-size: 24px;</w:t>
            </w:r>
          </w:p>
          <w:p w:rsidR="00156FB3" w:rsidRDefault="00156FB3" w:rsidP="00156FB3">
            <w:r>
              <w:t xml:space="preserve">    height: 39px;</w:t>
            </w:r>
          </w:p>
          <w:p w:rsidR="00156FB3" w:rsidRDefault="00156FB3" w:rsidP="00156FB3">
            <w:r>
              <w:t xml:space="preserve">    line-height: 27px;</w:t>
            </w:r>
          </w:p>
          <w:p w:rsidR="00156FB3" w:rsidRDefault="00156FB3" w:rsidP="00156FB3">
            <w:r>
              <w:t xml:space="preserve">    padding: 5px 0;</w:t>
            </w:r>
          </w:p>
          <w:p w:rsidR="00156FB3" w:rsidRDefault="00156FB3" w:rsidP="00156FB3">
            <w:r>
              <w:t xml:space="preserve">    position: absolute;</w:t>
            </w:r>
          </w:p>
          <w:p w:rsidR="00156FB3" w:rsidRDefault="00156FB3" w:rsidP="00156FB3">
            <w:r>
              <w:t xml:space="preserve">    right: 20px;</w:t>
            </w:r>
          </w:p>
          <w:p w:rsidR="00156FB3" w:rsidRDefault="00156FB3" w:rsidP="00156FB3">
            <w:r>
              <w:t xml:space="preserve">    text-align: center;</w:t>
            </w:r>
          </w:p>
          <w:p w:rsidR="00156FB3" w:rsidRDefault="00156FB3" w:rsidP="00156FB3">
            <w:r>
              <w:t xml:space="preserve">    top: -39px;</w:t>
            </w:r>
          </w:p>
          <w:p w:rsidR="00156FB3" w:rsidRDefault="00156FB3" w:rsidP="00156FB3">
            <w:r>
              <w:t xml:space="preserve">    width: 50px;</w:t>
            </w:r>
          </w:p>
          <w:p w:rsidR="00156FB3" w:rsidRDefault="00156FB3" w:rsidP="00156FB3">
            <w:r>
              <w:t>}</w:t>
            </w:r>
          </w:p>
          <w:p w:rsidR="00156FB3" w:rsidRDefault="00156FB3" w:rsidP="00156FB3"/>
          <w:p w:rsidR="00156FB3" w:rsidRDefault="00156FB3" w:rsidP="00156FB3">
            <w:r>
              <w:t>.lg-outer .lg-toogle-thumb:after {</w:t>
            </w:r>
          </w:p>
          <w:p w:rsidR="00156FB3" w:rsidRDefault="00156FB3" w:rsidP="00156FB3">
            <w:r>
              <w:t xml:space="preserve">    content: "\e1ff";</w:t>
            </w:r>
          </w:p>
          <w:p w:rsidR="00156FB3" w:rsidRDefault="00156FB3" w:rsidP="00156FB3">
            <w:r>
              <w:lastRenderedPageBreak/>
              <w:t>}</w:t>
            </w:r>
          </w:p>
          <w:p w:rsidR="00156FB3" w:rsidRDefault="00156FB3" w:rsidP="00156FB3"/>
          <w:p w:rsidR="00156FB3" w:rsidRDefault="00156FB3" w:rsidP="00156FB3">
            <w:r>
              <w:t>.lg-outer .lg-toogle-thumb:hover {</w:t>
            </w:r>
          </w:p>
          <w:p w:rsidR="00156FB3" w:rsidRDefault="00156FB3" w:rsidP="00156FB3">
            <w:r>
              <w:t xml:space="preserve">    color: #FFF;</w:t>
            </w:r>
          </w:p>
          <w:p w:rsidR="00156FB3" w:rsidRDefault="00156FB3" w:rsidP="00156FB3">
            <w:r>
              <w:t>}</w:t>
            </w:r>
          </w:p>
          <w:p w:rsidR="00156FB3" w:rsidRDefault="00156FB3" w:rsidP="00156FB3"/>
          <w:p w:rsidR="00156FB3" w:rsidRDefault="00156FB3" w:rsidP="00156FB3">
            <w:r>
              <w:t>.lg-outer .lg-video-cont {</w:t>
            </w:r>
          </w:p>
          <w:p w:rsidR="00156FB3" w:rsidRDefault="00156FB3" w:rsidP="00156FB3">
            <w:r>
              <w:t xml:space="preserve">    display: inline-block;</w:t>
            </w:r>
          </w:p>
          <w:p w:rsidR="00156FB3" w:rsidRDefault="00156FB3" w:rsidP="00156FB3">
            <w:r>
              <w:t xml:space="preserve">    vertical-align: middle;</w:t>
            </w:r>
          </w:p>
          <w:p w:rsidR="00156FB3" w:rsidRDefault="00156FB3" w:rsidP="00156FB3">
            <w:r>
              <w:t xml:space="preserve">    max-width: 1140px;</w:t>
            </w:r>
          </w:p>
          <w:p w:rsidR="00156FB3" w:rsidRDefault="00156FB3" w:rsidP="00156FB3">
            <w:r>
              <w:t xml:space="preserve">    max-height: 100%;</w:t>
            </w:r>
          </w:p>
          <w:p w:rsidR="00156FB3" w:rsidRDefault="00156FB3" w:rsidP="00156FB3">
            <w:r>
              <w:t xml:space="preserve">    width: 100%;</w:t>
            </w:r>
          </w:p>
          <w:p w:rsidR="00156FB3" w:rsidRDefault="00156FB3" w:rsidP="00156FB3">
            <w:r>
              <w:t xml:space="preserve">    padding: 0 5px;</w:t>
            </w:r>
          </w:p>
          <w:p w:rsidR="00156FB3" w:rsidRDefault="00156FB3" w:rsidP="00156FB3">
            <w:r>
              <w:t>}</w:t>
            </w:r>
          </w:p>
          <w:p w:rsidR="00156FB3" w:rsidRDefault="00156FB3" w:rsidP="00156FB3"/>
          <w:p w:rsidR="00156FB3" w:rsidRDefault="00156FB3" w:rsidP="00156FB3">
            <w:r>
              <w:t>.lg-outer .lg-video {</w:t>
            </w:r>
          </w:p>
          <w:p w:rsidR="00156FB3" w:rsidRDefault="00156FB3" w:rsidP="00156FB3">
            <w:r>
              <w:t xml:space="preserve">    width: 100%;</w:t>
            </w:r>
          </w:p>
          <w:p w:rsidR="00156FB3" w:rsidRDefault="00156FB3" w:rsidP="00156FB3">
            <w:r>
              <w:t xml:space="preserve">    height: 0;</w:t>
            </w:r>
          </w:p>
          <w:p w:rsidR="00156FB3" w:rsidRDefault="00156FB3" w:rsidP="00156FB3">
            <w:r>
              <w:t xml:space="preserve">    padding-bottom: 56.25%;</w:t>
            </w:r>
          </w:p>
          <w:p w:rsidR="00156FB3" w:rsidRDefault="00156FB3" w:rsidP="00156FB3">
            <w:r>
              <w:t xml:space="preserve">    overflow: hidden;</w:t>
            </w:r>
          </w:p>
          <w:p w:rsidR="00156FB3" w:rsidRDefault="00156FB3" w:rsidP="00156FB3">
            <w:r>
              <w:t xml:space="preserve">    position: relative;</w:t>
            </w:r>
          </w:p>
          <w:p w:rsidR="00156FB3" w:rsidRDefault="00156FB3" w:rsidP="00156FB3">
            <w:r>
              <w:t>}</w:t>
            </w:r>
          </w:p>
          <w:p w:rsidR="00156FB3" w:rsidRDefault="00156FB3" w:rsidP="00156FB3"/>
          <w:p w:rsidR="00156FB3" w:rsidRDefault="00156FB3" w:rsidP="00156FB3">
            <w:r>
              <w:t>.lg-outer .lg-video .lg-object {</w:t>
            </w:r>
          </w:p>
          <w:p w:rsidR="00156FB3" w:rsidRDefault="00156FB3" w:rsidP="00156FB3">
            <w:r>
              <w:t xml:space="preserve">    display: inline-block;</w:t>
            </w:r>
          </w:p>
          <w:p w:rsidR="00156FB3" w:rsidRDefault="00156FB3" w:rsidP="00156FB3">
            <w:r>
              <w:t xml:space="preserve">    position: absolute;</w:t>
            </w:r>
          </w:p>
          <w:p w:rsidR="00156FB3" w:rsidRDefault="00156FB3" w:rsidP="00156FB3">
            <w:r>
              <w:t xml:space="preserve">    top: 0;</w:t>
            </w:r>
          </w:p>
          <w:p w:rsidR="00156FB3" w:rsidRDefault="00156FB3" w:rsidP="00156FB3">
            <w:r>
              <w:t xml:space="preserve">    left: 0;</w:t>
            </w:r>
          </w:p>
          <w:p w:rsidR="00156FB3" w:rsidRDefault="00156FB3" w:rsidP="00156FB3">
            <w:r>
              <w:t xml:space="preserve">    width: 100% !important;</w:t>
            </w:r>
          </w:p>
          <w:p w:rsidR="00156FB3" w:rsidRDefault="00156FB3" w:rsidP="00156FB3">
            <w:r>
              <w:t xml:space="preserve">    height: 100% !important;</w:t>
            </w:r>
          </w:p>
          <w:p w:rsidR="00156FB3" w:rsidRDefault="00156FB3" w:rsidP="00156FB3">
            <w:r>
              <w:t>}</w:t>
            </w:r>
          </w:p>
          <w:p w:rsidR="00156FB3" w:rsidRDefault="00156FB3" w:rsidP="00156FB3"/>
          <w:p w:rsidR="00156FB3" w:rsidRDefault="00156FB3" w:rsidP="00156FB3">
            <w:r>
              <w:t>.lg-outer .lg-video .lg-video-play {</w:t>
            </w:r>
          </w:p>
          <w:p w:rsidR="00156FB3" w:rsidRDefault="00156FB3" w:rsidP="00156FB3">
            <w:r>
              <w:t xml:space="preserve">    width: 84px;</w:t>
            </w:r>
          </w:p>
          <w:p w:rsidR="00156FB3" w:rsidRDefault="00156FB3" w:rsidP="00156FB3">
            <w:r>
              <w:t xml:space="preserve">    height: 59px;</w:t>
            </w:r>
          </w:p>
          <w:p w:rsidR="00156FB3" w:rsidRDefault="00156FB3" w:rsidP="00156FB3">
            <w:r>
              <w:t xml:space="preserve">    position: absolute;</w:t>
            </w:r>
          </w:p>
          <w:p w:rsidR="00156FB3" w:rsidRDefault="00156FB3" w:rsidP="00156FB3">
            <w:r>
              <w:t xml:space="preserve">    left: 50%;</w:t>
            </w:r>
          </w:p>
          <w:p w:rsidR="00156FB3" w:rsidRDefault="00156FB3" w:rsidP="00156FB3">
            <w:r>
              <w:t xml:space="preserve">    top: 50%;</w:t>
            </w:r>
          </w:p>
          <w:p w:rsidR="00156FB3" w:rsidRDefault="00156FB3" w:rsidP="00156FB3">
            <w:r>
              <w:t xml:space="preserve">    margin-left: -42px;</w:t>
            </w:r>
          </w:p>
          <w:p w:rsidR="00156FB3" w:rsidRDefault="00156FB3" w:rsidP="00156FB3">
            <w:r>
              <w:t xml:space="preserve">    margin-top: -30px;</w:t>
            </w:r>
          </w:p>
          <w:p w:rsidR="00156FB3" w:rsidRDefault="00156FB3" w:rsidP="00156FB3">
            <w:r>
              <w:t xml:space="preserve">    z-index: 1080;</w:t>
            </w:r>
          </w:p>
          <w:p w:rsidR="00156FB3" w:rsidRDefault="00156FB3" w:rsidP="00156FB3">
            <w:r>
              <w:t xml:space="preserve">    cursor: pointer;</w:t>
            </w:r>
          </w:p>
          <w:p w:rsidR="00156FB3" w:rsidRDefault="00156FB3" w:rsidP="00156FB3">
            <w:r>
              <w:t>}</w:t>
            </w:r>
          </w:p>
          <w:p w:rsidR="00156FB3" w:rsidRDefault="00156FB3" w:rsidP="00156FB3"/>
          <w:p w:rsidR="00156FB3" w:rsidRDefault="00156FB3" w:rsidP="00156FB3">
            <w:r>
              <w:t>.lg-outer .lg-has-iframe .lg-video {</w:t>
            </w:r>
          </w:p>
          <w:p w:rsidR="00156FB3" w:rsidRDefault="00156FB3" w:rsidP="00156FB3">
            <w:r>
              <w:t xml:space="preserve">    -webkit-overflow-scrolling: touch;</w:t>
            </w:r>
          </w:p>
          <w:p w:rsidR="00156FB3" w:rsidRDefault="00156FB3" w:rsidP="00156FB3">
            <w:r>
              <w:t xml:space="preserve">    overflow: auto;</w:t>
            </w:r>
          </w:p>
          <w:p w:rsidR="00156FB3" w:rsidRDefault="00156FB3" w:rsidP="00156FB3">
            <w:r>
              <w:t>}</w:t>
            </w:r>
          </w:p>
          <w:p w:rsidR="00156FB3" w:rsidRDefault="00156FB3" w:rsidP="00156FB3"/>
          <w:p w:rsidR="00156FB3" w:rsidRDefault="00156FB3" w:rsidP="00156FB3">
            <w:r>
              <w:t>.lg-outer .lg-has-vimeo .lg-video-play {</w:t>
            </w:r>
          </w:p>
          <w:p w:rsidR="00156FB3" w:rsidRDefault="00156FB3" w:rsidP="00156FB3">
            <w:r>
              <w:t xml:space="preserve">    background: url("../img/vimeo-play.html") no-repeat scroll 0 0 transparent;</w:t>
            </w:r>
          </w:p>
          <w:p w:rsidR="00156FB3" w:rsidRDefault="00156FB3" w:rsidP="00156FB3">
            <w:r>
              <w:t>}</w:t>
            </w:r>
          </w:p>
          <w:p w:rsidR="00156FB3" w:rsidRDefault="00156FB3" w:rsidP="00156FB3"/>
          <w:p w:rsidR="00156FB3" w:rsidRDefault="00156FB3" w:rsidP="00156FB3">
            <w:r>
              <w:t>.lg-outer .lg-has-vimeo:hover .lg-video-play {</w:t>
            </w:r>
          </w:p>
          <w:p w:rsidR="00156FB3" w:rsidRDefault="00156FB3" w:rsidP="00156FB3">
            <w:r>
              <w:t xml:space="preserve">    background: url("../img/vimeo-play.html") no-repeat scroll 0 -58px transparent;</w:t>
            </w:r>
          </w:p>
          <w:p w:rsidR="00156FB3" w:rsidRDefault="00156FB3" w:rsidP="00156FB3">
            <w:r>
              <w:t>}</w:t>
            </w:r>
          </w:p>
          <w:p w:rsidR="00156FB3" w:rsidRDefault="00156FB3" w:rsidP="00156FB3"/>
          <w:p w:rsidR="00156FB3" w:rsidRDefault="00156FB3" w:rsidP="00156FB3">
            <w:r>
              <w:t>.lg-outer .lg-has-html5 .lg-video-play {</w:t>
            </w:r>
          </w:p>
          <w:p w:rsidR="00156FB3" w:rsidRDefault="00156FB3" w:rsidP="00156FB3">
            <w:r>
              <w:t xml:space="preserve">    background: transparent url("../img/video-play.html") no-repeat scroll 0 0;</w:t>
            </w:r>
          </w:p>
          <w:p w:rsidR="00156FB3" w:rsidRDefault="00156FB3" w:rsidP="00156FB3">
            <w:r>
              <w:t xml:space="preserve">    height: 64px;</w:t>
            </w:r>
          </w:p>
          <w:p w:rsidR="00156FB3" w:rsidRDefault="00156FB3" w:rsidP="00156FB3">
            <w:r>
              <w:t xml:space="preserve">    margin-left: -32px;</w:t>
            </w:r>
          </w:p>
          <w:p w:rsidR="00156FB3" w:rsidRDefault="00156FB3" w:rsidP="00156FB3">
            <w:r>
              <w:t xml:space="preserve">    margin-top: -32px;</w:t>
            </w:r>
          </w:p>
          <w:p w:rsidR="00156FB3" w:rsidRDefault="00156FB3" w:rsidP="00156FB3">
            <w:r>
              <w:t xml:space="preserve">    width: 64px;</w:t>
            </w:r>
          </w:p>
          <w:p w:rsidR="00156FB3" w:rsidRDefault="00156FB3" w:rsidP="00156FB3">
            <w:r>
              <w:t xml:space="preserve">    opacity: 0.8;</w:t>
            </w:r>
          </w:p>
          <w:p w:rsidR="00156FB3" w:rsidRDefault="00156FB3" w:rsidP="00156FB3">
            <w:r>
              <w:t>}</w:t>
            </w:r>
          </w:p>
          <w:p w:rsidR="00156FB3" w:rsidRDefault="00156FB3" w:rsidP="00156FB3"/>
          <w:p w:rsidR="00156FB3" w:rsidRDefault="00156FB3" w:rsidP="00156FB3">
            <w:r>
              <w:t>.lg-outer .lg-has-html5:hover .lg-video-play {</w:t>
            </w:r>
          </w:p>
          <w:p w:rsidR="00156FB3" w:rsidRDefault="00156FB3" w:rsidP="00156FB3">
            <w:r>
              <w:t xml:space="preserve">    opacity: 1;</w:t>
            </w:r>
          </w:p>
          <w:p w:rsidR="00156FB3" w:rsidRDefault="00156FB3" w:rsidP="00156FB3">
            <w:r>
              <w:t>}</w:t>
            </w:r>
          </w:p>
          <w:p w:rsidR="00156FB3" w:rsidRDefault="00156FB3" w:rsidP="00156FB3"/>
          <w:p w:rsidR="00156FB3" w:rsidRDefault="00156FB3" w:rsidP="00156FB3">
            <w:r>
              <w:t>.lg-outer .lg-has-youtube .lg-video-play {</w:t>
            </w:r>
          </w:p>
          <w:p w:rsidR="00156FB3" w:rsidRDefault="00156FB3" w:rsidP="00156FB3">
            <w:r>
              <w:t xml:space="preserve">    background: url("../img/youtube-play.html") no-repeat scroll 0 0 transparent;</w:t>
            </w:r>
          </w:p>
          <w:p w:rsidR="00156FB3" w:rsidRDefault="00156FB3" w:rsidP="00156FB3">
            <w:r>
              <w:t>}</w:t>
            </w:r>
          </w:p>
          <w:p w:rsidR="00156FB3" w:rsidRDefault="00156FB3" w:rsidP="00156FB3"/>
          <w:p w:rsidR="00156FB3" w:rsidRDefault="00156FB3" w:rsidP="00156FB3">
            <w:r>
              <w:t>.lg-outer .lg-has-youtube:hover .lg-video-play {</w:t>
            </w:r>
          </w:p>
          <w:p w:rsidR="00156FB3" w:rsidRDefault="00156FB3" w:rsidP="00156FB3">
            <w:r>
              <w:t xml:space="preserve">    background: url("../img/youtube-play.html") no-repeat scroll 0 -60px transparent;</w:t>
            </w:r>
          </w:p>
          <w:p w:rsidR="00156FB3" w:rsidRDefault="00156FB3" w:rsidP="00156FB3">
            <w:r>
              <w:t>}</w:t>
            </w:r>
          </w:p>
          <w:p w:rsidR="00156FB3" w:rsidRDefault="00156FB3" w:rsidP="00156FB3"/>
          <w:p w:rsidR="00156FB3" w:rsidRDefault="00156FB3" w:rsidP="00156FB3">
            <w:r>
              <w:t>.lg-outer .lg-video-object {</w:t>
            </w:r>
          </w:p>
          <w:p w:rsidR="00156FB3" w:rsidRDefault="00156FB3" w:rsidP="00156FB3">
            <w:r>
              <w:t xml:space="preserve">    width: 100% !important;</w:t>
            </w:r>
          </w:p>
          <w:p w:rsidR="00156FB3" w:rsidRDefault="00156FB3" w:rsidP="00156FB3">
            <w:r>
              <w:t xml:space="preserve">    height: 100% !important;</w:t>
            </w:r>
          </w:p>
          <w:p w:rsidR="00156FB3" w:rsidRDefault="00156FB3" w:rsidP="00156FB3">
            <w:r>
              <w:t xml:space="preserve">    position: absolute;</w:t>
            </w:r>
          </w:p>
          <w:p w:rsidR="00156FB3" w:rsidRDefault="00156FB3" w:rsidP="00156FB3">
            <w:r>
              <w:t xml:space="preserve">    top: 0;</w:t>
            </w:r>
          </w:p>
          <w:p w:rsidR="00156FB3" w:rsidRDefault="00156FB3" w:rsidP="00156FB3">
            <w:r>
              <w:t xml:space="preserve">    left: 0;</w:t>
            </w:r>
          </w:p>
          <w:p w:rsidR="00156FB3" w:rsidRDefault="00156FB3" w:rsidP="00156FB3">
            <w:r>
              <w:t>}</w:t>
            </w:r>
          </w:p>
          <w:p w:rsidR="00156FB3" w:rsidRDefault="00156FB3" w:rsidP="00156FB3"/>
          <w:p w:rsidR="00156FB3" w:rsidRDefault="00156FB3" w:rsidP="00156FB3">
            <w:r>
              <w:t>.lg-outer .lg-has-video .lg-video-object {</w:t>
            </w:r>
          </w:p>
          <w:p w:rsidR="00156FB3" w:rsidRDefault="00156FB3" w:rsidP="00156FB3">
            <w:r>
              <w:t xml:space="preserve">    visibility: hidden;</w:t>
            </w:r>
          </w:p>
          <w:p w:rsidR="00156FB3" w:rsidRDefault="00156FB3" w:rsidP="00156FB3">
            <w:r>
              <w:t>}</w:t>
            </w:r>
          </w:p>
          <w:p w:rsidR="00156FB3" w:rsidRDefault="00156FB3" w:rsidP="00156FB3"/>
          <w:p w:rsidR="00156FB3" w:rsidRDefault="00156FB3" w:rsidP="00156FB3">
            <w:r>
              <w:t>.lg-outer .lg-has-video.lg-video-playing .lg-object, .lg-outer .lg-has-video.lg-video-playing .lg-video-play {</w:t>
            </w:r>
          </w:p>
          <w:p w:rsidR="00156FB3" w:rsidRDefault="00156FB3" w:rsidP="00156FB3">
            <w:r>
              <w:t xml:space="preserve">    display: none;</w:t>
            </w:r>
          </w:p>
          <w:p w:rsidR="00156FB3" w:rsidRDefault="00156FB3" w:rsidP="00156FB3">
            <w:r>
              <w:t>}</w:t>
            </w:r>
          </w:p>
          <w:p w:rsidR="00156FB3" w:rsidRDefault="00156FB3" w:rsidP="00156FB3"/>
          <w:p w:rsidR="00156FB3" w:rsidRDefault="00156FB3" w:rsidP="00156FB3">
            <w:r>
              <w:t>.lg-outer .lg-has-video.lg-video-playing .lg-video-object {</w:t>
            </w:r>
          </w:p>
          <w:p w:rsidR="00156FB3" w:rsidRDefault="00156FB3" w:rsidP="00156FB3">
            <w:r>
              <w:t xml:space="preserve">    visibility: visible;</w:t>
            </w:r>
          </w:p>
          <w:p w:rsidR="00156FB3" w:rsidRDefault="00156FB3" w:rsidP="00156FB3">
            <w:r>
              <w:lastRenderedPageBreak/>
              <w:t>}</w:t>
            </w:r>
          </w:p>
          <w:p w:rsidR="00156FB3" w:rsidRDefault="00156FB3" w:rsidP="00156FB3"/>
          <w:p w:rsidR="00156FB3" w:rsidRDefault="00156FB3" w:rsidP="00156FB3">
            <w:r>
              <w:t>.lg-progress-bar {</w:t>
            </w:r>
          </w:p>
          <w:p w:rsidR="00156FB3" w:rsidRDefault="00156FB3" w:rsidP="00156FB3">
            <w:r>
              <w:t xml:space="preserve">    background-color: #333;</w:t>
            </w:r>
          </w:p>
          <w:p w:rsidR="00156FB3" w:rsidRDefault="00156FB3" w:rsidP="00156FB3">
            <w:r>
              <w:t xml:space="preserve">    height: 5px;</w:t>
            </w:r>
          </w:p>
          <w:p w:rsidR="00156FB3" w:rsidRDefault="00156FB3" w:rsidP="00156FB3">
            <w:r>
              <w:t xml:space="preserve">    left: 0;</w:t>
            </w:r>
          </w:p>
          <w:p w:rsidR="00156FB3" w:rsidRDefault="00156FB3" w:rsidP="00156FB3">
            <w:r>
              <w:t xml:space="preserve">    position: absolute;</w:t>
            </w:r>
          </w:p>
          <w:p w:rsidR="00156FB3" w:rsidRDefault="00156FB3" w:rsidP="00156FB3">
            <w:r>
              <w:t xml:space="preserve">    top: 0;</w:t>
            </w:r>
          </w:p>
          <w:p w:rsidR="00156FB3" w:rsidRDefault="00156FB3" w:rsidP="00156FB3">
            <w:r>
              <w:t xml:space="preserve">    width: 100%;</w:t>
            </w:r>
          </w:p>
          <w:p w:rsidR="00156FB3" w:rsidRDefault="00156FB3" w:rsidP="00156FB3">
            <w:r>
              <w:t xml:space="preserve">    z-index: 1083;</w:t>
            </w:r>
          </w:p>
          <w:p w:rsidR="00156FB3" w:rsidRDefault="00156FB3" w:rsidP="00156FB3">
            <w:r>
              <w:t xml:space="preserve">    opacity: 0;</w:t>
            </w:r>
          </w:p>
          <w:p w:rsidR="00156FB3" w:rsidRDefault="00156FB3" w:rsidP="00156FB3">
            <w:r>
              <w:t xml:space="preserve">    -webkit-transition: opacity 0.08s ease 0s;</w:t>
            </w:r>
          </w:p>
          <w:p w:rsidR="00156FB3" w:rsidRDefault="00156FB3" w:rsidP="00156FB3">
            <w:r>
              <w:t xml:space="preserve">    -moz-transition: opacity 0.08s ease 0s;</w:t>
            </w:r>
          </w:p>
          <w:p w:rsidR="00156FB3" w:rsidRDefault="00156FB3" w:rsidP="00156FB3">
            <w:r>
              <w:t xml:space="preserve">    -o-transition: opacity 0.08s ease 0s;</w:t>
            </w:r>
          </w:p>
          <w:p w:rsidR="00156FB3" w:rsidRDefault="00156FB3" w:rsidP="00156FB3">
            <w:r>
              <w:t xml:space="preserve">    transition: opacity 0.08s ease 0s;</w:t>
            </w:r>
          </w:p>
          <w:p w:rsidR="00156FB3" w:rsidRDefault="00156FB3" w:rsidP="00156FB3">
            <w:r>
              <w:t>}</w:t>
            </w:r>
          </w:p>
          <w:p w:rsidR="00156FB3" w:rsidRDefault="00156FB3" w:rsidP="00156FB3"/>
          <w:p w:rsidR="00156FB3" w:rsidRDefault="00156FB3" w:rsidP="00156FB3">
            <w:r>
              <w:t>.lg-progress-bar .lg-progress {</w:t>
            </w:r>
          </w:p>
          <w:p w:rsidR="00156FB3" w:rsidRDefault="00156FB3" w:rsidP="00156FB3">
            <w:r>
              <w:t xml:space="preserve">    background-color: #a90707;</w:t>
            </w:r>
          </w:p>
          <w:p w:rsidR="00156FB3" w:rsidRDefault="00156FB3" w:rsidP="00156FB3">
            <w:r>
              <w:t xml:space="preserve">    height: 5px;</w:t>
            </w:r>
          </w:p>
          <w:p w:rsidR="00156FB3" w:rsidRDefault="00156FB3" w:rsidP="00156FB3">
            <w:r>
              <w:t xml:space="preserve">    width: 0;</w:t>
            </w:r>
          </w:p>
          <w:p w:rsidR="00156FB3" w:rsidRDefault="00156FB3" w:rsidP="00156FB3">
            <w:r>
              <w:t>}</w:t>
            </w:r>
          </w:p>
          <w:p w:rsidR="00156FB3" w:rsidRDefault="00156FB3" w:rsidP="00156FB3"/>
          <w:p w:rsidR="00156FB3" w:rsidRDefault="00156FB3" w:rsidP="00156FB3">
            <w:r>
              <w:t>.lg-progress-bar.lg-start .lg-progress {</w:t>
            </w:r>
          </w:p>
          <w:p w:rsidR="00156FB3" w:rsidRDefault="00156FB3" w:rsidP="00156FB3">
            <w:r>
              <w:t xml:space="preserve">    width: 100%;</w:t>
            </w:r>
          </w:p>
          <w:p w:rsidR="00156FB3" w:rsidRDefault="00156FB3" w:rsidP="00156FB3">
            <w:r>
              <w:t>}</w:t>
            </w:r>
          </w:p>
          <w:p w:rsidR="00156FB3" w:rsidRDefault="00156FB3" w:rsidP="00156FB3"/>
          <w:p w:rsidR="00156FB3" w:rsidRDefault="00156FB3" w:rsidP="00156FB3">
            <w:r>
              <w:t>.lg-show-autoplay .lg-progress-bar {</w:t>
            </w:r>
          </w:p>
          <w:p w:rsidR="00156FB3" w:rsidRDefault="00156FB3" w:rsidP="00156FB3">
            <w:r>
              <w:t xml:space="preserve">    opacity: 1;</w:t>
            </w:r>
          </w:p>
          <w:p w:rsidR="00156FB3" w:rsidRDefault="00156FB3" w:rsidP="00156FB3">
            <w:r>
              <w:t>}</w:t>
            </w:r>
          </w:p>
          <w:p w:rsidR="00156FB3" w:rsidRDefault="00156FB3" w:rsidP="00156FB3"/>
          <w:p w:rsidR="00156FB3" w:rsidRDefault="00156FB3" w:rsidP="00156FB3">
            <w:r>
              <w:t>.lg-autoplay-button:after {</w:t>
            </w:r>
          </w:p>
          <w:p w:rsidR="00156FB3" w:rsidRDefault="00156FB3" w:rsidP="00156FB3">
            <w:r>
              <w:t xml:space="preserve">    content: "\e01d";</w:t>
            </w:r>
          </w:p>
          <w:p w:rsidR="00156FB3" w:rsidRDefault="00156FB3" w:rsidP="00156FB3">
            <w:r>
              <w:t>}</w:t>
            </w:r>
          </w:p>
          <w:p w:rsidR="00156FB3" w:rsidRDefault="00156FB3" w:rsidP="00156FB3"/>
          <w:p w:rsidR="00156FB3" w:rsidRDefault="00156FB3" w:rsidP="00156FB3">
            <w:r>
              <w:t>.lg-show-autoplay .lg-autoplay-button:after {</w:t>
            </w:r>
          </w:p>
          <w:p w:rsidR="00156FB3" w:rsidRDefault="00156FB3" w:rsidP="00156FB3">
            <w:r>
              <w:t xml:space="preserve">    content: "\e01a";</w:t>
            </w:r>
          </w:p>
          <w:p w:rsidR="00156FB3" w:rsidRDefault="00156FB3" w:rsidP="00156FB3">
            <w:r>
              <w:t>}</w:t>
            </w:r>
          </w:p>
          <w:p w:rsidR="00156FB3" w:rsidRDefault="00156FB3" w:rsidP="00156FB3"/>
          <w:p w:rsidR="00156FB3" w:rsidRDefault="00156FB3" w:rsidP="00156FB3">
            <w:r>
              <w:t>.lg-outer.lg-css3.lg-zoom-dragging .lg-item.lg-complete.lg-zoomable .lg-img-wrap, .lg-outer.lg-css3.lg-zoom-dragging .lg-item.lg-complete.lg-zoomable .lg-image {</w:t>
            </w:r>
          </w:p>
          <w:p w:rsidR="00156FB3" w:rsidRDefault="00156FB3" w:rsidP="00156FB3">
            <w:r>
              <w:t xml:space="preserve">    -webkit-transition-duration: 0s;</w:t>
            </w:r>
          </w:p>
          <w:p w:rsidR="00156FB3" w:rsidRDefault="00156FB3" w:rsidP="00156FB3">
            <w:r>
              <w:t xml:space="preserve">    transition-duration: 0s;</w:t>
            </w:r>
          </w:p>
          <w:p w:rsidR="00156FB3" w:rsidRDefault="00156FB3" w:rsidP="00156FB3">
            <w:r>
              <w:t>}</w:t>
            </w:r>
          </w:p>
          <w:p w:rsidR="00156FB3" w:rsidRDefault="00156FB3" w:rsidP="00156FB3"/>
          <w:p w:rsidR="00156FB3" w:rsidRDefault="00156FB3" w:rsidP="00156FB3">
            <w:r>
              <w:t>.lg-outer.lg-use-transition-for-zoom .lg-item.lg-complete.lg-zoomable .lg-img-wrap {</w:t>
            </w:r>
          </w:p>
          <w:p w:rsidR="00156FB3" w:rsidRDefault="00156FB3" w:rsidP="00156FB3">
            <w:r>
              <w:t xml:space="preserve">    -webkit-transition: -webkit-transform 0.3s cubic-bezier(0, 0, 0.25, 1) 0s;</w:t>
            </w:r>
          </w:p>
          <w:p w:rsidR="00156FB3" w:rsidRDefault="00156FB3" w:rsidP="00156FB3">
            <w:r>
              <w:t xml:space="preserve">    -moz-transition: -moz-transform 0.3s cubic-bezier(0, 0, 0.25, 1) 0s;</w:t>
            </w:r>
          </w:p>
          <w:p w:rsidR="00156FB3" w:rsidRDefault="00156FB3" w:rsidP="00156FB3">
            <w:r>
              <w:lastRenderedPageBreak/>
              <w:t xml:space="preserve">    -o-transition: -o-transform 0.3s cubic-bezier(0, 0, 0.25, 1) 0s;</w:t>
            </w:r>
          </w:p>
          <w:p w:rsidR="00156FB3" w:rsidRDefault="00156FB3" w:rsidP="00156FB3">
            <w:r>
              <w:t xml:space="preserve">    transition: transform 0.3s cubic-bezier(0, 0, 0.25, 1) 0s;</w:t>
            </w:r>
          </w:p>
          <w:p w:rsidR="00156FB3" w:rsidRDefault="00156FB3" w:rsidP="00156FB3">
            <w:r>
              <w:t>}</w:t>
            </w:r>
          </w:p>
          <w:p w:rsidR="00156FB3" w:rsidRDefault="00156FB3" w:rsidP="00156FB3"/>
          <w:p w:rsidR="00156FB3" w:rsidRDefault="00156FB3" w:rsidP="00156FB3">
            <w:r>
              <w:t>.lg-outer.lg-use-left-for-zoom .lg-item.lg-complete.lg-zoomable .lg-img-wrap {</w:t>
            </w:r>
          </w:p>
          <w:p w:rsidR="00156FB3" w:rsidRDefault="00156FB3" w:rsidP="00156FB3">
            <w:r>
              <w:t xml:space="preserve">    -webkit-transition: left 0.3s cubic-bezier(0, 0, 0.25, 1) 0s, top 0.3s cubic-bezier(0, 0, 0.25, 1) 0s;</w:t>
            </w:r>
          </w:p>
          <w:p w:rsidR="00156FB3" w:rsidRDefault="00156FB3" w:rsidP="00156FB3">
            <w:r>
              <w:t xml:space="preserve">    -moz-transition: left 0.3s cubic-bezier(0, 0, 0.25, 1) 0s, top 0.3s cubic-bezier(0, 0, 0.25, 1) 0s;</w:t>
            </w:r>
          </w:p>
          <w:p w:rsidR="00156FB3" w:rsidRDefault="00156FB3" w:rsidP="00156FB3">
            <w:r>
              <w:t xml:space="preserve">    -o-transition: left 0.3s cubic-bezier(0, 0, 0.25, 1) 0s, top 0.3s cubic-bezier(0, 0, 0.25, 1) 0s;</w:t>
            </w:r>
          </w:p>
          <w:p w:rsidR="00156FB3" w:rsidRDefault="00156FB3" w:rsidP="00156FB3">
            <w:r>
              <w:t xml:space="preserve">    transition: left 0.3s cubic-bezier(0, 0, 0.25, 1) 0s, top 0.3s cubic-bezier(0, 0, 0.25, 1) 0s;</w:t>
            </w:r>
          </w:p>
          <w:p w:rsidR="00156FB3" w:rsidRDefault="00156FB3" w:rsidP="00156FB3">
            <w:r>
              <w:t>}</w:t>
            </w:r>
          </w:p>
          <w:p w:rsidR="00156FB3" w:rsidRDefault="00156FB3" w:rsidP="00156FB3"/>
          <w:p w:rsidR="00156FB3" w:rsidRDefault="00156FB3" w:rsidP="00156FB3">
            <w:r>
              <w:t>.lg-outer .lg-item.lg-complete.lg-zoomable .lg-img-wrap {</w:t>
            </w:r>
          </w:p>
          <w:p w:rsidR="00156FB3" w:rsidRDefault="00156FB3" w:rsidP="00156FB3">
            <w:r>
              <w:t xml:space="preserve">    -webkit-transform: translate3d(0, 0, 0);</w:t>
            </w:r>
          </w:p>
          <w:p w:rsidR="00156FB3" w:rsidRDefault="00156FB3" w:rsidP="00156FB3">
            <w:r>
              <w:t xml:space="preserve">    transform: translate3d(0, 0, 0);</w:t>
            </w:r>
          </w:p>
          <w:p w:rsidR="00156FB3" w:rsidRDefault="00156FB3" w:rsidP="00156FB3">
            <w:r>
              <w:t xml:space="preserve">    -webkit-backface-visibility: hidden;</w:t>
            </w:r>
          </w:p>
          <w:p w:rsidR="00156FB3" w:rsidRDefault="00156FB3" w:rsidP="00156FB3">
            <w:r>
              <w:t xml:space="preserve">    -moz-backface-visibility: hidden;</w:t>
            </w:r>
          </w:p>
          <w:p w:rsidR="00156FB3" w:rsidRDefault="00156FB3" w:rsidP="00156FB3">
            <w:r>
              <w:t xml:space="preserve">    backface-visibility: hidden;</w:t>
            </w:r>
          </w:p>
          <w:p w:rsidR="00156FB3" w:rsidRDefault="00156FB3" w:rsidP="00156FB3">
            <w:r>
              <w:t>}</w:t>
            </w:r>
          </w:p>
          <w:p w:rsidR="00156FB3" w:rsidRDefault="00156FB3" w:rsidP="00156FB3"/>
          <w:p w:rsidR="00156FB3" w:rsidRDefault="00156FB3" w:rsidP="00156FB3">
            <w:r>
              <w:t>.lg-outer .lg-item.lg-complete.lg-zoomable .lg-image {</w:t>
            </w:r>
          </w:p>
          <w:p w:rsidR="00156FB3" w:rsidRDefault="00156FB3" w:rsidP="00156FB3">
            <w:r>
              <w:t xml:space="preserve">    -webkit-transform: scale3d(1, 1, 1);</w:t>
            </w:r>
          </w:p>
          <w:p w:rsidR="00156FB3" w:rsidRDefault="00156FB3" w:rsidP="00156FB3">
            <w:r>
              <w:t xml:space="preserve">    transform: scale3d(1, 1, 1);</w:t>
            </w:r>
          </w:p>
          <w:p w:rsidR="00156FB3" w:rsidRDefault="00156FB3" w:rsidP="00156FB3">
            <w:r>
              <w:t xml:space="preserve">    -webkit-transition: -webkit-transform 0.3s cubic-bezier(0, 0, 0.25, 1) 0s, opacity 0.15s !important;</w:t>
            </w:r>
          </w:p>
          <w:p w:rsidR="00156FB3" w:rsidRDefault="00156FB3" w:rsidP="00156FB3">
            <w:r>
              <w:t xml:space="preserve">    -moz-transition: -moz-transform 0.3s cubic-bezier(0, 0, 0.25, 1) 0s, opacity 0.15s !important;</w:t>
            </w:r>
          </w:p>
          <w:p w:rsidR="00156FB3" w:rsidRDefault="00156FB3" w:rsidP="00156FB3">
            <w:r>
              <w:t xml:space="preserve">    -o-transition: -o-transform 0.3s cubic-bezier(0, 0, 0.25, 1) 0s, opacity 0.15s !important;</w:t>
            </w:r>
          </w:p>
          <w:p w:rsidR="00156FB3" w:rsidRDefault="00156FB3" w:rsidP="00156FB3">
            <w:r>
              <w:t xml:space="preserve">    transition: transform 0.3s cubic-bezier(0, 0, 0.25, 1) 0s, opacity 0.15s !important;</w:t>
            </w:r>
          </w:p>
          <w:p w:rsidR="00156FB3" w:rsidRDefault="00156FB3" w:rsidP="00156FB3">
            <w:r>
              <w:t xml:space="preserve">    -webkit-transform-origin: 0 0;</w:t>
            </w:r>
          </w:p>
          <w:p w:rsidR="00156FB3" w:rsidRDefault="00156FB3" w:rsidP="00156FB3">
            <w:r>
              <w:t xml:space="preserve">    -moz-transform-origin: 0 0;</w:t>
            </w:r>
          </w:p>
          <w:p w:rsidR="00156FB3" w:rsidRDefault="00156FB3" w:rsidP="00156FB3">
            <w:r>
              <w:t xml:space="preserve">    -ms-transform-origin: 0 0;</w:t>
            </w:r>
          </w:p>
          <w:p w:rsidR="00156FB3" w:rsidRDefault="00156FB3" w:rsidP="00156FB3">
            <w:r>
              <w:t xml:space="preserve">    transform-origin: 0 0;</w:t>
            </w:r>
          </w:p>
          <w:p w:rsidR="00156FB3" w:rsidRDefault="00156FB3" w:rsidP="00156FB3">
            <w:r>
              <w:t xml:space="preserve">    -webkit-backface-visibility: hidden;</w:t>
            </w:r>
          </w:p>
          <w:p w:rsidR="00156FB3" w:rsidRDefault="00156FB3" w:rsidP="00156FB3">
            <w:r>
              <w:t xml:space="preserve">    -moz-backface-visibility: hidden;</w:t>
            </w:r>
          </w:p>
          <w:p w:rsidR="00156FB3" w:rsidRDefault="00156FB3" w:rsidP="00156FB3">
            <w:r>
              <w:t xml:space="preserve">    backface-visibility: hidden;</w:t>
            </w:r>
          </w:p>
          <w:p w:rsidR="00156FB3" w:rsidRDefault="00156FB3" w:rsidP="00156FB3">
            <w:r>
              <w:t>}</w:t>
            </w:r>
          </w:p>
          <w:p w:rsidR="00156FB3" w:rsidRDefault="00156FB3" w:rsidP="00156FB3"/>
          <w:p w:rsidR="00156FB3" w:rsidRDefault="00156FB3" w:rsidP="00156FB3">
            <w:r>
              <w:t>#lg-zoom-in:after {</w:t>
            </w:r>
          </w:p>
          <w:p w:rsidR="00156FB3" w:rsidRDefault="00156FB3" w:rsidP="00156FB3">
            <w:r>
              <w:t xml:space="preserve">    content: "\e311";</w:t>
            </w:r>
          </w:p>
          <w:p w:rsidR="00156FB3" w:rsidRDefault="00156FB3" w:rsidP="00156FB3">
            <w:r>
              <w:t>}</w:t>
            </w:r>
          </w:p>
          <w:p w:rsidR="00156FB3" w:rsidRDefault="00156FB3" w:rsidP="00156FB3"/>
          <w:p w:rsidR="00156FB3" w:rsidRDefault="00156FB3" w:rsidP="00156FB3">
            <w:r>
              <w:t>#lg-actual-size {</w:t>
            </w:r>
          </w:p>
          <w:p w:rsidR="00156FB3" w:rsidRDefault="00156FB3" w:rsidP="00156FB3">
            <w:r>
              <w:t xml:space="preserve">    font-size: 20px;</w:t>
            </w:r>
          </w:p>
          <w:p w:rsidR="00156FB3" w:rsidRDefault="00156FB3" w:rsidP="00156FB3">
            <w:r>
              <w:t>}</w:t>
            </w:r>
          </w:p>
          <w:p w:rsidR="00156FB3" w:rsidRDefault="00156FB3" w:rsidP="00156FB3"/>
          <w:p w:rsidR="00156FB3" w:rsidRDefault="00156FB3" w:rsidP="00156FB3">
            <w:r>
              <w:t>#lg-actual-size:after {</w:t>
            </w:r>
          </w:p>
          <w:p w:rsidR="00156FB3" w:rsidRDefault="00156FB3" w:rsidP="00156FB3">
            <w:r>
              <w:t xml:space="preserve">    content: "\e033";</w:t>
            </w:r>
          </w:p>
          <w:p w:rsidR="00156FB3" w:rsidRDefault="00156FB3" w:rsidP="00156FB3">
            <w:r>
              <w:t>}</w:t>
            </w:r>
          </w:p>
          <w:p w:rsidR="00156FB3" w:rsidRDefault="00156FB3" w:rsidP="00156FB3"/>
          <w:p w:rsidR="00156FB3" w:rsidRDefault="00156FB3" w:rsidP="00156FB3">
            <w:r>
              <w:t>#lg-zoom-out {</w:t>
            </w:r>
          </w:p>
          <w:p w:rsidR="00156FB3" w:rsidRDefault="00156FB3" w:rsidP="00156FB3">
            <w:r>
              <w:lastRenderedPageBreak/>
              <w:t xml:space="preserve">    opacity: 0.5;</w:t>
            </w:r>
          </w:p>
          <w:p w:rsidR="00156FB3" w:rsidRDefault="00156FB3" w:rsidP="00156FB3">
            <w:r>
              <w:t xml:space="preserve">    pointer-events: none;</w:t>
            </w:r>
          </w:p>
          <w:p w:rsidR="00156FB3" w:rsidRDefault="00156FB3" w:rsidP="00156FB3">
            <w:r>
              <w:t>}</w:t>
            </w:r>
          </w:p>
          <w:p w:rsidR="00156FB3" w:rsidRDefault="00156FB3" w:rsidP="00156FB3"/>
          <w:p w:rsidR="00156FB3" w:rsidRDefault="00156FB3" w:rsidP="00156FB3">
            <w:r>
              <w:t>#lg-zoom-out:after {</w:t>
            </w:r>
          </w:p>
          <w:p w:rsidR="00156FB3" w:rsidRDefault="00156FB3" w:rsidP="00156FB3">
            <w:r>
              <w:t xml:space="preserve">    content: "\e312";</w:t>
            </w:r>
          </w:p>
          <w:p w:rsidR="00156FB3" w:rsidRDefault="00156FB3" w:rsidP="00156FB3">
            <w:r>
              <w:t>}</w:t>
            </w:r>
          </w:p>
          <w:p w:rsidR="00156FB3" w:rsidRDefault="00156FB3" w:rsidP="00156FB3"/>
          <w:p w:rsidR="00156FB3" w:rsidRDefault="00156FB3" w:rsidP="00156FB3">
            <w:r>
              <w:t>.lg-zoomed #lg-zoom-out {</w:t>
            </w:r>
          </w:p>
          <w:p w:rsidR="00156FB3" w:rsidRDefault="00156FB3" w:rsidP="00156FB3">
            <w:r>
              <w:t xml:space="preserve">    opacity: 1;</w:t>
            </w:r>
          </w:p>
          <w:p w:rsidR="00156FB3" w:rsidRDefault="00156FB3" w:rsidP="00156FB3">
            <w:r>
              <w:t xml:space="preserve">    pointer-events: auto;</w:t>
            </w:r>
          </w:p>
          <w:p w:rsidR="00156FB3" w:rsidRDefault="00156FB3" w:rsidP="00156FB3">
            <w:r>
              <w:t>}</w:t>
            </w:r>
          </w:p>
          <w:p w:rsidR="00156FB3" w:rsidRDefault="00156FB3" w:rsidP="00156FB3"/>
          <w:p w:rsidR="00156FB3" w:rsidRDefault="00156FB3" w:rsidP="00156FB3">
            <w:r>
              <w:t>.lg-outer .lg-pager-outer {</w:t>
            </w:r>
          </w:p>
          <w:p w:rsidR="00156FB3" w:rsidRDefault="00156FB3" w:rsidP="00156FB3">
            <w:r>
              <w:t xml:space="preserve">    bottom: 60px;</w:t>
            </w:r>
          </w:p>
          <w:p w:rsidR="00156FB3" w:rsidRDefault="00156FB3" w:rsidP="00156FB3">
            <w:r>
              <w:t xml:space="preserve">    left: 0;</w:t>
            </w:r>
          </w:p>
          <w:p w:rsidR="00156FB3" w:rsidRDefault="00156FB3" w:rsidP="00156FB3">
            <w:r>
              <w:t xml:space="preserve">    position: absolute;</w:t>
            </w:r>
          </w:p>
          <w:p w:rsidR="00156FB3" w:rsidRDefault="00156FB3" w:rsidP="00156FB3">
            <w:r>
              <w:t xml:space="preserve">    right: 0;</w:t>
            </w:r>
          </w:p>
          <w:p w:rsidR="00156FB3" w:rsidRDefault="00156FB3" w:rsidP="00156FB3">
            <w:r>
              <w:t xml:space="preserve">    text-align: center;</w:t>
            </w:r>
          </w:p>
          <w:p w:rsidR="00156FB3" w:rsidRDefault="00156FB3" w:rsidP="00156FB3">
            <w:r>
              <w:t xml:space="preserve">    z-index: 1080;</w:t>
            </w:r>
          </w:p>
          <w:p w:rsidR="00156FB3" w:rsidRDefault="00156FB3" w:rsidP="00156FB3">
            <w:r>
              <w:t xml:space="preserve">    height: 10px;</w:t>
            </w:r>
          </w:p>
          <w:p w:rsidR="00156FB3" w:rsidRDefault="00156FB3" w:rsidP="00156FB3">
            <w:r>
              <w:t>}</w:t>
            </w:r>
          </w:p>
          <w:p w:rsidR="00156FB3" w:rsidRDefault="00156FB3" w:rsidP="00156FB3"/>
          <w:p w:rsidR="00156FB3" w:rsidRDefault="00156FB3" w:rsidP="00156FB3">
            <w:r>
              <w:t>.lg-outer .lg-pager-outer.lg-pager-hover .lg-pager-cont {</w:t>
            </w:r>
          </w:p>
          <w:p w:rsidR="00156FB3" w:rsidRDefault="00156FB3" w:rsidP="00156FB3">
            <w:r>
              <w:t xml:space="preserve">    overflow: visible;</w:t>
            </w:r>
          </w:p>
          <w:p w:rsidR="00156FB3" w:rsidRDefault="00156FB3" w:rsidP="00156FB3">
            <w:r>
              <w:t>}</w:t>
            </w:r>
          </w:p>
          <w:p w:rsidR="00156FB3" w:rsidRDefault="00156FB3" w:rsidP="00156FB3"/>
          <w:p w:rsidR="00156FB3" w:rsidRDefault="00156FB3" w:rsidP="00156FB3">
            <w:r>
              <w:t>.lg-outer .lg-pager-cont {</w:t>
            </w:r>
          </w:p>
          <w:p w:rsidR="00156FB3" w:rsidRDefault="00156FB3" w:rsidP="00156FB3">
            <w:r>
              <w:t xml:space="preserve">    cursor: pointer;</w:t>
            </w:r>
          </w:p>
          <w:p w:rsidR="00156FB3" w:rsidRDefault="00156FB3" w:rsidP="00156FB3">
            <w:r>
              <w:t xml:space="preserve">    display: inline-block;</w:t>
            </w:r>
          </w:p>
          <w:p w:rsidR="00156FB3" w:rsidRDefault="00156FB3" w:rsidP="00156FB3">
            <w:r>
              <w:t xml:space="preserve">    overflow: hidden;</w:t>
            </w:r>
          </w:p>
          <w:p w:rsidR="00156FB3" w:rsidRDefault="00156FB3" w:rsidP="00156FB3">
            <w:r>
              <w:t xml:space="preserve">    position: relative;</w:t>
            </w:r>
          </w:p>
          <w:p w:rsidR="00156FB3" w:rsidRDefault="00156FB3" w:rsidP="00156FB3">
            <w:r>
              <w:t xml:space="preserve">    vertical-align: top;</w:t>
            </w:r>
          </w:p>
          <w:p w:rsidR="00156FB3" w:rsidRDefault="00156FB3" w:rsidP="00156FB3">
            <w:r>
              <w:t xml:space="preserve">    margin: 0 5px;</w:t>
            </w:r>
          </w:p>
          <w:p w:rsidR="00156FB3" w:rsidRDefault="00156FB3" w:rsidP="00156FB3">
            <w:r>
              <w:t>}</w:t>
            </w:r>
          </w:p>
          <w:p w:rsidR="00156FB3" w:rsidRDefault="00156FB3" w:rsidP="00156FB3"/>
          <w:p w:rsidR="00156FB3" w:rsidRDefault="00156FB3" w:rsidP="00156FB3">
            <w:r>
              <w:t>.lg-outer .lg-pager-cont:hover .lg-pager-thumb-cont {</w:t>
            </w:r>
          </w:p>
          <w:p w:rsidR="00156FB3" w:rsidRDefault="00156FB3" w:rsidP="00156FB3">
            <w:r>
              <w:t xml:space="preserve">    opacity: 1;</w:t>
            </w:r>
          </w:p>
          <w:p w:rsidR="00156FB3" w:rsidRDefault="00156FB3" w:rsidP="00156FB3">
            <w:r>
              <w:t xml:space="preserve">    -webkit-transform: translate3d(0, 0, 0);</w:t>
            </w:r>
          </w:p>
          <w:p w:rsidR="00156FB3" w:rsidRDefault="00156FB3" w:rsidP="00156FB3">
            <w:r>
              <w:t xml:space="preserve">    transform: translate3d(0, 0, 0);</w:t>
            </w:r>
          </w:p>
          <w:p w:rsidR="00156FB3" w:rsidRDefault="00156FB3" w:rsidP="00156FB3">
            <w:r>
              <w:t>}</w:t>
            </w:r>
          </w:p>
          <w:p w:rsidR="00156FB3" w:rsidRDefault="00156FB3" w:rsidP="00156FB3"/>
          <w:p w:rsidR="00156FB3" w:rsidRDefault="00156FB3" w:rsidP="00156FB3">
            <w:r>
              <w:t>.lg-outer .lg-pager-cont.lg-pager-active .lg-pager {</w:t>
            </w:r>
          </w:p>
          <w:p w:rsidR="00156FB3" w:rsidRDefault="00156FB3" w:rsidP="00156FB3">
            <w:r>
              <w:t xml:space="preserve">    box-shadow: 0 0 0 2px white inset;</w:t>
            </w:r>
          </w:p>
          <w:p w:rsidR="00156FB3" w:rsidRDefault="00156FB3" w:rsidP="00156FB3">
            <w:r>
              <w:t>}</w:t>
            </w:r>
          </w:p>
          <w:p w:rsidR="00156FB3" w:rsidRDefault="00156FB3" w:rsidP="00156FB3"/>
          <w:p w:rsidR="00156FB3" w:rsidRDefault="00156FB3" w:rsidP="00156FB3">
            <w:r>
              <w:t>.lg-outer .lg-pager-thumb-cont {</w:t>
            </w:r>
          </w:p>
          <w:p w:rsidR="00156FB3" w:rsidRDefault="00156FB3" w:rsidP="00156FB3">
            <w:r>
              <w:t xml:space="preserve">    background-color: #fff;</w:t>
            </w:r>
          </w:p>
          <w:p w:rsidR="00156FB3" w:rsidRDefault="00156FB3" w:rsidP="00156FB3">
            <w:r>
              <w:lastRenderedPageBreak/>
              <w:t xml:space="preserve">    color: #FFF;</w:t>
            </w:r>
          </w:p>
          <w:p w:rsidR="00156FB3" w:rsidRDefault="00156FB3" w:rsidP="00156FB3">
            <w:r>
              <w:t xml:space="preserve">    bottom: 100%;</w:t>
            </w:r>
          </w:p>
          <w:p w:rsidR="00156FB3" w:rsidRDefault="00156FB3" w:rsidP="00156FB3">
            <w:r>
              <w:t xml:space="preserve">    height: 83px;</w:t>
            </w:r>
          </w:p>
          <w:p w:rsidR="00156FB3" w:rsidRDefault="00156FB3" w:rsidP="00156FB3">
            <w:r>
              <w:t xml:space="preserve">    left: 0;</w:t>
            </w:r>
          </w:p>
          <w:p w:rsidR="00156FB3" w:rsidRDefault="00156FB3" w:rsidP="00156FB3">
            <w:r>
              <w:t xml:space="preserve">    margin-bottom: 20px;</w:t>
            </w:r>
          </w:p>
          <w:p w:rsidR="00156FB3" w:rsidRDefault="00156FB3" w:rsidP="00156FB3">
            <w:r>
              <w:t xml:space="preserve">    margin-left: -60px;</w:t>
            </w:r>
          </w:p>
          <w:p w:rsidR="00156FB3" w:rsidRDefault="00156FB3" w:rsidP="00156FB3">
            <w:r>
              <w:t xml:space="preserve">    opacity: 0;</w:t>
            </w:r>
          </w:p>
          <w:p w:rsidR="00156FB3" w:rsidRDefault="00156FB3" w:rsidP="00156FB3">
            <w:r>
              <w:t xml:space="preserve">    padding: 5px;</w:t>
            </w:r>
          </w:p>
          <w:p w:rsidR="00156FB3" w:rsidRDefault="00156FB3" w:rsidP="00156FB3">
            <w:r>
              <w:t xml:space="preserve">    position: absolute;</w:t>
            </w:r>
          </w:p>
          <w:p w:rsidR="00156FB3" w:rsidRDefault="00156FB3" w:rsidP="00156FB3">
            <w:r>
              <w:t xml:space="preserve">    width: 120px;</w:t>
            </w:r>
          </w:p>
          <w:p w:rsidR="00156FB3" w:rsidRDefault="00156FB3" w:rsidP="00156FB3">
            <w:r>
              <w:t xml:space="preserve">    border-radius: 3px;</w:t>
            </w:r>
          </w:p>
          <w:p w:rsidR="00156FB3" w:rsidRDefault="00156FB3" w:rsidP="00156FB3">
            <w:r>
              <w:t xml:space="preserve">    -webkit-transition: opacity 0.15s ease 0s, -webkit-transform 0.15s ease 0s;</w:t>
            </w:r>
          </w:p>
          <w:p w:rsidR="00156FB3" w:rsidRDefault="00156FB3" w:rsidP="00156FB3">
            <w:r>
              <w:t xml:space="preserve">    -moz-transition: opacity 0.15s ease 0s, -moz-transform 0.15s ease 0s;</w:t>
            </w:r>
          </w:p>
          <w:p w:rsidR="00156FB3" w:rsidRDefault="00156FB3" w:rsidP="00156FB3">
            <w:r>
              <w:t xml:space="preserve">    -o-transition: opacity 0.15s ease 0s, -o-transform 0.15s ease 0s;</w:t>
            </w:r>
          </w:p>
          <w:p w:rsidR="00156FB3" w:rsidRDefault="00156FB3" w:rsidP="00156FB3">
            <w:r>
              <w:t xml:space="preserve">    transition: opacity 0.15s ease 0s, transform 0.15s ease 0s;</w:t>
            </w:r>
          </w:p>
          <w:p w:rsidR="00156FB3" w:rsidRDefault="00156FB3" w:rsidP="00156FB3">
            <w:r>
              <w:t xml:space="preserve">    -webkit-transform: translate3d(0, 5px, 0);</w:t>
            </w:r>
          </w:p>
          <w:p w:rsidR="00156FB3" w:rsidRDefault="00156FB3" w:rsidP="00156FB3">
            <w:r>
              <w:t xml:space="preserve">    transform: translate3d(0, 5px, 0);</w:t>
            </w:r>
          </w:p>
          <w:p w:rsidR="00156FB3" w:rsidRDefault="00156FB3" w:rsidP="00156FB3">
            <w:r>
              <w:t>}</w:t>
            </w:r>
          </w:p>
          <w:p w:rsidR="00156FB3" w:rsidRDefault="00156FB3" w:rsidP="00156FB3"/>
          <w:p w:rsidR="00156FB3" w:rsidRDefault="00156FB3" w:rsidP="00156FB3">
            <w:r>
              <w:t>.lg-outer .lg-pager-thumb-cont img {</w:t>
            </w:r>
          </w:p>
          <w:p w:rsidR="00156FB3" w:rsidRDefault="00156FB3" w:rsidP="00156FB3">
            <w:r>
              <w:t xml:space="preserve">    width: 100%;</w:t>
            </w:r>
          </w:p>
          <w:p w:rsidR="00156FB3" w:rsidRDefault="00156FB3" w:rsidP="00156FB3">
            <w:r>
              <w:t xml:space="preserve">    height: 100%;</w:t>
            </w:r>
          </w:p>
          <w:p w:rsidR="00156FB3" w:rsidRDefault="00156FB3" w:rsidP="00156FB3">
            <w:r>
              <w:t>}</w:t>
            </w:r>
          </w:p>
          <w:p w:rsidR="00156FB3" w:rsidRDefault="00156FB3" w:rsidP="00156FB3"/>
          <w:p w:rsidR="00156FB3" w:rsidRDefault="00156FB3" w:rsidP="00156FB3">
            <w:r>
              <w:t>.lg-outer .lg-pager {</w:t>
            </w:r>
          </w:p>
          <w:p w:rsidR="00156FB3" w:rsidRDefault="00156FB3" w:rsidP="00156FB3">
            <w:r>
              <w:t xml:space="preserve">    background-color: rgba(255, 255, 255, 0.5);</w:t>
            </w:r>
          </w:p>
          <w:p w:rsidR="00156FB3" w:rsidRDefault="00156FB3" w:rsidP="00156FB3">
            <w:r>
              <w:t xml:space="preserve">    border-radius: 50%;</w:t>
            </w:r>
          </w:p>
          <w:p w:rsidR="00156FB3" w:rsidRDefault="00156FB3" w:rsidP="00156FB3">
            <w:r>
              <w:t xml:space="preserve">    box-shadow: 0 0 0 8px rgba(255, 255, 255, 0.7) inset;</w:t>
            </w:r>
          </w:p>
          <w:p w:rsidR="00156FB3" w:rsidRDefault="00156FB3" w:rsidP="00156FB3">
            <w:r>
              <w:t xml:space="preserve">    display: block;</w:t>
            </w:r>
          </w:p>
          <w:p w:rsidR="00156FB3" w:rsidRDefault="00156FB3" w:rsidP="00156FB3">
            <w:r>
              <w:t xml:space="preserve">    height: 12px;</w:t>
            </w:r>
          </w:p>
          <w:p w:rsidR="00156FB3" w:rsidRDefault="00156FB3" w:rsidP="00156FB3">
            <w:r>
              <w:t xml:space="preserve">    -webkit-transition: box-shadow 0.3s ease 0s;</w:t>
            </w:r>
          </w:p>
          <w:p w:rsidR="00156FB3" w:rsidRDefault="00156FB3" w:rsidP="00156FB3">
            <w:r>
              <w:t xml:space="preserve">    -o-transition: box-shadow 0.3s ease 0s;</w:t>
            </w:r>
          </w:p>
          <w:p w:rsidR="00156FB3" w:rsidRDefault="00156FB3" w:rsidP="00156FB3">
            <w:r>
              <w:t xml:space="preserve">    transition: box-shadow 0.3s ease 0s;</w:t>
            </w:r>
          </w:p>
          <w:p w:rsidR="00156FB3" w:rsidRDefault="00156FB3" w:rsidP="00156FB3">
            <w:r>
              <w:t xml:space="preserve">    width: 12px;</w:t>
            </w:r>
          </w:p>
          <w:p w:rsidR="00156FB3" w:rsidRDefault="00156FB3" w:rsidP="00156FB3">
            <w:r>
              <w:t>}</w:t>
            </w:r>
          </w:p>
          <w:p w:rsidR="00156FB3" w:rsidRDefault="00156FB3" w:rsidP="00156FB3"/>
          <w:p w:rsidR="00156FB3" w:rsidRDefault="00156FB3" w:rsidP="00156FB3">
            <w:r>
              <w:t>.lg-outer .lg-pager:hover, .lg-outer .lg-pager:focus {</w:t>
            </w:r>
          </w:p>
          <w:p w:rsidR="00156FB3" w:rsidRDefault="00156FB3" w:rsidP="00156FB3">
            <w:r>
              <w:t xml:space="preserve">    box-shadow: 0 0 0 8px white inset;</w:t>
            </w:r>
          </w:p>
          <w:p w:rsidR="00156FB3" w:rsidRDefault="00156FB3" w:rsidP="00156FB3">
            <w:r>
              <w:t>}</w:t>
            </w:r>
          </w:p>
          <w:p w:rsidR="00156FB3" w:rsidRDefault="00156FB3" w:rsidP="00156FB3"/>
          <w:p w:rsidR="00156FB3" w:rsidRDefault="00156FB3" w:rsidP="00156FB3">
            <w:r>
              <w:t>.lg-outer .lg-caret {</w:t>
            </w:r>
          </w:p>
          <w:p w:rsidR="00156FB3" w:rsidRDefault="00156FB3" w:rsidP="00156FB3">
            <w:r>
              <w:t xml:space="preserve">    border-left: 10px solid transparent;</w:t>
            </w:r>
          </w:p>
          <w:p w:rsidR="00156FB3" w:rsidRDefault="00156FB3" w:rsidP="00156FB3">
            <w:r>
              <w:t xml:space="preserve">    border-right: 10px solid transparent;</w:t>
            </w:r>
          </w:p>
          <w:p w:rsidR="00156FB3" w:rsidRDefault="00156FB3" w:rsidP="00156FB3">
            <w:r>
              <w:t xml:space="preserve">    border-top: 10px dashed;</w:t>
            </w:r>
          </w:p>
          <w:p w:rsidR="00156FB3" w:rsidRDefault="00156FB3" w:rsidP="00156FB3">
            <w:r>
              <w:t xml:space="preserve">    bottom: -10px;</w:t>
            </w:r>
          </w:p>
          <w:p w:rsidR="00156FB3" w:rsidRDefault="00156FB3" w:rsidP="00156FB3">
            <w:r>
              <w:t xml:space="preserve">    display: inline-block;</w:t>
            </w:r>
          </w:p>
          <w:p w:rsidR="00156FB3" w:rsidRDefault="00156FB3" w:rsidP="00156FB3">
            <w:r>
              <w:t xml:space="preserve">    height: 0;</w:t>
            </w:r>
          </w:p>
          <w:p w:rsidR="00156FB3" w:rsidRDefault="00156FB3" w:rsidP="00156FB3">
            <w:r>
              <w:t xml:space="preserve">    left: 50%;</w:t>
            </w:r>
          </w:p>
          <w:p w:rsidR="00156FB3" w:rsidRDefault="00156FB3" w:rsidP="00156FB3">
            <w:r>
              <w:lastRenderedPageBreak/>
              <w:t xml:space="preserve">    margin-left: -5px;</w:t>
            </w:r>
          </w:p>
          <w:p w:rsidR="00156FB3" w:rsidRDefault="00156FB3" w:rsidP="00156FB3">
            <w:r>
              <w:t xml:space="preserve">    position: absolute;</w:t>
            </w:r>
          </w:p>
          <w:p w:rsidR="00156FB3" w:rsidRDefault="00156FB3" w:rsidP="00156FB3">
            <w:r>
              <w:t xml:space="preserve">    vertical-align: middle;</w:t>
            </w:r>
          </w:p>
          <w:p w:rsidR="00156FB3" w:rsidRDefault="00156FB3" w:rsidP="00156FB3">
            <w:r>
              <w:t xml:space="preserve">    width: 0;</w:t>
            </w:r>
          </w:p>
          <w:p w:rsidR="00156FB3" w:rsidRDefault="00156FB3" w:rsidP="00156FB3">
            <w:r>
              <w:t>}</w:t>
            </w:r>
          </w:p>
          <w:p w:rsidR="00156FB3" w:rsidRDefault="00156FB3" w:rsidP="00156FB3"/>
          <w:p w:rsidR="00156FB3" w:rsidRDefault="00156FB3" w:rsidP="00156FB3">
            <w:r>
              <w:t>.lg-fullscreen:after {</w:t>
            </w:r>
          </w:p>
          <w:p w:rsidR="00156FB3" w:rsidRDefault="00156FB3" w:rsidP="00156FB3">
            <w:r>
              <w:t xml:space="preserve">    content: "\e20c";</w:t>
            </w:r>
          </w:p>
          <w:p w:rsidR="00156FB3" w:rsidRDefault="00156FB3" w:rsidP="00156FB3">
            <w:r>
              <w:t>}</w:t>
            </w:r>
          </w:p>
          <w:p w:rsidR="00156FB3" w:rsidRDefault="00156FB3" w:rsidP="00156FB3"/>
          <w:p w:rsidR="00156FB3" w:rsidRDefault="00156FB3" w:rsidP="00156FB3">
            <w:r>
              <w:t>.lg-fullscreen-on .lg-fullscreen:after {</w:t>
            </w:r>
          </w:p>
          <w:p w:rsidR="00156FB3" w:rsidRDefault="00156FB3" w:rsidP="00156FB3">
            <w:r>
              <w:t xml:space="preserve">    content: "\e20d";</w:t>
            </w:r>
          </w:p>
          <w:p w:rsidR="00156FB3" w:rsidRDefault="00156FB3" w:rsidP="00156FB3">
            <w:r>
              <w:t>}</w:t>
            </w:r>
          </w:p>
          <w:p w:rsidR="00156FB3" w:rsidRDefault="00156FB3" w:rsidP="00156FB3"/>
          <w:p w:rsidR="00156FB3" w:rsidRDefault="00156FB3" w:rsidP="00156FB3">
            <w:r>
              <w:t>.lg-outer #lg-dropdown-overlay {</w:t>
            </w:r>
          </w:p>
          <w:p w:rsidR="00156FB3" w:rsidRDefault="00156FB3" w:rsidP="00156FB3">
            <w:r>
              <w:t xml:space="preserve">    background-color: rgba(0, 0, 0, 0.25);</w:t>
            </w:r>
          </w:p>
          <w:p w:rsidR="00156FB3" w:rsidRDefault="00156FB3" w:rsidP="00156FB3">
            <w:r>
              <w:t xml:space="preserve">    bottom: 0;</w:t>
            </w:r>
          </w:p>
          <w:p w:rsidR="00156FB3" w:rsidRDefault="00156FB3" w:rsidP="00156FB3">
            <w:r>
              <w:t xml:space="preserve">    cursor: default;</w:t>
            </w:r>
          </w:p>
          <w:p w:rsidR="00156FB3" w:rsidRDefault="00156FB3" w:rsidP="00156FB3">
            <w:r>
              <w:t xml:space="preserve">    left: 0;</w:t>
            </w:r>
          </w:p>
          <w:p w:rsidR="00156FB3" w:rsidRDefault="00156FB3" w:rsidP="00156FB3">
            <w:r>
              <w:t xml:space="preserve">    position: fixed;</w:t>
            </w:r>
          </w:p>
          <w:p w:rsidR="00156FB3" w:rsidRDefault="00156FB3" w:rsidP="00156FB3">
            <w:r>
              <w:t xml:space="preserve">    right: 0;</w:t>
            </w:r>
          </w:p>
          <w:p w:rsidR="00156FB3" w:rsidRDefault="00156FB3" w:rsidP="00156FB3">
            <w:r>
              <w:t xml:space="preserve">    top: 0;</w:t>
            </w:r>
          </w:p>
          <w:p w:rsidR="00156FB3" w:rsidRDefault="00156FB3" w:rsidP="00156FB3">
            <w:r>
              <w:t xml:space="preserve">    z-index: 1081;</w:t>
            </w:r>
          </w:p>
          <w:p w:rsidR="00156FB3" w:rsidRDefault="00156FB3" w:rsidP="00156FB3">
            <w:r>
              <w:t xml:space="preserve">    opacity: 0;</w:t>
            </w:r>
          </w:p>
          <w:p w:rsidR="00156FB3" w:rsidRDefault="00156FB3" w:rsidP="00156FB3">
            <w:r>
              <w:t xml:space="preserve">    visibility: hidden;</w:t>
            </w:r>
          </w:p>
          <w:p w:rsidR="00156FB3" w:rsidRDefault="00156FB3" w:rsidP="00156FB3">
            <w:r>
              <w:t xml:space="preserve">    -webkit-transition: visibility 0s linear 0.18s, opacity 0.18s linear 0s;</w:t>
            </w:r>
          </w:p>
          <w:p w:rsidR="00156FB3" w:rsidRDefault="00156FB3" w:rsidP="00156FB3">
            <w:r>
              <w:t xml:space="preserve">    -o-transition: visibility 0s linear 0.18s, opacity 0.18s linear 0s;</w:t>
            </w:r>
          </w:p>
          <w:p w:rsidR="00156FB3" w:rsidRDefault="00156FB3" w:rsidP="00156FB3">
            <w:r>
              <w:t xml:space="preserve">    transition: visibility 0s linear 0.18s, opacity 0.18s linear 0s;</w:t>
            </w:r>
          </w:p>
          <w:p w:rsidR="00156FB3" w:rsidRDefault="00156FB3" w:rsidP="00156FB3">
            <w:r>
              <w:t>}</w:t>
            </w:r>
          </w:p>
          <w:p w:rsidR="00156FB3" w:rsidRDefault="00156FB3" w:rsidP="00156FB3"/>
          <w:p w:rsidR="00156FB3" w:rsidRDefault="00156FB3" w:rsidP="00156FB3">
            <w:r>
              <w:t>.lg-outer.lg-dropdown-active .lg-dropdown, .lg-outer.lg-dropdown-active #lg-dropdown-overlay {</w:t>
            </w:r>
          </w:p>
          <w:p w:rsidR="00156FB3" w:rsidRDefault="00156FB3" w:rsidP="00156FB3">
            <w:r>
              <w:t xml:space="preserve">    -webkit-transition-delay: 0s;</w:t>
            </w:r>
          </w:p>
          <w:p w:rsidR="00156FB3" w:rsidRDefault="00156FB3" w:rsidP="00156FB3">
            <w:r>
              <w:t xml:space="preserve">    transition-delay: 0s;</w:t>
            </w:r>
          </w:p>
          <w:p w:rsidR="00156FB3" w:rsidRDefault="00156FB3" w:rsidP="00156FB3">
            <w:r>
              <w:t xml:space="preserve">    -moz-transform: translate3d(0, 0px, 0);</w:t>
            </w:r>
          </w:p>
          <w:p w:rsidR="00156FB3" w:rsidRDefault="00156FB3" w:rsidP="00156FB3">
            <w:r>
              <w:t xml:space="preserve">    -o-transform: translate3d(0, 0px, 0);</w:t>
            </w:r>
          </w:p>
          <w:p w:rsidR="00156FB3" w:rsidRDefault="00156FB3" w:rsidP="00156FB3">
            <w:r>
              <w:t xml:space="preserve">    -ms-transform: translate3d(0, 0px, 0);</w:t>
            </w:r>
          </w:p>
          <w:p w:rsidR="00156FB3" w:rsidRDefault="00156FB3" w:rsidP="00156FB3">
            <w:r>
              <w:t xml:space="preserve">    -webkit-transform: translate3d(0, 0px, 0);</w:t>
            </w:r>
          </w:p>
          <w:p w:rsidR="00156FB3" w:rsidRDefault="00156FB3" w:rsidP="00156FB3">
            <w:r>
              <w:t xml:space="preserve">    transform: translate3d(0, 0px, 0);</w:t>
            </w:r>
          </w:p>
          <w:p w:rsidR="00156FB3" w:rsidRDefault="00156FB3" w:rsidP="00156FB3">
            <w:r>
              <w:t xml:space="preserve">    opacity: 1;</w:t>
            </w:r>
          </w:p>
          <w:p w:rsidR="00156FB3" w:rsidRDefault="00156FB3" w:rsidP="00156FB3">
            <w:r>
              <w:t xml:space="preserve">    visibility: visible;</w:t>
            </w:r>
          </w:p>
          <w:p w:rsidR="00156FB3" w:rsidRDefault="00156FB3" w:rsidP="00156FB3">
            <w:r>
              <w:t>}</w:t>
            </w:r>
          </w:p>
          <w:p w:rsidR="00156FB3" w:rsidRDefault="00156FB3" w:rsidP="00156FB3"/>
          <w:p w:rsidR="00156FB3" w:rsidRDefault="00156FB3" w:rsidP="00156FB3">
            <w:r>
              <w:t>.lg-outer.lg-dropdown-active #lg-share {</w:t>
            </w:r>
          </w:p>
          <w:p w:rsidR="00156FB3" w:rsidRDefault="00156FB3" w:rsidP="00156FB3">
            <w:r>
              <w:t xml:space="preserve">    color: #FFF;</w:t>
            </w:r>
          </w:p>
          <w:p w:rsidR="00156FB3" w:rsidRDefault="00156FB3" w:rsidP="00156FB3">
            <w:r>
              <w:t>}</w:t>
            </w:r>
          </w:p>
          <w:p w:rsidR="00156FB3" w:rsidRDefault="00156FB3" w:rsidP="00156FB3"/>
          <w:p w:rsidR="00156FB3" w:rsidRDefault="00156FB3" w:rsidP="00156FB3">
            <w:r>
              <w:t>.lg-outer .lg-dropdown {</w:t>
            </w:r>
          </w:p>
          <w:p w:rsidR="00156FB3" w:rsidRDefault="00156FB3" w:rsidP="00156FB3">
            <w:r>
              <w:t xml:space="preserve">    background-color: #fff;</w:t>
            </w:r>
          </w:p>
          <w:p w:rsidR="00156FB3" w:rsidRDefault="00156FB3" w:rsidP="00156FB3">
            <w:r>
              <w:lastRenderedPageBreak/>
              <w:t xml:space="preserve">    border-radius: 2px;</w:t>
            </w:r>
          </w:p>
          <w:p w:rsidR="00156FB3" w:rsidRDefault="00156FB3" w:rsidP="00156FB3">
            <w:r>
              <w:t xml:space="preserve">    font-size: 14px;</w:t>
            </w:r>
          </w:p>
          <w:p w:rsidR="00156FB3" w:rsidRDefault="00156FB3" w:rsidP="00156FB3">
            <w:r>
              <w:t xml:space="preserve">    list-style-type: none;</w:t>
            </w:r>
          </w:p>
          <w:p w:rsidR="00156FB3" w:rsidRDefault="00156FB3" w:rsidP="00156FB3">
            <w:r>
              <w:t xml:space="preserve">    margin: 0;</w:t>
            </w:r>
          </w:p>
          <w:p w:rsidR="00156FB3" w:rsidRDefault="00156FB3" w:rsidP="00156FB3">
            <w:r>
              <w:t xml:space="preserve">    padding: 10px 0;</w:t>
            </w:r>
          </w:p>
          <w:p w:rsidR="00156FB3" w:rsidRDefault="00156FB3" w:rsidP="00156FB3">
            <w:r>
              <w:t xml:space="preserve">    position: absolute;</w:t>
            </w:r>
          </w:p>
          <w:p w:rsidR="00156FB3" w:rsidRDefault="00156FB3" w:rsidP="00156FB3">
            <w:r>
              <w:t xml:space="preserve">    right: 0;</w:t>
            </w:r>
          </w:p>
          <w:p w:rsidR="00156FB3" w:rsidRDefault="00156FB3" w:rsidP="00156FB3">
            <w:r>
              <w:t xml:space="preserve">    text-align: left;</w:t>
            </w:r>
          </w:p>
          <w:p w:rsidR="00156FB3" w:rsidRDefault="00156FB3" w:rsidP="00156FB3">
            <w:r>
              <w:t xml:space="preserve">    top: 50px;</w:t>
            </w:r>
          </w:p>
          <w:p w:rsidR="00156FB3" w:rsidRDefault="00156FB3" w:rsidP="00156FB3">
            <w:r>
              <w:t xml:space="preserve">    opacity: 0;</w:t>
            </w:r>
          </w:p>
          <w:p w:rsidR="00156FB3" w:rsidRDefault="00156FB3" w:rsidP="00156FB3">
            <w:r>
              <w:t xml:space="preserve">    visibility: hidden;</w:t>
            </w:r>
          </w:p>
          <w:p w:rsidR="00156FB3" w:rsidRDefault="00156FB3" w:rsidP="00156FB3">
            <w:r>
              <w:t xml:space="preserve">    -moz-transform: translate3d(0, 5px, 0);</w:t>
            </w:r>
          </w:p>
          <w:p w:rsidR="00156FB3" w:rsidRDefault="00156FB3" w:rsidP="00156FB3">
            <w:r>
              <w:t xml:space="preserve">    -o-transform: translate3d(0, 5px, 0);</w:t>
            </w:r>
          </w:p>
          <w:p w:rsidR="00156FB3" w:rsidRDefault="00156FB3" w:rsidP="00156FB3">
            <w:r>
              <w:t xml:space="preserve">    -ms-transform: translate3d(0, 5px, 0);</w:t>
            </w:r>
          </w:p>
          <w:p w:rsidR="00156FB3" w:rsidRDefault="00156FB3" w:rsidP="00156FB3">
            <w:r>
              <w:t xml:space="preserve">    -webkit-transform: translate3d(0, 5px, 0);</w:t>
            </w:r>
          </w:p>
          <w:p w:rsidR="00156FB3" w:rsidRDefault="00156FB3" w:rsidP="00156FB3">
            <w:r>
              <w:t xml:space="preserve">    transform: translate3d(0, 5px, 0);</w:t>
            </w:r>
          </w:p>
          <w:p w:rsidR="00156FB3" w:rsidRDefault="00156FB3" w:rsidP="00156FB3">
            <w:r>
              <w:t xml:space="preserve">    -webkit-transition: -webkit-transform 0.18s linear 0s, visibility 0s linear 0.5s, opacity 0.18s linear 0s;</w:t>
            </w:r>
          </w:p>
          <w:p w:rsidR="00156FB3" w:rsidRDefault="00156FB3" w:rsidP="00156FB3">
            <w:r>
              <w:t xml:space="preserve">    -moz-transition: -moz-transform 0.18s linear 0s, visibility 0s linear 0.5s, opacity 0.18s linear 0s;</w:t>
            </w:r>
          </w:p>
          <w:p w:rsidR="00156FB3" w:rsidRDefault="00156FB3" w:rsidP="00156FB3">
            <w:r>
              <w:t xml:space="preserve">    -o-transition: -o-transform 0.18s linear 0s, visibility 0s linear 0.5s, opacity 0.18s linear 0s;</w:t>
            </w:r>
          </w:p>
          <w:p w:rsidR="00156FB3" w:rsidRDefault="00156FB3" w:rsidP="00156FB3">
            <w:r>
              <w:t xml:space="preserve">    transition: transform 0.18s linear 0s, visibility 0s linear 0.5s, opacity 0.18s linear 0s;</w:t>
            </w:r>
          </w:p>
          <w:p w:rsidR="00156FB3" w:rsidRDefault="00156FB3" w:rsidP="00156FB3">
            <w:r>
              <w:t>}</w:t>
            </w:r>
          </w:p>
          <w:p w:rsidR="00156FB3" w:rsidRDefault="00156FB3" w:rsidP="00156FB3"/>
          <w:p w:rsidR="00156FB3" w:rsidRDefault="00156FB3" w:rsidP="00156FB3">
            <w:r>
              <w:t>.lg-outer .lg-dropdown:after {</w:t>
            </w:r>
          </w:p>
          <w:p w:rsidR="00156FB3" w:rsidRDefault="00156FB3" w:rsidP="00156FB3">
            <w:r>
              <w:t xml:space="preserve">    content: "";</w:t>
            </w:r>
          </w:p>
          <w:p w:rsidR="00156FB3" w:rsidRDefault="00156FB3" w:rsidP="00156FB3">
            <w:r>
              <w:t xml:space="preserve">    display: block;</w:t>
            </w:r>
          </w:p>
          <w:p w:rsidR="00156FB3" w:rsidRDefault="00156FB3" w:rsidP="00156FB3">
            <w:r>
              <w:t xml:space="preserve">    height: 0;</w:t>
            </w:r>
          </w:p>
          <w:p w:rsidR="00156FB3" w:rsidRDefault="00156FB3" w:rsidP="00156FB3">
            <w:r>
              <w:t xml:space="preserve">    width: 0;</w:t>
            </w:r>
          </w:p>
          <w:p w:rsidR="00156FB3" w:rsidRDefault="00156FB3" w:rsidP="00156FB3">
            <w:r>
              <w:t xml:space="preserve">    position: absolute;</w:t>
            </w:r>
          </w:p>
          <w:p w:rsidR="00156FB3" w:rsidRDefault="00156FB3" w:rsidP="00156FB3">
            <w:r>
              <w:t xml:space="preserve">    border: 8px solid transparent;</w:t>
            </w:r>
          </w:p>
          <w:p w:rsidR="00156FB3" w:rsidRDefault="00156FB3" w:rsidP="00156FB3">
            <w:r>
              <w:t xml:space="preserve">    border-bottom-color: #FFF;</w:t>
            </w:r>
          </w:p>
          <w:p w:rsidR="00156FB3" w:rsidRDefault="00156FB3" w:rsidP="00156FB3">
            <w:r>
              <w:t xml:space="preserve">    right: 16px;</w:t>
            </w:r>
          </w:p>
          <w:p w:rsidR="00156FB3" w:rsidRDefault="00156FB3" w:rsidP="00156FB3">
            <w:r>
              <w:t xml:space="preserve">    top: -16px;</w:t>
            </w:r>
          </w:p>
          <w:p w:rsidR="00156FB3" w:rsidRDefault="00156FB3" w:rsidP="00156FB3">
            <w:r>
              <w:t>}</w:t>
            </w:r>
          </w:p>
          <w:p w:rsidR="00156FB3" w:rsidRDefault="00156FB3" w:rsidP="00156FB3"/>
          <w:p w:rsidR="00156FB3" w:rsidRDefault="00156FB3" w:rsidP="00156FB3">
            <w:r>
              <w:t>.lg-outer .lg-dropdown &gt; li:last-child {</w:t>
            </w:r>
          </w:p>
          <w:p w:rsidR="00156FB3" w:rsidRDefault="00156FB3" w:rsidP="00156FB3">
            <w:r>
              <w:t xml:space="preserve">    margin-bottom: 0px;</w:t>
            </w:r>
          </w:p>
          <w:p w:rsidR="00156FB3" w:rsidRDefault="00156FB3" w:rsidP="00156FB3">
            <w:r>
              <w:t>}</w:t>
            </w:r>
          </w:p>
          <w:p w:rsidR="00156FB3" w:rsidRDefault="00156FB3" w:rsidP="00156FB3"/>
          <w:p w:rsidR="00156FB3" w:rsidRDefault="00156FB3" w:rsidP="00156FB3">
            <w:r>
              <w:t>.lg-outer .lg-dropdown &gt; li:hover a, .lg-outer .lg-dropdown &gt; li:hover .lg-icon {</w:t>
            </w:r>
          </w:p>
          <w:p w:rsidR="00156FB3" w:rsidRDefault="00156FB3" w:rsidP="00156FB3">
            <w:r>
              <w:t xml:space="preserve">    color: #333;</w:t>
            </w:r>
          </w:p>
          <w:p w:rsidR="00156FB3" w:rsidRDefault="00156FB3" w:rsidP="00156FB3">
            <w:r>
              <w:t>}</w:t>
            </w:r>
          </w:p>
          <w:p w:rsidR="00156FB3" w:rsidRDefault="00156FB3" w:rsidP="00156FB3"/>
          <w:p w:rsidR="00156FB3" w:rsidRDefault="00156FB3" w:rsidP="00156FB3">
            <w:r>
              <w:t>.lg-outer .lg-dropdown a {</w:t>
            </w:r>
          </w:p>
          <w:p w:rsidR="00156FB3" w:rsidRDefault="00156FB3" w:rsidP="00156FB3">
            <w:r>
              <w:t xml:space="preserve">    color: #333;</w:t>
            </w:r>
          </w:p>
          <w:p w:rsidR="00156FB3" w:rsidRDefault="00156FB3" w:rsidP="00156FB3">
            <w:r>
              <w:t xml:space="preserve">    display: block;</w:t>
            </w:r>
          </w:p>
          <w:p w:rsidR="00156FB3" w:rsidRDefault="00156FB3" w:rsidP="00156FB3">
            <w:r>
              <w:t xml:space="preserve">    white-space: pre;</w:t>
            </w:r>
          </w:p>
          <w:p w:rsidR="00156FB3" w:rsidRDefault="00156FB3" w:rsidP="00156FB3">
            <w:r>
              <w:t xml:space="preserve">    padding: 4px 12px;</w:t>
            </w:r>
          </w:p>
          <w:p w:rsidR="00156FB3" w:rsidRDefault="00156FB3" w:rsidP="00156FB3">
            <w:r>
              <w:t xml:space="preserve">    font-family: "Open Sans", "Helvetica Neue", Helvetica, Arial, sans-serif;</w:t>
            </w:r>
          </w:p>
          <w:p w:rsidR="00156FB3" w:rsidRDefault="00156FB3" w:rsidP="00156FB3">
            <w:r>
              <w:lastRenderedPageBreak/>
              <w:t xml:space="preserve">    font-size: 12px;</w:t>
            </w:r>
          </w:p>
          <w:p w:rsidR="00156FB3" w:rsidRDefault="00156FB3" w:rsidP="00156FB3">
            <w:r>
              <w:t>}</w:t>
            </w:r>
          </w:p>
          <w:p w:rsidR="00156FB3" w:rsidRDefault="00156FB3" w:rsidP="00156FB3"/>
          <w:p w:rsidR="00156FB3" w:rsidRDefault="00156FB3" w:rsidP="00156FB3">
            <w:r>
              <w:t>.lg-outer .lg-dropdown a:hover {</w:t>
            </w:r>
          </w:p>
          <w:p w:rsidR="00156FB3" w:rsidRDefault="00156FB3" w:rsidP="00156FB3">
            <w:r>
              <w:t xml:space="preserve">    background-color: rgba(0, 0, 0, 0.07);</w:t>
            </w:r>
          </w:p>
          <w:p w:rsidR="00156FB3" w:rsidRDefault="00156FB3" w:rsidP="00156FB3">
            <w:r>
              <w:t>}</w:t>
            </w:r>
          </w:p>
          <w:p w:rsidR="00156FB3" w:rsidRDefault="00156FB3" w:rsidP="00156FB3"/>
          <w:p w:rsidR="00156FB3" w:rsidRDefault="00156FB3" w:rsidP="00156FB3">
            <w:r>
              <w:t>.lg-outer .lg-dropdown .lg-dropdown-text {</w:t>
            </w:r>
          </w:p>
          <w:p w:rsidR="00156FB3" w:rsidRDefault="00156FB3" w:rsidP="00156FB3">
            <w:r>
              <w:t xml:space="preserve">    display: inline-block;</w:t>
            </w:r>
          </w:p>
          <w:p w:rsidR="00156FB3" w:rsidRDefault="00156FB3" w:rsidP="00156FB3">
            <w:r>
              <w:t xml:space="preserve">    line-height: 1;</w:t>
            </w:r>
          </w:p>
          <w:p w:rsidR="00156FB3" w:rsidRDefault="00156FB3" w:rsidP="00156FB3">
            <w:r>
              <w:t xml:space="preserve">    margin-top: -3px;</w:t>
            </w:r>
          </w:p>
          <w:p w:rsidR="00156FB3" w:rsidRDefault="00156FB3" w:rsidP="00156FB3">
            <w:r>
              <w:t xml:space="preserve">    vertical-align: middle;</w:t>
            </w:r>
          </w:p>
          <w:p w:rsidR="00156FB3" w:rsidRDefault="00156FB3" w:rsidP="00156FB3">
            <w:r>
              <w:t>}</w:t>
            </w:r>
          </w:p>
          <w:p w:rsidR="00156FB3" w:rsidRDefault="00156FB3" w:rsidP="00156FB3"/>
          <w:p w:rsidR="00156FB3" w:rsidRDefault="00156FB3" w:rsidP="00156FB3">
            <w:r>
              <w:t>.lg-outer .lg-dropdown .lg-icon {</w:t>
            </w:r>
          </w:p>
          <w:p w:rsidR="00156FB3" w:rsidRDefault="00156FB3" w:rsidP="00156FB3">
            <w:r>
              <w:t xml:space="preserve">    color: #333;</w:t>
            </w:r>
          </w:p>
          <w:p w:rsidR="00156FB3" w:rsidRDefault="00156FB3" w:rsidP="00156FB3">
            <w:r>
              <w:t xml:space="preserve">    display: inline-block;</w:t>
            </w:r>
          </w:p>
          <w:p w:rsidR="00156FB3" w:rsidRDefault="00156FB3" w:rsidP="00156FB3">
            <w:r>
              <w:t xml:space="preserve">    float: none;</w:t>
            </w:r>
          </w:p>
          <w:p w:rsidR="00156FB3" w:rsidRDefault="00156FB3" w:rsidP="00156FB3">
            <w:r>
              <w:t xml:space="preserve">    font-size: 20px;</w:t>
            </w:r>
          </w:p>
          <w:p w:rsidR="00156FB3" w:rsidRDefault="00156FB3" w:rsidP="00156FB3">
            <w:r>
              <w:t xml:space="preserve">    height: auto;</w:t>
            </w:r>
          </w:p>
          <w:p w:rsidR="00156FB3" w:rsidRDefault="00156FB3" w:rsidP="00156FB3">
            <w:r>
              <w:t xml:space="preserve">    line-height: 1;</w:t>
            </w:r>
          </w:p>
          <w:p w:rsidR="00156FB3" w:rsidRDefault="00156FB3" w:rsidP="00156FB3">
            <w:r>
              <w:t xml:space="preserve">    margin-right: 8px;</w:t>
            </w:r>
          </w:p>
          <w:p w:rsidR="00156FB3" w:rsidRDefault="00156FB3" w:rsidP="00156FB3">
            <w:r>
              <w:t xml:space="preserve">    padding: 0;</w:t>
            </w:r>
          </w:p>
          <w:p w:rsidR="00156FB3" w:rsidRDefault="00156FB3" w:rsidP="00156FB3">
            <w:r>
              <w:t xml:space="preserve">    vertical-align: middle;</w:t>
            </w:r>
          </w:p>
          <w:p w:rsidR="00156FB3" w:rsidRDefault="00156FB3" w:rsidP="00156FB3">
            <w:r>
              <w:t xml:space="preserve">    width: auto;</w:t>
            </w:r>
          </w:p>
          <w:p w:rsidR="00156FB3" w:rsidRDefault="00156FB3" w:rsidP="00156FB3">
            <w:r>
              <w:t>}</w:t>
            </w:r>
          </w:p>
          <w:p w:rsidR="00156FB3" w:rsidRDefault="00156FB3" w:rsidP="00156FB3"/>
          <w:p w:rsidR="00156FB3" w:rsidRDefault="00156FB3" w:rsidP="00156FB3">
            <w:r>
              <w:t>.lg-outer #lg-share {</w:t>
            </w:r>
          </w:p>
          <w:p w:rsidR="00156FB3" w:rsidRDefault="00156FB3" w:rsidP="00156FB3">
            <w:r>
              <w:t xml:space="preserve">    position: relative;</w:t>
            </w:r>
          </w:p>
          <w:p w:rsidR="00156FB3" w:rsidRDefault="00156FB3" w:rsidP="00156FB3">
            <w:r>
              <w:t>}</w:t>
            </w:r>
          </w:p>
          <w:p w:rsidR="00156FB3" w:rsidRDefault="00156FB3" w:rsidP="00156FB3"/>
          <w:p w:rsidR="00156FB3" w:rsidRDefault="00156FB3" w:rsidP="00156FB3">
            <w:r>
              <w:t>.lg-outer #lg-share:after {</w:t>
            </w:r>
          </w:p>
          <w:p w:rsidR="00156FB3" w:rsidRDefault="00156FB3" w:rsidP="00156FB3">
            <w:r>
              <w:t xml:space="preserve">    content: "\e80d";</w:t>
            </w:r>
          </w:p>
          <w:p w:rsidR="00156FB3" w:rsidRDefault="00156FB3" w:rsidP="00156FB3">
            <w:r>
              <w:t>}</w:t>
            </w:r>
          </w:p>
          <w:p w:rsidR="00156FB3" w:rsidRDefault="00156FB3" w:rsidP="00156FB3"/>
          <w:p w:rsidR="00156FB3" w:rsidRDefault="00156FB3" w:rsidP="00156FB3">
            <w:r>
              <w:t>.lg-outer #lg-share-facebook .lg-icon {</w:t>
            </w:r>
          </w:p>
          <w:p w:rsidR="00156FB3" w:rsidRDefault="00156FB3" w:rsidP="00156FB3">
            <w:r>
              <w:t xml:space="preserve">    color: #3b5998;</w:t>
            </w:r>
          </w:p>
          <w:p w:rsidR="00156FB3" w:rsidRDefault="00156FB3" w:rsidP="00156FB3">
            <w:r>
              <w:t>}</w:t>
            </w:r>
          </w:p>
          <w:p w:rsidR="00156FB3" w:rsidRDefault="00156FB3" w:rsidP="00156FB3"/>
          <w:p w:rsidR="00156FB3" w:rsidRDefault="00156FB3" w:rsidP="00156FB3">
            <w:r>
              <w:t>.lg-outer #lg-share-facebook .lg-icon:after {</w:t>
            </w:r>
          </w:p>
          <w:p w:rsidR="00156FB3" w:rsidRDefault="00156FB3" w:rsidP="00156FB3">
            <w:r>
              <w:t xml:space="preserve">    content: "\e901";</w:t>
            </w:r>
          </w:p>
          <w:p w:rsidR="00156FB3" w:rsidRDefault="00156FB3" w:rsidP="00156FB3">
            <w:r>
              <w:t>}</w:t>
            </w:r>
          </w:p>
          <w:p w:rsidR="00156FB3" w:rsidRDefault="00156FB3" w:rsidP="00156FB3"/>
          <w:p w:rsidR="00156FB3" w:rsidRDefault="00156FB3" w:rsidP="00156FB3">
            <w:r>
              <w:t>.lg-outer #lg-share-twitter .lg-icon {</w:t>
            </w:r>
          </w:p>
          <w:p w:rsidR="00156FB3" w:rsidRDefault="00156FB3" w:rsidP="00156FB3">
            <w:r>
              <w:t xml:space="preserve">    color: #00aced;</w:t>
            </w:r>
          </w:p>
          <w:p w:rsidR="00156FB3" w:rsidRDefault="00156FB3" w:rsidP="00156FB3">
            <w:r>
              <w:t>}</w:t>
            </w:r>
          </w:p>
          <w:p w:rsidR="00156FB3" w:rsidRDefault="00156FB3" w:rsidP="00156FB3"/>
          <w:p w:rsidR="00156FB3" w:rsidRDefault="00156FB3" w:rsidP="00156FB3">
            <w:r>
              <w:t>.lg-outer #lg-share-twitter .lg-icon:after {</w:t>
            </w:r>
          </w:p>
          <w:p w:rsidR="00156FB3" w:rsidRDefault="00156FB3" w:rsidP="00156FB3">
            <w:r>
              <w:lastRenderedPageBreak/>
              <w:t xml:space="preserve">    content: "\e904";</w:t>
            </w:r>
          </w:p>
          <w:p w:rsidR="00156FB3" w:rsidRDefault="00156FB3" w:rsidP="00156FB3">
            <w:r>
              <w:t>}</w:t>
            </w:r>
          </w:p>
          <w:p w:rsidR="00156FB3" w:rsidRDefault="00156FB3" w:rsidP="00156FB3"/>
          <w:p w:rsidR="00156FB3" w:rsidRDefault="00156FB3" w:rsidP="00156FB3">
            <w:r>
              <w:t>.lg-outer #lg-share-googleplus .lg-icon {</w:t>
            </w:r>
          </w:p>
          <w:p w:rsidR="00156FB3" w:rsidRDefault="00156FB3" w:rsidP="00156FB3">
            <w:r>
              <w:t xml:space="preserve">    color: #dd4b39;</w:t>
            </w:r>
          </w:p>
          <w:p w:rsidR="00156FB3" w:rsidRDefault="00156FB3" w:rsidP="00156FB3">
            <w:r>
              <w:t>}</w:t>
            </w:r>
          </w:p>
          <w:p w:rsidR="00156FB3" w:rsidRDefault="00156FB3" w:rsidP="00156FB3"/>
          <w:p w:rsidR="00156FB3" w:rsidRDefault="00156FB3" w:rsidP="00156FB3">
            <w:r>
              <w:t>.lg-outer #lg-share-googleplus .lg-icon:after {</w:t>
            </w:r>
          </w:p>
          <w:p w:rsidR="00156FB3" w:rsidRDefault="00156FB3" w:rsidP="00156FB3">
            <w:r>
              <w:t xml:space="preserve">    content: "\e902";</w:t>
            </w:r>
          </w:p>
          <w:p w:rsidR="00156FB3" w:rsidRDefault="00156FB3" w:rsidP="00156FB3">
            <w:r>
              <w:t>}</w:t>
            </w:r>
          </w:p>
          <w:p w:rsidR="00156FB3" w:rsidRDefault="00156FB3" w:rsidP="00156FB3"/>
          <w:p w:rsidR="00156FB3" w:rsidRDefault="00156FB3" w:rsidP="00156FB3">
            <w:r>
              <w:t>.lg-outer #lg-share-pinterest .lg-icon {</w:t>
            </w:r>
          </w:p>
          <w:p w:rsidR="00156FB3" w:rsidRDefault="00156FB3" w:rsidP="00156FB3">
            <w:r>
              <w:t xml:space="preserve">    color: #cb2027;</w:t>
            </w:r>
          </w:p>
          <w:p w:rsidR="00156FB3" w:rsidRDefault="00156FB3" w:rsidP="00156FB3">
            <w:r>
              <w:t>}</w:t>
            </w:r>
          </w:p>
          <w:p w:rsidR="00156FB3" w:rsidRDefault="00156FB3" w:rsidP="00156FB3"/>
          <w:p w:rsidR="00156FB3" w:rsidRDefault="00156FB3" w:rsidP="00156FB3">
            <w:r>
              <w:t>.lg-outer #lg-share-pinterest .lg-icon:after {</w:t>
            </w:r>
          </w:p>
          <w:p w:rsidR="00156FB3" w:rsidRDefault="00156FB3" w:rsidP="00156FB3">
            <w:r>
              <w:t xml:space="preserve">    content: "\e903";</w:t>
            </w:r>
          </w:p>
          <w:p w:rsidR="00156FB3" w:rsidRDefault="00156FB3" w:rsidP="00156FB3">
            <w:r>
              <w:t>}</w:t>
            </w:r>
          </w:p>
          <w:p w:rsidR="00156FB3" w:rsidRDefault="00156FB3" w:rsidP="00156FB3"/>
          <w:p w:rsidR="00156FB3" w:rsidRDefault="00156FB3" w:rsidP="00156FB3">
            <w:r>
              <w:t>.lg-group:after {</w:t>
            </w:r>
          </w:p>
          <w:p w:rsidR="00156FB3" w:rsidRDefault="00156FB3" w:rsidP="00156FB3">
            <w:r>
              <w:t xml:space="preserve">    content: "";</w:t>
            </w:r>
          </w:p>
          <w:p w:rsidR="00156FB3" w:rsidRDefault="00156FB3" w:rsidP="00156FB3">
            <w:r>
              <w:t xml:space="preserve">    display: table;</w:t>
            </w:r>
          </w:p>
          <w:p w:rsidR="00156FB3" w:rsidRDefault="00156FB3" w:rsidP="00156FB3">
            <w:r>
              <w:t xml:space="preserve">    clear: both;</w:t>
            </w:r>
          </w:p>
          <w:p w:rsidR="00156FB3" w:rsidRDefault="00156FB3" w:rsidP="00156FB3">
            <w:r>
              <w:t>}</w:t>
            </w:r>
          </w:p>
          <w:p w:rsidR="00156FB3" w:rsidRDefault="00156FB3" w:rsidP="00156FB3"/>
          <w:p w:rsidR="00156FB3" w:rsidRDefault="00156FB3" w:rsidP="00156FB3">
            <w:r>
              <w:t>.lg-outer {</w:t>
            </w:r>
          </w:p>
          <w:p w:rsidR="00156FB3" w:rsidRDefault="00156FB3" w:rsidP="00156FB3">
            <w:r>
              <w:t xml:space="preserve">    width: 100%;</w:t>
            </w:r>
          </w:p>
          <w:p w:rsidR="00156FB3" w:rsidRDefault="00156FB3" w:rsidP="00156FB3">
            <w:r>
              <w:t xml:space="preserve">    height: 100%;</w:t>
            </w:r>
          </w:p>
          <w:p w:rsidR="00156FB3" w:rsidRDefault="00156FB3" w:rsidP="00156FB3">
            <w:r>
              <w:t xml:space="preserve">    position: fixed;</w:t>
            </w:r>
          </w:p>
          <w:p w:rsidR="00156FB3" w:rsidRDefault="00156FB3" w:rsidP="00156FB3">
            <w:r>
              <w:t xml:space="preserve">    top: 0;</w:t>
            </w:r>
          </w:p>
          <w:p w:rsidR="00156FB3" w:rsidRDefault="00156FB3" w:rsidP="00156FB3">
            <w:r>
              <w:t xml:space="preserve">    left: 0;</w:t>
            </w:r>
          </w:p>
          <w:p w:rsidR="00156FB3" w:rsidRDefault="00156FB3" w:rsidP="00156FB3">
            <w:r>
              <w:t xml:space="preserve">    z-index: 1050;</w:t>
            </w:r>
          </w:p>
          <w:p w:rsidR="00156FB3" w:rsidRDefault="00156FB3" w:rsidP="00156FB3">
            <w:r>
              <w:t xml:space="preserve">    text-align: left;</w:t>
            </w:r>
          </w:p>
          <w:p w:rsidR="00156FB3" w:rsidRDefault="00156FB3" w:rsidP="00156FB3">
            <w:r>
              <w:t xml:space="preserve">    opacity: 0;</w:t>
            </w:r>
          </w:p>
          <w:p w:rsidR="00156FB3" w:rsidRDefault="00156FB3" w:rsidP="00156FB3">
            <w:r>
              <w:t xml:space="preserve">    -webkit-transition: opacity 0.15s ease 0s;</w:t>
            </w:r>
          </w:p>
          <w:p w:rsidR="00156FB3" w:rsidRDefault="00156FB3" w:rsidP="00156FB3">
            <w:r>
              <w:t xml:space="preserve">    -o-transition: opacity 0.15s ease 0s;</w:t>
            </w:r>
          </w:p>
          <w:p w:rsidR="00156FB3" w:rsidRDefault="00156FB3" w:rsidP="00156FB3">
            <w:r>
              <w:t xml:space="preserve">    transition: opacity 0.15s ease 0s;</w:t>
            </w:r>
          </w:p>
          <w:p w:rsidR="00156FB3" w:rsidRDefault="00156FB3" w:rsidP="00156FB3">
            <w:r>
              <w:t>}</w:t>
            </w:r>
          </w:p>
          <w:p w:rsidR="00156FB3" w:rsidRDefault="00156FB3" w:rsidP="00156FB3"/>
          <w:p w:rsidR="00156FB3" w:rsidRDefault="00156FB3" w:rsidP="00156FB3">
            <w:r>
              <w:t>.lg-outer * {</w:t>
            </w:r>
          </w:p>
          <w:p w:rsidR="00156FB3" w:rsidRDefault="00156FB3" w:rsidP="00156FB3">
            <w:r>
              <w:t xml:space="preserve">    -webkit-box-sizing: border-box;</w:t>
            </w:r>
          </w:p>
          <w:p w:rsidR="00156FB3" w:rsidRDefault="00156FB3" w:rsidP="00156FB3">
            <w:r>
              <w:t xml:space="preserve">    -moz-box-sizing: border-box;</w:t>
            </w:r>
          </w:p>
          <w:p w:rsidR="00156FB3" w:rsidRDefault="00156FB3" w:rsidP="00156FB3">
            <w:r>
              <w:t xml:space="preserve">    box-sizing: border-box;</w:t>
            </w:r>
          </w:p>
          <w:p w:rsidR="00156FB3" w:rsidRDefault="00156FB3" w:rsidP="00156FB3">
            <w:r>
              <w:t>}</w:t>
            </w:r>
          </w:p>
          <w:p w:rsidR="00156FB3" w:rsidRDefault="00156FB3" w:rsidP="00156FB3"/>
          <w:p w:rsidR="00156FB3" w:rsidRDefault="00156FB3" w:rsidP="00156FB3">
            <w:r>
              <w:t>.lg-outer.lg-visible {</w:t>
            </w:r>
          </w:p>
          <w:p w:rsidR="00156FB3" w:rsidRDefault="00156FB3" w:rsidP="00156FB3">
            <w:r>
              <w:t xml:space="preserve">    opacity: 1;</w:t>
            </w:r>
          </w:p>
          <w:p w:rsidR="00156FB3" w:rsidRDefault="00156FB3" w:rsidP="00156FB3">
            <w:r>
              <w:t>}</w:t>
            </w:r>
          </w:p>
          <w:p w:rsidR="00156FB3" w:rsidRDefault="00156FB3" w:rsidP="00156FB3"/>
          <w:p w:rsidR="00156FB3" w:rsidRDefault="00156FB3" w:rsidP="00156FB3">
            <w:r>
              <w:t>.lg-outer.lg-css3 .lg-item.lg-prev-slide, .lg-outer.lg-css3 .lg-item.lg-next-slide, .lg-outer.lg-css3 .lg-item.lg-current {</w:t>
            </w:r>
          </w:p>
          <w:p w:rsidR="00156FB3" w:rsidRDefault="00156FB3" w:rsidP="00156FB3">
            <w:r>
              <w:t xml:space="preserve">    -webkit-transition-duration: inherit !important;</w:t>
            </w:r>
          </w:p>
          <w:p w:rsidR="00156FB3" w:rsidRDefault="00156FB3" w:rsidP="00156FB3">
            <w:r>
              <w:t xml:space="preserve">    transition-duration: inherit !important;</w:t>
            </w:r>
          </w:p>
          <w:p w:rsidR="00156FB3" w:rsidRDefault="00156FB3" w:rsidP="00156FB3">
            <w:r>
              <w:t xml:space="preserve">    -webkit-transition-timing-function: inherit !important;</w:t>
            </w:r>
          </w:p>
          <w:p w:rsidR="00156FB3" w:rsidRDefault="00156FB3" w:rsidP="00156FB3">
            <w:r>
              <w:t xml:space="preserve">    transition-timing-function: inherit !important;</w:t>
            </w:r>
          </w:p>
          <w:p w:rsidR="00156FB3" w:rsidRDefault="00156FB3" w:rsidP="00156FB3">
            <w:r>
              <w:t>}</w:t>
            </w:r>
          </w:p>
          <w:p w:rsidR="00156FB3" w:rsidRDefault="00156FB3" w:rsidP="00156FB3"/>
          <w:p w:rsidR="00156FB3" w:rsidRDefault="00156FB3" w:rsidP="00156FB3">
            <w:r>
              <w:t>.lg-outer.lg-css3.lg-dragging .lg-item.lg-prev-slide, .lg-outer.lg-css3.lg-dragging .lg-item.lg-next-slide, .lg-outer.lg-css3.lg-dragging .lg-item.lg-current {</w:t>
            </w:r>
          </w:p>
          <w:p w:rsidR="00156FB3" w:rsidRDefault="00156FB3" w:rsidP="00156FB3">
            <w:r>
              <w:t xml:space="preserve">    -webkit-transition-duration: 0s !important;</w:t>
            </w:r>
          </w:p>
          <w:p w:rsidR="00156FB3" w:rsidRDefault="00156FB3" w:rsidP="00156FB3">
            <w:r>
              <w:t xml:space="preserve">    transition-duration: 0s !important;</w:t>
            </w:r>
          </w:p>
          <w:p w:rsidR="00156FB3" w:rsidRDefault="00156FB3" w:rsidP="00156FB3">
            <w:r>
              <w:t xml:space="preserve">    opacity: 1;</w:t>
            </w:r>
          </w:p>
          <w:p w:rsidR="00156FB3" w:rsidRDefault="00156FB3" w:rsidP="00156FB3">
            <w:r>
              <w:t>}</w:t>
            </w:r>
          </w:p>
          <w:p w:rsidR="00156FB3" w:rsidRDefault="00156FB3" w:rsidP="00156FB3"/>
          <w:p w:rsidR="00156FB3" w:rsidRDefault="00156FB3" w:rsidP="00156FB3">
            <w:r>
              <w:t>.lg-outer.lg-grab img.lg-object {</w:t>
            </w:r>
          </w:p>
          <w:p w:rsidR="00156FB3" w:rsidRDefault="00156FB3" w:rsidP="00156FB3">
            <w:r>
              <w:t xml:space="preserve">    cursor: -webkit-grab;</w:t>
            </w:r>
          </w:p>
          <w:p w:rsidR="00156FB3" w:rsidRDefault="00156FB3" w:rsidP="00156FB3">
            <w:r>
              <w:t xml:space="preserve">    cursor: -moz-grab;</w:t>
            </w:r>
          </w:p>
          <w:p w:rsidR="00156FB3" w:rsidRDefault="00156FB3" w:rsidP="00156FB3">
            <w:r>
              <w:t xml:space="preserve">    cursor: -o-grab;</w:t>
            </w:r>
          </w:p>
          <w:p w:rsidR="00156FB3" w:rsidRDefault="00156FB3" w:rsidP="00156FB3">
            <w:r>
              <w:t xml:space="preserve">    cursor: -ms-grab;</w:t>
            </w:r>
          </w:p>
          <w:p w:rsidR="00156FB3" w:rsidRDefault="00156FB3" w:rsidP="00156FB3">
            <w:r>
              <w:t xml:space="preserve">    cursor: grab;</w:t>
            </w:r>
          </w:p>
          <w:p w:rsidR="00156FB3" w:rsidRDefault="00156FB3" w:rsidP="00156FB3">
            <w:r>
              <w:t>}</w:t>
            </w:r>
          </w:p>
          <w:p w:rsidR="00156FB3" w:rsidRDefault="00156FB3" w:rsidP="00156FB3"/>
          <w:p w:rsidR="00156FB3" w:rsidRDefault="00156FB3" w:rsidP="00156FB3">
            <w:r>
              <w:t>.lg-outer.lg-grabbing img.lg-object {</w:t>
            </w:r>
          </w:p>
          <w:p w:rsidR="00156FB3" w:rsidRDefault="00156FB3" w:rsidP="00156FB3">
            <w:r>
              <w:t xml:space="preserve">    cursor: move;</w:t>
            </w:r>
          </w:p>
          <w:p w:rsidR="00156FB3" w:rsidRDefault="00156FB3" w:rsidP="00156FB3">
            <w:r>
              <w:t xml:space="preserve">    cursor: -webkit-grabbing;</w:t>
            </w:r>
          </w:p>
          <w:p w:rsidR="00156FB3" w:rsidRDefault="00156FB3" w:rsidP="00156FB3">
            <w:r>
              <w:t xml:space="preserve">    cursor: -moz-grabbing;</w:t>
            </w:r>
          </w:p>
          <w:p w:rsidR="00156FB3" w:rsidRDefault="00156FB3" w:rsidP="00156FB3">
            <w:r>
              <w:t xml:space="preserve">    cursor: -o-grabbing;</w:t>
            </w:r>
          </w:p>
          <w:p w:rsidR="00156FB3" w:rsidRDefault="00156FB3" w:rsidP="00156FB3">
            <w:r>
              <w:t xml:space="preserve">    cursor: -ms-grabbing;</w:t>
            </w:r>
          </w:p>
          <w:p w:rsidR="00156FB3" w:rsidRDefault="00156FB3" w:rsidP="00156FB3">
            <w:r>
              <w:t xml:space="preserve">    cursor: grabbing;</w:t>
            </w:r>
          </w:p>
          <w:p w:rsidR="00156FB3" w:rsidRDefault="00156FB3" w:rsidP="00156FB3">
            <w:r>
              <w:t>}</w:t>
            </w:r>
          </w:p>
          <w:p w:rsidR="00156FB3" w:rsidRDefault="00156FB3" w:rsidP="00156FB3"/>
          <w:p w:rsidR="00156FB3" w:rsidRDefault="00156FB3" w:rsidP="00156FB3">
            <w:r>
              <w:t>.lg-outer .lg {</w:t>
            </w:r>
          </w:p>
          <w:p w:rsidR="00156FB3" w:rsidRDefault="00156FB3" w:rsidP="00156FB3">
            <w:r>
              <w:t xml:space="preserve">    height: 100%;</w:t>
            </w:r>
          </w:p>
          <w:p w:rsidR="00156FB3" w:rsidRDefault="00156FB3" w:rsidP="00156FB3">
            <w:r>
              <w:t xml:space="preserve">    width: 100%;</w:t>
            </w:r>
          </w:p>
          <w:p w:rsidR="00156FB3" w:rsidRDefault="00156FB3" w:rsidP="00156FB3">
            <w:r>
              <w:t xml:space="preserve">    position: relative;</w:t>
            </w:r>
          </w:p>
          <w:p w:rsidR="00156FB3" w:rsidRDefault="00156FB3" w:rsidP="00156FB3">
            <w:r>
              <w:t xml:space="preserve">    overflow: hidden;</w:t>
            </w:r>
          </w:p>
          <w:p w:rsidR="00156FB3" w:rsidRDefault="00156FB3" w:rsidP="00156FB3">
            <w:r>
              <w:t xml:space="preserve">    margin-left: auto;</w:t>
            </w:r>
          </w:p>
          <w:p w:rsidR="00156FB3" w:rsidRDefault="00156FB3" w:rsidP="00156FB3">
            <w:r>
              <w:t xml:space="preserve">    margin-right: auto;</w:t>
            </w:r>
          </w:p>
          <w:p w:rsidR="00156FB3" w:rsidRDefault="00156FB3" w:rsidP="00156FB3">
            <w:r>
              <w:t xml:space="preserve">    max-width: 100%;</w:t>
            </w:r>
          </w:p>
          <w:p w:rsidR="00156FB3" w:rsidRDefault="00156FB3" w:rsidP="00156FB3">
            <w:r>
              <w:t xml:space="preserve">    max-height: 100%;</w:t>
            </w:r>
          </w:p>
          <w:p w:rsidR="00156FB3" w:rsidRDefault="00156FB3" w:rsidP="00156FB3">
            <w:r>
              <w:t>}</w:t>
            </w:r>
          </w:p>
          <w:p w:rsidR="00156FB3" w:rsidRDefault="00156FB3" w:rsidP="00156FB3"/>
          <w:p w:rsidR="00156FB3" w:rsidRDefault="00156FB3" w:rsidP="00156FB3">
            <w:r>
              <w:t>.lg-outer .lg-inner {</w:t>
            </w:r>
          </w:p>
          <w:p w:rsidR="00156FB3" w:rsidRDefault="00156FB3" w:rsidP="00156FB3">
            <w:r>
              <w:t xml:space="preserve">    width: 100%;</w:t>
            </w:r>
          </w:p>
          <w:p w:rsidR="00156FB3" w:rsidRDefault="00156FB3" w:rsidP="00156FB3">
            <w:r>
              <w:t xml:space="preserve">    height: 100%;</w:t>
            </w:r>
          </w:p>
          <w:p w:rsidR="00156FB3" w:rsidRDefault="00156FB3" w:rsidP="00156FB3">
            <w:r>
              <w:t xml:space="preserve">    position: absolute;</w:t>
            </w:r>
          </w:p>
          <w:p w:rsidR="00156FB3" w:rsidRDefault="00156FB3" w:rsidP="00156FB3">
            <w:r>
              <w:lastRenderedPageBreak/>
              <w:t xml:space="preserve">    left: 0;</w:t>
            </w:r>
          </w:p>
          <w:p w:rsidR="00156FB3" w:rsidRDefault="00156FB3" w:rsidP="00156FB3">
            <w:r>
              <w:t xml:space="preserve">    top: 0;</w:t>
            </w:r>
          </w:p>
          <w:p w:rsidR="00156FB3" w:rsidRDefault="00156FB3" w:rsidP="00156FB3">
            <w:r>
              <w:t xml:space="preserve">    white-space: nowrap;</w:t>
            </w:r>
          </w:p>
          <w:p w:rsidR="00156FB3" w:rsidRDefault="00156FB3" w:rsidP="00156FB3">
            <w:r>
              <w:t>}</w:t>
            </w:r>
          </w:p>
          <w:p w:rsidR="00156FB3" w:rsidRDefault="00156FB3" w:rsidP="00156FB3"/>
          <w:p w:rsidR="00156FB3" w:rsidRDefault="00156FB3" w:rsidP="00156FB3">
            <w:r>
              <w:t>.lg-outer .lg-item {</w:t>
            </w:r>
          </w:p>
          <w:p w:rsidR="00156FB3" w:rsidRDefault="00156FB3" w:rsidP="00156FB3">
            <w:r>
              <w:t xml:space="preserve">    background: url("../img/loading.gif") no-repeat scroll center center transparent;</w:t>
            </w:r>
          </w:p>
          <w:p w:rsidR="00156FB3" w:rsidRDefault="00156FB3" w:rsidP="00156FB3">
            <w:r>
              <w:t xml:space="preserve">    display: none !important;</w:t>
            </w:r>
          </w:p>
          <w:p w:rsidR="00156FB3" w:rsidRDefault="00156FB3" w:rsidP="00156FB3">
            <w:r>
              <w:t>}</w:t>
            </w:r>
          </w:p>
          <w:p w:rsidR="00156FB3" w:rsidRDefault="00156FB3" w:rsidP="00156FB3"/>
          <w:p w:rsidR="00156FB3" w:rsidRDefault="00156FB3" w:rsidP="00156FB3">
            <w:r>
              <w:t>.lg-outer.lg-css3 .lg-prev-slide, .lg-outer.lg-css3 .lg-current, .lg-outer.lg-css3 .lg-next-slide {</w:t>
            </w:r>
          </w:p>
          <w:p w:rsidR="00156FB3" w:rsidRDefault="00156FB3" w:rsidP="00156FB3">
            <w:r>
              <w:t xml:space="preserve">    display: inline-block !important;</w:t>
            </w:r>
          </w:p>
          <w:p w:rsidR="00156FB3" w:rsidRDefault="00156FB3" w:rsidP="00156FB3">
            <w:r>
              <w:t>}</w:t>
            </w:r>
          </w:p>
          <w:p w:rsidR="00156FB3" w:rsidRDefault="00156FB3" w:rsidP="00156FB3"/>
          <w:p w:rsidR="00156FB3" w:rsidRDefault="00156FB3" w:rsidP="00156FB3">
            <w:r>
              <w:t>.lg-outer.lg-css .lg-current {</w:t>
            </w:r>
          </w:p>
          <w:p w:rsidR="00156FB3" w:rsidRDefault="00156FB3" w:rsidP="00156FB3">
            <w:r>
              <w:t xml:space="preserve">    display: inline-block !important;</w:t>
            </w:r>
          </w:p>
          <w:p w:rsidR="00156FB3" w:rsidRDefault="00156FB3" w:rsidP="00156FB3">
            <w:r>
              <w:t>}</w:t>
            </w:r>
          </w:p>
          <w:p w:rsidR="00156FB3" w:rsidRDefault="00156FB3" w:rsidP="00156FB3"/>
          <w:p w:rsidR="00156FB3" w:rsidRDefault="00156FB3" w:rsidP="00156FB3">
            <w:r>
              <w:t>.lg-outer .lg-item, .lg-outer .lg-img-wrap {</w:t>
            </w:r>
          </w:p>
          <w:p w:rsidR="00156FB3" w:rsidRDefault="00156FB3" w:rsidP="00156FB3">
            <w:r>
              <w:t xml:space="preserve">    display: inline-block;</w:t>
            </w:r>
          </w:p>
          <w:p w:rsidR="00156FB3" w:rsidRDefault="00156FB3" w:rsidP="00156FB3">
            <w:r>
              <w:t xml:space="preserve">    text-align: center;</w:t>
            </w:r>
          </w:p>
          <w:p w:rsidR="00156FB3" w:rsidRDefault="00156FB3" w:rsidP="00156FB3">
            <w:r>
              <w:t xml:space="preserve">    position: absolute;</w:t>
            </w:r>
          </w:p>
          <w:p w:rsidR="00156FB3" w:rsidRDefault="00156FB3" w:rsidP="00156FB3">
            <w:r>
              <w:t xml:space="preserve">    width: 100%;</w:t>
            </w:r>
          </w:p>
          <w:p w:rsidR="00156FB3" w:rsidRDefault="00156FB3" w:rsidP="00156FB3">
            <w:r>
              <w:t xml:space="preserve">    height: 100%;</w:t>
            </w:r>
          </w:p>
          <w:p w:rsidR="00156FB3" w:rsidRDefault="00156FB3" w:rsidP="00156FB3">
            <w:r>
              <w:t>}</w:t>
            </w:r>
          </w:p>
          <w:p w:rsidR="00156FB3" w:rsidRDefault="00156FB3" w:rsidP="00156FB3"/>
          <w:p w:rsidR="00156FB3" w:rsidRDefault="00156FB3" w:rsidP="00156FB3">
            <w:r>
              <w:t>.lg-outer .lg-item:before, .lg-outer .lg-img-wrap:before {</w:t>
            </w:r>
          </w:p>
          <w:p w:rsidR="00156FB3" w:rsidRDefault="00156FB3" w:rsidP="00156FB3">
            <w:r>
              <w:t xml:space="preserve">    content: "";</w:t>
            </w:r>
          </w:p>
          <w:p w:rsidR="00156FB3" w:rsidRDefault="00156FB3" w:rsidP="00156FB3">
            <w:r>
              <w:t xml:space="preserve">    display: inline-block;</w:t>
            </w:r>
          </w:p>
          <w:p w:rsidR="00156FB3" w:rsidRDefault="00156FB3" w:rsidP="00156FB3">
            <w:r>
              <w:t xml:space="preserve">    height: 50%;</w:t>
            </w:r>
          </w:p>
          <w:p w:rsidR="00156FB3" w:rsidRDefault="00156FB3" w:rsidP="00156FB3">
            <w:r>
              <w:t xml:space="preserve">    width: 1px;</w:t>
            </w:r>
          </w:p>
          <w:p w:rsidR="00156FB3" w:rsidRDefault="00156FB3" w:rsidP="00156FB3">
            <w:r>
              <w:t xml:space="preserve">    margin-right: -1px;</w:t>
            </w:r>
          </w:p>
          <w:p w:rsidR="00156FB3" w:rsidRDefault="00156FB3" w:rsidP="00156FB3">
            <w:r>
              <w:t>}</w:t>
            </w:r>
          </w:p>
          <w:p w:rsidR="00156FB3" w:rsidRDefault="00156FB3" w:rsidP="00156FB3"/>
          <w:p w:rsidR="00156FB3" w:rsidRDefault="00156FB3" w:rsidP="00156FB3">
            <w:r>
              <w:t>.lg-outer .lg-img-wrap {</w:t>
            </w:r>
          </w:p>
          <w:p w:rsidR="00156FB3" w:rsidRDefault="00156FB3" w:rsidP="00156FB3">
            <w:r>
              <w:t xml:space="preserve">    position: absolute;</w:t>
            </w:r>
          </w:p>
          <w:p w:rsidR="00156FB3" w:rsidRDefault="00156FB3" w:rsidP="00156FB3">
            <w:r>
              <w:t xml:space="preserve">    padding: 0 5px;</w:t>
            </w:r>
          </w:p>
          <w:p w:rsidR="00156FB3" w:rsidRDefault="00156FB3" w:rsidP="00156FB3">
            <w:r>
              <w:t xml:space="preserve">    left: 0;</w:t>
            </w:r>
          </w:p>
          <w:p w:rsidR="00156FB3" w:rsidRDefault="00156FB3" w:rsidP="00156FB3">
            <w:r>
              <w:t xml:space="preserve">    right: 0;</w:t>
            </w:r>
          </w:p>
          <w:p w:rsidR="00156FB3" w:rsidRDefault="00156FB3" w:rsidP="00156FB3">
            <w:r>
              <w:t xml:space="preserve">    top: 0;</w:t>
            </w:r>
          </w:p>
          <w:p w:rsidR="00156FB3" w:rsidRDefault="00156FB3" w:rsidP="00156FB3">
            <w:r>
              <w:t xml:space="preserve">    bottom: 0;</w:t>
            </w:r>
          </w:p>
          <w:p w:rsidR="00156FB3" w:rsidRDefault="00156FB3" w:rsidP="00156FB3">
            <w:r>
              <w:t>}</w:t>
            </w:r>
          </w:p>
          <w:p w:rsidR="00156FB3" w:rsidRDefault="00156FB3" w:rsidP="00156FB3"/>
          <w:p w:rsidR="00156FB3" w:rsidRDefault="00156FB3" w:rsidP="00156FB3">
            <w:r>
              <w:t>.lg-outer .lg-item.lg-complete {</w:t>
            </w:r>
          </w:p>
          <w:p w:rsidR="00156FB3" w:rsidRDefault="00156FB3" w:rsidP="00156FB3">
            <w:r>
              <w:t xml:space="preserve">    background-image: none;</w:t>
            </w:r>
          </w:p>
          <w:p w:rsidR="00156FB3" w:rsidRDefault="00156FB3" w:rsidP="00156FB3">
            <w:r>
              <w:t>}</w:t>
            </w:r>
          </w:p>
          <w:p w:rsidR="00156FB3" w:rsidRDefault="00156FB3" w:rsidP="00156FB3"/>
          <w:p w:rsidR="00156FB3" w:rsidRDefault="00156FB3" w:rsidP="00156FB3">
            <w:r>
              <w:t>.lg-outer .lg-item.lg-current {</w:t>
            </w:r>
          </w:p>
          <w:p w:rsidR="00156FB3" w:rsidRDefault="00156FB3" w:rsidP="00156FB3">
            <w:r>
              <w:lastRenderedPageBreak/>
              <w:t xml:space="preserve">    z-index: 1060;</w:t>
            </w:r>
          </w:p>
          <w:p w:rsidR="00156FB3" w:rsidRDefault="00156FB3" w:rsidP="00156FB3">
            <w:r>
              <w:t>}</w:t>
            </w:r>
          </w:p>
          <w:p w:rsidR="00156FB3" w:rsidRDefault="00156FB3" w:rsidP="00156FB3"/>
          <w:p w:rsidR="00156FB3" w:rsidRDefault="00156FB3" w:rsidP="00156FB3">
            <w:r>
              <w:t>.lg-outer .lg-image {</w:t>
            </w:r>
          </w:p>
          <w:p w:rsidR="00156FB3" w:rsidRDefault="00156FB3" w:rsidP="00156FB3">
            <w:r>
              <w:t xml:space="preserve">    display: inline-block;</w:t>
            </w:r>
          </w:p>
          <w:p w:rsidR="00156FB3" w:rsidRDefault="00156FB3" w:rsidP="00156FB3">
            <w:r>
              <w:t xml:space="preserve">    vertical-align: middle;</w:t>
            </w:r>
          </w:p>
          <w:p w:rsidR="00156FB3" w:rsidRDefault="00156FB3" w:rsidP="00156FB3">
            <w:r>
              <w:t xml:space="preserve">    max-width: 100%;</w:t>
            </w:r>
          </w:p>
          <w:p w:rsidR="00156FB3" w:rsidRDefault="00156FB3" w:rsidP="00156FB3">
            <w:r>
              <w:t xml:space="preserve">    max-height: 100%;</w:t>
            </w:r>
          </w:p>
          <w:p w:rsidR="00156FB3" w:rsidRDefault="00156FB3" w:rsidP="00156FB3">
            <w:r>
              <w:t xml:space="preserve">    width: auto !important;</w:t>
            </w:r>
          </w:p>
          <w:p w:rsidR="00156FB3" w:rsidRDefault="00156FB3" w:rsidP="00156FB3">
            <w:r>
              <w:t xml:space="preserve">    height: auto !important;</w:t>
            </w:r>
          </w:p>
          <w:p w:rsidR="00156FB3" w:rsidRDefault="00156FB3" w:rsidP="00156FB3">
            <w:r>
              <w:t>}</w:t>
            </w:r>
          </w:p>
          <w:p w:rsidR="00156FB3" w:rsidRDefault="00156FB3" w:rsidP="00156FB3"/>
          <w:p w:rsidR="00156FB3" w:rsidRDefault="00156FB3" w:rsidP="00156FB3">
            <w:r>
              <w:t>.lg-outer.lg-show-after-load .lg-item .lg-object, .lg-outer.lg-show-after-load .lg-item .lg-video-play {</w:t>
            </w:r>
          </w:p>
          <w:p w:rsidR="00156FB3" w:rsidRDefault="00156FB3" w:rsidP="00156FB3">
            <w:r>
              <w:t xml:space="preserve">    opacity: 0;</w:t>
            </w:r>
          </w:p>
          <w:p w:rsidR="00156FB3" w:rsidRDefault="00156FB3" w:rsidP="00156FB3">
            <w:r>
              <w:t xml:space="preserve">    -webkit-transition: opacity 0.15s ease 0s;</w:t>
            </w:r>
          </w:p>
          <w:p w:rsidR="00156FB3" w:rsidRDefault="00156FB3" w:rsidP="00156FB3">
            <w:r>
              <w:t xml:space="preserve">    -o-transition: opacity 0.15s ease 0s;</w:t>
            </w:r>
          </w:p>
          <w:p w:rsidR="00156FB3" w:rsidRDefault="00156FB3" w:rsidP="00156FB3">
            <w:r>
              <w:t xml:space="preserve">    transition: opacity 0.15s ease 0s;</w:t>
            </w:r>
          </w:p>
          <w:p w:rsidR="00156FB3" w:rsidRDefault="00156FB3" w:rsidP="00156FB3">
            <w:r>
              <w:t>}</w:t>
            </w:r>
          </w:p>
          <w:p w:rsidR="00156FB3" w:rsidRDefault="00156FB3" w:rsidP="00156FB3"/>
          <w:p w:rsidR="00156FB3" w:rsidRDefault="00156FB3" w:rsidP="00156FB3">
            <w:r>
              <w:t>.lg-outer.lg-show-after-load .lg-item.lg-complete .lg-object, .lg-outer.lg-show-after-load .lg-item.lg-complete .lg-video-play {</w:t>
            </w:r>
          </w:p>
          <w:p w:rsidR="00156FB3" w:rsidRDefault="00156FB3" w:rsidP="00156FB3">
            <w:r>
              <w:t xml:space="preserve">    opacity: 1;</w:t>
            </w:r>
          </w:p>
          <w:p w:rsidR="00156FB3" w:rsidRDefault="00156FB3" w:rsidP="00156FB3">
            <w:r>
              <w:t>}</w:t>
            </w:r>
          </w:p>
          <w:p w:rsidR="00156FB3" w:rsidRDefault="00156FB3" w:rsidP="00156FB3"/>
          <w:p w:rsidR="00156FB3" w:rsidRDefault="00156FB3" w:rsidP="00156FB3">
            <w:r>
              <w:t>.lg-outer .lg-empty-html {</w:t>
            </w:r>
          </w:p>
          <w:p w:rsidR="00156FB3" w:rsidRDefault="00156FB3" w:rsidP="00156FB3">
            <w:r>
              <w:t xml:space="preserve">    display: none;</w:t>
            </w:r>
          </w:p>
          <w:p w:rsidR="00156FB3" w:rsidRDefault="00156FB3" w:rsidP="00156FB3">
            <w:r>
              <w:t>}</w:t>
            </w:r>
          </w:p>
          <w:p w:rsidR="00156FB3" w:rsidRDefault="00156FB3" w:rsidP="00156FB3"/>
          <w:p w:rsidR="00156FB3" w:rsidRDefault="00156FB3" w:rsidP="00156FB3">
            <w:r>
              <w:t>.lg-outer.lg-hide-download #lg-download {</w:t>
            </w:r>
          </w:p>
          <w:p w:rsidR="00156FB3" w:rsidRDefault="00156FB3" w:rsidP="00156FB3">
            <w:r>
              <w:t xml:space="preserve">    display: none;</w:t>
            </w:r>
          </w:p>
          <w:p w:rsidR="00156FB3" w:rsidRDefault="00156FB3" w:rsidP="00156FB3">
            <w:r>
              <w:t>}</w:t>
            </w:r>
          </w:p>
          <w:p w:rsidR="00156FB3" w:rsidRDefault="00156FB3" w:rsidP="00156FB3"/>
          <w:p w:rsidR="00156FB3" w:rsidRDefault="00156FB3" w:rsidP="00156FB3">
            <w:r>
              <w:t>.lg-backdrop {</w:t>
            </w:r>
          </w:p>
          <w:p w:rsidR="00156FB3" w:rsidRDefault="00156FB3" w:rsidP="00156FB3">
            <w:r>
              <w:t xml:space="preserve">    position: fixed;</w:t>
            </w:r>
          </w:p>
          <w:p w:rsidR="00156FB3" w:rsidRDefault="00156FB3" w:rsidP="00156FB3">
            <w:r>
              <w:t xml:space="preserve">    top: 0;</w:t>
            </w:r>
          </w:p>
          <w:p w:rsidR="00156FB3" w:rsidRDefault="00156FB3" w:rsidP="00156FB3">
            <w:r>
              <w:t xml:space="preserve">    left: 0;</w:t>
            </w:r>
          </w:p>
          <w:p w:rsidR="00156FB3" w:rsidRDefault="00156FB3" w:rsidP="00156FB3">
            <w:r>
              <w:t xml:space="preserve">    right: 0;</w:t>
            </w:r>
          </w:p>
          <w:p w:rsidR="00156FB3" w:rsidRDefault="00156FB3" w:rsidP="00156FB3">
            <w:r>
              <w:t xml:space="preserve">    bottom: 0;</w:t>
            </w:r>
          </w:p>
          <w:p w:rsidR="00156FB3" w:rsidRDefault="00156FB3" w:rsidP="00156FB3">
            <w:r>
              <w:t xml:space="preserve">    z-index: 1040;</w:t>
            </w:r>
          </w:p>
          <w:p w:rsidR="00156FB3" w:rsidRDefault="00156FB3" w:rsidP="00156FB3">
            <w:r>
              <w:t xml:space="preserve">    background-color: #000;</w:t>
            </w:r>
          </w:p>
          <w:p w:rsidR="00156FB3" w:rsidRDefault="00156FB3" w:rsidP="00156FB3">
            <w:r>
              <w:t xml:space="preserve">    opacity: 0;</w:t>
            </w:r>
          </w:p>
          <w:p w:rsidR="00156FB3" w:rsidRDefault="00156FB3" w:rsidP="00156FB3">
            <w:r>
              <w:t xml:space="preserve">    -webkit-transition: opacity 0.15s ease 0s;</w:t>
            </w:r>
          </w:p>
          <w:p w:rsidR="00156FB3" w:rsidRDefault="00156FB3" w:rsidP="00156FB3">
            <w:r>
              <w:t xml:space="preserve">    -o-transition: opacity 0.15s ease 0s;</w:t>
            </w:r>
          </w:p>
          <w:p w:rsidR="00156FB3" w:rsidRDefault="00156FB3" w:rsidP="00156FB3">
            <w:r>
              <w:t xml:space="preserve">    transition: opacity 0.15s ease 0s;</w:t>
            </w:r>
          </w:p>
          <w:p w:rsidR="00156FB3" w:rsidRDefault="00156FB3" w:rsidP="00156FB3">
            <w:r>
              <w:t>}</w:t>
            </w:r>
          </w:p>
          <w:p w:rsidR="00156FB3" w:rsidRDefault="00156FB3" w:rsidP="00156FB3"/>
          <w:p w:rsidR="00156FB3" w:rsidRDefault="00156FB3" w:rsidP="00156FB3">
            <w:r>
              <w:t>.lg-backdrop.in {</w:t>
            </w:r>
          </w:p>
          <w:p w:rsidR="00156FB3" w:rsidRDefault="00156FB3" w:rsidP="00156FB3">
            <w:r>
              <w:t xml:space="preserve">    opacity: 1;</w:t>
            </w:r>
          </w:p>
          <w:p w:rsidR="00156FB3" w:rsidRDefault="00156FB3" w:rsidP="00156FB3">
            <w:r>
              <w:lastRenderedPageBreak/>
              <w:t>}</w:t>
            </w:r>
          </w:p>
          <w:p w:rsidR="00156FB3" w:rsidRDefault="00156FB3" w:rsidP="00156FB3"/>
          <w:p w:rsidR="00156FB3" w:rsidRDefault="00156FB3" w:rsidP="00156FB3">
            <w:r>
              <w:t>.lg-css3.lg-no-trans .lg-prev-slide, .lg-css3.lg-no-trans .lg-next-slide, .lg-css3.lg-no-trans .lg-current {</w:t>
            </w:r>
          </w:p>
          <w:p w:rsidR="00156FB3" w:rsidRDefault="00156FB3" w:rsidP="00156FB3">
            <w:r>
              <w:t xml:space="preserve">    -webkit-transition: none 0s ease 0s !important;</w:t>
            </w:r>
          </w:p>
          <w:p w:rsidR="00156FB3" w:rsidRDefault="00156FB3" w:rsidP="00156FB3">
            <w:r>
              <w:t xml:space="preserve">    -moz-transition: none 0s ease 0s !important;</w:t>
            </w:r>
          </w:p>
          <w:p w:rsidR="00156FB3" w:rsidRDefault="00156FB3" w:rsidP="00156FB3">
            <w:r>
              <w:t xml:space="preserve">    -o-transition: none 0s ease 0s !important;</w:t>
            </w:r>
          </w:p>
          <w:p w:rsidR="00156FB3" w:rsidRDefault="00156FB3" w:rsidP="00156FB3">
            <w:r>
              <w:t xml:space="preserve">    transition: none 0s ease 0s !important;</w:t>
            </w:r>
          </w:p>
          <w:p w:rsidR="00156FB3" w:rsidRDefault="00156FB3" w:rsidP="00156FB3">
            <w:r>
              <w:t>}</w:t>
            </w:r>
          </w:p>
          <w:p w:rsidR="00156FB3" w:rsidRDefault="00156FB3" w:rsidP="00156FB3"/>
          <w:p w:rsidR="00156FB3" w:rsidRDefault="00156FB3" w:rsidP="00156FB3">
            <w:r>
              <w:t>.lg-css3.lg-use-css3 .lg-item {</w:t>
            </w:r>
          </w:p>
          <w:p w:rsidR="00156FB3" w:rsidRDefault="00156FB3" w:rsidP="00156FB3">
            <w:r>
              <w:t xml:space="preserve">    -webkit-backface-visibility: hidden;</w:t>
            </w:r>
          </w:p>
          <w:p w:rsidR="00156FB3" w:rsidRDefault="00156FB3" w:rsidP="00156FB3">
            <w:r>
              <w:t xml:space="preserve">    -moz-backface-visibility: hidden;</w:t>
            </w:r>
          </w:p>
          <w:p w:rsidR="00156FB3" w:rsidRDefault="00156FB3" w:rsidP="00156FB3">
            <w:r>
              <w:t xml:space="preserve">    backface-visibility: hidden;</w:t>
            </w:r>
          </w:p>
          <w:p w:rsidR="00156FB3" w:rsidRDefault="00156FB3" w:rsidP="00156FB3">
            <w:r>
              <w:t>}</w:t>
            </w:r>
          </w:p>
          <w:p w:rsidR="00156FB3" w:rsidRDefault="00156FB3" w:rsidP="00156FB3"/>
          <w:p w:rsidR="00156FB3" w:rsidRDefault="00156FB3" w:rsidP="00156FB3">
            <w:r>
              <w:t>.lg-css3.lg-use-left .lg-item {</w:t>
            </w:r>
          </w:p>
          <w:p w:rsidR="00156FB3" w:rsidRDefault="00156FB3" w:rsidP="00156FB3">
            <w:r>
              <w:t xml:space="preserve">    -webkit-backface-visibility: hidden;</w:t>
            </w:r>
          </w:p>
          <w:p w:rsidR="00156FB3" w:rsidRDefault="00156FB3" w:rsidP="00156FB3">
            <w:r>
              <w:t xml:space="preserve">    -moz-backface-visibility: hidden;</w:t>
            </w:r>
          </w:p>
          <w:p w:rsidR="00156FB3" w:rsidRDefault="00156FB3" w:rsidP="00156FB3">
            <w:r>
              <w:t xml:space="preserve">    backface-visibility: hidden;</w:t>
            </w:r>
          </w:p>
          <w:p w:rsidR="00156FB3" w:rsidRDefault="00156FB3" w:rsidP="00156FB3">
            <w:r>
              <w:t>}</w:t>
            </w:r>
          </w:p>
          <w:p w:rsidR="00156FB3" w:rsidRDefault="00156FB3" w:rsidP="00156FB3"/>
          <w:p w:rsidR="00156FB3" w:rsidRDefault="00156FB3" w:rsidP="00156FB3">
            <w:r>
              <w:t>.lg-css3.lg-fade .lg-item {</w:t>
            </w:r>
          </w:p>
          <w:p w:rsidR="00156FB3" w:rsidRDefault="00156FB3" w:rsidP="00156FB3">
            <w:r>
              <w:t xml:space="preserve">    opacity: 0;</w:t>
            </w:r>
          </w:p>
          <w:p w:rsidR="00156FB3" w:rsidRDefault="00156FB3" w:rsidP="00156FB3">
            <w:r>
              <w:t>}</w:t>
            </w:r>
          </w:p>
          <w:p w:rsidR="00156FB3" w:rsidRDefault="00156FB3" w:rsidP="00156FB3"/>
          <w:p w:rsidR="00156FB3" w:rsidRDefault="00156FB3" w:rsidP="00156FB3">
            <w:r>
              <w:t>.lg-css3.lg-fade .lg-item.lg-current {</w:t>
            </w:r>
          </w:p>
          <w:p w:rsidR="00156FB3" w:rsidRDefault="00156FB3" w:rsidP="00156FB3">
            <w:r>
              <w:t xml:space="preserve">    opacity: 1;</w:t>
            </w:r>
          </w:p>
          <w:p w:rsidR="00156FB3" w:rsidRDefault="00156FB3" w:rsidP="00156FB3">
            <w:r>
              <w:t>}</w:t>
            </w:r>
          </w:p>
          <w:p w:rsidR="00156FB3" w:rsidRDefault="00156FB3" w:rsidP="00156FB3"/>
          <w:p w:rsidR="00156FB3" w:rsidRDefault="00156FB3" w:rsidP="00156FB3">
            <w:r>
              <w:t>.lg-css3.lg-fade .lg-item.lg-prev-slide, .lg-css3.lg-fade .lg-item.lg-next-slide, .lg-css3.lg-fade .lg-item.lg-current {</w:t>
            </w:r>
          </w:p>
          <w:p w:rsidR="00156FB3" w:rsidRDefault="00156FB3" w:rsidP="00156FB3">
            <w:r>
              <w:t xml:space="preserve">    -webkit-transition: opacity 0.1s ease 0s;</w:t>
            </w:r>
          </w:p>
          <w:p w:rsidR="00156FB3" w:rsidRDefault="00156FB3" w:rsidP="00156FB3">
            <w:r>
              <w:t xml:space="preserve">    -moz-transition: opacity 0.1s ease 0s;</w:t>
            </w:r>
          </w:p>
          <w:p w:rsidR="00156FB3" w:rsidRDefault="00156FB3" w:rsidP="00156FB3">
            <w:r>
              <w:t xml:space="preserve">    -o-transition: opacity 0.1s ease 0s;</w:t>
            </w:r>
          </w:p>
          <w:p w:rsidR="00156FB3" w:rsidRDefault="00156FB3" w:rsidP="00156FB3">
            <w:r>
              <w:t xml:space="preserve">    transition: opacity 0.1s ease 0s;</w:t>
            </w:r>
          </w:p>
          <w:p w:rsidR="00156FB3" w:rsidRDefault="00156FB3" w:rsidP="00156FB3">
            <w:r>
              <w:t>}</w:t>
            </w:r>
          </w:p>
          <w:p w:rsidR="00156FB3" w:rsidRDefault="00156FB3" w:rsidP="00156FB3"/>
          <w:p w:rsidR="00156FB3" w:rsidRDefault="00156FB3" w:rsidP="00156FB3">
            <w:r>
              <w:t>.lg-css3.lg-slide.lg-use-css3 .lg-item {</w:t>
            </w:r>
          </w:p>
          <w:p w:rsidR="00156FB3" w:rsidRDefault="00156FB3" w:rsidP="00156FB3">
            <w:r>
              <w:t xml:space="preserve">    opacity: 0;</w:t>
            </w:r>
          </w:p>
          <w:p w:rsidR="00156FB3" w:rsidRDefault="00156FB3" w:rsidP="00156FB3">
            <w:r>
              <w:t>}</w:t>
            </w:r>
          </w:p>
          <w:p w:rsidR="00156FB3" w:rsidRDefault="00156FB3" w:rsidP="00156FB3"/>
          <w:p w:rsidR="00156FB3" w:rsidRDefault="00156FB3" w:rsidP="00156FB3">
            <w:r>
              <w:t>.lg-css3.lg-slide.lg-use-css3 .lg-item.lg-prev-slide {</w:t>
            </w:r>
          </w:p>
          <w:p w:rsidR="00156FB3" w:rsidRDefault="00156FB3" w:rsidP="00156FB3">
            <w:r>
              <w:t xml:space="preserve">    -webkit-transform: translate3d(-100%, 0, 0);</w:t>
            </w:r>
          </w:p>
          <w:p w:rsidR="00156FB3" w:rsidRDefault="00156FB3" w:rsidP="00156FB3">
            <w:r>
              <w:t xml:space="preserve">    transform: translate3d(-100%, 0, 0);</w:t>
            </w:r>
          </w:p>
          <w:p w:rsidR="00156FB3" w:rsidRDefault="00156FB3" w:rsidP="00156FB3">
            <w:r>
              <w:t>}</w:t>
            </w:r>
          </w:p>
          <w:p w:rsidR="00156FB3" w:rsidRDefault="00156FB3" w:rsidP="00156FB3"/>
          <w:p w:rsidR="00156FB3" w:rsidRDefault="00156FB3" w:rsidP="00156FB3">
            <w:r>
              <w:t>.lg-css3.lg-slide.lg-use-css3 .lg-item.lg-next-slide {</w:t>
            </w:r>
          </w:p>
          <w:p w:rsidR="00156FB3" w:rsidRDefault="00156FB3" w:rsidP="00156FB3">
            <w:r>
              <w:t xml:space="preserve">    -webkit-transform: translate3d(100%, 0, 0);</w:t>
            </w:r>
          </w:p>
          <w:p w:rsidR="00156FB3" w:rsidRDefault="00156FB3" w:rsidP="00156FB3">
            <w:r>
              <w:lastRenderedPageBreak/>
              <w:t xml:space="preserve">    transform: translate3d(100%, 0, 0);</w:t>
            </w:r>
          </w:p>
          <w:p w:rsidR="00156FB3" w:rsidRDefault="00156FB3" w:rsidP="00156FB3">
            <w:r>
              <w:t>}</w:t>
            </w:r>
          </w:p>
          <w:p w:rsidR="00156FB3" w:rsidRDefault="00156FB3" w:rsidP="00156FB3"/>
          <w:p w:rsidR="00156FB3" w:rsidRDefault="00156FB3" w:rsidP="00156FB3">
            <w:r>
              <w:t>.lg-css3.lg-slide.lg-use-css3 .lg-item.lg-current {</w:t>
            </w:r>
          </w:p>
          <w:p w:rsidR="00156FB3" w:rsidRDefault="00156FB3" w:rsidP="00156FB3">
            <w:r>
              <w:t xml:space="preserve">    -webkit-transform: translate3d(0, 0, 0);</w:t>
            </w:r>
          </w:p>
          <w:p w:rsidR="00156FB3" w:rsidRDefault="00156FB3" w:rsidP="00156FB3">
            <w:r>
              <w:t xml:space="preserve">    transform: translate3d(0, 0, 0);</w:t>
            </w:r>
          </w:p>
          <w:p w:rsidR="00156FB3" w:rsidRDefault="00156FB3" w:rsidP="00156FB3">
            <w:r>
              <w:t xml:space="preserve">    opacity: 1;</w:t>
            </w:r>
          </w:p>
          <w:p w:rsidR="00156FB3" w:rsidRDefault="00156FB3" w:rsidP="00156FB3">
            <w:r>
              <w:t>}</w:t>
            </w:r>
          </w:p>
          <w:p w:rsidR="00156FB3" w:rsidRDefault="00156FB3" w:rsidP="00156FB3"/>
          <w:p w:rsidR="00156FB3" w:rsidRDefault="00156FB3" w:rsidP="00156FB3">
            <w:r>
              <w:t>.lg-css3.lg-slide.lg-use-css3 .lg-item.lg-prev-slide, .lg-css3.lg-slide.lg-use-css3 .lg-item.lg-next-slide, .lg-css3.lg-slide.lg-use-css3 .lg-item.lg-current {</w:t>
            </w:r>
          </w:p>
          <w:p w:rsidR="00156FB3" w:rsidRDefault="00156FB3" w:rsidP="00156FB3">
            <w:r>
              <w:t xml:space="preserve">    -webkit-transition: -webkit-transform 1s cubic-bezier(0, 0, 0.25, 1) 0s, opacity 0.1s ease 0s;</w:t>
            </w:r>
          </w:p>
          <w:p w:rsidR="00156FB3" w:rsidRDefault="00156FB3" w:rsidP="00156FB3">
            <w:r>
              <w:t xml:space="preserve">    -moz-transition: -moz-transform 1s cubic-bezier(0, 0, 0.25, 1) 0s, opacity 0.1s ease 0s;</w:t>
            </w:r>
          </w:p>
          <w:p w:rsidR="00156FB3" w:rsidRDefault="00156FB3" w:rsidP="00156FB3">
            <w:r>
              <w:t xml:space="preserve">    -o-transition: -o-transform 1s cubic-bezier(0, 0, 0.25, 1) 0s, opacity 0.1s ease 0s;</w:t>
            </w:r>
          </w:p>
          <w:p w:rsidR="00156FB3" w:rsidRDefault="00156FB3" w:rsidP="00156FB3">
            <w:r>
              <w:t xml:space="preserve">    transition: transform 1s cubic-bezier(0, 0, 0.25, 1) 0s, opacity 0.1s ease 0s;</w:t>
            </w:r>
          </w:p>
          <w:p w:rsidR="00156FB3" w:rsidRDefault="00156FB3" w:rsidP="00156FB3">
            <w:r>
              <w:t>}</w:t>
            </w:r>
          </w:p>
          <w:p w:rsidR="00156FB3" w:rsidRDefault="00156FB3" w:rsidP="00156FB3"/>
          <w:p w:rsidR="00156FB3" w:rsidRDefault="00156FB3" w:rsidP="00156FB3">
            <w:r>
              <w:t>.lg-css3.lg-slide.lg-use-left .lg-item {</w:t>
            </w:r>
          </w:p>
          <w:p w:rsidR="00156FB3" w:rsidRDefault="00156FB3" w:rsidP="00156FB3">
            <w:r>
              <w:t xml:space="preserve">    opacity: 0;</w:t>
            </w:r>
          </w:p>
          <w:p w:rsidR="00156FB3" w:rsidRDefault="00156FB3" w:rsidP="00156FB3">
            <w:r>
              <w:t xml:space="preserve">    position: absolute;</w:t>
            </w:r>
          </w:p>
          <w:p w:rsidR="00156FB3" w:rsidRDefault="00156FB3" w:rsidP="00156FB3">
            <w:r>
              <w:t xml:space="preserve">    left: 0;</w:t>
            </w:r>
          </w:p>
          <w:p w:rsidR="00156FB3" w:rsidRDefault="00156FB3" w:rsidP="00156FB3">
            <w:r>
              <w:t>}</w:t>
            </w:r>
          </w:p>
          <w:p w:rsidR="00156FB3" w:rsidRDefault="00156FB3" w:rsidP="00156FB3"/>
          <w:p w:rsidR="00156FB3" w:rsidRDefault="00156FB3" w:rsidP="00156FB3">
            <w:r>
              <w:t>.lg-css3.lg-slide.lg-use-left .lg-item.lg-prev-slide {</w:t>
            </w:r>
          </w:p>
          <w:p w:rsidR="00156FB3" w:rsidRDefault="00156FB3" w:rsidP="00156FB3">
            <w:r>
              <w:t xml:space="preserve">    left: -100%;</w:t>
            </w:r>
          </w:p>
          <w:p w:rsidR="00156FB3" w:rsidRDefault="00156FB3" w:rsidP="00156FB3">
            <w:r>
              <w:t>}</w:t>
            </w:r>
          </w:p>
          <w:p w:rsidR="00156FB3" w:rsidRDefault="00156FB3" w:rsidP="00156FB3"/>
          <w:p w:rsidR="00156FB3" w:rsidRDefault="00156FB3" w:rsidP="00156FB3">
            <w:r>
              <w:t>.lg-css3.lg-slide.lg-use-left .lg-item.lg-next-slide {</w:t>
            </w:r>
          </w:p>
          <w:p w:rsidR="00156FB3" w:rsidRDefault="00156FB3" w:rsidP="00156FB3">
            <w:r>
              <w:t xml:space="preserve">    left: 100%;</w:t>
            </w:r>
          </w:p>
          <w:p w:rsidR="00156FB3" w:rsidRDefault="00156FB3" w:rsidP="00156FB3">
            <w:r>
              <w:t>}</w:t>
            </w:r>
          </w:p>
          <w:p w:rsidR="00156FB3" w:rsidRDefault="00156FB3" w:rsidP="00156FB3"/>
          <w:p w:rsidR="00156FB3" w:rsidRDefault="00156FB3" w:rsidP="00156FB3">
            <w:r>
              <w:t>.lg-css3.lg-slide.lg-use-left .lg-item.lg-current {</w:t>
            </w:r>
          </w:p>
          <w:p w:rsidR="00156FB3" w:rsidRDefault="00156FB3" w:rsidP="00156FB3">
            <w:r>
              <w:t xml:space="preserve">    left: 0;</w:t>
            </w:r>
          </w:p>
          <w:p w:rsidR="00156FB3" w:rsidRDefault="00156FB3" w:rsidP="00156FB3">
            <w:r>
              <w:t xml:space="preserve">    opacity: 1;</w:t>
            </w:r>
          </w:p>
          <w:p w:rsidR="00156FB3" w:rsidRDefault="00156FB3" w:rsidP="00156FB3">
            <w:r>
              <w:t>}</w:t>
            </w:r>
          </w:p>
          <w:p w:rsidR="00156FB3" w:rsidRDefault="00156FB3" w:rsidP="00156FB3"/>
          <w:p w:rsidR="00156FB3" w:rsidRDefault="00156FB3" w:rsidP="00156FB3">
            <w:r>
              <w:t>.lg-css3.lg-slide.lg-use-left .lg-item.lg-prev-slide, .lg-css3.lg-slide.lg-use-left .lg-item.lg-next-slide, .lg-css3.lg-slide.lg-use-left .lg-item.lg-current {</w:t>
            </w:r>
          </w:p>
          <w:p w:rsidR="00156FB3" w:rsidRDefault="00156FB3" w:rsidP="00156FB3">
            <w:r>
              <w:t xml:space="preserve">    -webkit-transition: left 1s cubic-bezier(0, 0, 0.25, 1) 0s, opacity 0.1s ease 0s;</w:t>
            </w:r>
          </w:p>
          <w:p w:rsidR="00156FB3" w:rsidRDefault="00156FB3" w:rsidP="00156FB3">
            <w:r>
              <w:t xml:space="preserve">    -moz-transition: left 1s cubic-bezier(0, 0, 0.25, 1) 0s, opacity 0.1s ease 0s;</w:t>
            </w:r>
          </w:p>
          <w:p w:rsidR="00156FB3" w:rsidRDefault="00156FB3" w:rsidP="00156FB3">
            <w:r>
              <w:t xml:space="preserve">    -o-transition: left 1s cubic-bezier(0, 0, 0.25, 1) 0s, opacity 0.1s ease 0s;</w:t>
            </w:r>
          </w:p>
          <w:p w:rsidR="00156FB3" w:rsidRDefault="00156FB3" w:rsidP="00156FB3">
            <w:r>
              <w:t xml:space="preserve">    transition: left 1s cubic-bezier(0, 0, 0.25, 1) 0s, opacity 0.1s ease 0s;</w:t>
            </w:r>
          </w:p>
          <w:p w:rsidR="00156FB3" w:rsidRDefault="00156FB3" w:rsidP="00156FB3">
            <w:r>
              <w:t>}</w:t>
            </w:r>
          </w:p>
          <w:p w:rsidR="00156FB3" w:rsidRDefault="00156FB3" w:rsidP="00156FB3"/>
          <w:p w:rsidR="0048012D" w:rsidRDefault="00156FB3" w:rsidP="00156FB3">
            <w:r>
              <w:t>/*# sourceMappingURL=lightgallery.css.map */</w:t>
            </w:r>
          </w:p>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Notify.css</w:t>
            </w:r>
          </w:p>
        </w:tc>
      </w:tr>
      <w:tr w:rsidR="0048012D" w:rsidTr="0048012D">
        <w:tc>
          <w:tcPr>
            <w:tcW w:w="9576" w:type="dxa"/>
          </w:tcPr>
          <w:p w:rsidR="00156FB3" w:rsidRDefault="00156FB3" w:rsidP="00156FB3">
            <w:r>
              <w:t>.toast-title {</w:t>
            </w:r>
          </w:p>
          <w:p w:rsidR="00156FB3" w:rsidRDefault="00156FB3" w:rsidP="00156FB3">
            <w:r>
              <w:t xml:space="preserve">    font-weight: bold;</w:t>
            </w:r>
          </w:p>
          <w:p w:rsidR="00156FB3" w:rsidRDefault="00156FB3" w:rsidP="00156FB3">
            <w:r>
              <w:t>}</w:t>
            </w:r>
          </w:p>
          <w:p w:rsidR="00156FB3" w:rsidRDefault="00156FB3" w:rsidP="00156FB3"/>
          <w:p w:rsidR="00156FB3" w:rsidRDefault="00156FB3" w:rsidP="00156FB3">
            <w:r>
              <w:t>.toast-message {</w:t>
            </w:r>
          </w:p>
          <w:p w:rsidR="00156FB3" w:rsidRDefault="00156FB3" w:rsidP="00156FB3">
            <w:r>
              <w:t xml:space="preserve">    -ms-word-wrap: break-word;</w:t>
            </w:r>
          </w:p>
          <w:p w:rsidR="00156FB3" w:rsidRDefault="00156FB3" w:rsidP="00156FB3">
            <w:r>
              <w:t xml:space="preserve">    word-wrap: break-word;</w:t>
            </w:r>
          </w:p>
          <w:p w:rsidR="00156FB3" w:rsidRDefault="00156FB3" w:rsidP="00156FB3">
            <w:r>
              <w:t>}</w:t>
            </w:r>
          </w:p>
          <w:p w:rsidR="00156FB3" w:rsidRDefault="00156FB3" w:rsidP="00156FB3"/>
          <w:p w:rsidR="00156FB3" w:rsidRDefault="00156FB3" w:rsidP="00156FB3">
            <w:r>
              <w:t>.toast-message a,</w:t>
            </w:r>
          </w:p>
          <w:p w:rsidR="00156FB3" w:rsidRDefault="00156FB3" w:rsidP="00156FB3">
            <w:r>
              <w:t>.toast-message label {</w:t>
            </w:r>
          </w:p>
          <w:p w:rsidR="00156FB3" w:rsidRDefault="00156FB3" w:rsidP="00156FB3">
            <w:r>
              <w:t xml:space="preserve">    color: #FFFFFF;</w:t>
            </w:r>
          </w:p>
          <w:p w:rsidR="00156FB3" w:rsidRDefault="00156FB3" w:rsidP="00156FB3">
            <w:r>
              <w:t>}</w:t>
            </w:r>
          </w:p>
          <w:p w:rsidR="00156FB3" w:rsidRDefault="00156FB3" w:rsidP="00156FB3"/>
          <w:p w:rsidR="00156FB3" w:rsidRDefault="00156FB3" w:rsidP="00156FB3">
            <w:r>
              <w:t>.toast-message a:hover {</w:t>
            </w:r>
          </w:p>
          <w:p w:rsidR="00156FB3" w:rsidRDefault="00156FB3" w:rsidP="00156FB3">
            <w:r>
              <w:t xml:space="preserve">    color: #CCCCCC;</w:t>
            </w:r>
          </w:p>
          <w:p w:rsidR="00156FB3" w:rsidRDefault="00156FB3" w:rsidP="00156FB3">
            <w:r>
              <w:t xml:space="preserve">    text-decoration: none;</w:t>
            </w:r>
          </w:p>
          <w:p w:rsidR="00156FB3" w:rsidRDefault="00156FB3" w:rsidP="00156FB3">
            <w:r>
              <w:t>}</w:t>
            </w:r>
          </w:p>
          <w:p w:rsidR="00156FB3" w:rsidRDefault="00156FB3" w:rsidP="00156FB3"/>
          <w:p w:rsidR="00156FB3" w:rsidRDefault="00156FB3" w:rsidP="00156FB3">
            <w:r>
              <w:t>.toast-close-button {</w:t>
            </w:r>
          </w:p>
          <w:p w:rsidR="00156FB3" w:rsidRDefault="00156FB3" w:rsidP="00156FB3">
            <w:r>
              <w:t xml:space="preserve">    position: relative;</w:t>
            </w:r>
          </w:p>
          <w:p w:rsidR="00156FB3" w:rsidRDefault="00156FB3" w:rsidP="00156FB3">
            <w:r>
              <w:t xml:space="preserve">    right: -0.3em;</w:t>
            </w:r>
          </w:p>
          <w:p w:rsidR="00156FB3" w:rsidRDefault="00156FB3" w:rsidP="00156FB3">
            <w:r>
              <w:t xml:space="preserve">    top: -0.3em;</w:t>
            </w:r>
          </w:p>
          <w:p w:rsidR="00156FB3" w:rsidRDefault="00156FB3" w:rsidP="00156FB3">
            <w:r>
              <w:t xml:space="preserve">    float: right;</w:t>
            </w:r>
          </w:p>
          <w:p w:rsidR="00156FB3" w:rsidRDefault="00156FB3" w:rsidP="00156FB3">
            <w:r>
              <w:t xml:space="preserve">    font-size: 20px;</w:t>
            </w:r>
          </w:p>
          <w:p w:rsidR="00156FB3" w:rsidRDefault="00156FB3" w:rsidP="00156FB3">
            <w:r>
              <w:t xml:space="preserve">    font-weight: bold;</w:t>
            </w:r>
          </w:p>
          <w:p w:rsidR="00156FB3" w:rsidRDefault="00156FB3" w:rsidP="00156FB3">
            <w:r>
              <w:t xml:space="preserve">    color: #FFFFFF;</w:t>
            </w:r>
          </w:p>
          <w:p w:rsidR="00156FB3" w:rsidRDefault="00156FB3" w:rsidP="00156FB3">
            <w:r>
              <w:t xml:space="preserve">    -webkit-text-shadow: 0 1px 0 #ffffff;</w:t>
            </w:r>
          </w:p>
          <w:p w:rsidR="00156FB3" w:rsidRDefault="00156FB3" w:rsidP="00156FB3">
            <w:r>
              <w:t xml:space="preserve">    text-shadow: 0 1px 0 #ffffff;</w:t>
            </w:r>
          </w:p>
          <w:p w:rsidR="00156FB3" w:rsidRDefault="00156FB3" w:rsidP="00156FB3">
            <w:r>
              <w:t xml:space="preserve">    opacity: 0.8;</w:t>
            </w:r>
          </w:p>
          <w:p w:rsidR="00156FB3" w:rsidRDefault="00156FB3" w:rsidP="00156FB3">
            <w:r>
              <w:t xml:space="preserve">    -ms-filter: progid:DXImageTransform.Microsoft.Alpha(Opacity=80);</w:t>
            </w:r>
          </w:p>
          <w:p w:rsidR="00156FB3" w:rsidRDefault="00156FB3" w:rsidP="00156FB3">
            <w:r>
              <w:t xml:space="preserve">    filter: alpha(opacity=80);</w:t>
            </w:r>
          </w:p>
          <w:p w:rsidR="00156FB3" w:rsidRDefault="00156FB3" w:rsidP="00156FB3">
            <w:r>
              <w:t xml:space="preserve">    line-height: 1;</w:t>
            </w:r>
          </w:p>
          <w:p w:rsidR="00156FB3" w:rsidRDefault="00156FB3" w:rsidP="00156FB3">
            <w:r>
              <w:t>}</w:t>
            </w:r>
          </w:p>
          <w:p w:rsidR="00156FB3" w:rsidRDefault="00156FB3" w:rsidP="00156FB3"/>
          <w:p w:rsidR="00156FB3" w:rsidRDefault="00156FB3" w:rsidP="00156FB3">
            <w:r>
              <w:t>.toast-close-button:hover,</w:t>
            </w:r>
          </w:p>
          <w:p w:rsidR="00156FB3" w:rsidRDefault="00156FB3" w:rsidP="00156FB3">
            <w:r>
              <w:t>.toast-close-button:focus {</w:t>
            </w:r>
          </w:p>
          <w:p w:rsidR="00156FB3" w:rsidRDefault="00156FB3" w:rsidP="00156FB3">
            <w:r>
              <w:t xml:space="preserve">    color: #000000;</w:t>
            </w:r>
          </w:p>
          <w:p w:rsidR="00156FB3" w:rsidRDefault="00156FB3" w:rsidP="00156FB3">
            <w:r>
              <w:t xml:space="preserve">    text-decoration: none;</w:t>
            </w:r>
          </w:p>
          <w:p w:rsidR="00156FB3" w:rsidRDefault="00156FB3" w:rsidP="00156FB3">
            <w:r>
              <w:t xml:space="preserve">    cursor: pointer;</w:t>
            </w:r>
          </w:p>
          <w:p w:rsidR="00156FB3" w:rsidRDefault="00156FB3" w:rsidP="00156FB3">
            <w:r>
              <w:t xml:space="preserve">    opacity: 0.4;</w:t>
            </w:r>
          </w:p>
          <w:p w:rsidR="00156FB3" w:rsidRDefault="00156FB3" w:rsidP="00156FB3">
            <w:r>
              <w:t xml:space="preserve">    -ms-filter: progid:DXImageTransform.Microsoft.Alpha(Opacity=40);</w:t>
            </w:r>
          </w:p>
          <w:p w:rsidR="00156FB3" w:rsidRDefault="00156FB3" w:rsidP="00156FB3">
            <w:r>
              <w:t xml:space="preserve">    filter: alpha(opacity=40);</w:t>
            </w:r>
          </w:p>
          <w:p w:rsidR="00156FB3" w:rsidRDefault="00156FB3" w:rsidP="00156FB3">
            <w:r>
              <w:t>}</w:t>
            </w:r>
          </w:p>
          <w:p w:rsidR="00156FB3" w:rsidRDefault="00156FB3" w:rsidP="00156FB3"/>
          <w:p w:rsidR="00156FB3" w:rsidRDefault="00156FB3" w:rsidP="00156FB3">
            <w:r>
              <w:lastRenderedPageBreak/>
              <w:t>.rtl .toast-close-button {</w:t>
            </w:r>
          </w:p>
          <w:p w:rsidR="00156FB3" w:rsidRDefault="00156FB3" w:rsidP="00156FB3">
            <w:r>
              <w:t xml:space="preserve">    left: -0.3em;</w:t>
            </w:r>
          </w:p>
          <w:p w:rsidR="00156FB3" w:rsidRDefault="00156FB3" w:rsidP="00156FB3">
            <w:r>
              <w:t xml:space="preserve">    float: left;</w:t>
            </w:r>
          </w:p>
          <w:p w:rsidR="00156FB3" w:rsidRDefault="00156FB3" w:rsidP="00156FB3">
            <w:r>
              <w:t xml:space="preserve">    right: 0.3em;</w:t>
            </w:r>
          </w:p>
          <w:p w:rsidR="00156FB3" w:rsidRDefault="00156FB3" w:rsidP="00156FB3">
            <w:r>
              <w:t>}</w:t>
            </w:r>
          </w:p>
          <w:p w:rsidR="00156FB3" w:rsidRDefault="00156FB3" w:rsidP="00156FB3"/>
          <w:p w:rsidR="00156FB3" w:rsidRDefault="00156FB3" w:rsidP="00156FB3">
            <w:r>
              <w:t>/*Additional properties for button version</w:t>
            </w:r>
          </w:p>
          <w:p w:rsidR="00156FB3" w:rsidRDefault="00156FB3" w:rsidP="00156FB3">
            <w:r>
              <w:t xml:space="preserve"> iOS requires the button element instead of an anchor tag.</w:t>
            </w:r>
          </w:p>
          <w:p w:rsidR="00156FB3" w:rsidRDefault="00156FB3" w:rsidP="00156FB3">
            <w:r>
              <w:t xml:space="preserve"> If you want the anchor version, it requires `href="#"`.*/</w:t>
            </w:r>
          </w:p>
          <w:p w:rsidR="00156FB3" w:rsidRDefault="00156FB3" w:rsidP="00156FB3">
            <w:r>
              <w:t>button.toast-close-button {</w:t>
            </w:r>
          </w:p>
          <w:p w:rsidR="00156FB3" w:rsidRDefault="00156FB3" w:rsidP="00156FB3">
            <w:r>
              <w:t xml:space="preserve">    padding: 0;</w:t>
            </w:r>
          </w:p>
          <w:p w:rsidR="00156FB3" w:rsidRDefault="00156FB3" w:rsidP="00156FB3">
            <w:r>
              <w:t xml:space="preserve">    cursor: pointer;</w:t>
            </w:r>
          </w:p>
          <w:p w:rsidR="00156FB3" w:rsidRDefault="00156FB3" w:rsidP="00156FB3">
            <w:r>
              <w:t xml:space="preserve">    background: transparent;</w:t>
            </w:r>
          </w:p>
          <w:p w:rsidR="00156FB3" w:rsidRDefault="00156FB3" w:rsidP="00156FB3">
            <w:r>
              <w:t xml:space="preserve">    border: 0;</w:t>
            </w:r>
          </w:p>
          <w:p w:rsidR="00156FB3" w:rsidRDefault="00156FB3" w:rsidP="00156FB3">
            <w:r>
              <w:t xml:space="preserve">    -webkit-appearance: none;</w:t>
            </w:r>
          </w:p>
          <w:p w:rsidR="00156FB3" w:rsidRDefault="00156FB3" w:rsidP="00156FB3">
            <w:r>
              <w:t>}</w:t>
            </w:r>
          </w:p>
          <w:p w:rsidR="00156FB3" w:rsidRDefault="00156FB3" w:rsidP="00156FB3"/>
          <w:p w:rsidR="00156FB3" w:rsidRDefault="00156FB3" w:rsidP="00156FB3">
            <w:r>
              <w:t>.toast-top-center {</w:t>
            </w:r>
          </w:p>
          <w:p w:rsidR="00156FB3" w:rsidRDefault="00156FB3" w:rsidP="00156FB3">
            <w:r>
              <w:t xml:space="preserve">    top: 0;</w:t>
            </w:r>
          </w:p>
          <w:p w:rsidR="00156FB3" w:rsidRDefault="00156FB3" w:rsidP="00156FB3">
            <w:r>
              <w:t xml:space="preserve">    right: 0;</w:t>
            </w:r>
          </w:p>
          <w:p w:rsidR="00156FB3" w:rsidRDefault="00156FB3" w:rsidP="00156FB3">
            <w:r>
              <w:t xml:space="preserve">    width: 100%;</w:t>
            </w:r>
          </w:p>
          <w:p w:rsidR="00156FB3" w:rsidRDefault="00156FB3" w:rsidP="00156FB3">
            <w:r>
              <w:t>}</w:t>
            </w:r>
          </w:p>
          <w:p w:rsidR="00156FB3" w:rsidRDefault="00156FB3" w:rsidP="00156FB3"/>
          <w:p w:rsidR="00156FB3" w:rsidRDefault="00156FB3" w:rsidP="00156FB3">
            <w:r>
              <w:t>.toast-bottom-center {</w:t>
            </w:r>
          </w:p>
          <w:p w:rsidR="00156FB3" w:rsidRDefault="00156FB3" w:rsidP="00156FB3">
            <w:r>
              <w:t xml:space="preserve">    bottom: 0;</w:t>
            </w:r>
          </w:p>
          <w:p w:rsidR="00156FB3" w:rsidRDefault="00156FB3" w:rsidP="00156FB3">
            <w:r>
              <w:t xml:space="preserve">    right: 0;</w:t>
            </w:r>
          </w:p>
          <w:p w:rsidR="00156FB3" w:rsidRDefault="00156FB3" w:rsidP="00156FB3">
            <w:r>
              <w:t xml:space="preserve">    width: 100%;</w:t>
            </w:r>
          </w:p>
          <w:p w:rsidR="00156FB3" w:rsidRDefault="00156FB3" w:rsidP="00156FB3">
            <w:r>
              <w:t>}</w:t>
            </w:r>
          </w:p>
          <w:p w:rsidR="00156FB3" w:rsidRDefault="00156FB3" w:rsidP="00156FB3"/>
          <w:p w:rsidR="00156FB3" w:rsidRDefault="00156FB3" w:rsidP="00156FB3">
            <w:r>
              <w:t>.toast-top-full-width {</w:t>
            </w:r>
          </w:p>
          <w:p w:rsidR="00156FB3" w:rsidRDefault="00156FB3" w:rsidP="00156FB3">
            <w:r>
              <w:t xml:space="preserve">    top: 0;</w:t>
            </w:r>
          </w:p>
          <w:p w:rsidR="00156FB3" w:rsidRDefault="00156FB3" w:rsidP="00156FB3">
            <w:r>
              <w:t xml:space="preserve">    right: 0;</w:t>
            </w:r>
          </w:p>
          <w:p w:rsidR="00156FB3" w:rsidRDefault="00156FB3" w:rsidP="00156FB3">
            <w:r>
              <w:t xml:space="preserve">    width: 100%;</w:t>
            </w:r>
          </w:p>
          <w:p w:rsidR="00156FB3" w:rsidRDefault="00156FB3" w:rsidP="00156FB3">
            <w:r>
              <w:t>}</w:t>
            </w:r>
          </w:p>
          <w:p w:rsidR="00156FB3" w:rsidRDefault="00156FB3" w:rsidP="00156FB3"/>
          <w:p w:rsidR="00156FB3" w:rsidRDefault="00156FB3" w:rsidP="00156FB3">
            <w:r>
              <w:t>.toast-bottom-full-width {</w:t>
            </w:r>
          </w:p>
          <w:p w:rsidR="00156FB3" w:rsidRDefault="00156FB3" w:rsidP="00156FB3">
            <w:r>
              <w:t xml:space="preserve">    bottom: 0;</w:t>
            </w:r>
          </w:p>
          <w:p w:rsidR="00156FB3" w:rsidRDefault="00156FB3" w:rsidP="00156FB3">
            <w:r>
              <w:t xml:space="preserve">    right: 0;</w:t>
            </w:r>
          </w:p>
          <w:p w:rsidR="00156FB3" w:rsidRDefault="00156FB3" w:rsidP="00156FB3">
            <w:r>
              <w:t xml:space="preserve">    width: 100%;</w:t>
            </w:r>
          </w:p>
          <w:p w:rsidR="00156FB3" w:rsidRDefault="00156FB3" w:rsidP="00156FB3">
            <w:r>
              <w:t>}</w:t>
            </w:r>
          </w:p>
          <w:p w:rsidR="00156FB3" w:rsidRDefault="00156FB3" w:rsidP="00156FB3"/>
          <w:p w:rsidR="00156FB3" w:rsidRDefault="00156FB3" w:rsidP="00156FB3">
            <w:r>
              <w:t>.toast-top-left {</w:t>
            </w:r>
          </w:p>
          <w:p w:rsidR="00156FB3" w:rsidRDefault="00156FB3" w:rsidP="00156FB3">
            <w:r>
              <w:t xml:space="preserve">    top: 12px;</w:t>
            </w:r>
          </w:p>
          <w:p w:rsidR="00156FB3" w:rsidRDefault="00156FB3" w:rsidP="00156FB3">
            <w:r>
              <w:t xml:space="preserve">    left: 12px;</w:t>
            </w:r>
          </w:p>
          <w:p w:rsidR="00156FB3" w:rsidRDefault="00156FB3" w:rsidP="00156FB3">
            <w:r>
              <w:t>}</w:t>
            </w:r>
          </w:p>
          <w:p w:rsidR="00156FB3" w:rsidRDefault="00156FB3" w:rsidP="00156FB3"/>
          <w:p w:rsidR="00156FB3" w:rsidRDefault="00156FB3" w:rsidP="00156FB3">
            <w:r>
              <w:t>.toast-top-right {</w:t>
            </w:r>
          </w:p>
          <w:p w:rsidR="00156FB3" w:rsidRDefault="00156FB3" w:rsidP="00156FB3">
            <w:r>
              <w:t xml:space="preserve">    top: 12px;</w:t>
            </w:r>
          </w:p>
          <w:p w:rsidR="00156FB3" w:rsidRDefault="00156FB3" w:rsidP="00156FB3">
            <w:r>
              <w:lastRenderedPageBreak/>
              <w:t xml:space="preserve">    right: 12px;</w:t>
            </w:r>
          </w:p>
          <w:p w:rsidR="00156FB3" w:rsidRDefault="00156FB3" w:rsidP="00156FB3">
            <w:r>
              <w:t>}</w:t>
            </w:r>
          </w:p>
          <w:p w:rsidR="00156FB3" w:rsidRDefault="00156FB3" w:rsidP="00156FB3"/>
          <w:p w:rsidR="00156FB3" w:rsidRDefault="00156FB3" w:rsidP="00156FB3">
            <w:r>
              <w:t>.toast-bottom-right {</w:t>
            </w:r>
          </w:p>
          <w:p w:rsidR="00156FB3" w:rsidRDefault="00156FB3" w:rsidP="00156FB3">
            <w:r>
              <w:t xml:space="preserve">    right: 12px;</w:t>
            </w:r>
          </w:p>
          <w:p w:rsidR="00156FB3" w:rsidRDefault="00156FB3" w:rsidP="00156FB3">
            <w:r>
              <w:t xml:space="preserve">    bottom: 12px;</w:t>
            </w:r>
          </w:p>
          <w:p w:rsidR="00156FB3" w:rsidRDefault="00156FB3" w:rsidP="00156FB3">
            <w:r>
              <w:t>}</w:t>
            </w:r>
          </w:p>
          <w:p w:rsidR="00156FB3" w:rsidRDefault="00156FB3" w:rsidP="00156FB3"/>
          <w:p w:rsidR="00156FB3" w:rsidRDefault="00156FB3" w:rsidP="00156FB3">
            <w:r>
              <w:t>.toast-bottom-left {</w:t>
            </w:r>
          </w:p>
          <w:p w:rsidR="00156FB3" w:rsidRDefault="00156FB3" w:rsidP="00156FB3">
            <w:r>
              <w:t xml:space="preserve">    bottom: 12px;</w:t>
            </w:r>
          </w:p>
          <w:p w:rsidR="00156FB3" w:rsidRDefault="00156FB3" w:rsidP="00156FB3">
            <w:r>
              <w:t xml:space="preserve">    left: 12px;</w:t>
            </w:r>
          </w:p>
          <w:p w:rsidR="00156FB3" w:rsidRDefault="00156FB3" w:rsidP="00156FB3">
            <w:r>
              <w:t>}</w:t>
            </w:r>
          </w:p>
          <w:p w:rsidR="00156FB3" w:rsidRDefault="00156FB3" w:rsidP="00156FB3"/>
          <w:p w:rsidR="00156FB3" w:rsidRDefault="00156FB3" w:rsidP="00156FB3">
            <w:r>
              <w:t>.toast-container {</w:t>
            </w:r>
          </w:p>
          <w:p w:rsidR="00156FB3" w:rsidRDefault="00156FB3" w:rsidP="00156FB3">
            <w:r>
              <w:t xml:space="preserve">    position: fixed;</w:t>
            </w:r>
          </w:p>
          <w:p w:rsidR="00156FB3" w:rsidRDefault="00156FB3" w:rsidP="00156FB3">
            <w:r>
              <w:t xml:space="preserve">    z-index: 999999;</w:t>
            </w:r>
          </w:p>
          <w:p w:rsidR="00156FB3" w:rsidRDefault="00156FB3" w:rsidP="00156FB3">
            <w:r>
              <w:t xml:space="preserve">    pointer-events: none;</w:t>
            </w:r>
          </w:p>
          <w:p w:rsidR="00156FB3" w:rsidRDefault="00156FB3" w:rsidP="00156FB3">
            <w:r>
              <w:t xml:space="preserve">    /*overrides*/</w:t>
            </w:r>
          </w:p>
          <w:p w:rsidR="00156FB3" w:rsidRDefault="00156FB3" w:rsidP="00156FB3">
            <w:r>
              <w:t>}</w:t>
            </w:r>
          </w:p>
          <w:p w:rsidR="00156FB3" w:rsidRDefault="00156FB3" w:rsidP="00156FB3"/>
          <w:p w:rsidR="00156FB3" w:rsidRDefault="00156FB3" w:rsidP="00156FB3">
            <w:r>
              <w:t>.toast-container * {</w:t>
            </w:r>
          </w:p>
          <w:p w:rsidR="00156FB3" w:rsidRDefault="00156FB3" w:rsidP="00156FB3">
            <w:r>
              <w:t xml:space="preserve">    -moz-box-sizing: border-box;</w:t>
            </w:r>
          </w:p>
          <w:p w:rsidR="00156FB3" w:rsidRDefault="00156FB3" w:rsidP="00156FB3">
            <w:r>
              <w:t xml:space="preserve">    -webkit-box-sizing: border-box;</w:t>
            </w:r>
          </w:p>
          <w:p w:rsidR="00156FB3" w:rsidRDefault="00156FB3" w:rsidP="00156FB3">
            <w:r>
              <w:t xml:space="preserve">    box-sizing: border-box;</w:t>
            </w:r>
          </w:p>
          <w:p w:rsidR="00156FB3" w:rsidRDefault="00156FB3" w:rsidP="00156FB3">
            <w:r>
              <w:t>}</w:t>
            </w:r>
          </w:p>
          <w:p w:rsidR="00156FB3" w:rsidRDefault="00156FB3" w:rsidP="00156FB3"/>
          <w:p w:rsidR="00156FB3" w:rsidRDefault="00156FB3" w:rsidP="00156FB3">
            <w:r>
              <w:t>.toast-container &gt; div {</w:t>
            </w:r>
          </w:p>
          <w:p w:rsidR="00156FB3" w:rsidRDefault="00156FB3" w:rsidP="00156FB3">
            <w:r>
              <w:t xml:space="preserve">    position: relative;</w:t>
            </w:r>
          </w:p>
          <w:p w:rsidR="00156FB3" w:rsidRDefault="00156FB3" w:rsidP="00156FB3">
            <w:r>
              <w:t xml:space="preserve">    pointer-events: auto;</w:t>
            </w:r>
          </w:p>
          <w:p w:rsidR="00156FB3" w:rsidRDefault="00156FB3" w:rsidP="00156FB3">
            <w:r>
              <w:t xml:space="preserve">    overflow: hidden;</w:t>
            </w:r>
          </w:p>
          <w:p w:rsidR="00156FB3" w:rsidRDefault="00156FB3" w:rsidP="00156FB3">
            <w:r>
              <w:t xml:space="preserve">    margin: 0 0 6px;</w:t>
            </w:r>
          </w:p>
          <w:p w:rsidR="00156FB3" w:rsidRDefault="00156FB3" w:rsidP="00156FB3">
            <w:r>
              <w:t xml:space="preserve">    padding: 15px 15px 15px 50px;</w:t>
            </w:r>
          </w:p>
          <w:p w:rsidR="00156FB3" w:rsidRDefault="00156FB3" w:rsidP="00156FB3">
            <w:r>
              <w:t xml:space="preserve">    width: 300px;</w:t>
            </w:r>
          </w:p>
          <w:p w:rsidR="00156FB3" w:rsidRDefault="00156FB3" w:rsidP="00156FB3">
            <w:r>
              <w:t xml:space="preserve">    -moz-border-radius: 3px 3px 3px 3px;</w:t>
            </w:r>
          </w:p>
          <w:p w:rsidR="00156FB3" w:rsidRDefault="00156FB3" w:rsidP="00156FB3">
            <w:r>
              <w:t xml:space="preserve">    -webkit-border-radius: 3px 3px 3px 3px;</w:t>
            </w:r>
          </w:p>
          <w:p w:rsidR="00156FB3" w:rsidRDefault="00156FB3" w:rsidP="00156FB3">
            <w:r>
              <w:t xml:space="preserve">    border-radius: 3px 3px 3px 3px;</w:t>
            </w:r>
          </w:p>
          <w:p w:rsidR="00156FB3" w:rsidRDefault="00156FB3" w:rsidP="00156FB3">
            <w:r>
              <w:t xml:space="preserve">    background-position: 15px center;</w:t>
            </w:r>
          </w:p>
          <w:p w:rsidR="00156FB3" w:rsidRDefault="00156FB3" w:rsidP="00156FB3">
            <w:r>
              <w:t xml:space="preserve">    background-repeat: no-repeat;</w:t>
            </w:r>
          </w:p>
          <w:p w:rsidR="00156FB3" w:rsidRDefault="00156FB3" w:rsidP="00156FB3">
            <w:r>
              <w:t xml:space="preserve">    -moz-box-shadow: 0 0 12px #999999;</w:t>
            </w:r>
          </w:p>
          <w:p w:rsidR="00156FB3" w:rsidRDefault="00156FB3" w:rsidP="00156FB3">
            <w:r>
              <w:t xml:space="preserve">    -webkit-box-shadow: 0 0 12px #999999;</w:t>
            </w:r>
          </w:p>
          <w:p w:rsidR="00156FB3" w:rsidRDefault="00156FB3" w:rsidP="00156FB3">
            <w:r>
              <w:t xml:space="preserve">    box-shadow: 0 0 12px #999999;</w:t>
            </w:r>
          </w:p>
          <w:p w:rsidR="00156FB3" w:rsidRDefault="00156FB3" w:rsidP="00156FB3">
            <w:r>
              <w:t xml:space="preserve">    color: #FFFFFF;</w:t>
            </w:r>
          </w:p>
          <w:p w:rsidR="00156FB3" w:rsidRDefault="00156FB3" w:rsidP="00156FB3">
            <w:r>
              <w:t xml:space="preserve">    opacity: 0.8;</w:t>
            </w:r>
          </w:p>
          <w:p w:rsidR="00156FB3" w:rsidRDefault="00156FB3" w:rsidP="00156FB3">
            <w:r>
              <w:t xml:space="preserve">    -ms-filter: progid:DXImageTransform.Microsoft.Alpha(Opacity=80);</w:t>
            </w:r>
          </w:p>
          <w:p w:rsidR="00156FB3" w:rsidRDefault="00156FB3" w:rsidP="00156FB3">
            <w:r>
              <w:t xml:space="preserve">    filter: alpha(opacity=80);</w:t>
            </w:r>
          </w:p>
          <w:p w:rsidR="00156FB3" w:rsidRDefault="00156FB3" w:rsidP="00156FB3">
            <w:r>
              <w:t>}</w:t>
            </w:r>
          </w:p>
          <w:p w:rsidR="00156FB3" w:rsidRDefault="00156FB3" w:rsidP="00156FB3"/>
          <w:p w:rsidR="00156FB3" w:rsidRDefault="00156FB3" w:rsidP="00156FB3">
            <w:r>
              <w:t>.toast-container &gt; div.rtl {</w:t>
            </w:r>
          </w:p>
          <w:p w:rsidR="00156FB3" w:rsidRDefault="00156FB3" w:rsidP="00156FB3">
            <w:r>
              <w:lastRenderedPageBreak/>
              <w:t xml:space="preserve">    direction: rtl;</w:t>
            </w:r>
          </w:p>
          <w:p w:rsidR="00156FB3" w:rsidRDefault="00156FB3" w:rsidP="00156FB3">
            <w:r>
              <w:t xml:space="preserve">    padding: 15px 50px 15px 15px;</w:t>
            </w:r>
          </w:p>
          <w:p w:rsidR="00156FB3" w:rsidRDefault="00156FB3" w:rsidP="00156FB3">
            <w:r>
              <w:t xml:space="preserve">    background-position: right 15px center;</w:t>
            </w:r>
          </w:p>
          <w:p w:rsidR="00156FB3" w:rsidRDefault="00156FB3" w:rsidP="00156FB3">
            <w:r>
              <w:t>}</w:t>
            </w:r>
          </w:p>
          <w:p w:rsidR="00156FB3" w:rsidRDefault="00156FB3" w:rsidP="00156FB3"/>
          <w:p w:rsidR="00156FB3" w:rsidRDefault="00156FB3" w:rsidP="00156FB3">
            <w:r>
              <w:t xml:space="preserve">    .toast-container &gt; div:hover {</w:t>
            </w:r>
          </w:p>
          <w:p w:rsidR="00156FB3" w:rsidRDefault="00156FB3" w:rsidP="00156FB3">
            <w:r>
              <w:t xml:space="preserve">        -moz-box-shadow: 0 0 12px #000000;</w:t>
            </w:r>
          </w:p>
          <w:p w:rsidR="00156FB3" w:rsidRDefault="00156FB3" w:rsidP="00156FB3">
            <w:r>
              <w:t xml:space="preserve">        -webkit-box-shadow: 0 0 12px #000000;</w:t>
            </w:r>
          </w:p>
          <w:p w:rsidR="00156FB3" w:rsidRDefault="00156FB3" w:rsidP="00156FB3">
            <w:r>
              <w:t xml:space="preserve">        box-shadow: 0 0 12px #000000;</w:t>
            </w:r>
          </w:p>
          <w:p w:rsidR="00156FB3" w:rsidRDefault="00156FB3" w:rsidP="00156FB3">
            <w:r>
              <w:t xml:space="preserve">        opacity: 1;</w:t>
            </w:r>
          </w:p>
          <w:p w:rsidR="00156FB3" w:rsidRDefault="00156FB3" w:rsidP="00156FB3">
            <w:r>
              <w:t xml:space="preserve">        -ms-filter: progid:DXImageTransform.Microsoft.Alpha(Opacity=100);</w:t>
            </w:r>
          </w:p>
          <w:p w:rsidR="00156FB3" w:rsidRDefault="00156FB3" w:rsidP="00156FB3">
            <w:r>
              <w:t xml:space="preserve">        filter: alpha(opacity=100);</w:t>
            </w:r>
          </w:p>
          <w:p w:rsidR="00156FB3" w:rsidRDefault="00156FB3" w:rsidP="00156FB3">
            <w:r>
              <w:t xml:space="preserve">        cursor: pointer;</w:t>
            </w:r>
          </w:p>
          <w:p w:rsidR="00156FB3" w:rsidRDefault="00156FB3" w:rsidP="00156FB3">
            <w:r>
              <w:t xml:space="preserve">    }</w:t>
            </w:r>
          </w:p>
          <w:p w:rsidR="00156FB3" w:rsidRDefault="00156FB3" w:rsidP="00156FB3"/>
          <w:p w:rsidR="00156FB3" w:rsidRDefault="00156FB3" w:rsidP="00156FB3">
            <w:r>
              <w:t>.toast-container &gt; .toast-info {</w:t>
            </w:r>
          </w:p>
          <w:p w:rsidR="00156FB3" w:rsidRDefault="00156FB3" w:rsidP="00156FB3">
            <w:r>
              <w:t xml:space="preserve">    background-image: url("data:image/png;base64,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") !important;</w:t>
            </w:r>
          </w:p>
          <w:p w:rsidR="00156FB3" w:rsidRDefault="00156FB3" w:rsidP="00156FB3">
            <w:r>
              <w:t>}</w:t>
            </w:r>
          </w:p>
          <w:p w:rsidR="00156FB3" w:rsidRDefault="00156FB3" w:rsidP="00156FB3"/>
          <w:p w:rsidR="00156FB3" w:rsidRDefault="00156FB3" w:rsidP="00156FB3">
            <w:r>
              <w:t>.toast-container &gt; .toast-error {</w:t>
            </w:r>
          </w:p>
          <w:p w:rsidR="00156FB3" w:rsidRDefault="00156FB3" w:rsidP="00156FB3">
            <w:r>
              <w:t xml:space="preserve">    background-image: url("data:image/png;base64,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") !important;</w:t>
            </w:r>
          </w:p>
          <w:p w:rsidR="00156FB3" w:rsidRDefault="00156FB3" w:rsidP="00156FB3">
            <w:r>
              <w:t>}</w:t>
            </w:r>
          </w:p>
          <w:p w:rsidR="00156FB3" w:rsidRDefault="00156FB3" w:rsidP="00156FB3"/>
          <w:p w:rsidR="00156FB3" w:rsidRDefault="00156FB3" w:rsidP="00156FB3">
            <w:r>
              <w:t>.toast-container &gt; .toast-success {</w:t>
            </w:r>
          </w:p>
          <w:p w:rsidR="00156FB3" w:rsidRDefault="00156FB3" w:rsidP="00156FB3">
            <w:r>
              <w:t xml:space="preserve">    background-image: url("data:image/png;base64,iVBORw0KGgoAAAANSUhEUgAAABgAAAAYCAYAAADgdz34AAAAAXNSR0IArs4c6QAAAARnQU1BAACxjwv8YQUAAAAJcEhZcwAADsMAAA7DAcdvqGQAAADsSURBVEhLY2AYBfQMgf///3P8+/evAIgvA/FsIF+BavYDDWMBGroaSMMBiE8VC7AZDrIFaMFnii3AZTjUgsUUWUDA8OdAH6iQbQEhw</w:t>
            </w:r>
            <w:r>
              <w:lastRenderedPageBreak/>
              <w:t>4HyGsPEcKBXBIC4ARhex4G4BsjmweU1soIFaGg/WtoFZRIZdEvIMhxkCCjXIVsATV6gFGACs4Rsw0EGgIIH3QJYJgHSARQZDrWAB+jawzgs+Q2UO49D7jnRSRGoEFRILcdmEMWGI0cm0JJ2QpYA1RDvcmzJEWhABhD/pqrL0S0CWuABKgnRki9lLseS7g2AlqwHWQSKH4oKLrILpRGhEQCw2LiRUIa4lwAAAABJRU5ErkJggg==") !important;</w:t>
            </w:r>
          </w:p>
          <w:p w:rsidR="00156FB3" w:rsidRDefault="00156FB3" w:rsidP="00156FB3">
            <w:r>
              <w:t>}</w:t>
            </w:r>
          </w:p>
          <w:p w:rsidR="00156FB3" w:rsidRDefault="00156FB3" w:rsidP="00156FB3"/>
          <w:p w:rsidR="00156FB3" w:rsidRDefault="00156FB3" w:rsidP="00156FB3">
            <w:r>
              <w:t>.toast-container &gt; .toast-warning {</w:t>
            </w:r>
          </w:p>
          <w:p w:rsidR="00156FB3" w:rsidRDefault="00156FB3" w:rsidP="00156FB3">
            <w:r>
              <w:t xml:space="preserve">    background-image: url("data:image/png;base64,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") !important;</w:t>
            </w:r>
          </w:p>
          <w:p w:rsidR="00156FB3" w:rsidRDefault="00156FB3" w:rsidP="00156FB3">
            <w:r>
              <w:t>}</w:t>
            </w:r>
          </w:p>
          <w:p w:rsidR="00156FB3" w:rsidRDefault="00156FB3" w:rsidP="00156FB3"/>
          <w:p w:rsidR="00156FB3" w:rsidRDefault="00156FB3" w:rsidP="00156FB3">
            <w:r>
              <w:t>.toast-container.toast-top-center &gt; div,</w:t>
            </w:r>
          </w:p>
          <w:p w:rsidR="00156FB3" w:rsidRDefault="00156FB3" w:rsidP="00156FB3">
            <w:r>
              <w:t>.toast-container.toast-bottom-center &gt; div {</w:t>
            </w:r>
          </w:p>
          <w:p w:rsidR="00156FB3" w:rsidRDefault="00156FB3" w:rsidP="00156FB3">
            <w:r>
              <w:t xml:space="preserve">    width: 300px;</w:t>
            </w:r>
          </w:p>
          <w:p w:rsidR="00156FB3" w:rsidRDefault="00156FB3" w:rsidP="00156FB3">
            <w:r>
              <w:t xml:space="preserve">    margin-left: auto;</w:t>
            </w:r>
          </w:p>
          <w:p w:rsidR="00156FB3" w:rsidRDefault="00156FB3" w:rsidP="00156FB3">
            <w:r>
              <w:t xml:space="preserve">    margin-right: auto;</w:t>
            </w:r>
          </w:p>
          <w:p w:rsidR="00156FB3" w:rsidRDefault="00156FB3" w:rsidP="00156FB3">
            <w:r>
              <w:t>}</w:t>
            </w:r>
          </w:p>
          <w:p w:rsidR="00156FB3" w:rsidRDefault="00156FB3" w:rsidP="00156FB3"/>
          <w:p w:rsidR="00156FB3" w:rsidRDefault="00156FB3" w:rsidP="00156FB3">
            <w:r>
              <w:t>.toast-container.toast-top-full-width &gt; div,</w:t>
            </w:r>
          </w:p>
          <w:p w:rsidR="00156FB3" w:rsidRDefault="00156FB3" w:rsidP="00156FB3">
            <w:r>
              <w:t>.toast-container.toast-bottom-full-width &gt; div {</w:t>
            </w:r>
          </w:p>
          <w:p w:rsidR="00156FB3" w:rsidRDefault="00156FB3" w:rsidP="00156FB3">
            <w:r>
              <w:t xml:space="preserve">    width: 96%;</w:t>
            </w:r>
          </w:p>
          <w:p w:rsidR="00156FB3" w:rsidRDefault="00156FB3" w:rsidP="00156FB3">
            <w:r>
              <w:t xml:space="preserve">    margin-left: auto;</w:t>
            </w:r>
          </w:p>
          <w:p w:rsidR="00156FB3" w:rsidRDefault="00156FB3" w:rsidP="00156FB3">
            <w:r>
              <w:t xml:space="preserve">    margin-right: auto;</w:t>
            </w:r>
          </w:p>
          <w:p w:rsidR="00156FB3" w:rsidRDefault="00156FB3" w:rsidP="00156FB3">
            <w:r>
              <w:t>}</w:t>
            </w:r>
          </w:p>
          <w:p w:rsidR="00156FB3" w:rsidRDefault="00156FB3" w:rsidP="00156FB3"/>
          <w:p w:rsidR="00156FB3" w:rsidRDefault="00156FB3" w:rsidP="00156FB3">
            <w:r>
              <w:t>.toast {</w:t>
            </w:r>
          </w:p>
          <w:p w:rsidR="00156FB3" w:rsidRDefault="00156FB3" w:rsidP="00156FB3">
            <w:r>
              <w:t xml:space="preserve">    background-color: #030303;</w:t>
            </w:r>
          </w:p>
          <w:p w:rsidR="00156FB3" w:rsidRDefault="00156FB3" w:rsidP="00156FB3">
            <w:r>
              <w:t>}</w:t>
            </w:r>
          </w:p>
          <w:p w:rsidR="00156FB3" w:rsidRDefault="00156FB3" w:rsidP="00156FB3"/>
          <w:p w:rsidR="00156FB3" w:rsidRDefault="00156FB3" w:rsidP="00156FB3">
            <w:r>
              <w:t>.toast-success {</w:t>
            </w:r>
          </w:p>
          <w:p w:rsidR="00156FB3" w:rsidRDefault="00156FB3" w:rsidP="00156FB3">
            <w:r>
              <w:t xml:space="preserve">    background-color: #51A351;</w:t>
            </w:r>
          </w:p>
          <w:p w:rsidR="00156FB3" w:rsidRDefault="00156FB3" w:rsidP="00156FB3">
            <w:r>
              <w:t>}</w:t>
            </w:r>
          </w:p>
          <w:p w:rsidR="00156FB3" w:rsidRDefault="00156FB3" w:rsidP="00156FB3"/>
          <w:p w:rsidR="00156FB3" w:rsidRDefault="00156FB3" w:rsidP="00156FB3">
            <w:r>
              <w:t>.toast-error {</w:t>
            </w:r>
          </w:p>
          <w:p w:rsidR="00156FB3" w:rsidRDefault="00156FB3" w:rsidP="00156FB3">
            <w:r>
              <w:t xml:space="preserve">    background-color: #BD362F;</w:t>
            </w:r>
          </w:p>
          <w:p w:rsidR="00156FB3" w:rsidRDefault="00156FB3" w:rsidP="00156FB3">
            <w:r>
              <w:t>}</w:t>
            </w:r>
          </w:p>
          <w:p w:rsidR="00156FB3" w:rsidRDefault="00156FB3" w:rsidP="00156FB3"/>
          <w:p w:rsidR="00156FB3" w:rsidRDefault="00156FB3" w:rsidP="00156FB3">
            <w:r>
              <w:t>.toast-info {</w:t>
            </w:r>
          </w:p>
          <w:p w:rsidR="00156FB3" w:rsidRDefault="00156FB3" w:rsidP="00156FB3">
            <w:r>
              <w:t xml:space="preserve">    background-color: #2F96B4;</w:t>
            </w:r>
          </w:p>
          <w:p w:rsidR="00156FB3" w:rsidRDefault="00156FB3" w:rsidP="00156FB3">
            <w:r>
              <w:t>}</w:t>
            </w:r>
          </w:p>
          <w:p w:rsidR="00156FB3" w:rsidRDefault="00156FB3" w:rsidP="00156FB3"/>
          <w:p w:rsidR="00156FB3" w:rsidRDefault="00156FB3" w:rsidP="00156FB3">
            <w:r>
              <w:t>.toast-warning {</w:t>
            </w:r>
          </w:p>
          <w:p w:rsidR="00156FB3" w:rsidRDefault="00156FB3" w:rsidP="00156FB3">
            <w:r>
              <w:t xml:space="preserve">    background-color: #F89406;</w:t>
            </w:r>
          </w:p>
          <w:p w:rsidR="00156FB3" w:rsidRDefault="00156FB3" w:rsidP="00156FB3">
            <w:r>
              <w:t>}</w:t>
            </w:r>
          </w:p>
          <w:p w:rsidR="00156FB3" w:rsidRDefault="00156FB3" w:rsidP="00156FB3"/>
          <w:p w:rsidR="00156FB3" w:rsidRDefault="00156FB3" w:rsidP="00156FB3">
            <w:r>
              <w:t>.toast-progress {</w:t>
            </w:r>
          </w:p>
          <w:p w:rsidR="00156FB3" w:rsidRDefault="00156FB3" w:rsidP="00156FB3">
            <w:r>
              <w:t xml:space="preserve">    position: absolute;</w:t>
            </w:r>
          </w:p>
          <w:p w:rsidR="00156FB3" w:rsidRDefault="00156FB3" w:rsidP="00156FB3">
            <w:r>
              <w:t xml:space="preserve">    left: 0;</w:t>
            </w:r>
          </w:p>
          <w:p w:rsidR="00156FB3" w:rsidRDefault="00156FB3" w:rsidP="00156FB3">
            <w:r>
              <w:t xml:space="preserve">    bottom: 0;</w:t>
            </w:r>
          </w:p>
          <w:p w:rsidR="00156FB3" w:rsidRDefault="00156FB3" w:rsidP="00156FB3">
            <w:r>
              <w:t xml:space="preserve">    height: 4px;</w:t>
            </w:r>
          </w:p>
          <w:p w:rsidR="00156FB3" w:rsidRDefault="00156FB3" w:rsidP="00156FB3">
            <w:r>
              <w:t xml:space="preserve">    background-color: #000000;</w:t>
            </w:r>
          </w:p>
          <w:p w:rsidR="00156FB3" w:rsidRDefault="00156FB3" w:rsidP="00156FB3">
            <w:r>
              <w:t xml:space="preserve">    opacity: 0.4;</w:t>
            </w:r>
          </w:p>
          <w:p w:rsidR="00156FB3" w:rsidRDefault="00156FB3" w:rsidP="00156FB3">
            <w:r>
              <w:t xml:space="preserve">    -ms-filter: progid:DXImageTransform.Microsoft.Alpha(Opacity=40);</w:t>
            </w:r>
          </w:p>
          <w:p w:rsidR="00156FB3" w:rsidRDefault="00156FB3" w:rsidP="00156FB3">
            <w:r>
              <w:t xml:space="preserve">    filter: alpha(opacity=40);</w:t>
            </w:r>
          </w:p>
          <w:p w:rsidR="00156FB3" w:rsidRDefault="00156FB3" w:rsidP="00156FB3">
            <w:r>
              <w:t>}</w:t>
            </w:r>
          </w:p>
          <w:p w:rsidR="00156FB3" w:rsidRDefault="00156FB3" w:rsidP="00156FB3"/>
          <w:p w:rsidR="00156FB3" w:rsidRDefault="00156FB3" w:rsidP="00156FB3">
            <w:r>
              <w:t>/*Responsive Design*/</w:t>
            </w:r>
          </w:p>
          <w:p w:rsidR="00156FB3" w:rsidRDefault="00156FB3" w:rsidP="00156FB3">
            <w:r>
              <w:t>@media all and (max-width: 240px) {</w:t>
            </w:r>
          </w:p>
          <w:p w:rsidR="00156FB3" w:rsidRDefault="00156FB3" w:rsidP="00156FB3">
            <w:r>
              <w:t xml:space="preserve">    .toast-container &gt; div {</w:t>
            </w:r>
          </w:p>
          <w:p w:rsidR="00156FB3" w:rsidRDefault="00156FB3" w:rsidP="00156FB3">
            <w:r>
              <w:t xml:space="preserve">        padding: 8px 8px 8px 50px;</w:t>
            </w:r>
          </w:p>
          <w:p w:rsidR="00156FB3" w:rsidRDefault="00156FB3" w:rsidP="00156FB3">
            <w:r>
              <w:t xml:space="preserve">        width: 11em;</w:t>
            </w:r>
          </w:p>
          <w:p w:rsidR="00156FB3" w:rsidRDefault="00156FB3" w:rsidP="00156FB3">
            <w:r>
              <w:t xml:space="preserve">    }</w:t>
            </w:r>
          </w:p>
          <w:p w:rsidR="00156FB3" w:rsidRDefault="00156FB3" w:rsidP="00156FB3"/>
          <w:p w:rsidR="00156FB3" w:rsidRDefault="00156FB3" w:rsidP="00156FB3">
            <w:r>
              <w:t xml:space="preserve">    .toast-container &gt; div.rtl {</w:t>
            </w:r>
          </w:p>
          <w:p w:rsidR="00156FB3" w:rsidRDefault="00156FB3" w:rsidP="00156FB3">
            <w:r>
              <w:t xml:space="preserve">        padding: 8px 50px 8px 8px;</w:t>
            </w:r>
          </w:p>
          <w:p w:rsidR="00156FB3" w:rsidRDefault="00156FB3" w:rsidP="00156FB3">
            <w:r>
              <w:t xml:space="preserve">    }</w:t>
            </w:r>
          </w:p>
          <w:p w:rsidR="00156FB3" w:rsidRDefault="00156FB3" w:rsidP="00156FB3"/>
          <w:p w:rsidR="00156FB3" w:rsidRDefault="00156FB3" w:rsidP="00156FB3">
            <w:r>
              <w:t xml:space="preserve">    .toast-container .toast-close-button {</w:t>
            </w:r>
          </w:p>
          <w:p w:rsidR="00156FB3" w:rsidRDefault="00156FB3" w:rsidP="00156FB3">
            <w:r>
              <w:t xml:space="preserve">        right: -0.2em;</w:t>
            </w:r>
          </w:p>
          <w:p w:rsidR="00156FB3" w:rsidRDefault="00156FB3" w:rsidP="00156FB3">
            <w:r>
              <w:t xml:space="preserve">        top: -0.2em;</w:t>
            </w:r>
          </w:p>
          <w:p w:rsidR="00156FB3" w:rsidRDefault="00156FB3" w:rsidP="00156FB3">
            <w:r>
              <w:t xml:space="preserve">    }</w:t>
            </w:r>
          </w:p>
          <w:p w:rsidR="00156FB3" w:rsidRDefault="00156FB3" w:rsidP="00156FB3"/>
          <w:p w:rsidR="00156FB3" w:rsidRDefault="00156FB3" w:rsidP="00156FB3">
            <w:r>
              <w:t xml:space="preserve">    .toast-container .rtl .toast-close-button {</w:t>
            </w:r>
          </w:p>
          <w:p w:rsidR="00156FB3" w:rsidRDefault="00156FB3" w:rsidP="00156FB3">
            <w:r>
              <w:t xml:space="preserve">        left: -0.2em;</w:t>
            </w:r>
          </w:p>
          <w:p w:rsidR="00156FB3" w:rsidRDefault="00156FB3" w:rsidP="00156FB3">
            <w:r>
              <w:t xml:space="preserve">        right: 0.2em;</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media all and (min-width: 241px) and (max-width: 480px) {</w:t>
            </w:r>
          </w:p>
          <w:p w:rsidR="00156FB3" w:rsidRDefault="00156FB3" w:rsidP="00156FB3">
            <w:r>
              <w:t xml:space="preserve">    .toast-container &gt; div {</w:t>
            </w:r>
          </w:p>
          <w:p w:rsidR="00156FB3" w:rsidRDefault="00156FB3" w:rsidP="00156FB3">
            <w:r>
              <w:t xml:space="preserve">        padding: 8px 8px 8px 50px;</w:t>
            </w:r>
          </w:p>
          <w:p w:rsidR="00156FB3" w:rsidRDefault="00156FB3" w:rsidP="00156FB3">
            <w:r>
              <w:t xml:space="preserve">        width: 18em;</w:t>
            </w:r>
          </w:p>
          <w:p w:rsidR="00156FB3" w:rsidRDefault="00156FB3" w:rsidP="00156FB3">
            <w:r>
              <w:t xml:space="preserve">    }</w:t>
            </w:r>
          </w:p>
          <w:p w:rsidR="00156FB3" w:rsidRDefault="00156FB3" w:rsidP="00156FB3"/>
          <w:p w:rsidR="00156FB3" w:rsidRDefault="00156FB3" w:rsidP="00156FB3">
            <w:r>
              <w:t xml:space="preserve">    .toast-container &gt; div.rtl {</w:t>
            </w:r>
          </w:p>
          <w:p w:rsidR="00156FB3" w:rsidRDefault="00156FB3" w:rsidP="00156FB3">
            <w:r>
              <w:t xml:space="preserve">        padding: 8px 50px 8px 8px;</w:t>
            </w:r>
          </w:p>
          <w:p w:rsidR="00156FB3" w:rsidRDefault="00156FB3" w:rsidP="00156FB3">
            <w:r>
              <w:t xml:space="preserve">    }</w:t>
            </w:r>
          </w:p>
          <w:p w:rsidR="00156FB3" w:rsidRDefault="00156FB3" w:rsidP="00156FB3"/>
          <w:p w:rsidR="00156FB3" w:rsidRDefault="00156FB3" w:rsidP="00156FB3">
            <w:r>
              <w:lastRenderedPageBreak/>
              <w:t xml:space="preserve">    .toast-container .toast-close-button {</w:t>
            </w:r>
          </w:p>
          <w:p w:rsidR="00156FB3" w:rsidRDefault="00156FB3" w:rsidP="00156FB3">
            <w:r>
              <w:t xml:space="preserve">        right: -0.2em;</w:t>
            </w:r>
          </w:p>
          <w:p w:rsidR="00156FB3" w:rsidRDefault="00156FB3" w:rsidP="00156FB3">
            <w:r>
              <w:t xml:space="preserve">        top: -0.2em;</w:t>
            </w:r>
          </w:p>
          <w:p w:rsidR="00156FB3" w:rsidRDefault="00156FB3" w:rsidP="00156FB3">
            <w:r>
              <w:t xml:space="preserve">    }</w:t>
            </w:r>
          </w:p>
          <w:p w:rsidR="00156FB3" w:rsidRDefault="00156FB3" w:rsidP="00156FB3"/>
          <w:p w:rsidR="00156FB3" w:rsidRDefault="00156FB3" w:rsidP="00156FB3">
            <w:r>
              <w:t xml:space="preserve">    .toast-container .rtl .toast-close-button {</w:t>
            </w:r>
          </w:p>
          <w:p w:rsidR="00156FB3" w:rsidRDefault="00156FB3" w:rsidP="00156FB3">
            <w:r>
              <w:t xml:space="preserve">        left: -0.2em;</w:t>
            </w:r>
          </w:p>
          <w:p w:rsidR="00156FB3" w:rsidRDefault="00156FB3" w:rsidP="00156FB3">
            <w:r>
              <w:t xml:space="preserve">        right: 0.2em;</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media all and (min-width: 481px) and (max-width: 768px) {</w:t>
            </w:r>
          </w:p>
          <w:p w:rsidR="00156FB3" w:rsidRDefault="00156FB3" w:rsidP="00156FB3">
            <w:r>
              <w:t xml:space="preserve">    .toast-container &gt; div {</w:t>
            </w:r>
          </w:p>
          <w:p w:rsidR="00156FB3" w:rsidRDefault="00156FB3" w:rsidP="00156FB3">
            <w:r>
              <w:t xml:space="preserve">        padding: 15px 15px 15px 50px;</w:t>
            </w:r>
          </w:p>
          <w:p w:rsidR="00156FB3" w:rsidRDefault="00156FB3" w:rsidP="00156FB3">
            <w:r>
              <w:t xml:space="preserve">        width: 25em;</w:t>
            </w:r>
          </w:p>
          <w:p w:rsidR="00156FB3" w:rsidRDefault="00156FB3" w:rsidP="00156FB3">
            <w:r>
              <w:t xml:space="preserve">    }</w:t>
            </w:r>
          </w:p>
          <w:p w:rsidR="00156FB3" w:rsidRDefault="00156FB3" w:rsidP="00156FB3"/>
          <w:p w:rsidR="00156FB3" w:rsidRDefault="00156FB3" w:rsidP="00156FB3">
            <w:r>
              <w:t xml:space="preserve">    .toast-container &gt; div.rtl {</w:t>
            </w:r>
          </w:p>
          <w:p w:rsidR="00156FB3" w:rsidRDefault="00156FB3" w:rsidP="00156FB3">
            <w:r>
              <w:t xml:space="preserve">        padding: 15px 50px 15px 15px;</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w:t>
            </w:r>
          </w:p>
          <w:p w:rsidR="00156FB3" w:rsidRDefault="00156FB3" w:rsidP="00156FB3">
            <w:r>
              <w:t>* @sweetalert2/themes v3.0.7</w:t>
            </w:r>
          </w:p>
          <w:p w:rsidR="00156FB3" w:rsidRDefault="00156FB3" w:rsidP="00156FB3">
            <w:r>
              <w:t>* Released under the MIT License.</w:t>
            </w:r>
          </w:p>
          <w:p w:rsidR="00156FB3" w:rsidRDefault="00156FB3" w:rsidP="00156FB3">
            <w:r>
              <w:t>*/</w:t>
            </w:r>
          </w:p>
          <w:p w:rsidR="00156FB3" w:rsidRDefault="00156FB3" w:rsidP="00156FB3"/>
          <w:p w:rsidR="00156FB3" w:rsidRDefault="00156FB3" w:rsidP="00156FB3">
            <w:r>
              <w:t>.swal2-popup.swal2-toast {</w:t>
            </w:r>
          </w:p>
          <w:p w:rsidR="00156FB3" w:rsidRDefault="00156FB3" w:rsidP="00156FB3">
            <w:r>
              <w:t xml:space="preserve">    -webkit-box-orient: horizontal;</w:t>
            </w:r>
          </w:p>
          <w:p w:rsidR="00156FB3" w:rsidRDefault="00156FB3" w:rsidP="00156FB3">
            <w:r>
              <w:t xml:space="preserve">    -webkit-box-direction: normal;</w:t>
            </w:r>
          </w:p>
          <w:p w:rsidR="00156FB3" w:rsidRDefault="00156FB3" w:rsidP="00156FB3">
            <w:r>
              <w:t xml:space="preserve">    /*flex-direction: row;</w:t>
            </w:r>
          </w:p>
          <w:p w:rsidR="00156FB3" w:rsidRDefault="00156FB3" w:rsidP="00156FB3">
            <w:r>
              <w:t xml:space="preserve">    -webkit-box-align: center;</w:t>
            </w:r>
          </w:p>
          <w:p w:rsidR="00156FB3" w:rsidRDefault="00156FB3" w:rsidP="00156FB3">
            <w:r>
              <w:t xml:space="preserve">    align-items: center;*/</w:t>
            </w:r>
          </w:p>
          <w:p w:rsidR="00156FB3" w:rsidRDefault="00156FB3" w:rsidP="00156FB3">
            <w:r>
              <w:t xml:space="preserve">    width: 350px;</w:t>
            </w:r>
          </w:p>
          <w:p w:rsidR="00156FB3" w:rsidRDefault="00156FB3" w:rsidP="00156FB3">
            <w:r>
              <w:t xml:space="preserve">    padding: 15px;</w:t>
            </w:r>
          </w:p>
          <w:p w:rsidR="00156FB3" w:rsidRDefault="00156FB3" w:rsidP="00156FB3">
            <w:r>
              <w:t xml:space="preserve">    overflow-y: hidden;</w:t>
            </w:r>
          </w:p>
          <w:p w:rsidR="00156FB3" w:rsidRDefault="00156FB3" w:rsidP="00156FB3">
            <w:r>
              <w:t xml:space="preserve">    background: #fff;</w:t>
            </w:r>
          </w:p>
          <w:p w:rsidR="00156FB3" w:rsidRDefault="00156FB3" w:rsidP="00156FB3">
            <w:r>
              <w:t xml:space="preserve">    /*box-shadow: 0 0 0.625em #d9d9d9;*/</w:t>
            </w:r>
          </w:p>
          <w:p w:rsidR="00156FB3" w:rsidRDefault="00156FB3" w:rsidP="00156FB3">
            <w:r>
              <w:t>}</w:t>
            </w:r>
          </w:p>
          <w:p w:rsidR="00156FB3" w:rsidRDefault="00156FB3" w:rsidP="00156FB3"/>
          <w:p w:rsidR="00156FB3" w:rsidRDefault="00156FB3" w:rsidP="00156FB3">
            <w:r>
              <w:t>.swal2-popup.swal2-toast .swal2-header {</w:t>
            </w:r>
          </w:p>
          <w:p w:rsidR="00156FB3" w:rsidRDefault="00156FB3" w:rsidP="00156FB3">
            <w:r>
              <w:t xml:space="preserve">    -webkit-box-orient: horizontal;</w:t>
            </w:r>
          </w:p>
          <w:p w:rsidR="00156FB3" w:rsidRDefault="00156FB3" w:rsidP="00156FB3">
            <w:r>
              <w:t xml:space="preserve">    -webkit-box-direction: normal;</w:t>
            </w:r>
          </w:p>
          <w:p w:rsidR="00156FB3" w:rsidRDefault="00156FB3" w:rsidP="00156FB3">
            <w:r>
              <w:t xml:space="preserve">    flex-direction: row;</w:t>
            </w:r>
          </w:p>
          <w:p w:rsidR="00156FB3" w:rsidRDefault="00156FB3" w:rsidP="00156FB3">
            <w:r>
              <w:t xml:space="preserve">    text-align: left;</w:t>
            </w:r>
          </w:p>
          <w:p w:rsidR="00156FB3" w:rsidRDefault="00156FB3" w:rsidP="00156FB3">
            <w:r>
              <w:t>}</w:t>
            </w:r>
          </w:p>
          <w:p w:rsidR="00156FB3" w:rsidRDefault="00156FB3" w:rsidP="00156FB3"/>
          <w:p w:rsidR="00156FB3" w:rsidRDefault="00156FB3" w:rsidP="00156FB3">
            <w:r>
              <w:t>.swal2-popup.swal2-toast .swal2-title {</w:t>
            </w:r>
          </w:p>
          <w:p w:rsidR="00156FB3" w:rsidRDefault="00156FB3" w:rsidP="00156FB3">
            <w:r>
              <w:lastRenderedPageBreak/>
              <w:t xml:space="preserve">    -webkit-box-flex: 1;</w:t>
            </w:r>
          </w:p>
          <w:p w:rsidR="00156FB3" w:rsidRDefault="00156FB3" w:rsidP="00156FB3">
            <w:r>
              <w:t xml:space="preserve">    flex-grow: 1;</w:t>
            </w:r>
          </w:p>
          <w:p w:rsidR="00156FB3" w:rsidRDefault="00156FB3" w:rsidP="00156FB3">
            <w:r>
              <w:t xml:space="preserve">    -webkit-box-pack: start;</w:t>
            </w:r>
          </w:p>
          <w:p w:rsidR="00156FB3" w:rsidRDefault="00156FB3" w:rsidP="00156FB3">
            <w:r>
              <w:t xml:space="preserve">    justify-content: flex-start;</w:t>
            </w:r>
          </w:p>
          <w:p w:rsidR="00156FB3" w:rsidRDefault="00156FB3" w:rsidP="00156FB3">
            <w:r>
              <w:t xml:space="preserve">    margin: 0 0.6em;</w:t>
            </w:r>
          </w:p>
          <w:p w:rsidR="00156FB3" w:rsidRDefault="00156FB3" w:rsidP="00156FB3">
            <w:r>
              <w:t xml:space="preserve">    font-size: 1em;</w:t>
            </w:r>
          </w:p>
          <w:p w:rsidR="00156FB3" w:rsidRDefault="00156FB3" w:rsidP="00156FB3">
            <w:r>
              <w:t>}</w:t>
            </w:r>
          </w:p>
          <w:p w:rsidR="00156FB3" w:rsidRDefault="00156FB3" w:rsidP="00156FB3"/>
          <w:p w:rsidR="00156FB3" w:rsidRDefault="00156FB3" w:rsidP="00156FB3">
            <w:r>
              <w:t>.swal2-popup.swal2-toast .swal2-footer {</w:t>
            </w:r>
          </w:p>
          <w:p w:rsidR="00156FB3" w:rsidRDefault="00156FB3" w:rsidP="00156FB3">
            <w:r>
              <w:t xml:space="preserve">    margin: 0.5em 0 0;</w:t>
            </w:r>
          </w:p>
          <w:p w:rsidR="00156FB3" w:rsidRDefault="00156FB3" w:rsidP="00156FB3">
            <w:r>
              <w:t xml:space="preserve">    padding: 0.5em 0 0;</w:t>
            </w:r>
          </w:p>
          <w:p w:rsidR="00156FB3" w:rsidRDefault="00156FB3" w:rsidP="00156FB3">
            <w:r>
              <w:t xml:space="preserve">    font-size: 0.8em;</w:t>
            </w:r>
          </w:p>
          <w:p w:rsidR="00156FB3" w:rsidRDefault="00156FB3" w:rsidP="00156FB3">
            <w:r>
              <w:t>}</w:t>
            </w:r>
          </w:p>
          <w:p w:rsidR="00156FB3" w:rsidRDefault="00156FB3" w:rsidP="00156FB3"/>
          <w:p w:rsidR="00156FB3" w:rsidRDefault="00156FB3" w:rsidP="00156FB3">
            <w:r>
              <w:t>.swal2-popup.swal2-toast .swal2-close {</w:t>
            </w:r>
          </w:p>
          <w:p w:rsidR="00156FB3" w:rsidRDefault="00156FB3" w:rsidP="00156FB3">
            <w:r>
              <w:t xml:space="preserve">    position: static;</w:t>
            </w:r>
          </w:p>
          <w:p w:rsidR="00156FB3" w:rsidRDefault="00156FB3" w:rsidP="00156FB3">
            <w:r>
              <w:t xml:space="preserve">    width: 0.8em;</w:t>
            </w:r>
          </w:p>
          <w:p w:rsidR="00156FB3" w:rsidRDefault="00156FB3" w:rsidP="00156FB3">
            <w:r>
              <w:t xml:space="preserve">    height: 0.8em;</w:t>
            </w:r>
          </w:p>
          <w:p w:rsidR="00156FB3" w:rsidRDefault="00156FB3" w:rsidP="00156FB3">
            <w:r>
              <w:t xml:space="preserve">    line-height: 0.8;</w:t>
            </w:r>
          </w:p>
          <w:p w:rsidR="00156FB3" w:rsidRDefault="00156FB3" w:rsidP="00156FB3">
            <w:r>
              <w:t>}</w:t>
            </w:r>
          </w:p>
          <w:p w:rsidR="00156FB3" w:rsidRDefault="00156FB3" w:rsidP="00156FB3"/>
          <w:p w:rsidR="00156FB3" w:rsidRDefault="00156FB3" w:rsidP="00156FB3">
            <w:r>
              <w:t>.swal2-popup.swal2-toast .swal2-content {</w:t>
            </w:r>
          </w:p>
          <w:p w:rsidR="00156FB3" w:rsidRDefault="00156FB3" w:rsidP="00156FB3">
            <w:r>
              <w:t xml:space="preserve">    -webkit-box-pack: start;</w:t>
            </w:r>
          </w:p>
          <w:p w:rsidR="00156FB3" w:rsidRDefault="00156FB3" w:rsidP="00156FB3">
            <w:r>
              <w:t xml:space="preserve">    justify-content: flex-start;</w:t>
            </w:r>
          </w:p>
          <w:p w:rsidR="00156FB3" w:rsidRDefault="00156FB3" w:rsidP="00156FB3">
            <w:r>
              <w:t xml:space="preserve">    font-size: 1em;</w:t>
            </w:r>
          </w:p>
          <w:p w:rsidR="00156FB3" w:rsidRDefault="00156FB3" w:rsidP="00156FB3">
            <w:r>
              <w:t xml:space="preserve">    text-align: left;</w:t>
            </w:r>
          </w:p>
          <w:p w:rsidR="00156FB3" w:rsidRDefault="00156FB3" w:rsidP="00156FB3">
            <w:r>
              <w:t xml:space="preserve">    padding: 10px 5px 0;</w:t>
            </w:r>
          </w:p>
          <w:p w:rsidR="00156FB3" w:rsidRDefault="00156FB3" w:rsidP="00156FB3">
            <w:r>
              <w:t>}</w:t>
            </w:r>
          </w:p>
          <w:p w:rsidR="00156FB3" w:rsidRDefault="00156FB3" w:rsidP="00156FB3"/>
          <w:p w:rsidR="00156FB3" w:rsidRDefault="00156FB3" w:rsidP="00156FB3">
            <w:r>
              <w:t>.swal2-popup.swal2-toast .swal2-icon {</w:t>
            </w:r>
          </w:p>
          <w:p w:rsidR="00156FB3" w:rsidRDefault="00156FB3" w:rsidP="00156FB3">
            <w:r>
              <w:t xml:space="preserve">    width: 2em;</w:t>
            </w:r>
          </w:p>
          <w:p w:rsidR="00156FB3" w:rsidRDefault="00156FB3" w:rsidP="00156FB3">
            <w:r>
              <w:t xml:space="preserve">    min-width: 2em;</w:t>
            </w:r>
          </w:p>
          <w:p w:rsidR="00156FB3" w:rsidRDefault="00156FB3" w:rsidP="00156FB3">
            <w:r>
              <w:t xml:space="preserve">    height: 2em;</w:t>
            </w:r>
          </w:p>
          <w:p w:rsidR="00156FB3" w:rsidRDefault="00156FB3" w:rsidP="00156FB3">
            <w:r>
              <w:t xml:space="preserve">    margin: 0;</w:t>
            </w:r>
          </w:p>
          <w:p w:rsidR="00156FB3" w:rsidRDefault="00156FB3" w:rsidP="00156FB3">
            <w:r>
              <w:t>}</w:t>
            </w:r>
          </w:p>
          <w:p w:rsidR="00156FB3" w:rsidRDefault="00156FB3" w:rsidP="00156FB3"/>
          <w:p w:rsidR="00156FB3" w:rsidRDefault="00156FB3" w:rsidP="00156FB3">
            <w:r>
              <w:t>.swal2-popup.swal2-toast .swal2-icon .swal2-icon-content {</w:t>
            </w:r>
          </w:p>
          <w:p w:rsidR="00156FB3" w:rsidRDefault="00156FB3" w:rsidP="00156FB3">
            <w:r>
              <w:t xml:space="preserve">    display: -webkit-box;</w:t>
            </w:r>
          </w:p>
          <w:p w:rsidR="00156FB3" w:rsidRDefault="00156FB3" w:rsidP="00156FB3">
            <w:r>
              <w:t xml:space="preserve">    display: flex;</w:t>
            </w:r>
          </w:p>
          <w:p w:rsidR="00156FB3" w:rsidRDefault="00156FB3" w:rsidP="00156FB3">
            <w:r>
              <w:t xml:space="preserve">    -webkit-box-align: center;</w:t>
            </w:r>
          </w:p>
          <w:p w:rsidR="00156FB3" w:rsidRDefault="00156FB3" w:rsidP="00156FB3">
            <w:r>
              <w:t xml:space="preserve">    align-items: center;</w:t>
            </w:r>
          </w:p>
          <w:p w:rsidR="00156FB3" w:rsidRDefault="00156FB3" w:rsidP="00156FB3">
            <w:r>
              <w:t xml:space="preserve">    font-size: 1.8em;</w:t>
            </w:r>
          </w:p>
          <w:p w:rsidR="00156FB3" w:rsidRDefault="00156FB3" w:rsidP="00156FB3">
            <w:r>
              <w:t xml:space="preserve">    font-weight: bold;</w:t>
            </w:r>
          </w:p>
          <w:p w:rsidR="00156FB3" w:rsidRDefault="00156FB3" w:rsidP="00156FB3">
            <w:r>
              <w:t>}</w:t>
            </w:r>
          </w:p>
          <w:p w:rsidR="00156FB3" w:rsidRDefault="00156FB3" w:rsidP="00156FB3"/>
          <w:p w:rsidR="00156FB3" w:rsidRDefault="00156FB3" w:rsidP="00156FB3">
            <w:r>
              <w:t>@media all and (-ms-high-contrast: none), (-ms-high-contrast: active) {</w:t>
            </w:r>
          </w:p>
          <w:p w:rsidR="00156FB3" w:rsidRDefault="00156FB3" w:rsidP="00156FB3">
            <w:r>
              <w:t xml:space="preserve">    .swal2-popup.swal2-toast .swal2-icon .swal2-icon-content {</w:t>
            </w:r>
          </w:p>
          <w:p w:rsidR="00156FB3" w:rsidRDefault="00156FB3" w:rsidP="00156FB3">
            <w:r>
              <w:t xml:space="preserve">        font-size: .25em;</w:t>
            </w:r>
          </w:p>
          <w:p w:rsidR="00156FB3" w:rsidRDefault="00156FB3" w:rsidP="00156FB3">
            <w:r>
              <w:lastRenderedPageBreak/>
              <w:t xml:space="preserve">    }</w:t>
            </w:r>
          </w:p>
          <w:p w:rsidR="00156FB3" w:rsidRDefault="00156FB3" w:rsidP="00156FB3">
            <w:r>
              <w:t>}</w:t>
            </w:r>
          </w:p>
          <w:p w:rsidR="00156FB3" w:rsidRDefault="00156FB3" w:rsidP="00156FB3"/>
          <w:p w:rsidR="00156FB3" w:rsidRDefault="00156FB3" w:rsidP="00156FB3">
            <w:r>
              <w:t>.swal2-popup.swal2-toast .swal2-icon.swal2-success .swal2-success-ring {</w:t>
            </w:r>
          </w:p>
          <w:p w:rsidR="00156FB3" w:rsidRDefault="00156FB3" w:rsidP="00156FB3">
            <w:r>
              <w:t xml:space="preserve">    width: 2em;</w:t>
            </w:r>
          </w:p>
          <w:p w:rsidR="00156FB3" w:rsidRDefault="00156FB3" w:rsidP="00156FB3">
            <w:r>
              <w:t xml:space="preserve">    height: 2em;</w:t>
            </w:r>
          </w:p>
          <w:p w:rsidR="00156FB3" w:rsidRDefault="00156FB3" w:rsidP="00156FB3">
            <w:r>
              <w:t>}</w:t>
            </w:r>
          </w:p>
          <w:p w:rsidR="00156FB3" w:rsidRDefault="00156FB3" w:rsidP="00156FB3"/>
          <w:p w:rsidR="00156FB3" w:rsidRDefault="00156FB3" w:rsidP="00156FB3">
            <w:r>
              <w:t>.swal2-popup.swal2-toast .swal2-icon.swal2-error [class^='swal2-x-mark-line'] {</w:t>
            </w:r>
          </w:p>
          <w:p w:rsidR="00156FB3" w:rsidRDefault="00156FB3" w:rsidP="00156FB3">
            <w:r>
              <w:t xml:space="preserve">    top: .875em;</w:t>
            </w:r>
          </w:p>
          <w:p w:rsidR="00156FB3" w:rsidRDefault="00156FB3" w:rsidP="00156FB3">
            <w:r>
              <w:t xml:space="preserve">    width: 1.375em;</w:t>
            </w:r>
          </w:p>
          <w:p w:rsidR="00156FB3" w:rsidRDefault="00156FB3" w:rsidP="00156FB3">
            <w:r>
              <w:t>}</w:t>
            </w:r>
          </w:p>
          <w:p w:rsidR="00156FB3" w:rsidRDefault="00156FB3" w:rsidP="00156FB3"/>
          <w:p w:rsidR="00156FB3" w:rsidRDefault="00156FB3" w:rsidP="00156FB3">
            <w:r>
              <w:t>.swal2-popup.swal2-toast .swal2-icon.swal2-error [class^='swal2-x-mark-line'][class$='left'] {</w:t>
            </w:r>
          </w:p>
          <w:p w:rsidR="00156FB3" w:rsidRDefault="00156FB3" w:rsidP="00156FB3">
            <w:r>
              <w:t xml:space="preserve">    left: .3125em;</w:t>
            </w:r>
          </w:p>
          <w:p w:rsidR="00156FB3" w:rsidRDefault="00156FB3" w:rsidP="00156FB3">
            <w:r>
              <w:t>}</w:t>
            </w:r>
          </w:p>
          <w:p w:rsidR="00156FB3" w:rsidRDefault="00156FB3" w:rsidP="00156FB3"/>
          <w:p w:rsidR="00156FB3" w:rsidRDefault="00156FB3" w:rsidP="00156FB3">
            <w:r>
              <w:t>.swal2-popup.swal2-toast .swal2-icon.swal2-error [class^='swal2-x-mark-line'][class$='right'] {</w:t>
            </w:r>
          </w:p>
          <w:p w:rsidR="00156FB3" w:rsidRDefault="00156FB3" w:rsidP="00156FB3">
            <w:r>
              <w:t xml:space="preserve">    right: .3125em;</w:t>
            </w:r>
          </w:p>
          <w:p w:rsidR="00156FB3" w:rsidRDefault="00156FB3" w:rsidP="00156FB3">
            <w:r>
              <w:t>}</w:t>
            </w:r>
          </w:p>
          <w:p w:rsidR="00156FB3" w:rsidRDefault="00156FB3" w:rsidP="00156FB3"/>
          <w:p w:rsidR="00156FB3" w:rsidRDefault="00156FB3" w:rsidP="00156FB3">
            <w:r>
              <w:t>.swal2-popup.swal2-toast .swal2-actions {</w:t>
            </w:r>
          </w:p>
          <w:p w:rsidR="00156FB3" w:rsidRDefault="00156FB3" w:rsidP="00156FB3">
            <w:r>
              <w:t xml:space="preserve">    flex-basis: auto !important;</w:t>
            </w:r>
          </w:p>
          <w:p w:rsidR="00156FB3" w:rsidRDefault="00156FB3" w:rsidP="00156FB3">
            <w:r>
              <w:t xml:space="preserve">    width: auto;</w:t>
            </w:r>
          </w:p>
          <w:p w:rsidR="00156FB3" w:rsidRDefault="00156FB3" w:rsidP="00156FB3">
            <w:r>
              <w:t xml:space="preserve">    height: auto;</w:t>
            </w:r>
          </w:p>
          <w:p w:rsidR="00156FB3" w:rsidRDefault="00156FB3" w:rsidP="00156FB3">
            <w:r>
              <w:t xml:space="preserve">    margin: 0 .3125em;</w:t>
            </w:r>
          </w:p>
          <w:p w:rsidR="00156FB3" w:rsidRDefault="00156FB3" w:rsidP="00156FB3">
            <w:r>
              <w:t>}</w:t>
            </w:r>
          </w:p>
          <w:p w:rsidR="00156FB3" w:rsidRDefault="00156FB3" w:rsidP="00156FB3"/>
          <w:p w:rsidR="00156FB3" w:rsidRDefault="00156FB3" w:rsidP="00156FB3">
            <w:r>
              <w:t>.swal2-popup.swal2-toast .swal2-styled {</w:t>
            </w:r>
          </w:p>
          <w:p w:rsidR="00156FB3" w:rsidRDefault="00156FB3" w:rsidP="00156FB3">
            <w:r>
              <w:t xml:space="preserve">    margin: 0 .3125em;</w:t>
            </w:r>
          </w:p>
          <w:p w:rsidR="00156FB3" w:rsidRDefault="00156FB3" w:rsidP="00156FB3">
            <w:r>
              <w:t xml:space="preserve">    padding: .3125em .625em;</w:t>
            </w:r>
          </w:p>
          <w:p w:rsidR="00156FB3" w:rsidRDefault="00156FB3" w:rsidP="00156FB3">
            <w:r>
              <w:t xml:space="preserve">    font-size: 1em;</w:t>
            </w:r>
          </w:p>
          <w:p w:rsidR="00156FB3" w:rsidRDefault="00156FB3" w:rsidP="00156FB3">
            <w:r>
              <w:t>}</w:t>
            </w:r>
          </w:p>
          <w:p w:rsidR="00156FB3" w:rsidRDefault="00156FB3" w:rsidP="00156FB3"/>
          <w:p w:rsidR="00156FB3" w:rsidRDefault="00156FB3" w:rsidP="00156FB3">
            <w:r>
              <w:t>.swal2-popup.swal2-toast .swal2-styled:focus {</w:t>
            </w:r>
          </w:p>
          <w:p w:rsidR="00156FB3" w:rsidRDefault="00156FB3" w:rsidP="00156FB3">
            <w:r>
              <w:t xml:space="preserve">    box-shadow: 0 0 0 1px #fff, 0 0 0 3px rgba(50, 100, 150, 0.4);</w:t>
            </w:r>
          </w:p>
          <w:p w:rsidR="00156FB3" w:rsidRDefault="00156FB3" w:rsidP="00156FB3">
            <w:r>
              <w:t>}</w:t>
            </w:r>
          </w:p>
          <w:p w:rsidR="00156FB3" w:rsidRDefault="00156FB3" w:rsidP="00156FB3"/>
          <w:p w:rsidR="00156FB3" w:rsidRDefault="00156FB3" w:rsidP="00156FB3">
            <w:r>
              <w:t>.swal2-popup.swal2-toast .swal2-success {</w:t>
            </w:r>
          </w:p>
          <w:p w:rsidR="00156FB3" w:rsidRDefault="00156FB3" w:rsidP="00156FB3">
            <w:r>
              <w:t xml:space="preserve">    border-color: #a5dc86;</w:t>
            </w:r>
          </w:p>
          <w:p w:rsidR="00156FB3" w:rsidRDefault="00156FB3" w:rsidP="00156FB3">
            <w:r>
              <w:t>}</w:t>
            </w:r>
          </w:p>
          <w:p w:rsidR="00156FB3" w:rsidRDefault="00156FB3" w:rsidP="00156FB3"/>
          <w:p w:rsidR="00156FB3" w:rsidRDefault="00156FB3" w:rsidP="00156FB3">
            <w:r>
              <w:t>.swal2-popup.swal2-toast .swal2-success [class^='swal2-success-circular-line'] {</w:t>
            </w:r>
          </w:p>
          <w:p w:rsidR="00156FB3" w:rsidRDefault="00156FB3" w:rsidP="00156FB3">
            <w:r>
              <w:t xml:space="preserve">    position: absolute;</w:t>
            </w:r>
          </w:p>
          <w:p w:rsidR="00156FB3" w:rsidRDefault="00156FB3" w:rsidP="00156FB3">
            <w:r>
              <w:t xml:space="preserve">    width: 1.6em;</w:t>
            </w:r>
          </w:p>
          <w:p w:rsidR="00156FB3" w:rsidRDefault="00156FB3" w:rsidP="00156FB3">
            <w:r>
              <w:t xml:space="preserve">    height: 3em;</w:t>
            </w:r>
          </w:p>
          <w:p w:rsidR="00156FB3" w:rsidRDefault="00156FB3" w:rsidP="00156FB3">
            <w:r>
              <w:t xml:space="preserve">    -webkit-transform: rotate(45deg);</w:t>
            </w:r>
          </w:p>
          <w:p w:rsidR="00156FB3" w:rsidRDefault="00156FB3" w:rsidP="00156FB3">
            <w:r>
              <w:t xml:space="preserve">    transform: rotate(45deg);</w:t>
            </w:r>
          </w:p>
          <w:p w:rsidR="00156FB3" w:rsidRDefault="00156FB3" w:rsidP="00156FB3">
            <w:r>
              <w:lastRenderedPageBreak/>
              <w:t xml:space="preserve">    border-radius: 50%;</w:t>
            </w:r>
          </w:p>
          <w:p w:rsidR="00156FB3" w:rsidRDefault="00156FB3" w:rsidP="00156FB3">
            <w:r>
              <w:t>}</w:t>
            </w:r>
          </w:p>
          <w:p w:rsidR="00156FB3" w:rsidRDefault="00156FB3" w:rsidP="00156FB3"/>
          <w:p w:rsidR="00156FB3" w:rsidRDefault="00156FB3" w:rsidP="00156FB3">
            <w:r>
              <w:t>.swal2-popup.swal2-toast .swal2-success [class^='swal2-success-circular-line'][class$='left'] {</w:t>
            </w:r>
          </w:p>
          <w:p w:rsidR="00156FB3" w:rsidRDefault="00156FB3" w:rsidP="00156FB3">
            <w:r>
              <w:t xml:space="preserve">    top: -.8em;</w:t>
            </w:r>
          </w:p>
          <w:p w:rsidR="00156FB3" w:rsidRDefault="00156FB3" w:rsidP="00156FB3">
            <w:r>
              <w:t xml:space="preserve">    left: -.5em;</w:t>
            </w:r>
          </w:p>
          <w:p w:rsidR="00156FB3" w:rsidRDefault="00156FB3" w:rsidP="00156FB3">
            <w:r>
              <w:t xml:space="preserve">    -webkit-transform: rotate(-45deg);</w:t>
            </w:r>
          </w:p>
          <w:p w:rsidR="00156FB3" w:rsidRDefault="00156FB3" w:rsidP="00156FB3">
            <w:r>
              <w:t xml:space="preserve">    transform: rotate(-45deg);</w:t>
            </w:r>
          </w:p>
          <w:p w:rsidR="00156FB3" w:rsidRDefault="00156FB3" w:rsidP="00156FB3">
            <w:r>
              <w:t xml:space="preserve">    -webkit-transform-origin: 2em 2em;</w:t>
            </w:r>
          </w:p>
          <w:p w:rsidR="00156FB3" w:rsidRDefault="00156FB3" w:rsidP="00156FB3">
            <w:r>
              <w:t xml:space="preserve">    transform-origin: 2em 2em;</w:t>
            </w:r>
          </w:p>
          <w:p w:rsidR="00156FB3" w:rsidRDefault="00156FB3" w:rsidP="00156FB3">
            <w:r>
              <w:t xml:space="preserve">    border-radius: 4em 0 0 4em;</w:t>
            </w:r>
          </w:p>
          <w:p w:rsidR="00156FB3" w:rsidRDefault="00156FB3" w:rsidP="00156FB3">
            <w:r>
              <w:t>}</w:t>
            </w:r>
          </w:p>
          <w:p w:rsidR="00156FB3" w:rsidRDefault="00156FB3" w:rsidP="00156FB3"/>
          <w:p w:rsidR="00156FB3" w:rsidRDefault="00156FB3" w:rsidP="00156FB3">
            <w:r>
              <w:t>.swal2-popup.swal2-toast .swal2-success [class^='swal2-success-circular-line'][class$='right'] {</w:t>
            </w:r>
          </w:p>
          <w:p w:rsidR="00156FB3" w:rsidRDefault="00156FB3" w:rsidP="00156FB3">
            <w:r>
              <w:t xml:space="preserve">    top: -.25em;</w:t>
            </w:r>
          </w:p>
          <w:p w:rsidR="00156FB3" w:rsidRDefault="00156FB3" w:rsidP="00156FB3">
            <w:r>
              <w:t xml:space="preserve">    left: .9375em;</w:t>
            </w:r>
          </w:p>
          <w:p w:rsidR="00156FB3" w:rsidRDefault="00156FB3" w:rsidP="00156FB3">
            <w:r>
              <w:t xml:space="preserve">    -webkit-transform-origin: 0 1.5em;</w:t>
            </w:r>
          </w:p>
          <w:p w:rsidR="00156FB3" w:rsidRDefault="00156FB3" w:rsidP="00156FB3">
            <w:r>
              <w:t xml:space="preserve">    transform-origin: 0 1.5em;</w:t>
            </w:r>
          </w:p>
          <w:p w:rsidR="00156FB3" w:rsidRDefault="00156FB3" w:rsidP="00156FB3">
            <w:r>
              <w:t xml:space="preserve">    border-radius: 0 4em 4em 0;</w:t>
            </w:r>
          </w:p>
          <w:p w:rsidR="00156FB3" w:rsidRDefault="00156FB3" w:rsidP="00156FB3">
            <w:r>
              <w:t>}</w:t>
            </w:r>
          </w:p>
          <w:p w:rsidR="00156FB3" w:rsidRDefault="00156FB3" w:rsidP="00156FB3"/>
          <w:p w:rsidR="00156FB3" w:rsidRDefault="00156FB3" w:rsidP="00156FB3">
            <w:r>
              <w:t>.swal2-popup.swal2-toast .swal2-success .swal2-success-ring {</w:t>
            </w:r>
          </w:p>
          <w:p w:rsidR="00156FB3" w:rsidRDefault="00156FB3" w:rsidP="00156FB3">
            <w:r>
              <w:t xml:space="preserve">    width: 2em;</w:t>
            </w:r>
          </w:p>
          <w:p w:rsidR="00156FB3" w:rsidRDefault="00156FB3" w:rsidP="00156FB3">
            <w:r>
              <w:t xml:space="preserve">    height: 2em;</w:t>
            </w:r>
          </w:p>
          <w:p w:rsidR="00156FB3" w:rsidRDefault="00156FB3" w:rsidP="00156FB3">
            <w:r>
              <w:t>}</w:t>
            </w:r>
          </w:p>
          <w:p w:rsidR="00156FB3" w:rsidRDefault="00156FB3" w:rsidP="00156FB3"/>
          <w:p w:rsidR="00156FB3" w:rsidRDefault="00156FB3" w:rsidP="00156FB3">
            <w:r>
              <w:t>.swal2-popup.swal2-toast .swal2-success .swal2-success-fix {</w:t>
            </w:r>
          </w:p>
          <w:p w:rsidR="00156FB3" w:rsidRDefault="00156FB3" w:rsidP="00156FB3">
            <w:r>
              <w:t xml:space="preserve">    top: 0;</w:t>
            </w:r>
          </w:p>
          <w:p w:rsidR="00156FB3" w:rsidRDefault="00156FB3" w:rsidP="00156FB3">
            <w:r>
              <w:t xml:space="preserve">    left: .4375em;</w:t>
            </w:r>
          </w:p>
          <w:p w:rsidR="00156FB3" w:rsidRDefault="00156FB3" w:rsidP="00156FB3">
            <w:r>
              <w:t xml:space="preserve">    width: .4375em;</w:t>
            </w:r>
          </w:p>
          <w:p w:rsidR="00156FB3" w:rsidRDefault="00156FB3" w:rsidP="00156FB3">
            <w:r>
              <w:t xml:space="preserve">    height: 2.6875em;</w:t>
            </w:r>
          </w:p>
          <w:p w:rsidR="00156FB3" w:rsidRDefault="00156FB3" w:rsidP="00156FB3">
            <w:r>
              <w:t>}</w:t>
            </w:r>
          </w:p>
          <w:p w:rsidR="00156FB3" w:rsidRDefault="00156FB3" w:rsidP="00156FB3"/>
          <w:p w:rsidR="00156FB3" w:rsidRDefault="00156FB3" w:rsidP="00156FB3">
            <w:r>
              <w:t>.swal2-popup.swal2-toast .swal2-success [class^='swal2-success-line'] {</w:t>
            </w:r>
          </w:p>
          <w:p w:rsidR="00156FB3" w:rsidRDefault="00156FB3" w:rsidP="00156FB3">
            <w:r>
              <w:t xml:space="preserve">    height: .3125em;</w:t>
            </w:r>
          </w:p>
          <w:p w:rsidR="00156FB3" w:rsidRDefault="00156FB3" w:rsidP="00156FB3">
            <w:r>
              <w:t>}</w:t>
            </w:r>
          </w:p>
          <w:p w:rsidR="00156FB3" w:rsidRDefault="00156FB3" w:rsidP="00156FB3"/>
          <w:p w:rsidR="00156FB3" w:rsidRDefault="00156FB3" w:rsidP="00156FB3">
            <w:r>
              <w:t>.swal2-popup.swal2-toast .swal2-success [class^='swal2-success-line'][class$='tip'] {</w:t>
            </w:r>
          </w:p>
          <w:p w:rsidR="00156FB3" w:rsidRDefault="00156FB3" w:rsidP="00156FB3">
            <w:r>
              <w:t xml:space="preserve">    top: 1.125em;</w:t>
            </w:r>
          </w:p>
          <w:p w:rsidR="00156FB3" w:rsidRDefault="00156FB3" w:rsidP="00156FB3">
            <w:r>
              <w:t xml:space="preserve">    left: .1875em;</w:t>
            </w:r>
          </w:p>
          <w:p w:rsidR="00156FB3" w:rsidRDefault="00156FB3" w:rsidP="00156FB3">
            <w:r>
              <w:t xml:space="preserve">    width: .75em;</w:t>
            </w:r>
          </w:p>
          <w:p w:rsidR="00156FB3" w:rsidRDefault="00156FB3" w:rsidP="00156FB3">
            <w:r>
              <w:t>}</w:t>
            </w:r>
          </w:p>
          <w:p w:rsidR="00156FB3" w:rsidRDefault="00156FB3" w:rsidP="00156FB3"/>
          <w:p w:rsidR="00156FB3" w:rsidRDefault="00156FB3" w:rsidP="00156FB3">
            <w:r>
              <w:t>.swal2-popup.swal2-toast .swal2-success [class^='swal2-success-line'][class$='long'] {</w:t>
            </w:r>
          </w:p>
          <w:p w:rsidR="00156FB3" w:rsidRDefault="00156FB3" w:rsidP="00156FB3">
            <w:r>
              <w:t xml:space="preserve">    top: .9375em;</w:t>
            </w:r>
          </w:p>
          <w:p w:rsidR="00156FB3" w:rsidRDefault="00156FB3" w:rsidP="00156FB3">
            <w:r>
              <w:t xml:space="preserve">    right: .1875em;</w:t>
            </w:r>
          </w:p>
          <w:p w:rsidR="00156FB3" w:rsidRDefault="00156FB3" w:rsidP="00156FB3">
            <w:r>
              <w:t xml:space="preserve">    width: 1.375em;</w:t>
            </w:r>
          </w:p>
          <w:p w:rsidR="00156FB3" w:rsidRDefault="00156FB3" w:rsidP="00156FB3">
            <w:r>
              <w:t>}</w:t>
            </w:r>
          </w:p>
          <w:p w:rsidR="00156FB3" w:rsidRDefault="00156FB3" w:rsidP="00156FB3"/>
          <w:p w:rsidR="00156FB3" w:rsidRDefault="00156FB3" w:rsidP="00156FB3">
            <w:r>
              <w:t>.swal2-popup.swal2-toast .swal2-success.swal2-icon-show .swal2-success-line-tip {</w:t>
            </w:r>
          </w:p>
          <w:p w:rsidR="00156FB3" w:rsidRDefault="00156FB3" w:rsidP="00156FB3">
            <w:r>
              <w:t xml:space="preserve">    -webkit-animation: swal2-toast-animate-success-line-tip .75s;</w:t>
            </w:r>
          </w:p>
          <w:p w:rsidR="00156FB3" w:rsidRDefault="00156FB3" w:rsidP="00156FB3">
            <w:r>
              <w:t xml:space="preserve">    animation: swal2-toast-animate-success-line-tip .75s;</w:t>
            </w:r>
          </w:p>
          <w:p w:rsidR="00156FB3" w:rsidRDefault="00156FB3" w:rsidP="00156FB3">
            <w:r>
              <w:t>}</w:t>
            </w:r>
          </w:p>
          <w:p w:rsidR="00156FB3" w:rsidRDefault="00156FB3" w:rsidP="00156FB3"/>
          <w:p w:rsidR="00156FB3" w:rsidRDefault="00156FB3" w:rsidP="00156FB3">
            <w:r>
              <w:t>.swal2-popup.swal2-toast .swal2-success.swal2-icon-show .swal2-success-line-long {</w:t>
            </w:r>
          </w:p>
          <w:p w:rsidR="00156FB3" w:rsidRDefault="00156FB3" w:rsidP="00156FB3">
            <w:r>
              <w:t xml:space="preserve">    -webkit-animation: swal2-toast-animate-success-line-long .75s;</w:t>
            </w:r>
          </w:p>
          <w:p w:rsidR="00156FB3" w:rsidRDefault="00156FB3" w:rsidP="00156FB3">
            <w:r>
              <w:t xml:space="preserve">    animation: swal2-toast-animate-success-line-long .75s;</w:t>
            </w:r>
          </w:p>
          <w:p w:rsidR="00156FB3" w:rsidRDefault="00156FB3" w:rsidP="00156FB3">
            <w:r>
              <w:t>}</w:t>
            </w:r>
          </w:p>
          <w:p w:rsidR="00156FB3" w:rsidRDefault="00156FB3" w:rsidP="00156FB3"/>
          <w:p w:rsidR="00156FB3" w:rsidRDefault="00156FB3" w:rsidP="00156FB3">
            <w:r>
              <w:t>.swal2-popup.swal2-toast.swal2-show {</w:t>
            </w:r>
          </w:p>
          <w:p w:rsidR="00156FB3" w:rsidRDefault="00156FB3" w:rsidP="00156FB3">
            <w:r>
              <w:t xml:space="preserve">    -webkit-animation: swal2-toast-show 0.5s;</w:t>
            </w:r>
          </w:p>
          <w:p w:rsidR="00156FB3" w:rsidRDefault="00156FB3" w:rsidP="00156FB3">
            <w:r>
              <w:t xml:space="preserve">    animation: swal2-toast-show 0.5s;</w:t>
            </w:r>
          </w:p>
          <w:p w:rsidR="00156FB3" w:rsidRDefault="00156FB3" w:rsidP="00156FB3">
            <w:r>
              <w:t>}</w:t>
            </w:r>
          </w:p>
          <w:p w:rsidR="00156FB3" w:rsidRDefault="00156FB3" w:rsidP="00156FB3"/>
          <w:p w:rsidR="00156FB3" w:rsidRDefault="00156FB3" w:rsidP="00156FB3">
            <w:r>
              <w:t>.swal2-popup.swal2-toast.swal2-hide {</w:t>
            </w:r>
          </w:p>
          <w:p w:rsidR="00156FB3" w:rsidRDefault="00156FB3" w:rsidP="00156FB3">
            <w:r>
              <w:t xml:space="preserve">    -webkit-animation: swal2-toast-hide 0.1s forwards;</w:t>
            </w:r>
          </w:p>
          <w:p w:rsidR="00156FB3" w:rsidRDefault="00156FB3" w:rsidP="00156FB3">
            <w:r>
              <w:t xml:space="preserve">    animation: swal2-toast-hide 0.1s forwards;</w:t>
            </w:r>
          </w:p>
          <w:p w:rsidR="00156FB3" w:rsidRDefault="00156FB3" w:rsidP="00156FB3">
            <w:r>
              <w:t>}</w:t>
            </w:r>
          </w:p>
          <w:p w:rsidR="00156FB3" w:rsidRDefault="00156FB3" w:rsidP="00156FB3"/>
          <w:p w:rsidR="00156FB3" w:rsidRDefault="00156FB3" w:rsidP="00156FB3">
            <w:r>
              <w:t>.swal2-container {</w:t>
            </w:r>
          </w:p>
          <w:p w:rsidR="00156FB3" w:rsidRDefault="00156FB3" w:rsidP="00156FB3">
            <w:r>
              <w:t xml:space="preserve">    display: -webkit-box;</w:t>
            </w:r>
          </w:p>
          <w:p w:rsidR="00156FB3" w:rsidRDefault="00156FB3" w:rsidP="00156FB3">
            <w:r>
              <w:t xml:space="preserve">    display: flex;</w:t>
            </w:r>
          </w:p>
          <w:p w:rsidR="00156FB3" w:rsidRDefault="00156FB3" w:rsidP="00156FB3">
            <w:r>
              <w:t xml:space="preserve">    position: fixed;</w:t>
            </w:r>
          </w:p>
          <w:p w:rsidR="00156FB3" w:rsidRDefault="00156FB3" w:rsidP="00156FB3">
            <w:r>
              <w:t xml:space="preserve">    z-index: 1060;</w:t>
            </w:r>
          </w:p>
          <w:p w:rsidR="00156FB3" w:rsidRDefault="00156FB3" w:rsidP="00156FB3">
            <w:r>
              <w:t xml:space="preserve">    top: 0;</w:t>
            </w:r>
          </w:p>
          <w:p w:rsidR="00156FB3" w:rsidRDefault="00156FB3" w:rsidP="00156FB3">
            <w:r>
              <w:t xml:space="preserve">    right: 0;</w:t>
            </w:r>
          </w:p>
          <w:p w:rsidR="00156FB3" w:rsidRDefault="00156FB3" w:rsidP="00156FB3">
            <w:r>
              <w:t xml:space="preserve">    bottom: 0;</w:t>
            </w:r>
          </w:p>
          <w:p w:rsidR="00156FB3" w:rsidRDefault="00156FB3" w:rsidP="00156FB3">
            <w:r>
              <w:t xml:space="preserve">    left: 0;</w:t>
            </w:r>
          </w:p>
          <w:p w:rsidR="00156FB3" w:rsidRDefault="00156FB3" w:rsidP="00156FB3">
            <w:r>
              <w:t xml:space="preserve">    -webkit-box-orient: horizontal;</w:t>
            </w:r>
          </w:p>
          <w:p w:rsidR="00156FB3" w:rsidRDefault="00156FB3" w:rsidP="00156FB3">
            <w:r>
              <w:t xml:space="preserve">    -webkit-box-direction: normal;</w:t>
            </w:r>
          </w:p>
          <w:p w:rsidR="00156FB3" w:rsidRDefault="00156FB3" w:rsidP="00156FB3">
            <w:r>
              <w:t xml:space="preserve">    flex-direction: row;</w:t>
            </w:r>
          </w:p>
          <w:p w:rsidR="00156FB3" w:rsidRDefault="00156FB3" w:rsidP="00156FB3">
            <w:r>
              <w:t xml:space="preserve">    -webkit-box-align: center;</w:t>
            </w:r>
          </w:p>
          <w:p w:rsidR="00156FB3" w:rsidRDefault="00156FB3" w:rsidP="00156FB3">
            <w:r>
              <w:t xml:space="preserve">    align-items: center;</w:t>
            </w:r>
          </w:p>
          <w:p w:rsidR="00156FB3" w:rsidRDefault="00156FB3" w:rsidP="00156FB3">
            <w:r>
              <w:t xml:space="preserve">    -webkit-box-pack: center;</w:t>
            </w:r>
          </w:p>
          <w:p w:rsidR="00156FB3" w:rsidRDefault="00156FB3" w:rsidP="00156FB3">
            <w:r>
              <w:t xml:space="preserve">    justify-content: center;</w:t>
            </w:r>
          </w:p>
          <w:p w:rsidR="00156FB3" w:rsidRDefault="00156FB3" w:rsidP="00156FB3">
            <w:r>
              <w:t xml:space="preserve">    padding: 0.625em;</w:t>
            </w:r>
          </w:p>
          <w:p w:rsidR="00156FB3" w:rsidRDefault="00156FB3" w:rsidP="00156FB3">
            <w:r>
              <w:t xml:space="preserve">    overflow-x: hidden;</w:t>
            </w:r>
          </w:p>
          <w:p w:rsidR="00156FB3" w:rsidRDefault="00156FB3" w:rsidP="00156FB3">
            <w:r>
              <w:t xml:space="preserve">    -webkit-transition: background-color 0.1s;</w:t>
            </w:r>
          </w:p>
          <w:p w:rsidR="00156FB3" w:rsidRDefault="00156FB3" w:rsidP="00156FB3">
            <w:r>
              <w:t xml:space="preserve">    transition: background-color 0.1s;</w:t>
            </w:r>
          </w:p>
          <w:p w:rsidR="00156FB3" w:rsidRDefault="00156FB3" w:rsidP="00156FB3">
            <w:r>
              <w:t xml:space="preserve">    -webkit-overflow-scrolling: touch;</w:t>
            </w:r>
          </w:p>
          <w:p w:rsidR="00156FB3" w:rsidRDefault="00156FB3" w:rsidP="00156FB3">
            <w:r>
              <w:t>}</w:t>
            </w:r>
          </w:p>
          <w:p w:rsidR="00156FB3" w:rsidRDefault="00156FB3" w:rsidP="00156FB3"/>
          <w:p w:rsidR="00156FB3" w:rsidRDefault="00156FB3" w:rsidP="00156FB3">
            <w:r>
              <w:t>.swal2-container.swal2-backdrop-show {</w:t>
            </w:r>
          </w:p>
          <w:p w:rsidR="00156FB3" w:rsidRDefault="00156FB3" w:rsidP="00156FB3">
            <w:r>
              <w:t xml:space="preserve">    background: rgba(0, 0, 0, 0.4);</w:t>
            </w:r>
          </w:p>
          <w:p w:rsidR="00156FB3" w:rsidRDefault="00156FB3" w:rsidP="00156FB3">
            <w:r>
              <w:t>}</w:t>
            </w:r>
          </w:p>
          <w:p w:rsidR="00156FB3" w:rsidRDefault="00156FB3" w:rsidP="00156FB3"/>
          <w:p w:rsidR="00156FB3" w:rsidRDefault="00156FB3" w:rsidP="00156FB3">
            <w:r>
              <w:lastRenderedPageBreak/>
              <w:t>.swal2-container.swal2-backdrop-hide {</w:t>
            </w:r>
          </w:p>
          <w:p w:rsidR="00156FB3" w:rsidRDefault="00156FB3" w:rsidP="00156FB3">
            <w:r>
              <w:t xml:space="preserve">    background: transparent !important;</w:t>
            </w:r>
          </w:p>
          <w:p w:rsidR="00156FB3" w:rsidRDefault="00156FB3" w:rsidP="00156FB3">
            <w:r>
              <w:t>}</w:t>
            </w:r>
          </w:p>
          <w:p w:rsidR="00156FB3" w:rsidRDefault="00156FB3" w:rsidP="00156FB3"/>
          <w:p w:rsidR="00156FB3" w:rsidRDefault="00156FB3" w:rsidP="00156FB3">
            <w:r>
              <w:t>.swal2-container.swal2-top {</w:t>
            </w:r>
          </w:p>
          <w:p w:rsidR="00156FB3" w:rsidRDefault="00156FB3" w:rsidP="00156FB3">
            <w:r>
              <w:t xml:space="preserve">    -webkit-box-align: start;</w:t>
            </w:r>
          </w:p>
          <w:p w:rsidR="00156FB3" w:rsidRDefault="00156FB3" w:rsidP="00156FB3">
            <w:r>
              <w:t xml:space="preserve">    align-items: flex-start;</w:t>
            </w:r>
          </w:p>
          <w:p w:rsidR="00156FB3" w:rsidRDefault="00156FB3" w:rsidP="00156FB3">
            <w:r>
              <w:t>}</w:t>
            </w:r>
          </w:p>
          <w:p w:rsidR="00156FB3" w:rsidRDefault="00156FB3" w:rsidP="00156FB3"/>
          <w:p w:rsidR="00156FB3" w:rsidRDefault="00156FB3" w:rsidP="00156FB3">
            <w:r>
              <w:t>.swal2-container.swal2-top-start, .swal2-container.swal2-top-left {</w:t>
            </w:r>
          </w:p>
          <w:p w:rsidR="00156FB3" w:rsidRDefault="00156FB3" w:rsidP="00156FB3">
            <w:r>
              <w:t xml:space="preserve">    -webkit-box-align: start;</w:t>
            </w:r>
          </w:p>
          <w:p w:rsidR="00156FB3" w:rsidRDefault="00156FB3" w:rsidP="00156FB3">
            <w:r>
              <w:t xml:space="preserve">    align-items: flex-start;</w:t>
            </w:r>
          </w:p>
          <w:p w:rsidR="00156FB3" w:rsidRDefault="00156FB3" w:rsidP="00156FB3">
            <w:r>
              <w:t xml:space="preserve">    -webkit-box-pack: start;</w:t>
            </w:r>
          </w:p>
          <w:p w:rsidR="00156FB3" w:rsidRDefault="00156FB3" w:rsidP="00156FB3">
            <w:r>
              <w:t xml:space="preserve">    justify-content: flex-start;</w:t>
            </w:r>
          </w:p>
          <w:p w:rsidR="00156FB3" w:rsidRDefault="00156FB3" w:rsidP="00156FB3">
            <w:r>
              <w:t>}</w:t>
            </w:r>
          </w:p>
          <w:p w:rsidR="00156FB3" w:rsidRDefault="00156FB3" w:rsidP="00156FB3"/>
          <w:p w:rsidR="00156FB3" w:rsidRDefault="00156FB3" w:rsidP="00156FB3">
            <w:r>
              <w:t>.swal2-container.swal2-top-end, .swal2-container.swal2-top-right {</w:t>
            </w:r>
          </w:p>
          <w:p w:rsidR="00156FB3" w:rsidRDefault="00156FB3" w:rsidP="00156FB3">
            <w:r>
              <w:t xml:space="preserve">    -webkit-box-align: start;</w:t>
            </w:r>
          </w:p>
          <w:p w:rsidR="00156FB3" w:rsidRDefault="00156FB3" w:rsidP="00156FB3">
            <w:r>
              <w:t xml:space="preserve">    align-items: flex-start;</w:t>
            </w:r>
          </w:p>
          <w:p w:rsidR="00156FB3" w:rsidRDefault="00156FB3" w:rsidP="00156FB3">
            <w:r>
              <w:t xml:space="preserve">    -webkit-box-pack: end;</w:t>
            </w:r>
          </w:p>
          <w:p w:rsidR="00156FB3" w:rsidRDefault="00156FB3" w:rsidP="00156FB3">
            <w:r>
              <w:t xml:space="preserve">    justify-content: flex-end;</w:t>
            </w:r>
          </w:p>
          <w:p w:rsidR="00156FB3" w:rsidRDefault="00156FB3" w:rsidP="00156FB3">
            <w:r>
              <w:t>}</w:t>
            </w:r>
          </w:p>
          <w:p w:rsidR="00156FB3" w:rsidRDefault="00156FB3" w:rsidP="00156FB3"/>
          <w:p w:rsidR="00156FB3" w:rsidRDefault="00156FB3" w:rsidP="00156FB3">
            <w:r>
              <w:t>.swal2-container.swal2-center {</w:t>
            </w:r>
          </w:p>
          <w:p w:rsidR="00156FB3" w:rsidRDefault="00156FB3" w:rsidP="00156FB3">
            <w:r>
              <w:t xml:space="preserve">    -webkit-box-align: center;</w:t>
            </w:r>
          </w:p>
          <w:p w:rsidR="00156FB3" w:rsidRDefault="00156FB3" w:rsidP="00156FB3">
            <w:r>
              <w:t xml:space="preserve">    align-items: center;</w:t>
            </w:r>
          </w:p>
          <w:p w:rsidR="00156FB3" w:rsidRDefault="00156FB3" w:rsidP="00156FB3">
            <w:r>
              <w:t>}</w:t>
            </w:r>
          </w:p>
          <w:p w:rsidR="00156FB3" w:rsidRDefault="00156FB3" w:rsidP="00156FB3"/>
          <w:p w:rsidR="00156FB3" w:rsidRDefault="00156FB3" w:rsidP="00156FB3">
            <w:r>
              <w:t>.swal2-container.swal2-center-start, .swal2-container.swal2-center-left {</w:t>
            </w:r>
          </w:p>
          <w:p w:rsidR="00156FB3" w:rsidRDefault="00156FB3" w:rsidP="00156FB3">
            <w:r>
              <w:t xml:space="preserve">    -webkit-box-align: center;</w:t>
            </w:r>
          </w:p>
          <w:p w:rsidR="00156FB3" w:rsidRDefault="00156FB3" w:rsidP="00156FB3">
            <w:r>
              <w:t xml:space="preserve">    align-items: center;</w:t>
            </w:r>
          </w:p>
          <w:p w:rsidR="00156FB3" w:rsidRDefault="00156FB3" w:rsidP="00156FB3">
            <w:r>
              <w:t xml:space="preserve">    -webkit-box-pack: start;</w:t>
            </w:r>
          </w:p>
          <w:p w:rsidR="00156FB3" w:rsidRDefault="00156FB3" w:rsidP="00156FB3">
            <w:r>
              <w:t xml:space="preserve">    justify-content: flex-start;</w:t>
            </w:r>
          </w:p>
          <w:p w:rsidR="00156FB3" w:rsidRDefault="00156FB3" w:rsidP="00156FB3">
            <w:r>
              <w:t>}</w:t>
            </w:r>
          </w:p>
          <w:p w:rsidR="00156FB3" w:rsidRDefault="00156FB3" w:rsidP="00156FB3"/>
          <w:p w:rsidR="00156FB3" w:rsidRDefault="00156FB3" w:rsidP="00156FB3">
            <w:r>
              <w:t>.swal2-container.swal2-center-end, .swal2-container.swal2-center-right {</w:t>
            </w:r>
          </w:p>
          <w:p w:rsidR="00156FB3" w:rsidRDefault="00156FB3" w:rsidP="00156FB3">
            <w:r>
              <w:t xml:space="preserve">    -webkit-box-align: center;</w:t>
            </w:r>
          </w:p>
          <w:p w:rsidR="00156FB3" w:rsidRDefault="00156FB3" w:rsidP="00156FB3">
            <w:r>
              <w:t xml:space="preserve">    align-items: center;</w:t>
            </w:r>
          </w:p>
          <w:p w:rsidR="00156FB3" w:rsidRDefault="00156FB3" w:rsidP="00156FB3">
            <w:r>
              <w:t xml:space="preserve">    -webkit-box-pack: end;</w:t>
            </w:r>
          </w:p>
          <w:p w:rsidR="00156FB3" w:rsidRDefault="00156FB3" w:rsidP="00156FB3">
            <w:r>
              <w:t xml:space="preserve">    justify-content: flex-end;</w:t>
            </w:r>
          </w:p>
          <w:p w:rsidR="00156FB3" w:rsidRDefault="00156FB3" w:rsidP="00156FB3">
            <w:r>
              <w:t>}</w:t>
            </w:r>
          </w:p>
          <w:p w:rsidR="00156FB3" w:rsidRDefault="00156FB3" w:rsidP="00156FB3"/>
          <w:p w:rsidR="00156FB3" w:rsidRDefault="00156FB3" w:rsidP="00156FB3">
            <w:r>
              <w:t>.swal2-container.swal2-bottom {</w:t>
            </w:r>
          </w:p>
          <w:p w:rsidR="00156FB3" w:rsidRDefault="00156FB3" w:rsidP="00156FB3">
            <w:r>
              <w:t xml:space="preserve">    -webkit-box-align: end;</w:t>
            </w:r>
          </w:p>
          <w:p w:rsidR="00156FB3" w:rsidRDefault="00156FB3" w:rsidP="00156FB3">
            <w:r>
              <w:t xml:space="preserve">    align-items: flex-end;</w:t>
            </w:r>
          </w:p>
          <w:p w:rsidR="00156FB3" w:rsidRDefault="00156FB3" w:rsidP="00156FB3">
            <w:r>
              <w:t>}</w:t>
            </w:r>
          </w:p>
          <w:p w:rsidR="00156FB3" w:rsidRDefault="00156FB3" w:rsidP="00156FB3"/>
          <w:p w:rsidR="00156FB3" w:rsidRDefault="00156FB3" w:rsidP="00156FB3">
            <w:r>
              <w:t>.swal2-container.swal2-bottom-start, .swal2-container.swal2-bottom-left {</w:t>
            </w:r>
          </w:p>
          <w:p w:rsidR="00156FB3" w:rsidRDefault="00156FB3" w:rsidP="00156FB3">
            <w:r>
              <w:lastRenderedPageBreak/>
              <w:t xml:space="preserve">    -webkit-box-align: end;</w:t>
            </w:r>
          </w:p>
          <w:p w:rsidR="00156FB3" w:rsidRDefault="00156FB3" w:rsidP="00156FB3">
            <w:r>
              <w:t xml:space="preserve">    align-items: flex-end;</w:t>
            </w:r>
          </w:p>
          <w:p w:rsidR="00156FB3" w:rsidRDefault="00156FB3" w:rsidP="00156FB3">
            <w:r>
              <w:t xml:space="preserve">    -webkit-box-pack: start;</w:t>
            </w:r>
          </w:p>
          <w:p w:rsidR="00156FB3" w:rsidRDefault="00156FB3" w:rsidP="00156FB3">
            <w:r>
              <w:t xml:space="preserve">    justify-content: flex-start;</w:t>
            </w:r>
          </w:p>
          <w:p w:rsidR="00156FB3" w:rsidRDefault="00156FB3" w:rsidP="00156FB3">
            <w:r>
              <w:t>}</w:t>
            </w:r>
          </w:p>
          <w:p w:rsidR="00156FB3" w:rsidRDefault="00156FB3" w:rsidP="00156FB3"/>
          <w:p w:rsidR="00156FB3" w:rsidRDefault="00156FB3" w:rsidP="00156FB3">
            <w:r>
              <w:t>.swal2-container.swal2-bottom-end, .swal2-container.swal2-bottom-right {</w:t>
            </w:r>
          </w:p>
          <w:p w:rsidR="00156FB3" w:rsidRDefault="00156FB3" w:rsidP="00156FB3">
            <w:r>
              <w:t xml:space="preserve">    -webkit-box-align: end;</w:t>
            </w:r>
          </w:p>
          <w:p w:rsidR="00156FB3" w:rsidRDefault="00156FB3" w:rsidP="00156FB3">
            <w:r>
              <w:t xml:space="preserve">    align-items: flex-end;</w:t>
            </w:r>
          </w:p>
          <w:p w:rsidR="00156FB3" w:rsidRDefault="00156FB3" w:rsidP="00156FB3">
            <w:r>
              <w:t xml:space="preserve">    -webkit-box-pack: end;</w:t>
            </w:r>
          </w:p>
          <w:p w:rsidR="00156FB3" w:rsidRDefault="00156FB3" w:rsidP="00156FB3">
            <w:r>
              <w:t xml:space="preserve">    justify-content: flex-end;</w:t>
            </w:r>
          </w:p>
          <w:p w:rsidR="00156FB3" w:rsidRDefault="00156FB3" w:rsidP="00156FB3">
            <w:r>
              <w:t>}</w:t>
            </w:r>
          </w:p>
          <w:p w:rsidR="00156FB3" w:rsidRDefault="00156FB3" w:rsidP="00156FB3"/>
          <w:p w:rsidR="00156FB3" w:rsidRDefault="00156FB3" w:rsidP="00156FB3">
            <w:r>
              <w:t>.swal2-container.swal2-bottom &gt; :first-child,</w:t>
            </w:r>
          </w:p>
          <w:p w:rsidR="00156FB3" w:rsidRDefault="00156FB3" w:rsidP="00156FB3">
            <w:r>
              <w:t>.swal2-container.swal2-bottom-start &gt; :first-child,</w:t>
            </w:r>
          </w:p>
          <w:p w:rsidR="00156FB3" w:rsidRDefault="00156FB3" w:rsidP="00156FB3">
            <w:r>
              <w:t>.swal2-container.swal2-bottom-left &gt; :first-child,</w:t>
            </w:r>
          </w:p>
          <w:p w:rsidR="00156FB3" w:rsidRDefault="00156FB3" w:rsidP="00156FB3">
            <w:r>
              <w:t>.swal2-container.swal2-bottom-end &gt; :first-child,</w:t>
            </w:r>
          </w:p>
          <w:p w:rsidR="00156FB3" w:rsidRDefault="00156FB3" w:rsidP="00156FB3">
            <w:r>
              <w:t>.swal2-container.swal2-bottom-right &gt; :first-child {</w:t>
            </w:r>
          </w:p>
          <w:p w:rsidR="00156FB3" w:rsidRDefault="00156FB3" w:rsidP="00156FB3">
            <w:r>
              <w:t xml:space="preserve">    margin-top: auto;</w:t>
            </w:r>
          </w:p>
          <w:p w:rsidR="00156FB3" w:rsidRDefault="00156FB3" w:rsidP="00156FB3">
            <w:r>
              <w:t>}</w:t>
            </w:r>
          </w:p>
          <w:p w:rsidR="00156FB3" w:rsidRDefault="00156FB3" w:rsidP="00156FB3"/>
          <w:p w:rsidR="00156FB3" w:rsidRDefault="00156FB3" w:rsidP="00156FB3">
            <w:r>
              <w:t>.swal2-container.swal2-grow-fullscreen &gt; .swal2-modal {</w:t>
            </w:r>
          </w:p>
          <w:p w:rsidR="00156FB3" w:rsidRDefault="00156FB3" w:rsidP="00156FB3">
            <w:r>
              <w:t xml:space="preserve">    display: -webkit-box !important;</w:t>
            </w:r>
          </w:p>
          <w:p w:rsidR="00156FB3" w:rsidRDefault="00156FB3" w:rsidP="00156FB3">
            <w:r>
              <w:t xml:space="preserve">    display: flex !important;</w:t>
            </w:r>
          </w:p>
          <w:p w:rsidR="00156FB3" w:rsidRDefault="00156FB3" w:rsidP="00156FB3">
            <w:r>
              <w:t xml:space="preserve">    -webkit-box-flex: 1;</w:t>
            </w:r>
          </w:p>
          <w:p w:rsidR="00156FB3" w:rsidRDefault="00156FB3" w:rsidP="00156FB3">
            <w:r>
              <w:t xml:space="preserve">    flex: 1;</w:t>
            </w:r>
          </w:p>
          <w:p w:rsidR="00156FB3" w:rsidRDefault="00156FB3" w:rsidP="00156FB3">
            <w:r>
              <w:t xml:space="preserve">    align-self: stretch;</w:t>
            </w:r>
          </w:p>
          <w:p w:rsidR="00156FB3" w:rsidRDefault="00156FB3" w:rsidP="00156FB3">
            <w:r>
              <w:t xml:space="preserve">    -webkit-box-pack: center;</w:t>
            </w:r>
          </w:p>
          <w:p w:rsidR="00156FB3" w:rsidRDefault="00156FB3" w:rsidP="00156FB3">
            <w:r>
              <w:t xml:space="preserve">    justify-content: center;</w:t>
            </w:r>
          </w:p>
          <w:p w:rsidR="00156FB3" w:rsidRDefault="00156FB3" w:rsidP="00156FB3">
            <w:r>
              <w:t>}</w:t>
            </w:r>
          </w:p>
          <w:p w:rsidR="00156FB3" w:rsidRDefault="00156FB3" w:rsidP="00156FB3"/>
          <w:p w:rsidR="00156FB3" w:rsidRDefault="00156FB3" w:rsidP="00156FB3">
            <w:r>
              <w:t>.swal2-container.swal2-grow-row &gt; .swal2-modal {</w:t>
            </w:r>
          </w:p>
          <w:p w:rsidR="00156FB3" w:rsidRDefault="00156FB3" w:rsidP="00156FB3">
            <w:r>
              <w:t xml:space="preserve">    display: -webkit-box !important;</w:t>
            </w:r>
          </w:p>
          <w:p w:rsidR="00156FB3" w:rsidRDefault="00156FB3" w:rsidP="00156FB3">
            <w:r>
              <w:t xml:space="preserve">    display: flex !important;</w:t>
            </w:r>
          </w:p>
          <w:p w:rsidR="00156FB3" w:rsidRDefault="00156FB3" w:rsidP="00156FB3">
            <w:r>
              <w:t xml:space="preserve">    -webkit-box-flex: 1;</w:t>
            </w:r>
          </w:p>
          <w:p w:rsidR="00156FB3" w:rsidRDefault="00156FB3" w:rsidP="00156FB3">
            <w:r>
              <w:t xml:space="preserve">    flex: 1;</w:t>
            </w:r>
          </w:p>
          <w:p w:rsidR="00156FB3" w:rsidRDefault="00156FB3" w:rsidP="00156FB3">
            <w:r>
              <w:t xml:space="preserve">    align-content: center;</w:t>
            </w:r>
          </w:p>
          <w:p w:rsidR="00156FB3" w:rsidRDefault="00156FB3" w:rsidP="00156FB3">
            <w:r>
              <w:t xml:space="preserve">    -webkit-box-pack: center;</w:t>
            </w:r>
          </w:p>
          <w:p w:rsidR="00156FB3" w:rsidRDefault="00156FB3" w:rsidP="00156FB3">
            <w:r>
              <w:t xml:space="preserve">    justify-content: center;</w:t>
            </w:r>
          </w:p>
          <w:p w:rsidR="00156FB3" w:rsidRDefault="00156FB3" w:rsidP="00156FB3">
            <w:r>
              <w:t>}</w:t>
            </w:r>
          </w:p>
          <w:p w:rsidR="00156FB3" w:rsidRDefault="00156FB3" w:rsidP="00156FB3"/>
          <w:p w:rsidR="00156FB3" w:rsidRDefault="00156FB3" w:rsidP="00156FB3">
            <w:r>
              <w:t>.swal2-container.swal2-grow-column {</w:t>
            </w:r>
          </w:p>
          <w:p w:rsidR="00156FB3" w:rsidRDefault="00156FB3" w:rsidP="00156FB3">
            <w:r>
              <w:t xml:space="preserve">    -webkit-box-flex: 1;</w:t>
            </w:r>
          </w:p>
          <w:p w:rsidR="00156FB3" w:rsidRDefault="00156FB3" w:rsidP="00156FB3">
            <w:r>
              <w:t xml:space="preserve">    flex: 1;</w:t>
            </w:r>
          </w:p>
          <w:p w:rsidR="00156FB3" w:rsidRDefault="00156FB3" w:rsidP="00156FB3">
            <w:r>
              <w:t xml:space="preserve">    -webkit-box-orient: vertical;</w:t>
            </w:r>
          </w:p>
          <w:p w:rsidR="00156FB3" w:rsidRDefault="00156FB3" w:rsidP="00156FB3">
            <w:r>
              <w:t xml:space="preserve">    -webkit-box-direction: normal;</w:t>
            </w:r>
          </w:p>
          <w:p w:rsidR="00156FB3" w:rsidRDefault="00156FB3" w:rsidP="00156FB3">
            <w:r>
              <w:t xml:space="preserve">    flex-direction: column;</w:t>
            </w:r>
          </w:p>
          <w:p w:rsidR="00156FB3" w:rsidRDefault="00156FB3" w:rsidP="00156FB3">
            <w:r>
              <w:t>}</w:t>
            </w:r>
          </w:p>
          <w:p w:rsidR="00156FB3" w:rsidRDefault="00156FB3" w:rsidP="00156FB3"/>
          <w:p w:rsidR="00156FB3" w:rsidRDefault="00156FB3" w:rsidP="00156FB3">
            <w:r>
              <w:t>.swal2-container.swal2-grow-column.swal2-top, .swal2-container.swal2-grow-column.swal2-center, .swal2-container.swal2-grow-column.swal2-bottom {</w:t>
            </w:r>
          </w:p>
          <w:p w:rsidR="00156FB3" w:rsidRDefault="00156FB3" w:rsidP="00156FB3">
            <w:r>
              <w:t xml:space="preserve">    -webkit-box-align: center;</w:t>
            </w:r>
          </w:p>
          <w:p w:rsidR="00156FB3" w:rsidRDefault="00156FB3" w:rsidP="00156FB3">
            <w:r>
              <w:t xml:space="preserve">    align-items: center;</w:t>
            </w:r>
          </w:p>
          <w:p w:rsidR="00156FB3" w:rsidRDefault="00156FB3" w:rsidP="00156FB3">
            <w:r>
              <w:t>}</w:t>
            </w:r>
          </w:p>
          <w:p w:rsidR="00156FB3" w:rsidRDefault="00156FB3" w:rsidP="00156FB3"/>
          <w:p w:rsidR="00156FB3" w:rsidRDefault="00156FB3" w:rsidP="00156FB3">
            <w:r>
              <w:t>.swal2-container.swal2-grow-column.swal2-top-start, .swal2-container.swal2-grow-column.swal2-center-start, .swal2-container.swal2-grow-column.swal2-bottom-start, .swal2-container.swal2-grow-column.swal2-top-left, .swal2-container.swal2-grow-column.swal2-center-left, .swal2-container.swal2-grow-column.swal2-bottom-left {</w:t>
            </w:r>
          </w:p>
          <w:p w:rsidR="00156FB3" w:rsidRDefault="00156FB3" w:rsidP="00156FB3">
            <w:r>
              <w:t xml:space="preserve">    -webkit-box-align: start;</w:t>
            </w:r>
          </w:p>
          <w:p w:rsidR="00156FB3" w:rsidRDefault="00156FB3" w:rsidP="00156FB3">
            <w:r>
              <w:t xml:space="preserve">    align-items: flex-start;</w:t>
            </w:r>
          </w:p>
          <w:p w:rsidR="00156FB3" w:rsidRDefault="00156FB3" w:rsidP="00156FB3">
            <w:r>
              <w:t>}</w:t>
            </w:r>
          </w:p>
          <w:p w:rsidR="00156FB3" w:rsidRDefault="00156FB3" w:rsidP="00156FB3"/>
          <w:p w:rsidR="00156FB3" w:rsidRDefault="00156FB3" w:rsidP="00156FB3">
            <w:r>
              <w:t>.swal2-container.swal2-grow-column.swal2-top-end, .swal2-container.swal2-grow-column.swal2-center-end, .swal2-container.swal2-grow-column.swal2-bottom-end, .swal2-container.swal2-grow-column.swal2-top-right, .swal2-container.swal2-grow-column.swal2-center-right, .swal2-container.swal2-grow-column.swal2-bottom-right {</w:t>
            </w:r>
          </w:p>
          <w:p w:rsidR="00156FB3" w:rsidRDefault="00156FB3" w:rsidP="00156FB3">
            <w:r>
              <w:t xml:space="preserve">    -webkit-box-align: end;</w:t>
            </w:r>
          </w:p>
          <w:p w:rsidR="00156FB3" w:rsidRDefault="00156FB3" w:rsidP="00156FB3">
            <w:r>
              <w:t xml:space="preserve">    align-items: flex-end;</w:t>
            </w:r>
          </w:p>
          <w:p w:rsidR="00156FB3" w:rsidRDefault="00156FB3" w:rsidP="00156FB3">
            <w:r>
              <w:t>}</w:t>
            </w:r>
          </w:p>
          <w:p w:rsidR="00156FB3" w:rsidRDefault="00156FB3" w:rsidP="00156FB3"/>
          <w:p w:rsidR="00156FB3" w:rsidRDefault="00156FB3" w:rsidP="00156FB3">
            <w:r>
              <w:t>.swal2-container.swal2-grow-column &gt; .swal2-modal {</w:t>
            </w:r>
          </w:p>
          <w:p w:rsidR="00156FB3" w:rsidRDefault="00156FB3" w:rsidP="00156FB3">
            <w:r>
              <w:t xml:space="preserve">    display: -webkit-box !important;</w:t>
            </w:r>
          </w:p>
          <w:p w:rsidR="00156FB3" w:rsidRDefault="00156FB3" w:rsidP="00156FB3">
            <w:r>
              <w:t xml:space="preserve">    display: flex !important;</w:t>
            </w:r>
          </w:p>
          <w:p w:rsidR="00156FB3" w:rsidRDefault="00156FB3" w:rsidP="00156FB3">
            <w:r>
              <w:t xml:space="preserve">    -webkit-box-flex: 1;</w:t>
            </w:r>
          </w:p>
          <w:p w:rsidR="00156FB3" w:rsidRDefault="00156FB3" w:rsidP="00156FB3">
            <w:r>
              <w:t xml:space="preserve">    flex: 1;</w:t>
            </w:r>
          </w:p>
          <w:p w:rsidR="00156FB3" w:rsidRDefault="00156FB3" w:rsidP="00156FB3">
            <w:r>
              <w:t xml:space="preserve">    align-content: center;</w:t>
            </w:r>
          </w:p>
          <w:p w:rsidR="00156FB3" w:rsidRDefault="00156FB3" w:rsidP="00156FB3">
            <w:r>
              <w:t xml:space="preserve">    -webkit-box-pack: center;</w:t>
            </w:r>
          </w:p>
          <w:p w:rsidR="00156FB3" w:rsidRDefault="00156FB3" w:rsidP="00156FB3">
            <w:r>
              <w:t xml:space="preserve">    justify-content: center;</w:t>
            </w:r>
          </w:p>
          <w:p w:rsidR="00156FB3" w:rsidRDefault="00156FB3" w:rsidP="00156FB3">
            <w:r>
              <w:t>}</w:t>
            </w:r>
          </w:p>
          <w:p w:rsidR="00156FB3" w:rsidRDefault="00156FB3" w:rsidP="00156FB3"/>
          <w:p w:rsidR="00156FB3" w:rsidRDefault="00156FB3" w:rsidP="00156FB3">
            <w:r>
              <w:t>.swal2-container:not(.swal2-top):not(.swal2-top-start):not(.swal2-top-end):not(.swal2-top-left):not(.swal2-top-right):not(.swal2-center-start):not(.swal2-center-end):not(.swal2-center-left):not(.swal2-center-right):not(.swal2-bottom):not(.swal2-bottom-start):not(.swal2-bottom-end):not(.swal2-bottom-left):not(.swal2-bottom-right):not(.swal2-grow-fullscreen) &gt; .swal2-modal {</w:t>
            </w:r>
          </w:p>
          <w:p w:rsidR="00156FB3" w:rsidRDefault="00156FB3" w:rsidP="00156FB3">
            <w:r>
              <w:t xml:space="preserve">    margin: auto;</w:t>
            </w:r>
          </w:p>
          <w:p w:rsidR="00156FB3" w:rsidRDefault="00156FB3" w:rsidP="00156FB3">
            <w:r>
              <w:t>}</w:t>
            </w:r>
          </w:p>
          <w:p w:rsidR="00156FB3" w:rsidRDefault="00156FB3" w:rsidP="00156FB3"/>
          <w:p w:rsidR="00156FB3" w:rsidRDefault="00156FB3" w:rsidP="00156FB3">
            <w:r>
              <w:t>@media all and (-ms-high-contrast: none), (-ms-high-contrast: active) {</w:t>
            </w:r>
          </w:p>
          <w:p w:rsidR="00156FB3" w:rsidRDefault="00156FB3" w:rsidP="00156FB3">
            <w:r>
              <w:t xml:space="preserve">    .swal2-container .swal2-modal {</w:t>
            </w:r>
          </w:p>
          <w:p w:rsidR="00156FB3" w:rsidRDefault="00156FB3" w:rsidP="00156FB3">
            <w:r>
              <w:t xml:space="preserve">        margin: 0 !important;</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swal2-popup {</w:t>
            </w:r>
          </w:p>
          <w:p w:rsidR="00156FB3" w:rsidRDefault="00156FB3" w:rsidP="00156FB3">
            <w:r>
              <w:t xml:space="preserve">    display: none;</w:t>
            </w:r>
          </w:p>
          <w:p w:rsidR="00156FB3" w:rsidRDefault="00156FB3" w:rsidP="00156FB3">
            <w:r>
              <w:lastRenderedPageBreak/>
              <w:t xml:space="preserve">    position: relative;</w:t>
            </w:r>
          </w:p>
          <w:p w:rsidR="00156FB3" w:rsidRDefault="00156FB3" w:rsidP="00156FB3">
            <w:r>
              <w:t xml:space="preserve">    box-sizing: border-box;</w:t>
            </w:r>
          </w:p>
          <w:p w:rsidR="00156FB3" w:rsidRDefault="00156FB3" w:rsidP="00156FB3">
            <w:r>
              <w:t xml:space="preserve">    -webkit-box-orient: vertical;</w:t>
            </w:r>
          </w:p>
          <w:p w:rsidR="00156FB3" w:rsidRDefault="00156FB3" w:rsidP="00156FB3">
            <w:r>
              <w:t xml:space="preserve">    -webkit-box-direction: normal;</w:t>
            </w:r>
          </w:p>
          <w:p w:rsidR="00156FB3" w:rsidRDefault="00156FB3" w:rsidP="00156FB3">
            <w:r>
              <w:t xml:space="preserve">    flex-direction: column;</w:t>
            </w:r>
          </w:p>
          <w:p w:rsidR="00156FB3" w:rsidRDefault="00156FB3" w:rsidP="00156FB3">
            <w:r>
              <w:t xml:space="preserve">    -webkit-box-pack: center;</w:t>
            </w:r>
          </w:p>
          <w:p w:rsidR="00156FB3" w:rsidRDefault="00156FB3" w:rsidP="00156FB3">
            <w:r>
              <w:t xml:space="preserve">    justify-content: center;</w:t>
            </w:r>
          </w:p>
          <w:p w:rsidR="00156FB3" w:rsidRDefault="00156FB3" w:rsidP="00156FB3">
            <w:r>
              <w:t xml:space="preserve">    width: 32em;</w:t>
            </w:r>
          </w:p>
          <w:p w:rsidR="00156FB3" w:rsidRDefault="00156FB3" w:rsidP="00156FB3">
            <w:r>
              <w:t xml:space="preserve">    max-width: 100%;</w:t>
            </w:r>
          </w:p>
          <w:p w:rsidR="00156FB3" w:rsidRDefault="00156FB3" w:rsidP="00156FB3">
            <w:r>
              <w:t xml:space="preserve">    padding: 1.25em;</w:t>
            </w:r>
          </w:p>
          <w:p w:rsidR="00156FB3" w:rsidRDefault="00156FB3" w:rsidP="00156FB3">
            <w:r>
              <w:t xml:space="preserve">    border: none;</w:t>
            </w:r>
          </w:p>
          <w:p w:rsidR="00156FB3" w:rsidRDefault="00156FB3" w:rsidP="00156FB3">
            <w:r>
              <w:t xml:space="preserve">    border-radius: 0.3125em;</w:t>
            </w:r>
          </w:p>
          <w:p w:rsidR="00156FB3" w:rsidRDefault="00156FB3" w:rsidP="00156FB3">
            <w:r>
              <w:t xml:space="preserve">    background: #fff;</w:t>
            </w:r>
          </w:p>
          <w:p w:rsidR="00156FB3" w:rsidRDefault="00156FB3" w:rsidP="00156FB3">
            <w:r>
              <w:t xml:space="preserve">    font-family: inherit;</w:t>
            </w:r>
          </w:p>
          <w:p w:rsidR="00156FB3" w:rsidRDefault="00156FB3" w:rsidP="00156FB3">
            <w:r>
              <w:t xml:space="preserve">    font-size: 1rem;</w:t>
            </w:r>
          </w:p>
          <w:p w:rsidR="00156FB3" w:rsidRDefault="00156FB3" w:rsidP="00156FB3">
            <w:r>
              <w:t>}</w:t>
            </w:r>
          </w:p>
          <w:p w:rsidR="00156FB3" w:rsidRDefault="00156FB3" w:rsidP="00156FB3"/>
          <w:p w:rsidR="00156FB3" w:rsidRDefault="00156FB3" w:rsidP="00156FB3">
            <w:r>
              <w:t>.swal2-popup:focus {</w:t>
            </w:r>
          </w:p>
          <w:p w:rsidR="00156FB3" w:rsidRDefault="00156FB3" w:rsidP="00156FB3">
            <w:r>
              <w:t xml:space="preserve">    outline: none;</w:t>
            </w:r>
          </w:p>
          <w:p w:rsidR="00156FB3" w:rsidRDefault="00156FB3" w:rsidP="00156FB3">
            <w:r>
              <w:t>}</w:t>
            </w:r>
          </w:p>
          <w:p w:rsidR="00156FB3" w:rsidRDefault="00156FB3" w:rsidP="00156FB3"/>
          <w:p w:rsidR="00156FB3" w:rsidRDefault="00156FB3" w:rsidP="00156FB3">
            <w:r>
              <w:t>.swal2-popup.swal2-loading {</w:t>
            </w:r>
          </w:p>
          <w:p w:rsidR="00156FB3" w:rsidRDefault="00156FB3" w:rsidP="00156FB3">
            <w:r>
              <w:t xml:space="preserve">    overflow-y: hidden;</w:t>
            </w:r>
          </w:p>
          <w:p w:rsidR="00156FB3" w:rsidRDefault="00156FB3" w:rsidP="00156FB3">
            <w:r>
              <w:t>}</w:t>
            </w:r>
          </w:p>
          <w:p w:rsidR="00156FB3" w:rsidRDefault="00156FB3" w:rsidP="00156FB3"/>
          <w:p w:rsidR="00156FB3" w:rsidRDefault="00156FB3" w:rsidP="00156FB3">
            <w:r>
              <w:t>.swal2-header {</w:t>
            </w:r>
          </w:p>
          <w:p w:rsidR="00156FB3" w:rsidRDefault="00156FB3" w:rsidP="00156FB3">
            <w:r>
              <w:t xml:space="preserve">    display: -webkit-box;</w:t>
            </w:r>
          </w:p>
          <w:p w:rsidR="00156FB3" w:rsidRDefault="00156FB3" w:rsidP="00156FB3">
            <w:r>
              <w:t xml:space="preserve">    display: flex;</w:t>
            </w:r>
          </w:p>
          <w:p w:rsidR="00156FB3" w:rsidRDefault="00156FB3" w:rsidP="00156FB3">
            <w:r>
              <w:t xml:space="preserve">    -webkit-box-orient: vertical;</w:t>
            </w:r>
          </w:p>
          <w:p w:rsidR="00156FB3" w:rsidRDefault="00156FB3" w:rsidP="00156FB3">
            <w:r>
              <w:t xml:space="preserve">    -webkit-box-direction: normal;</w:t>
            </w:r>
          </w:p>
          <w:p w:rsidR="00156FB3" w:rsidRDefault="00156FB3" w:rsidP="00156FB3">
            <w:r>
              <w:t xml:space="preserve">    flex-direction: column;</w:t>
            </w:r>
          </w:p>
          <w:p w:rsidR="00156FB3" w:rsidRDefault="00156FB3" w:rsidP="00156FB3">
            <w:r>
              <w:t xml:space="preserve">    -webkit-box-align: center;</w:t>
            </w:r>
          </w:p>
          <w:p w:rsidR="00156FB3" w:rsidRDefault="00156FB3" w:rsidP="00156FB3">
            <w:r>
              <w:t xml:space="preserve">    align-items: center;</w:t>
            </w:r>
          </w:p>
          <w:p w:rsidR="00156FB3" w:rsidRDefault="00156FB3" w:rsidP="00156FB3">
            <w:r>
              <w:t>}</w:t>
            </w:r>
          </w:p>
          <w:p w:rsidR="00156FB3" w:rsidRDefault="00156FB3" w:rsidP="00156FB3"/>
          <w:p w:rsidR="00156FB3" w:rsidRDefault="00156FB3" w:rsidP="00156FB3">
            <w:r>
              <w:t>.swal2-title {</w:t>
            </w:r>
          </w:p>
          <w:p w:rsidR="00156FB3" w:rsidRDefault="00156FB3" w:rsidP="00156FB3">
            <w:r>
              <w:t xml:space="preserve">    position: relative;</w:t>
            </w:r>
          </w:p>
          <w:p w:rsidR="00156FB3" w:rsidRDefault="00156FB3" w:rsidP="00156FB3">
            <w:r>
              <w:t xml:space="preserve">    max-width: 100%;</w:t>
            </w:r>
          </w:p>
          <w:p w:rsidR="00156FB3" w:rsidRDefault="00156FB3" w:rsidP="00156FB3">
            <w:r>
              <w:t xml:space="preserve">    margin: 0 0 0.4em;</w:t>
            </w:r>
          </w:p>
          <w:p w:rsidR="00156FB3" w:rsidRDefault="00156FB3" w:rsidP="00156FB3">
            <w:r>
              <w:t xml:space="preserve">    padding: 0;</w:t>
            </w:r>
          </w:p>
          <w:p w:rsidR="00156FB3" w:rsidRDefault="00156FB3" w:rsidP="00156FB3">
            <w:r>
              <w:t xml:space="preserve">    color: #222222;</w:t>
            </w:r>
          </w:p>
          <w:p w:rsidR="00156FB3" w:rsidRDefault="00156FB3" w:rsidP="00156FB3">
            <w:r>
              <w:t xml:space="preserve">    font-size: 22px;</w:t>
            </w:r>
          </w:p>
          <w:p w:rsidR="00156FB3" w:rsidRDefault="00156FB3" w:rsidP="00156FB3">
            <w:r>
              <w:t xml:space="preserve">    font-weight: 600;</w:t>
            </w:r>
          </w:p>
          <w:p w:rsidR="00156FB3" w:rsidRDefault="00156FB3" w:rsidP="00156FB3">
            <w:r>
              <w:t xml:space="preserve">    text-align: center;</w:t>
            </w:r>
          </w:p>
          <w:p w:rsidR="00156FB3" w:rsidRDefault="00156FB3" w:rsidP="00156FB3">
            <w:r>
              <w:t xml:space="preserve">    text-transform: none;</w:t>
            </w:r>
          </w:p>
          <w:p w:rsidR="00156FB3" w:rsidRDefault="00156FB3" w:rsidP="00156FB3">
            <w:r>
              <w:t xml:space="preserve">    word-wrap: break-word;</w:t>
            </w:r>
          </w:p>
          <w:p w:rsidR="00156FB3" w:rsidRDefault="00156FB3" w:rsidP="00156FB3">
            <w:r>
              <w:t>}</w:t>
            </w:r>
          </w:p>
          <w:p w:rsidR="00156FB3" w:rsidRDefault="00156FB3" w:rsidP="00156FB3"/>
          <w:p w:rsidR="00156FB3" w:rsidRDefault="00156FB3" w:rsidP="00156FB3">
            <w:r>
              <w:lastRenderedPageBreak/>
              <w:t>.swal2-toast .swal2-title {</w:t>
            </w:r>
          </w:p>
          <w:p w:rsidR="00156FB3" w:rsidRDefault="00156FB3" w:rsidP="00156FB3">
            <w:r>
              <w:t xml:space="preserve">    text-align: left;</w:t>
            </w:r>
          </w:p>
          <w:p w:rsidR="00156FB3" w:rsidRDefault="00156FB3" w:rsidP="00156FB3">
            <w:r>
              <w:t>}</w:t>
            </w:r>
          </w:p>
          <w:p w:rsidR="00156FB3" w:rsidRDefault="00156FB3" w:rsidP="00156FB3"/>
          <w:p w:rsidR="00156FB3" w:rsidRDefault="00156FB3" w:rsidP="00156FB3">
            <w:r>
              <w:t>.swal2-actions {</w:t>
            </w:r>
          </w:p>
          <w:p w:rsidR="00156FB3" w:rsidRDefault="00156FB3" w:rsidP="00156FB3">
            <w:r>
              <w:t xml:space="preserve">    display: -webkit-box;</w:t>
            </w:r>
          </w:p>
          <w:p w:rsidR="00156FB3" w:rsidRDefault="00156FB3" w:rsidP="00156FB3">
            <w:r>
              <w:t xml:space="preserve">    display: flex;</w:t>
            </w:r>
          </w:p>
          <w:p w:rsidR="00156FB3" w:rsidRDefault="00156FB3" w:rsidP="00156FB3">
            <w:r>
              <w:t xml:space="preserve">    z-index: auto;</w:t>
            </w:r>
          </w:p>
          <w:p w:rsidR="00156FB3" w:rsidRDefault="00156FB3" w:rsidP="00156FB3">
            <w:r>
              <w:t xml:space="preserve">    flex-wrap: wrap;</w:t>
            </w:r>
          </w:p>
          <w:p w:rsidR="00156FB3" w:rsidRDefault="00156FB3" w:rsidP="00156FB3">
            <w:r>
              <w:t xml:space="preserve">    -webkit-box-align: center;</w:t>
            </w:r>
          </w:p>
          <w:p w:rsidR="00156FB3" w:rsidRDefault="00156FB3" w:rsidP="00156FB3">
            <w:r>
              <w:t xml:space="preserve">    align-items: center;</w:t>
            </w:r>
          </w:p>
          <w:p w:rsidR="00156FB3" w:rsidRDefault="00156FB3" w:rsidP="00156FB3">
            <w:r>
              <w:t xml:space="preserve">    -webkit-box-pack: center;</w:t>
            </w:r>
          </w:p>
          <w:p w:rsidR="00156FB3" w:rsidRDefault="00156FB3" w:rsidP="00156FB3">
            <w:r>
              <w:t xml:space="preserve">    justify-content: center;</w:t>
            </w:r>
          </w:p>
          <w:p w:rsidR="00156FB3" w:rsidRDefault="00156FB3" w:rsidP="00156FB3">
            <w:r>
              <w:t xml:space="preserve">    width: 100%;</w:t>
            </w:r>
          </w:p>
          <w:p w:rsidR="00156FB3" w:rsidRDefault="00156FB3" w:rsidP="00156FB3">
            <w:r>
              <w:t xml:space="preserve">    margin: 1.25em auto 0;</w:t>
            </w:r>
          </w:p>
          <w:p w:rsidR="00156FB3" w:rsidRDefault="00156FB3" w:rsidP="00156FB3">
            <w:r>
              <w:t>}</w:t>
            </w:r>
          </w:p>
          <w:p w:rsidR="00156FB3" w:rsidRDefault="00156FB3" w:rsidP="00156FB3"/>
          <w:p w:rsidR="00156FB3" w:rsidRDefault="00156FB3" w:rsidP="00156FB3">
            <w:r>
              <w:t>.swal2-actions:not(.swal2-loading) .swal2-styled[disabled] {</w:t>
            </w:r>
          </w:p>
          <w:p w:rsidR="00156FB3" w:rsidRDefault="00156FB3" w:rsidP="00156FB3">
            <w:r>
              <w:t xml:space="preserve">    opacity: .4;</w:t>
            </w:r>
          </w:p>
          <w:p w:rsidR="00156FB3" w:rsidRDefault="00156FB3" w:rsidP="00156FB3">
            <w:r>
              <w:t>}</w:t>
            </w:r>
          </w:p>
          <w:p w:rsidR="00156FB3" w:rsidRDefault="00156FB3" w:rsidP="00156FB3"/>
          <w:p w:rsidR="00156FB3" w:rsidRDefault="00156FB3" w:rsidP="00156FB3">
            <w:r>
              <w:t>.swal2-actions:not(.swal2-loading) .swal2-styled:hover {</w:t>
            </w:r>
          </w:p>
          <w:p w:rsidR="00156FB3" w:rsidRDefault="00156FB3" w:rsidP="00156FB3">
            <w:r>
              <w:t xml:space="preserve">    background-image: -webkit-gradient(linear, left top, left bottom, from(rgba(0, 0, 0, 0.1)), to(rgba(0, 0, 0, 0.1)));</w:t>
            </w:r>
          </w:p>
          <w:p w:rsidR="00156FB3" w:rsidRDefault="00156FB3" w:rsidP="00156FB3">
            <w:r>
              <w:t xml:space="preserve">    background-image: linear-gradient(rgba(0, 0, 0, 0.1), rgba(0, 0, 0, 0.1));</w:t>
            </w:r>
          </w:p>
          <w:p w:rsidR="00156FB3" w:rsidRDefault="00156FB3" w:rsidP="00156FB3">
            <w:r>
              <w:t>}</w:t>
            </w:r>
          </w:p>
          <w:p w:rsidR="00156FB3" w:rsidRDefault="00156FB3" w:rsidP="00156FB3"/>
          <w:p w:rsidR="00156FB3" w:rsidRDefault="00156FB3" w:rsidP="00156FB3">
            <w:r>
              <w:t>.swal2-actions:not(.swal2-loading) .swal2-styled:active {</w:t>
            </w:r>
          </w:p>
          <w:p w:rsidR="00156FB3" w:rsidRDefault="00156FB3" w:rsidP="00156FB3">
            <w:r>
              <w:t xml:space="preserve">    background-image: -webkit-gradient(linear, left top, left bottom, from(rgba(0, 0, 0, 0.2)), to(rgba(0, 0, 0, 0.2)));</w:t>
            </w:r>
          </w:p>
          <w:p w:rsidR="00156FB3" w:rsidRDefault="00156FB3" w:rsidP="00156FB3">
            <w:r>
              <w:t xml:space="preserve">    background-image: linear-gradient(rgba(0, 0, 0, 0.2), rgba(0, 0, 0, 0.2));</w:t>
            </w:r>
          </w:p>
          <w:p w:rsidR="00156FB3" w:rsidRDefault="00156FB3" w:rsidP="00156FB3">
            <w:r>
              <w:t>}</w:t>
            </w:r>
          </w:p>
          <w:p w:rsidR="00156FB3" w:rsidRDefault="00156FB3" w:rsidP="00156FB3"/>
          <w:p w:rsidR="00156FB3" w:rsidRDefault="00156FB3" w:rsidP="00156FB3">
            <w:r>
              <w:t>.swal2-actions.swal2-loading .swal2-styled.swal2-confirm {</w:t>
            </w:r>
          </w:p>
          <w:p w:rsidR="00156FB3" w:rsidRDefault="00156FB3" w:rsidP="00156FB3">
            <w:r>
              <w:t xml:space="preserve">    box-sizing: border-box;</w:t>
            </w:r>
          </w:p>
          <w:p w:rsidR="00156FB3" w:rsidRDefault="00156FB3" w:rsidP="00156FB3">
            <w:r>
              <w:t xml:space="preserve">    width: 2.5em;</w:t>
            </w:r>
          </w:p>
          <w:p w:rsidR="00156FB3" w:rsidRDefault="00156FB3" w:rsidP="00156FB3">
            <w:r>
              <w:t xml:space="preserve">    height: 2.5em;</w:t>
            </w:r>
          </w:p>
          <w:p w:rsidR="00156FB3" w:rsidRDefault="00156FB3" w:rsidP="00156FB3">
            <w:r>
              <w:t xml:space="preserve">    margin: .46875em;</w:t>
            </w:r>
          </w:p>
          <w:p w:rsidR="00156FB3" w:rsidRDefault="00156FB3" w:rsidP="00156FB3">
            <w:r>
              <w:t xml:space="preserve">    padding: 0;</w:t>
            </w:r>
          </w:p>
          <w:p w:rsidR="00156FB3" w:rsidRDefault="00156FB3" w:rsidP="00156FB3">
            <w:r>
              <w:t xml:space="preserve">    -webkit-animation: swal2-rotate-loading 1.5s linear 0s infinite normal;</w:t>
            </w:r>
          </w:p>
          <w:p w:rsidR="00156FB3" w:rsidRDefault="00156FB3" w:rsidP="00156FB3">
            <w:r>
              <w:t xml:space="preserve">    animation: swal2-rotate-loading 1.5s linear 0s infinite normal;</w:t>
            </w:r>
          </w:p>
          <w:p w:rsidR="00156FB3" w:rsidRDefault="00156FB3" w:rsidP="00156FB3">
            <w:r>
              <w:t xml:space="preserve">    border: .25em solid transparent;</w:t>
            </w:r>
          </w:p>
          <w:p w:rsidR="00156FB3" w:rsidRDefault="00156FB3" w:rsidP="00156FB3">
            <w:r>
              <w:t xml:space="preserve">    border-radius: 100%;</w:t>
            </w:r>
          </w:p>
          <w:p w:rsidR="00156FB3" w:rsidRDefault="00156FB3" w:rsidP="00156FB3">
            <w:r>
              <w:t xml:space="preserve">    border-color: transparent;</w:t>
            </w:r>
          </w:p>
          <w:p w:rsidR="00156FB3" w:rsidRDefault="00156FB3" w:rsidP="00156FB3">
            <w:r>
              <w:t xml:space="preserve">    background-color: transparent !important;</w:t>
            </w:r>
          </w:p>
          <w:p w:rsidR="00156FB3" w:rsidRDefault="00156FB3" w:rsidP="00156FB3">
            <w:r>
              <w:t xml:space="preserve">    color: transparent;</w:t>
            </w:r>
          </w:p>
          <w:p w:rsidR="00156FB3" w:rsidRDefault="00156FB3" w:rsidP="00156FB3">
            <w:r>
              <w:t xml:space="preserve">    cursor: default;</w:t>
            </w:r>
          </w:p>
          <w:p w:rsidR="00156FB3" w:rsidRDefault="00156FB3" w:rsidP="00156FB3">
            <w:r>
              <w:t xml:space="preserve">    -webkit-user-select: none;</w:t>
            </w:r>
          </w:p>
          <w:p w:rsidR="00156FB3" w:rsidRDefault="00156FB3" w:rsidP="00156FB3">
            <w:r>
              <w:lastRenderedPageBreak/>
              <w:t xml:space="preserve">    -moz-user-select: none;</w:t>
            </w:r>
          </w:p>
          <w:p w:rsidR="00156FB3" w:rsidRDefault="00156FB3" w:rsidP="00156FB3">
            <w:r>
              <w:t xml:space="preserve">    -ms-user-select: none;</w:t>
            </w:r>
          </w:p>
          <w:p w:rsidR="00156FB3" w:rsidRDefault="00156FB3" w:rsidP="00156FB3">
            <w:r>
              <w:t xml:space="preserve">    user-select: none;</w:t>
            </w:r>
          </w:p>
          <w:p w:rsidR="00156FB3" w:rsidRDefault="00156FB3" w:rsidP="00156FB3">
            <w:r>
              <w:t>}</w:t>
            </w:r>
          </w:p>
          <w:p w:rsidR="00156FB3" w:rsidRDefault="00156FB3" w:rsidP="00156FB3"/>
          <w:p w:rsidR="00156FB3" w:rsidRDefault="00156FB3" w:rsidP="00156FB3">
            <w:r>
              <w:t>.swal2-actions.swal2-loading .swal2-styled.swal2-cancel {</w:t>
            </w:r>
          </w:p>
          <w:p w:rsidR="00156FB3" w:rsidRDefault="00156FB3" w:rsidP="00156FB3">
            <w:r>
              <w:t xml:space="preserve">    margin-right: 30px;</w:t>
            </w:r>
          </w:p>
          <w:p w:rsidR="00156FB3" w:rsidRDefault="00156FB3" w:rsidP="00156FB3">
            <w:r>
              <w:t xml:space="preserve">    margin-left: 30px;</w:t>
            </w:r>
          </w:p>
          <w:p w:rsidR="00156FB3" w:rsidRDefault="00156FB3" w:rsidP="00156FB3">
            <w:r>
              <w:t>}</w:t>
            </w:r>
          </w:p>
          <w:p w:rsidR="00156FB3" w:rsidRDefault="00156FB3" w:rsidP="00156FB3"/>
          <w:p w:rsidR="00156FB3" w:rsidRDefault="00156FB3" w:rsidP="00156FB3">
            <w:r>
              <w:t>.swal2-actions.swal2-loading :not(.swal2-styled).swal2-confirm::after {</w:t>
            </w:r>
          </w:p>
          <w:p w:rsidR="00156FB3" w:rsidRDefault="00156FB3" w:rsidP="00156FB3">
            <w:r>
              <w:t xml:space="preserve">    content: '';</w:t>
            </w:r>
          </w:p>
          <w:p w:rsidR="00156FB3" w:rsidRDefault="00156FB3" w:rsidP="00156FB3">
            <w:r>
              <w:t xml:space="preserve">    display: inline-block;</w:t>
            </w:r>
          </w:p>
          <w:p w:rsidR="00156FB3" w:rsidRDefault="00156FB3" w:rsidP="00156FB3">
            <w:r>
              <w:t xml:space="preserve">    width: 15px;</w:t>
            </w:r>
          </w:p>
          <w:p w:rsidR="00156FB3" w:rsidRDefault="00156FB3" w:rsidP="00156FB3">
            <w:r>
              <w:t xml:space="preserve">    height: 15px;</w:t>
            </w:r>
          </w:p>
          <w:p w:rsidR="00156FB3" w:rsidRDefault="00156FB3" w:rsidP="00156FB3">
            <w:r>
              <w:t xml:space="preserve">    margin-left: 5px;</w:t>
            </w:r>
          </w:p>
          <w:p w:rsidR="00156FB3" w:rsidRDefault="00156FB3" w:rsidP="00156FB3">
            <w:r>
              <w:t xml:space="preserve">    -webkit-animation: swal2-rotate-loading 1.5s linear 0s infinite normal;</w:t>
            </w:r>
          </w:p>
          <w:p w:rsidR="00156FB3" w:rsidRDefault="00156FB3" w:rsidP="00156FB3">
            <w:r>
              <w:t xml:space="preserve">    animation: swal2-rotate-loading 1.5s linear 0s infinite normal;</w:t>
            </w:r>
          </w:p>
          <w:p w:rsidR="00156FB3" w:rsidRDefault="00156FB3" w:rsidP="00156FB3">
            <w:r>
              <w:t xml:space="preserve">    border: 3px solid #999999;</w:t>
            </w:r>
          </w:p>
          <w:p w:rsidR="00156FB3" w:rsidRDefault="00156FB3" w:rsidP="00156FB3">
            <w:r>
              <w:t xml:space="preserve">    border-radius: 50%;</w:t>
            </w:r>
          </w:p>
          <w:p w:rsidR="00156FB3" w:rsidRDefault="00156FB3" w:rsidP="00156FB3">
            <w:r>
              <w:t xml:space="preserve">    border-right-color: transparent;</w:t>
            </w:r>
          </w:p>
          <w:p w:rsidR="00156FB3" w:rsidRDefault="00156FB3" w:rsidP="00156FB3">
            <w:r>
              <w:t xml:space="preserve">    box-shadow: 1px 1px 1px #fff;</w:t>
            </w:r>
          </w:p>
          <w:p w:rsidR="00156FB3" w:rsidRDefault="00156FB3" w:rsidP="00156FB3">
            <w:r>
              <w:t>}</w:t>
            </w:r>
          </w:p>
          <w:p w:rsidR="00156FB3" w:rsidRDefault="00156FB3" w:rsidP="00156FB3"/>
          <w:p w:rsidR="00156FB3" w:rsidRDefault="00156FB3" w:rsidP="00156FB3">
            <w:r>
              <w:t>.swal2-styled {</w:t>
            </w:r>
          </w:p>
          <w:p w:rsidR="00156FB3" w:rsidRDefault="00156FB3" w:rsidP="00156FB3">
            <w:r>
              <w:t xml:space="preserve">    margin: .3125em;</w:t>
            </w:r>
          </w:p>
          <w:p w:rsidR="00156FB3" w:rsidRDefault="00156FB3" w:rsidP="00156FB3">
            <w:r>
              <w:t xml:space="preserve">    padding: .625em 2em;</w:t>
            </w:r>
          </w:p>
          <w:p w:rsidR="00156FB3" w:rsidRDefault="00156FB3" w:rsidP="00156FB3">
            <w:r>
              <w:t xml:space="preserve">    box-shadow: none;</w:t>
            </w:r>
          </w:p>
          <w:p w:rsidR="00156FB3" w:rsidRDefault="00156FB3" w:rsidP="00156FB3">
            <w:r>
              <w:t xml:space="preserve">    font-weight: 500;</w:t>
            </w:r>
          </w:p>
          <w:p w:rsidR="00156FB3" w:rsidRDefault="00156FB3" w:rsidP="00156FB3">
            <w:r>
              <w:t>}</w:t>
            </w:r>
          </w:p>
          <w:p w:rsidR="00156FB3" w:rsidRDefault="00156FB3" w:rsidP="00156FB3"/>
          <w:p w:rsidR="00156FB3" w:rsidRDefault="00156FB3" w:rsidP="00156FB3">
            <w:r>
              <w:t>.swal2-styled:not([disabled]) {</w:t>
            </w:r>
          </w:p>
          <w:p w:rsidR="00156FB3" w:rsidRDefault="00156FB3" w:rsidP="00156FB3">
            <w:r>
              <w:t xml:space="preserve">    cursor: pointer;</w:t>
            </w:r>
          </w:p>
          <w:p w:rsidR="00156FB3" w:rsidRDefault="00156FB3" w:rsidP="00156FB3">
            <w:r>
              <w:t>}</w:t>
            </w:r>
          </w:p>
          <w:p w:rsidR="00156FB3" w:rsidRDefault="00156FB3" w:rsidP="00156FB3"/>
          <w:p w:rsidR="00156FB3" w:rsidRDefault="00156FB3" w:rsidP="00156FB3">
            <w:r>
              <w:t>.swal2-styled.swal2-confirm {</w:t>
            </w:r>
          </w:p>
          <w:p w:rsidR="00156FB3" w:rsidRDefault="00156FB3" w:rsidP="00156FB3">
            <w:r>
              <w:t xml:space="preserve">    border: 0;</w:t>
            </w:r>
          </w:p>
          <w:p w:rsidR="00156FB3" w:rsidRDefault="00156FB3" w:rsidP="00156FB3">
            <w:r>
              <w:t xml:space="preserve">    border-radius: 0.25em;</w:t>
            </w:r>
          </w:p>
          <w:p w:rsidR="00156FB3" w:rsidRDefault="00156FB3" w:rsidP="00156FB3">
            <w:r>
              <w:t xml:space="preserve">    background: initial;</w:t>
            </w:r>
          </w:p>
          <w:p w:rsidR="00156FB3" w:rsidRDefault="00156FB3" w:rsidP="00156FB3">
            <w:r>
              <w:t xml:space="preserve">    background-color: #3085d6;</w:t>
            </w:r>
          </w:p>
          <w:p w:rsidR="00156FB3" w:rsidRDefault="00156FB3" w:rsidP="00156FB3">
            <w:r>
              <w:t xml:space="preserve">    color: #fff;</w:t>
            </w:r>
          </w:p>
          <w:p w:rsidR="00156FB3" w:rsidRDefault="00156FB3" w:rsidP="00156FB3">
            <w:r>
              <w:t xml:space="preserve">    font-size: 1.0625em;</w:t>
            </w:r>
          </w:p>
          <w:p w:rsidR="00156FB3" w:rsidRDefault="00156FB3" w:rsidP="00156FB3">
            <w:r>
              <w:t>}</w:t>
            </w:r>
          </w:p>
          <w:p w:rsidR="00156FB3" w:rsidRDefault="00156FB3" w:rsidP="00156FB3"/>
          <w:p w:rsidR="00156FB3" w:rsidRDefault="00156FB3" w:rsidP="00156FB3">
            <w:r>
              <w:t>.swal2-styled.swal2-cancel {</w:t>
            </w:r>
          </w:p>
          <w:p w:rsidR="00156FB3" w:rsidRDefault="00156FB3" w:rsidP="00156FB3">
            <w:r>
              <w:t xml:space="preserve">    border: 0;</w:t>
            </w:r>
          </w:p>
          <w:p w:rsidR="00156FB3" w:rsidRDefault="00156FB3" w:rsidP="00156FB3">
            <w:r>
              <w:t xml:space="preserve">    border-radius: 0.25em;</w:t>
            </w:r>
          </w:p>
          <w:p w:rsidR="00156FB3" w:rsidRDefault="00156FB3" w:rsidP="00156FB3">
            <w:r>
              <w:t xml:space="preserve">    background: initial;</w:t>
            </w:r>
          </w:p>
          <w:p w:rsidR="00156FB3" w:rsidRDefault="00156FB3" w:rsidP="00156FB3">
            <w:r>
              <w:lastRenderedPageBreak/>
              <w:t xml:space="preserve">    background-color: #aaa;</w:t>
            </w:r>
          </w:p>
          <w:p w:rsidR="00156FB3" w:rsidRDefault="00156FB3" w:rsidP="00156FB3">
            <w:r>
              <w:t xml:space="preserve">    color: #fff;</w:t>
            </w:r>
          </w:p>
          <w:p w:rsidR="00156FB3" w:rsidRDefault="00156FB3" w:rsidP="00156FB3">
            <w:r>
              <w:t xml:space="preserve">    font-size: 1.0625em;</w:t>
            </w:r>
          </w:p>
          <w:p w:rsidR="00156FB3" w:rsidRDefault="00156FB3" w:rsidP="00156FB3">
            <w:r>
              <w:t>}</w:t>
            </w:r>
          </w:p>
          <w:p w:rsidR="00156FB3" w:rsidRDefault="00156FB3" w:rsidP="00156FB3"/>
          <w:p w:rsidR="00156FB3" w:rsidRDefault="00156FB3" w:rsidP="00156FB3">
            <w:r>
              <w:t>.swal2-styled:focus {</w:t>
            </w:r>
          </w:p>
          <w:p w:rsidR="00156FB3" w:rsidRDefault="00156FB3" w:rsidP="00156FB3">
            <w:r>
              <w:t xml:space="preserve">    outline: none;</w:t>
            </w:r>
          </w:p>
          <w:p w:rsidR="00156FB3" w:rsidRDefault="00156FB3" w:rsidP="00156FB3">
            <w:r>
              <w:t xml:space="preserve">    /*box-shadow: 0 0 0 1px #fff, 0 0 0 3px rgba(50, 100, 150, 0.4);*/</w:t>
            </w:r>
          </w:p>
          <w:p w:rsidR="00156FB3" w:rsidRDefault="00156FB3" w:rsidP="00156FB3">
            <w:r>
              <w:t>}</w:t>
            </w:r>
          </w:p>
          <w:p w:rsidR="00156FB3" w:rsidRDefault="00156FB3" w:rsidP="00156FB3"/>
          <w:p w:rsidR="00156FB3" w:rsidRDefault="00156FB3" w:rsidP="00156FB3">
            <w:r>
              <w:t>.swal2-styled::-moz-focus-inner {</w:t>
            </w:r>
          </w:p>
          <w:p w:rsidR="00156FB3" w:rsidRDefault="00156FB3" w:rsidP="00156FB3">
            <w:r>
              <w:t xml:space="preserve">    border: 0;</w:t>
            </w:r>
          </w:p>
          <w:p w:rsidR="00156FB3" w:rsidRDefault="00156FB3" w:rsidP="00156FB3">
            <w:r>
              <w:t>}</w:t>
            </w:r>
          </w:p>
          <w:p w:rsidR="00156FB3" w:rsidRDefault="00156FB3" w:rsidP="00156FB3"/>
          <w:p w:rsidR="00156FB3" w:rsidRDefault="00156FB3" w:rsidP="00156FB3">
            <w:r>
              <w:t>.swal2-footer {</w:t>
            </w:r>
          </w:p>
          <w:p w:rsidR="00156FB3" w:rsidRDefault="00156FB3" w:rsidP="00156FB3">
            <w:r>
              <w:t xml:space="preserve">    -webkit-box-pack: center;</w:t>
            </w:r>
          </w:p>
          <w:p w:rsidR="00156FB3" w:rsidRDefault="00156FB3" w:rsidP="00156FB3">
            <w:r>
              <w:t xml:space="preserve">    justify-content: center;</w:t>
            </w:r>
          </w:p>
          <w:p w:rsidR="00156FB3" w:rsidRDefault="00156FB3" w:rsidP="00156FB3">
            <w:r>
              <w:t xml:space="preserve">    margin: 1.25em 0 0;</w:t>
            </w:r>
          </w:p>
          <w:p w:rsidR="00156FB3" w:rsidRDefault="00156FB3" w:rsidP="00156FB3">
            <w:r>
              <w:t xml:space="preserve">    padding: 1em 0 0;</w:t>
            </w:r>
          </w:p>
          <w:p w:rsidR="00156FB3" w:rsidRDefault="00156FB3" w:rsidP="00156FB3">
            <w:r>
              <w:t xml:space="preserve">    border-top: 1px solid #eee;</w:t>
            </w:r>
          </w:p>
          <w:p w:rsidR="00156FB3" w:rsidRDefault="00156FB3" w:rsidP="00156FB3">
            <w:r>
              <w:t xml:space="preserve">    color: #545454;</w:t>
            </w:r>
          </w:p>
          <w:p w:rsidR="00156FB3" w:rsidRDefault="00156FB3" w:rsidP="00156FB3">
            <w:r>
              <w:t xml:space="preserve">    font-size: 1em;</w:t>
            </w:r>
          </w:p>
          <w:p w:rsidR="00156FB3" w:rsidRDefault="00156FB3" w:rsidP="00156FB3">
            <w:r>
              <w:t>}</w:t>
            </w:r>
          </w:p>
          <w:p w:rsidR="00156FB3" w:rsidRDefault="00156FB3" w:rsidP="00156FB3"/>
          <w:p w:rsidR="00156FB3" w:rsidRDefault="00156FB3" w:rsidP="00156FB3">
            <w:r>
              <w:t>.swal2-timer-progress-bar {</w:t>
            </w:r>
          </w:p>
          <w:p w:rsidR="00156FB3" w:rsidRDefault="00156FB3" w:rsidP="00156FB3">
            <w:r>
              <w:t xml:space="preserve">    position: absolute;</w:t>
            </w:r>
          </w:p>
          <w:p w:rsidR="00156FB3" w:rsidRDefault="00156FB3" w:rsidP="00156FB3">
            <w:r>
              <w:t xml:space="preserve">    bottom: 0;</w:t>
            </w:r>
          </w:p>
          <w:p w:rsidR="00156FB3" w:rsidRDefault="00156FB3" w:rsidP="00156FB3">
            <w:r>
              <w:t xml:space="preserve">    left: 0;</w:t>
            </w:r>
          </w:p>
          <w:p w:rsidR="00156FB3" w:rsidRDefault="00156FB3" w:rsidP="00156FB3">
            <w:r>
              <w:t xml:space="preserve">    width: 100%;</w:t>
            </w:r>
          </w:p>
          <w:p w:rsidR="00156FB3" w:rsidRDefault="00156FB3" w:rsidP="00156FB3">
            <w:r>
              <w:t xml:space="preserve">    height: 0.25em;</w:t>
            </w:r>
          </w:p>
          <w:p w:rsidR="00156FB3" w:rsidRDefault="00156FB3" w:rsidP="00156FB3">
            <w:r>
              <w:t xml:space="preserve">    background: #ff3950;</w:t>
            </w:r>
          </w:p>
          <w:p w:rsidR="00156FB3" w:rsidRDefault="00156FB3" w:rsidP="00156FB3">
            <w:r>
              <w:t>}</w:t>
            </w:r>
          </w:p>
          <w:p w:rsidR="00156FB3" w:rsidRDefault="00156FB3" w:rsidP="00156FB3"/>
          <w:p w:rsidR="00156FB3" w:rsidRDefault="00156FB3" w:rsidP="00156FB3">
            <w:r>
              <w:t>.swal2-image {</w:t>
            </w:r>
          </w:p>
          <w:p w:rsidR="00156FB3" w:rsidRDefault="00156FB3" w:rsidP="00156FB3">
            <w:r>
              <w:t xml:space="preserve">    max-width: 100%;</w:t>
            </w:r>
          </w:p>
          <w:p w:rsidR="00156FB3" w:rsidRDefault="00156FB3" w:rsidP="00156FB3">
            <w:r>
              <w:t xml:space="preserve">    margin: 1.25em auto;</w:t>
            </w:r>
          </w:p>
          <w:p w:rsidR="00156FB3" w:rsidRDefault="00156FB3" w:rsidP="00156FB3">
            <w:r>
              <w:t>}</w:t>
            </w:r>
          </w:p>
          <w:p w:rsidR="00156FB3" w:rsidRDefault="00156FB3" w:rsidP="00156FB3"/>
          <w:p w:rsidR="00156FB3" w:rsidRDefault="00156FB3" w:rsidP="00156FB3">
            <w:r>
              <w:t>.swal2-close {</w:t>
            </w:r>
          </w:p>
          <w:p w:rsidR="00156FB3" w:rsidRDefault="00156FB3" w:rsidP="00156FB3">
            <w:r>
              <w:t xml:space="preserve">    position: absolute;</w:t>
            </w:r>
          </w:p>
          <w:p w:rsidR="00156FB3" w:rsidRDefault="00156FB3" w:rsidP="00156FB3">
            <w:r>
              <w:t xml:space="preserve">    z-index: 2;</w:t>
            </w:r>
          </w:p>
          <w:p w:rsidR="00156FB3" w:rsidRDefault="00156FB3" w:rsidP="00156FB3">
            <w:r>
              <w:t xml:space="preserve">    /* 1617 */</w:t>
            </w:r>
          </w:p>
          <w:p w:rsidR="00156FB3" w:rsidRDefault="00156FB3" w:rsidP="00156FB3">
            <w:r>
              <w:t xml:space="preserve">    top: 0;</w:t>
            </w:r>
          </w:p>
          <w:p w:rsidR="00156FB3" w:rsidRDefault="00156FB3" w:rsidP="00156FB3">
            <w:r>
              <w:t xml:space="preserve">    right: 0;</w:t>
            </w:r>
          </w:p>
          <w:p w:rsidR="00156FB3" w:rsidRDefault="00156FB3" w:rsidP="00156FB3">
            <w:r>
              <w:t xml:space="preserve">    -webkit-box-pack: center;</w:t>
            </w:r>
          </w:p>
          <w:p w:rsidR="00156FB3" w:rsidRDefault="00156FB3" w:rsidP="00156FB3">
            <w:r>
              <w:t xml:space="preserve">    justify-content: center;</w:t>
            </w:r>
          </w:p>
          <w:p w:rsidR="00156FB3" w:rsidRDefault="00156FB3" w:rsidP="00156FB3">
            <w:r>
              <w:t xml:space="preserve">    width: 1.2em;</w:t>
            </w:r>
          </w:p>
          <w:p w:rsidR="00156FB3" w:rsidRDefault="00156FB3" w:rsidP="00156FB3">
            <w:r>
              <w:t xml:space="preserve">    height: 1.2em;</w:t>
            </w:r>
          </w:p>
          <w:p w:rsidR="00156FB3" w:rsidRDefault="00156FB3" w:rsidP="00156FB3">
            <w:r>
              <w:lastRenderedPageBreak/>
              <w:t xml:space="preserve">    padding: 0;</w:t>
            </w:r>
          </w:p>
          <w:p w:rsidR="00156FB3" w:rsidRDefault="00156FB3" w:rsidP="00156FB3">
            <w:r>
              <w:t xml:space="preserve">    overflow: hidden;</w:t>
            </w:r>
          </w:p>
          <w:p w:rsidR="00156FB3" w:rsidRDefault="00156FB3" w:rsidP="00156FB3">
            <w:r>
              <w:t xml:space="preserve">    -webkit-transition: color 0.1s ease-out;</w:t>
            </w:r>
          </w:p>
          <w:p w:rsidR="00156FB3" w:rsidRDefault="00156FB3" w:rsidP="00156FB3">
            <w:r>
              <w:t xml:space="preserve">    transition: color 0.1s ease-out;</w:t>
            </w:r>
          </w:p>
          <w:p w:rsidR="00156FB3" w:rsidRDefault="00156FB3" w:rsidP="00156FB3">
            <w:r>
              <w:t xml:space="preserve">    border: none;</w:t>
            </w:r>
          </w:p>
          <w:p w:rsidR="00156FB3" w:rsidRDefault="00156FB3" w:rsidP="00156FB3">
            <w:r>
              <w:t xml:space="preserve">    border-radius: 0;</w:t>
            </w:r>
          </w:p>
          <w:p w:rsidR="00156FB3" w:rsidRDefault="00156FB3" w:rsidP="00156FB3">
            <w:r>
              <w:t xml:space="preserve">    outline: initial;</w:t>
            </w:r>
          </w:p>
          <w:p w:rsidR="00156FB3" w:rsidRDefault="00156FB3" w:rsidP="00156FB3">
            <w:r>
              <w:t xml:space="preserve">    background: transparent;</w:t>
            </w:r>
          </w:p>
          <w:p w:rsidR="00156FB3" w:rsidRDefault="00156FB3" w:rsidP="00156FB3">
            <w:r>
              <w:t xml:space="preserve">    color: #cccccc;</w:t>
            </w:r>
          </w:p>
          <w:p w:rsidR="00156FB3" w:rsidRDefault="00156FB3" w:rsidP="00156FB3">
            <w:r>
              <w:t xml:space="preserve">    font-family: serif;</w:t>
            </w:r>
          </w:p>
          <w:p w:rsidR="00156FB3" w:rsidRDefault="00156FB3" w:rsidP="00156FB3">
            <w:r>
              <w:t xml:space="preserve">    font-size: 2.5em;</w:t>
            </w:r>
          </w:p>
          <w:p w:rsidR="00156FB3" w:rsidRDefault="00156FB3" w:rsidP="00156FB3">
            <w:r>
              <w:t xml:space="preserve">    line-height: 1.2;</w:t>
            </w:r>
          </w:p>
          <w:p w:rsidR="00156FB3" w:rsidRDefault="00156FB3" w:rsidP="00156FB3">
            <w:r>
              <w:t xml:space="preserve">    cursor: pointer;</w:t>
            </w:r>
          </w:p>
          <w:p w:rsidR="00156FB3" w:rsidRDefault="00156FB3" w:rsidP="00156FB3">
            <w:r>
              <w:t>}</w:t>
            </w:r>
          </w:p>
          <w:p w:rsidR="00156FB3" w:rsidRDefault="00156FB3" w:rsidP="00156FB3"/>
          <w:p w:rsidR="00156FB3" w:rsidRDefault="00156FB3" w:rsidP="00156FB3">
            <w:r>
              <w:t>.swal2-close:hover {</w:t>
            </w:r>
          </w:p>
          <w:p w:rsidR="00156FB3" w:rsidRDefault="00156FB3" w:rsidP="00156FB3">
            <w:r>
              <w:t xml:space="preserve">    -webkit-transform: none;</w:t>
            </w:r>
          </w:p>
          <w:p w:rsidR="00156FB3" w:rsidRDefault="00156FB3" w:rsidP="00156FB3">
            <w:r>
              <w:t xml:space="preserve">    transform: none;</w:t>
            </w:r>
          </w:p>
          <w:p w:rsidR="00156FB3" w:rsidRDefault="00156FB3" w:rsidP="00156FB3">
            <w:r>
              <w:t xml:space="preserve">    background: transparent;</w:t>
            </w:r>
          </w:p>
          <w:p w:rsidR="00156FB3" w:rsidRDefault="00156FB3" w:rsidP="00156FB3">
            <w:r>
              <w:t xml:space="preserve">    color: #f27474;</w:t>
            </w:r>
          </w:p>
          <w:p w:rsidR="00156FB3" w:rsidRDefault="00156FB3" w:rsidP="00156FB3">
            <w:r>
              <w:t>}</w:t>
            </w:r>
          </w:p>
          <w:p w:rsidR="00156FB3" w:rsidRDefault="00156FB3" w:rsidP="00156FB3"/>
          <w:p w:rsidR="00156FB3" w:rsidRDefault="00156FB3" w:rsidP="00156FB3">
            <w:r>
              <w:t>.swal2-close::-moz-focus-inner {</w:t>
            </w:r>
          </w:p>
          <w:p w:rsidR="00156FB3" w:rsidRDefault="00156FB3" w:rsidP="00156FB3">
            <w:r>
              <w:t xml:space="preserve">    border: 0;</w:t>
            </w:r>
          </w:p>
          <w:p w:rsidR="00156FB3" w:rsidRDefault="00156FB3" w:rsidP="00156FB3">
            <w:r>
              <w:t>}</w:t>
            </w:r>
          </w:p>
          <w:p w:rsidR="00156FB3" w:rsidRDefault="00156FB3" w:rsidP="00156FB3"/>
          <w:p w:rsidR="00156FB3" w:rsidRDefault="00156FB3" w:rsidP="00156FB3">
            <w:r>
              <w:t>.swal2-content {</w:t>
            </w:r>
          </w:p>
          <w:p w:rsidR="00156FB3" w:rsidRDefault="00156FB3" w:rsidP="00156FB3">
            <w:r>
              <w:t xml:space="preserve">    z-index: 1;</w:t>
            </w:r>
          </w:p>
          <w:p w:rsidR="00156FB3" w:rsidRDefault="00156FB3" w:rsidP="00156FB3">
            <w:r>
              <w:t xml:space="preserve">    -webkit-box-pack: center;</w:t>
            </w:r>
          </w:p>
          <w:p w:rsidR="00156FB3" w:rsidRDefault="00156FB3" w:rsidP="00156FB3">
            <w:r>
              <w:t xml:space="preserve">    justify-content: center;</w:t>
            </w:r>
          </w:p>
          <w:p w:rsidR="00156FB3" w:rsidRDefault="00156FB3" w:rsidP="00156FB3">
            <w:r>
              <w:t xml:space="preserve">    margin: 0;</w:t>
            </w:r>
          </w:p>
          <w:p w:rsidR="00156FB3" w:rsidRDefault="00156FB3" w:rsidP="00156FB3">
            <w:r>
              <w:t xml:space="preserve">    padding: 0;</w:t>
            </w:r>
          </w:p>
          <w:p w:rsidR="00156FB3" w:rsidRDefault="00156FB3" w:rsidP="00156FB3">
            <w:r>
              <w:t xml:space="preserve">    color: #545454;</w:t>
            </w:r>
          </w:p>
          <w:p w:rsidR="00156FB3" w:rsidRDefault="00156FB3" w:rsidP="00156FB3">
            <w:r>
              <w:t xml:space="preserve">    font-size: 16px;</w:t>
            </w:r>
          </w:p>
          <w:p w:rsidR="00156FB3" w:rsidRDefault="00156FB3" w:rsidP="00156FB3">
            <w:r>
              <w:t xml:space="preserve">    font-weight: normal;</w:t>
            </w:r>
          </w:p>
          <w:p w:rsidR="00156FB3" w:rsidRDefault="00156FB3" w:rsidP="00156FB3">
            <w:r>
              <w:t xml:space="preserve">    line-height: normal;</w:t>
            </w:r>
          </w:p>
          <w:p w:rsidR="00156FB3" w:rsidRDefault="00156FB3" w:rsidP="00156FB3">
            <w:r>
              <w:t xml:space="preserve">    text-align: center;</w:t>
            </w:r>
          </w:p>
          <w:p w:rsidR="00156FB3" w:rsidRDefault="00156FB3" w:rsidP="00156FB3">
            <w:r>
              <w:t xml:space="preserve">    word-wrap: break-word;</w:t>
            </w:r>
          </w:p>
          <w:p w:rsidR="00156FB3" w:rsidRDefault="00156FB3" w:rsidP="00156FB3">
            <w:r>
              <w:t>}</w:t>
            </w:r>
          </w:p>
          <w:p w:rsidR="00156FB3" w:rsidRDefault="00156FB3" w:rsidP="00156FB3"/>
          <w:p w:rsidR="00156FB3" w:rsidRDefault="00156FB3" w:rsidP="00156FB3">
            <w:r>
              <w:t>.swal2-input,</w:t>
            </w:r>
          </w:p>
          <w:p w:rsidR="00156FB3" w:rsidRDefault="00156FB3" w:rsidP="00156FB3">
            <w:r>
              <w:t>.swal2-file,</w:t>
            </w:r>
          </w:p>
          <w:p w:rsidR="00156FB3" w:rsidRDefault="00156FB3" w:rsidP="00156FB3">
            <w:r>
              <w:t>.swal2-textarea,</w:t>
            </w:r>
          </w:p>
          <w:p w:rsidR="00156FB3" w:rsidRDefault="00156FB3" w:rsidP="00156FB3">
            <w:r>
              <w:t>.swal2-select,</w:t>
            </w:r>
          </w:p>
          <w:p w:rsidR="00156FB3" w:rsidRDefault="00156FB3" w:rsidP="00156FB3">
            <w:r>
              <w:t>.swal2-radio,</w:t>
            </w:r>
          </w:p>
          <w:p w:rsidR="00156FB3" w:rsidRDefault="00156FB3" w:rsidP="00156FB3">
            <w:r>
              <w:t>.swal2-checkbox {</w:t>
            </w:r>
          </w:p>
          <w:p w:rsidR="00156FB3" w:rsidRDefault="00156FB3" w:rsidP="00156FB3">
            <w:r>
              <w:t xml:space="preserve">    margin: 1em auto;</w:t>
            </w:r>
          </w:p>
          <w:p w:rsidR="00156FB3" w:rsidRDefault="00156FB3" w:rsidP="00156FB3">
            <w:r>
              <w:t>}</w:t>
            </w:r>
          </w:p>
          <w:p w:rsidR="00156FB3" w:rsidRDefault="00156FB3" w:rsidP="00156FB3"/>
          <w:p w:rsidR="00156FB3" w:rsidRDefault="00156FB3" w:rsidP="00156FB3">
            <w:r>
              <w:t>.swal2-input,</w:t>
            </w:r>
          </w:p>
          <w:p w:rsidR="00156FB3" w:rsidRDefault="00156FB3" w:rsidP="00156FB3">
            <w:r>
              <w:t>.swal2-file,</w:t>
            </w:r>
          </w:p>
          <w:p w:rsidR="00156FB3" w:rsidRDefault="00156FB3" w:rsidP="00156FB3">
            <w:r>
              <w:t>.swal2-textarea {</w:t>
            </w:r>
          </w:p>
          <w:p w:rsidR="00156FB3" w:rsidRDefault="00156FB3" w:rsidP="00156FB3">
            <w:r>
              <w:t xml:space="preserve">    box-sizing: border-box;</w:t>
            </w:r>
          </w:p>
          <w:p w:rsidR="00156FB3" w:rsidRDefault="00156FB3" w:rsidP="00156FB3">
            <w:r>
              <w:t xml:space="preserve">    width: 100%;</w:t>
            </w:r>
          </w:p>
          <w:p w:rsidR="00156FB3" w:rsidRDefault="00156FB3" w:rsidP="00156FB3">
            <w:r>
              <w:t xml:space="preserve">    -webkit-transition: border-color 0.3s, box-shadow 0.3s;</w:t>
            </w:r>
          </w:p>
          <w:p w:rsidR="00156FB3" w:rsidRDefault="00156FB3" w:rsidP="00156FB3">
            <w:r>
              <w:t xml:space="preserve">    transition: border-color 0.3s, box-shadow 0.3s;</w:t>
            </w:r>
          </w:p>
          <w:p w:rsidR="00156FB3" w:rsidRDefault="00156FB3" w:rsidP="00156FB3">
            <w:r>
              <w:t xml:space="preserve">    border: 1px solid #d9d9d9;</w:t>
            </w:r>
          </w:p>
          <w:p w:rsidR="00156FB3" w:rsidRDefault="00156FB3" w:rsidP="00156FB3">
            <w:r>
              <w:t xml:space="preserve">    border-radius: 0.1875em;</w:t>
            </w:r>
          </w:p>
          <w:p w:rsidR="00156FB3" w:rsidRDefault="00156FB3" w:rsidP="00156FB3">
            <w:r>
              <w:t xml:space="preserve">    background: inherit;</w:t>
            </w:r>
          </w:p>
          <w:p w:rsidR="00156FB3" w:rsidRDefault="00156FB3" w:rsidP="00156FB3">
            <w:r>
              <w:t xml:space="preserve">    box-shadow: inset 0 1px 1px rgba(0, 0, 0, 0.06);</w:t>
            </w:r>
          </w:p>
          <w:p w:rsidR="00156FB3" w:rsidRDefault="00156FB3" w:rsidP="00156FB3">
            <w:r>
              <w:t xml:space="preserve">    color: inherit;</w:t>
            </w:r>
          </w:p>
          <w:p w:rsidR="00156FB3" w:rsidRDefault="00156FB3" w:rsidP="00156FB3">
            <w:r>
              <w:t xml:space="preserve">    font-size: 1.125em;</w:t>
            </w:r>
          </w:p>
          <w:p w:rsidR="00156FB3" w:rsidRDefault="00156FB3" w:rsidP="00156FB3">
            <w:r>
              <w:t>}</w:t>
            </w:r>
          </w:p>
          <w:p w:rsidR="00156FB3" w:rsidRDefault="00156FB3" w:rsidP="00156FB3"/>
          <w:p w:rsidR="00156FB3" w:rsidRDefault="00156FB3" w:rsidP="00156FB3">
            <w:r>
              <w:t>.swal2-input.swal2-inputerror,</w:t>
            </w:r>
          </w:p>
          <w:p w:rsidR="00156FB3" w:rsidRDefault="00156FB3" w:rsidP="00156FB3">
            <w:r>
              <w:t>.swal2-file.swal2-inputerror,</w:t>
            </w:r>
          </w:p>
          <w:p w:rsidR="00156FB3" w:rsidRDefault="00156FB3" w:rsidP="00156FB3">
            <w:r>
              <w:t>.swal2-textarea.swal2-inputerror {</w:t>
            </w:r>
          </w:p>
          <w:p w:rsidR="00156FB3" w:rsidRDefault="00156FB3" w:rsidP="00156FB3">
            <w:r>
              <w:t xml:space="preserve">    border-color: #f27474 !important;</w:t>
            </w:r>
          </w:p>
          <w:p w:rsidR="00156FB3" w:rsidRDefault="00156FB3" w:rsidP="00156FB3">
            <w:r>
              <w:t xml:space="preserve">    box-shadow: 0 0 2px #f27474 !important;</w:t>
            </w:r>
          </w:p>
          <w:p w:rsidR="00156FB3" w:rsidRDefault="00156FB3" w:rsidP="00156FB3">
            <w:r>
              <w:t>}</w:t>
            </w:r>
          </w:p>
          <w:p w:rsidR="00156FB3" w:rsidRDefault="00156FB3" w:rsidP="00156FB3"/>
          <w:p w:rsidR="00156FB3" w:rsidRDefault="00156FB3" w:rsidP="00156FB3">
            <w:r>
              <w:t>.swal2-input:focus,</w:t>
            </w:r>
          </w:p>
          <w:p w:rsidR="00156FB3" w:rsidRDefault="00156FB3" w:rsidP="00156FB3">
            <w:r>
              <w:t>.swal2-file:focus,</w:t>
            </w:r>
          </w:p>
          <w:p w:rsidR="00156FB3" w:rsidRDefault="00156FB3" w:rsidP="00156FB3">
            <w:r>
              <w:t>.swal2-textarea:focus {</w:t>
            </w:r>
          </w:p>
          <w:p w:rsidR="00156FB3" w:rsidRDefault="00156FB3" w:rsidP="00156FB3">
            <w:r>
              <w:t xml:space="preserve">    border: 1px solid #b4dbed;</w:t>
            </w:r>
          </w:p>
          <w:p w:rsidR="00156FB3" w:rsidRDefault="00156FB3" w:rsidP="00156FB3">
            <w:r>
              <w:t xml:space="preserve">    outline: none;</w:t>
            </w:r>
          </w:p>
          <w:p w:rsidR="00156FB3" w:rsidRDefault="00156FB3" w:rsidP="00156FB3">
            <w:r>
              <w:t xml:space="preserve">    box-shadow: 0 0 3px #c4e6f5;</w:t>
            </w:r>
          </w:p>
          <w:p w:rsidR="00156FB3" w:rsidRDefault="00156FB3" w:rsidP="00156FB3">
            <w:r>
              <w:t>}</w:t>
            </w:r>
          </w:p>
          <w:p w:rsidR="00156FB3" w:rsidRDefault="00156FB3" w:rsidP="00156FB3"/>
          <w:p w:rsidR="00156FB3" w:rsidRDefault="00156FB3" w:rsidP="00156FB3">
            <w:r>
              <w:t>.swal2-input::-webkit-input-placeholder, .swal2-file::-webkit-input-placeholder, .swal2-textarea::-webkit-input-placeholder {</w:t>
            </w:r>
          </w:p>
          <w:p w:rsidR="00156FB3" w:rsidRDefault="00156FB3" w:rsidP="00156FB3">
            <w:r>
              <w:t xml:space="preserve">    color: #cccccc;</w:t>
            </w:r>
          </w:p>
          <w:p w:rsidR="00156FB3" w:rsidRDefault="00156FB3" w:rsidP="00156FB3">
            <w:r>
              <w:t>}</w:t>
            </w:r>
          </w:p>
          <w:p w:rsidR="00156FB3" w:rsidRDefault="00156FB3" w:rsidP="00156FB3"/>
          <w:p w:rsidR="00156FB3" w:rsidRDefault="00156FB3" w:rsidP="00156FB3">
            <w:r>
              <w:t>.swal2-input::-moz-placeholder, .swal2-file::-moz-placeholder, .swal2-textarea::-moz-placeholder {</w:t>
            </w:r>
          </w:p>
          <w:p w:rsidR="00156FB3" w:rsidRDefault="00156FB3" w:rsidP="00156FB3">
            <w:r>
              <w:t xml:space="preserve">    color: #cccccc;</w:t>
            </w:r>
          </w:p>
          <w:p w:rsidR="00156FB3" w:rsidRDefault="00156FB3" w:rsidP="00156FB3">
            <w:r>
              <w:t>}</w:t>
            </w:r>
          </w:p>
          <w:p w:rsidR="00156FB3" w:rsidRDefault="00156FB3" w:rsidP="00156FB3"/>
          <w:p w:rsidR="00156FB3" w:rsidRDefault="00156FB3" w:rsidP="00156FB3">
            <w:r>
              <w:t>.swal2-input:-ms-input-placeholder, .swal2-file:-ms-input-placeholder, .swal2-textarea:-ms-input-placeholder {</w:t>
            </w:r>
          </w:p>
          <w:p w:rsidR="00156FB3" w:rsidRDefault="00156FB3" w:rsidP="00156FB3">
            <w:r>
              <w:t xml:space="preserve">    color: #cccccc;</w:t>
            </w:r>
          </w:p>
          <w:p w:rsidR="00156FB3" w:rsidRDefault="00156FB3" w:rsidP="00156FB3">
            <w:r>
              <w:t>}</w:t>
            </w:r>
          </w:p>
          <w:p w:rsidR="00156FB3" w:rsidRDefault="00156FB3" w:rsidP="00156FB3"/>
          <w:p w:rsidR="00156FB3" w:rsidRDefault="00156FB3" w:rsidP="00156FB3">
            <w:r>
              <w:t>.swal2-input::-ms-input-placeholder, .swal2-file::-ms-input-placeholder, .swal2-textarea::-ms-input-placeholder {</w:t>
            </w:r>
          </w:p>
          <w:p w:rsidR="00156FB3" w:rsidRDefault="00156FB3" w:rsidP="00156FB3">
            <w:r>
              <w:t xml:space="preserve">    color: #cccccc;</w:t>
            </w:r>
          </w:p>
          <w:p w:rsidR="00156FB3" w:rsidRDefault="00156FB3" w:rsidP="00156FB3">
            <w:r>
              <w:lastRenderedPageBreak/>
              <w:t>}</w:t>
            </w:r>
          </w:p>
          <w:p w:rsidR="00156FB3" w:rsidRDefault="00156FB3" w:rsidP="00156FB3"/>
          <w:p w:rsidR="00156FB3" w:rsidRDefault="00156FB3" w:rsidP="00156FB3">
            <w:r>
              <w:t>.swal2-input::placeholder,</w:t>
            </w:r>
          </w:p>
          <w:p w:rsidR="00156FB3" w:rsidRDefault="00156FB3" w:rsidP="00156FB3">
            <w:r>
              <w:t>.swal2-file::placeholder,</w:t>
            </w:r>
          </w:p>
          <w:p w:rsidR="00156FB3" w:rsidRDefault="00156FB3" w:rsidP="00156FB3">
            <w:r>
              <w:t>.swal2-textarea::placeholder {</w:t>
            </w:r>
          </w:p>
          <w:p w:rsidR="00156FB3" w:rsidRDefault="00156FB3" w:rsidP="00156FB3">
            <w:r>
              <w:t xml:space="preserve">    color: #cccccc;</w:t>
            </w:r>
          </w:p>
          <w:p w:rsidR="00156FB3" w:rsidRDefault="00156FB3" w:rsidP="00156FB3">
            <w:r>
              <w:t>}</w:t>
            </w:r>
          </w:p>
          <w:p w:rsidR="00156FB3" w:rsidRDefault="00156FB3" w:rsidP="00156FB3"/>
          <w:p w:rsidR="00156FB3" w:rsidRDefault="00156FB3" w:rsidP="00156FB3">
            <w:r>
              <w:t>.swal2-range {</w:t>
            </w:r>
          </w:p>
          <w:p w:rsidR="00156FB3" w:rsidRDefault="00156FB3" w:rsidP="00156FB3">
            <w:r>
              <w:t xml:space="preserve">    margin: 1em auto;</w:t>
            </w:r>
          </w:p>
          <w:p w:rsidR="00156FB3" w:rsidRDefault="00156FB3" w:rsidP="00156FB3">
            <w:r>
              <w:t xml:space="preserve">    background: #fff;</w:t>
            </w:r>
          </w:p>
          <w:p w:rsidR="00156FB3" w:rsidRDefault="00156FB3" w:rsidP="00156FB3">
            <w:r>
              <w:t>}</w:t>
            </w:r>
          </w:p>
          <w:p w:rsidR="00156FB3" w:rsidRDefault="00156FB3" w:rsidP="00156FB3"/>
          <w:p w:rsidR="00156FB3" w:rsidRDefault="00156FB3" w:rsidP="00156FB3">
            <w:r>
              <w:t>.swal2-range input {</w:t>
            </w:r>
          </w:p>
          <w:p w:rsidR="00156FB3" w:rsidRDefault="00156FB3" w:rsidP="00156FB3">
            <w:r>
              <w:t xml:space="preserve">    width: 80%;</w:t>
            </w:r>
          </w:p>
          <w:p w:rsidR="00156FB3" w:rsidRDefault="00156FB3" w:rsidP="00156FB3">
            <w:r>
              <w:t>}</w:t>
            </w:r>
          </w:p>
          <w:p w:rsidR="00156FB3" w:rsidRDefault="00156FB3" w:rsidP="00156FB3"/>
          <w:p w:rsidR="00156FB3" w:rsidRDefault="00156FB3" w:rsidP="00156FB3">
            <w:r>
              <w:t>.swal2-range output {</w:t>
            </w:r>
          </w:p>
          <w:p w:rsidR="00156FB3" w:rsidRDefault="00156FB3" w:rsidP="00156FB3">
            <w:r>
              <w:t xml:space="preserve">    width: 20%;</w:t>
            </w:r>
          </w:p>
          <w:p w:rsidR="00156FB3" w:rsidRDefault="00156FB3" w:rsidP="00156FB3">
            <w:r>
              <w:t xml:space="preserve">    color: inherit;</w:t>
            </w:r>
          </w:p>
          <w:p w:rsidR="00156FB3" w:rsidRDefault="00156FB3" w:rsidP="00156FB3">
            <w:r>
              <w:t xml:space="preserve">    font-weight: 600;</w:t>
            </w:r>
          </w:p>
          <w:p w:rsidR="00156FB3" w:rsidRDefault="00156FB3" w:rsidP="00156FB3">
            <w:r>
              <w:t xml:space="preserve">    text-align: center;</w:t>
            </w:r>
          </w:p>
          <w:p w:rsidR="00156FB3" w:rsidRDefault="00156FB3" w:rsidP="00156FB3">
            <w:r>
              <w:t>}</w:t>
            </w:r>
          </w:p>
          <w:p w:rsidR="00156FB3" w:rsidRDefault="00156FB3" w:rsidP="00156FB3"/>
          <w:p w:rsidR="00156FB3" w:rsidRDefault="00156FB3" w:rsidP="00156FB3">
            <w:r>
              <w:t>.swal2-range input,</w:t>
            </w:r>
          </w:p>
          <w:p w:rsidR="00156FB3" w:rsidRDefault="00156FB3" w:rsidP="00156FB3">
            <w:r>
              <w:t>.swal2-range output {</w:t>
            </w:r>
          </w:p>
          <w:p w:rsidR="00156FB3" w:rsidRDefault="00156FB3" w:rsidP="00156FB3">
            <w:r>
              <w:t xml:space="preserve">    height: 2.625em;</w:t>
            </w:r>
          </w:p>
          <w:p w:rsidR="00156FB3" w:rsidRDefault="00156FB3" w:rsidP="00156FB3">
            <w:r>
              <w:t xml:space="preserve">    padding: 0;</w:t>
            </w:r>
          </w:p>
          <w:p w:rsidR="00156FB3" w:rsidRDefault="00156FB3" w:rsidP="00156FB3">
            <w:r>
              <w:t xml:space="preserve">    font-size: 1.125em;</w:t>
            </w:r>
          </w:p>
          <w:p w:rsidR="00156FB3" w:rsidRDefault="00156FB3" w:rsidP="00156FB3">
            <w:r>
              <w:t xml:space="preserve">    line-height: 2.625em;</w:t>
            </w:r>
          </w:p>
          <w:p w:rsidR="00156FB3" w:rsidRDefault="00156FB3" w:rsidP="00156FB3">
            <w:r>
              <w:t>}</w:t>
            </w:r>
          </w:p>
          <w:p w:rsidR="00156FB3" w:rsidRDefault="00156FB3" w:rsidP="00156FB3"/>
          <w:p w:rsidR="00156FB3" w:rsidRDefault="00156FB3" w:rsidP="00156FB3">
            <w:r>
              <w:t>.swal2-input {</w:t>
            </w:r>
          </w:p>
          <w:p w:rsidR="00156FB3" w:rsidRDefault="00156FB3" w:rsidP="00156FB3">
            <w:r>
              <w:t xml:space="preserve">    height: 2.625em;</w:t>
            </w:r>
          </w:p>
          <w:p w:rsidR="00156FB3" w:rsidRDefault="00156FB3" w:rsidP="00156FB3">
            <w:r>
              <w:t xml:space="preserve">    padding: 0 0.75em;</w:t>
            </w:r>
          </w:p>
          <w:p w:rsidR="00156FB3" w:rsidRDefault="00156FB3" w:rsidP="00156FB3">
            <w:r>
              <w:t>}</w:t>
            </w:r>
          </w:p>
          <w:p w:rsidR="00156FB3" w:rsidRDefault="00156FB3" w:rsidP="00156FB3"/>
          <w:p w:rsidR="00156FB3" w:rsidRDefault="00156FB3" w:rsidP="00156FB3">
            <w:r>
              <w:t>.swal2-input[type='number'] {</w:t>
            </w:r>
          </w:p>
          <w:p w:rsidR="00156FB3" w:rsidRDefault="00156FB3" w:rsidP="00156FB3">
            <w:r>
              <w:t xml:space="preserve">    max-width: 10em;</w:t>
            </w:r>
          </w:p>
          <w:p w:rsidR="00156FB3" w:rsidRDefault="00156FB3" w:rsidP="00156FB3">
            <w:r>
              <w:t>}</w:t>
            </w:r>
          </w:p>
          <w:p w:rsidR="00156FB3" w:rsidRDefault="00156FB3" w:rsidP="00156FB3"/>
          <w:p w:rsidR="00156FB3" w:rsidRDefault="00156FB3" w:rsidP="00156FB3">
            <w:r>
              <w:t>.swal2-file {</w:t>
            </w:r>
          </w:p>
          <w:p w:rsidR="00156FB3" w:rsidRDefault="00156FB3" w:rsidP="00156FB3">
            <w:r>
              <w:t xml:space="preserve">    background: inherit;</w:t>
            </w:r>
          </w:p>
          <w:p w:rsidR="00156FB3" w:rsidRDefault="00156FB3" w:rsidP="00156FB3">
            <w:r>
              <w:t xml:space="preserve">    font-size: 1.125em;</w:t>
            </w:r>
          </w:p>
          <w:p w:rsidR="00156FB3" w:rsidRDefault="00156FB3" w:rsidP="00156FB3">
            <w:r>
              <w:t>}</w:t>
            </w:r>
          </w:p>
          <w:p w:rsidR="00156FB3" w:rsidRDefault="00156FB3" w:rsidP="00156FB3"/>
          <w:p w:rsidR="00156FB3" w:rsidRDefault="00156FB3" w:rsidP="00156FB3">
            <w:r>
              <w:t>.swal2-textarea {</w:t>
            </w:r>
          </w:p>
          <w:p w:rsidR="00156FB3" w:rsidRDefault="00156FB3" w:rsidP="00156FB3">
            <w:r>
              <w:t xml:space="preserve">    height: 6.75em;</w:t>
            </w:r>
          </w:p>
          <w:p w:rsidR="00156FB3" w:rsidRDefault="00156FB3" w:rsidP="00156FB3">
            <w:r>
              <w:lastRenderedPageBreak/>
              <w:t xml:space="preserve">    padding: 0.75em;</w:t>
            </w:r>
          </w:p>
          <w:p w:rsidR="00156FB3" w:rsidRDefault="00156FB3" w:rsidP="00156FB3">
            <w:r>
              <w:t>}</w:t>
            </w:r>
          </w:p>
          <w:p w:rsidR="00156FB3" w:rsidRDefault="00156FB3" w:rsidP="00156FB3"/>
          <w:p w:rsidR="00156FB3" w:rsidRDefault="00156FB3" w:rsidP="00156FB3">
            <w:r>
              <w:t>.swal2-select {</w:t>
            </w:r>
          </w:p>
          <w:p w:rsidR="00156FB3" w:rsidRDefault="00156FB3" w:rsidP="00156FB3">
            <w:r>
              <w:t xml:space="preserve">    min-width: 50%;</w:t>
            </w:r>
          </w:p>
          <w:p w:rsidR="00156FB3" w:rsidRDefault="00156FB3" w:rsidP="00156FB3">
            <w:r>
              <w:t xml:space="preserve">    max-width: 100%;</w:t>
            </w:r>
          </w:p>
          <w:p w:rsidR="00156FB3" w:rsidRDefault="00156FB3" w:rsidP="00156FB3">
            <w:r>
              <w:t xml:space="preserve">    padding: .375em .625em;</w:t>
            </w:r>
          </w:p>
          <w:p w:rsidR="00156FB3" w:rsidRDefault="00156FB3" w:rsidP="00156FB3">
            <w:r>
              <w:t xml:space="preserve">    background: inherit;</w:t>
            </w:r>
          </w:p>
          <w:p w:rsidR="00156FB3" w:rsidRDefault="00156FB3" w:rsidP="00156FB3">
            <w:r>
              <w:t xml:space="preserve">    color: inherit;</w:t>
            </w:r>
          </w:p>
          <w:p w:rsidR="00156FB3" w:rsidRDefault="00156FB3" w:rsidP="00156FB3">
            <w:r>
              <w:t xml:space="preserve">    font-size: 1.125em;</w:t>
            </w:r>
          </w:p>
          <w:p w:rsidR="00156FB3" w:rsidRDefault="00156FB3" w:rsidP="00156FB3">
            <w:r>
              <w:t>}</w:t>
            </w:r>
          </w:p>
          <w:p w:rsidR="00156FB3" w:rsidRDefault="00156FB3" w:rsidP="00156FB3"/>
          <w:p w:rsidR="00156FB3" w:rsidRDefault="00156FB3" w:rsidP="00156FB3">
            <w:r>
              <w:t>.swal2-radio,</w:t>
            </w:r>
          </w:p>
          <w:p w:rsidR="00156FB3" w:rsidRDefault="00156FB3" w:rsidP="00156FB3">
            <w:r>
              <w:t>.swal2-checkbox {</w:t>
            </w:r>
          </w:p>
          <w:p w:rsidR="00156FB3" w:rsidRDefault="00156FB3" w:rsidP="00156FB3">
            <w:r>
              <w:t xml:space="preserve">    -webkit-box-align: center;</w:t>
            </w:r>
          </w:p>
          <w:p w:rsidR="00156FB3" w:rsidRDefault="00156FB3" w:rsidP="00156FB3">
            <w:r>
              <w:t xml:space="preserve">    align-items: center;</w:t>
            </w:r>
          </w:p>
          <w:p w:rsidR="00156FB3" w:rsidRDefault="00156FB3" w:rsidP="00156FB3">
            <w:r>
              <w:t xml:space="preserve">    -webkit-box-pack: center;</w:t>
            </w:r>
          </w:p>
          <w:p w:rsidR="00156FB3" w:rsidRDefault="00156FB3" w:rsidP="00156FB3">
            <w:r>
              <w:t xml:space="preserve">    justify-content: center;</w:t>
            </w:r>
          </w:p>
          <w:p w:rsidR="00156FB3" w:rsidRDefault="00156FB3" w:rsidP="00156FB3">
            <w:r>
              <w:t xml:space="preserve">    background: #fff;</w:t>
            </w:r>
          </w:p>
          <w:p w:rsidR="00156FB3" w:rsidRDefault="00156FB3" w:rsidP="00156FB3">
            <w:r>
              <w:t xml:space="preserve">    color: inherit;</w:t>
            </w:r>
          </w:p>
          <w:p w:rsidR="00156FB3" w:rsidRDefault="00156FB3" w:rsidP="00156FB3">
            <w:r>
              <w:t>}</w:t>
            </w:r>
          </w:p>
          <w:p w:rsidR="00156FB3" w:rsidRDefault="00156FB3" w:rsidP="00156FB3"/>
          <w:p w:rsidR="00156FB3" w:rsidRDefault="00156FB3" w:rsidP="00156FB3">
            <w:r>
              <w:t>.swal2-radio label,</w:t>
            </w:r>
          </w:p>
          <w:p w:rsidR="00156FB3" w:rsidRDefault="00156FB3" w:rsidP="00156FB3">
            <w:r>
              <w:t>.swal2-checkbox label {</w:t>
            </w:r>
          </w:p>
          <w:p w:rsidR="00156FB3" w:rsidRDefault="00156FB3" w:rsidP="00156FB3">
            <w:r>
              <w:t xml:space="preserve">    margin: 0 .6em;</w:t>
            </w:r>
          </w:p>
          <w:p w:rsidR="00156FB3" w:rsidRDefault="00156FB3" w:rsidP="00156FB3">
            <w:r>
              <w:t xml:space="preserve">    font-size: 1.125em;</w:t>
            </w:r>
          </w:p>
          <w:p w:rsidR="00156FB3" w:rsidRDefault="00156FB3" w:rsidP="00156FB3">
            <w:r>
              <w:t>}</w:t>
            </w:r>
          </w:p>
          <w:p w:rsidR="00156FB3" w:rsidRDefault="00156FB3" w:rsidP="00156FB3"/>
          <w:p w:rsidR="00156FB3" w:rsidRDefault="00156FB3" w:rsidP="00156FB3">
            <w:r>
              <w:t>.swal2-radio input,</w:t>
            </w:r>
          </w:p>
          <w:p w:rsidR="00156FB3" w:rsidRDefault="00156FB3" w:rsidP="00156FB3">
            <w:r>
              <w:t>.swal2-checkbox input {</w:t>
            </w:r>
          </w:p>
          <w:p w:rsidR="00156FB3" w:rsidRDefault="00156FB3" w:rsidP="00156FB3">
            <w:r>
              <w:t xml:space="preserve">    margin: 0 .4em;</w:t>
            </w:r>
          </w:p>
          <w:p w:rsidR="00156FB3" w:rsidRDefault="00156FB3" w:rsidP="00156FB3">
            <w:r>
              <w:t>}</w:t>
            </w:r>
          </w:p>
          <w:p w:rsidR="00156FB3" w:rsidRDefault="00156FB3" w:rsidP="00156FB3"/>
          <w:p w:rsidR="00156FB3" w:rsidRDefault="00156FB3" w:rsidP="00156FB3">
            <w:r>
              <w:t>.swal2-validation-message {</w:t>
            </w:r>
          </w:p>
          <w:p w:rsidR="00156FB3" w:rsidRDefault="00156FB3" w:rsidP="00156FB3">
            <w:r>
              <w:t xml:space="preserve">    display: none;</w:t>
            </w:r>
          </w:p>
          <w:p w:rsidR="00156FB3" w:rsidRDefault="00156FB3" w:rsidP="00156FB3">
            <w:r>
              <w:t xml:space="preserve">    -webkit-box-align: center;</w:t>
            </w:r>
          </w:p>
          <w:p w:rsidR="00156FB3" w:rsidRDefault="00156FB3" w:rsidP="00156FB3">
            <w:r>
              <w:t xml:space="preserve">    align-items: center;</w:t>
            </w:r>
          </w:p>
          <w:p w:rsidR="00156FB3" w:rsidRDefault="00156FB3" w:rsidP="00156FB3">
            <w:r>
              <w:t xml:space="preserve">    -webkit-box-pack: center;</w:t>
            </w:r>
          </w:p>
          <w:p w:rsidR="00156FB3" w:rsidRDefault="00156FB3" w:rsidP="00156FB3">
            <w:r>
              <w:t xml:space="preserve">    justify-content: center;</w:t>
            </w:r>
          </w:p>
          <w:p w:rsidR="00156FB3" w:rsidRDefault="00156FB3" w:rsidP="00156FB3">
            <w:r>
              <w:t xml:space="preserve">    padding: 0.625em;</w:t>
            </w:r>
          </w:p>
          <w:p w:rsidR="00156FB3" w:rsidRDefault="00156FB3" w:rsidP="00156FB3">
            <w:r>
              <w:t xml:space="preserve">    overflow: hidden;</w:t>
            </w:r>
          </w:p>
          <w:p w:rsidR="00156FB3" w:rsidRDefault="00156FB3" w:rsidP="00156FB3">
            <w:r>
              <w:t xml:space="preserve">    background: #f0f0f0;</w:t>
            </w:r>
          </w:p>
          <w:p w:rsidR="00156FB3" w:rsidRDefault="00156FB3" w:rsidP="00156FB3">
            <w:r>
              <w:t xml:space="preserve">    color: #666666;</w:t>
            </w:r>
          </w:p>
          <w:p w:rsidR="00156FB3" w:rsidRDefault="00156FB3" w:rsidP="00156FB3">
            <w:r>
              <w:t xml:space="preserve">    font-size: 1em;</w:t>
            </w:r>
          </w:p>
          <w:p w:rsidR="00156FB3" w:rsidRDefault="00156FB3" w:rsidP="00156FB3">
            <w:r>
              <w:t xml:space="preserve">    font-weight: 300;</w:t>
            </w:r>
          </w:p>
          <w:p w:rsidR="00156FB3" w:rsidRDefault="00156FB3" w:rsidP="00156FB3">
            <w:r>
              <w:t>}</w:t>
            </w:r>
          </w:p>
          <w:p w:rsidR="00156FB3" w:rsidRDefault="00156FB3" w:rsidP="00156FB3"/>
          <w:p w:rsidR="00156FB3" w:rsidRDefault="00156FB3" w:rsidP="00156FB3">
            <w:r>
              <w:t>.swal2-validation-message::before {</w:t>
            </w:r>
          </w:p>
          <w:p w:rsidR="00156FB3" w:rsidRDefault="00156FB3" w:rsidP="00156FB3">
            <w:r>
              <w:lastRenderedPageBreak/>
              <w:t xml:space="preserve">    content: '!';</w:t>
            </w:r>
          </w:p>
          <w:p w:rsidR="00156FB3" w:rsidRDefault="00156FB3" w:rsidP="00156FB3">
            <w:r>
              <w:t xml:space="preserve">    display: inline-block;</w:t>
            </w:r>
          </w:p>
          <w:p w:rsidR="00156FB3" w:rsidRDefault="00156FB3" w:rsidP="00156FB3">
            <w:r>
              <w:t xml:space="preserve">    width: 1.5em;</w:t>
            </w:r>
          </w:p>
          <w:p w:rsidR="00156FB3" w:rsidRDefault="00156FB3" w:rsidP="00156FB3">
            <w:r>
              <w:t xml:space="preserve">    min-width: 1.5em;</w:t>
            </w:r>
          </w:p>
          <w:p w:rsidR="00156FB3" w:rsidRDefault="00156FB3" w:rsidP="00156FB3">
            <w:r>
              <w:t xml:space="preserve">    height: 1.5em;</w:t>
            </w:r>
          </w:p>
          <w:p w:rsidR="00156FB3" w:rsidRDefault="00156FB3" w:rsidP="00156FB3">
            <w:r>
              <w:t xml:space="preserve">    margin: 0 .625em;</w:t>
            </w:r>
          </w:p>
          <w:p w:rsidR="00156FB3" w:rsidRDefault="00156FB3" w:rsidP="00156FB3">
            <w:r>
              <w:t xml:space="preserve">    border-radius: 50%;</w:t>
            </w:r>
          </w:p>
          <w:p w:rsidR="00156FB3" w:rsidRDefault="00156FB3" w:rsidP="00156FB3">
            <w:r>
              <w:t xml:space="preserve">    background-color: #f27474;</w:t>
            </w:r>
          </w:p>
          <w:p w:rsidR="00156FB3" w:rsidRDefault="00156FB3" w:rsidP="00156FB3">
            <w:r>
              <w:t xml:space="preserve">    color: #fff;</w:t>
            </w:r>
          </w:p>
          <w:p w:rsidR="00156FB3" w:rsidRDefault="00156FB3" w:rsidP="00156FB3">
            <w:r>
              <w:t xml:space="preserve">    font-weight: 600;</w:t>
            </w:r>
          </w:p>
          <w:p w:rsidR="00156FB3" w:rsidRDefault="00156FB3" w:rsidP="00156FB3">
            <w:r>
              <w:t xml:space="preserve">    line-height: 1.5em;</w:t>
            </w:r>
          </w:p>
          <w:p w:rsidR="00156FB3" w:rsidRDefault="00156FB3" w:rsidP="00156FB3">
            <w:r>
              <w:t xml:space="preserve">    text-align: center;</w:t>
            </w:r>
          </w:p>
          <w:p w:rsidR="00156FB3" w:rsidRDefault="00156FB3" w:rsidP="00156FB3">
            <w:r>
              <w:t>}</w:t>
            </w:r>
          </w:p>
          <w:p w:rsidR="00156FB3" w:rsidRDefault="00156FB3" w:rsidP="00156FB3"/>
          <w:p w:rsidR="00156FB3" w:rsidRDefault="00156FB3" w:rsidP="00156FB3">
            <w:r>
              <w:t>.swal2-icon {</w:t>
            </w:r>
          </w:p>
          <w:p w:rsidR="00156FB3" w:rsidRDefault="00156FB3" w:rsidP="00156FB3">
            <w:r>
              <w:t xml:space="preserve">    position: relative;</w:t>
            </w:r>
          </w:p>
          <w:p w:rsidR="00156FB3" w:rsidRDefault="00156FB3" w:rsidP="00156FB3">
            <w:r>
              <w:t xml:space="preserve">    box-sizing: content-box;</w:t>
            </w:r>
          </w:p>
          <w:p w:rsidR="00156FB3" w:rsidRDefault="00156FB3" w:rsidP="00156FB3">
            <w:r>
              <w:t xml:space="preserve">    -webkit-box-pack: center;</w:t>
            </w:r>
          </w:p>
          <w:p w:rsidR="00156FB3" w:rsidRDefault="00156FB3" w:rsidP="00156FB3">
            <w:r>
              <w:t xml:space="preserve">    justify-content: center;</w:t>
            </w:r>
          </w:p>
          <w:p w:rsidR="00156FB3" w:rsidRDefault="00156FB3" w:rsidP="00156FB3">
            <w:r>
              <w:t xml:space="preserve">    width: 5em;</w:t>
            </w:r>
          </w:p>
          <w:p w:rsidR="00156FB3" w:rsidRDefault="00156FB3" w:rsidP="00156FB3">
            <w:r>
              <w:t xml:space="preserve">    height: 5em;</w:t>
            </w:r>
          </w:p>
          <w:p w:rsidR="00156FB3" w:rsidRDefault="00156FB3" w:rsidP="00156FB3">
            <w:r>
              <w:t xml:space="preserve">    margin: 1.25em auto 1.875em;</w:t>
            </w:r>
          </w:p>
          <w:p w:rsidR="00156FB3" w:rsidRDefault="00156FB3" w:rsidP="00156FB3">
            <w:r>
              <w:t xml:space="preserve">    border: .25em solid transparent;</w:t>
            </w:r>
          </w:p>
          <w:p w:rsidR="00156FB3" w:rsidRDefault="00156FB3" w:rsidP="00156FB3">
            <w:r>
              <w:t xml:space="preserve">    border-radius: 50%;</w:t>
            </w:r>
          </w:p>
          <w:p w:rsidR="00156FB3" w:rsidRDefault="00156FB3" w:rsidP="00156FB3">
            <w:r>
              <w:t xml:space="preserve">    font-family: inherit;</w:t>
            </w:r>
          </w:p>
          <w:p w:rsidR="00156FB3" w:rsidRDefault="00156FB3" w:rsidP="00156FB3">
            <w:r>
              <w:t xml:space="preserve">    line-height: 5em;</w:t>
            </w:r>
          </w:p>
          <w:p w:rsidR="00156FB3" w:rsidRDefault="00156FB3" w:rsidP="00156FB3">
            <w:r>
              <w:t xml:space="preserve">    cursor: default;</w:t>
            </w:r>
          </w:p>
          <w:p w:rsidR="00156FB3" w:rsidRDefault="00156FB3" w:rsidP="00156FB3">
            <w:r>
              <w:t xml:space="preserve">    -webkit-user-select: none;</w:t>
            </w:r>
          </w:p>
          <w:p w:rsidR="00156FB3" w:rsidRDefault="00156FB3" w:rsidP="00156FB3">
            <w:r>
              <w:t xml:space="preserve">    -moz-user-select: none;</w:t>
            </w:r>
          </w:p>
          <w:p w:rsidR="00156FB3" w:rsidRDefault="00156FB3" w:rsidP="00156FB3">
            <w:r>
              <w:t xml:space="preserve">    -ms-user-select: none;</w:t>
            </w:r>
          </w:p>
          <w:p w:rsidR="00156FB3" w:rsidRDefault="00156FB3" w:rsidP="00156FB3">
            <w:r>
              <w:t xml:space="preserve">    user-select: none;</w:t>
            </w:r>
          </w:p>
          <w:p w:rsidR="00156FB3" w:rsidRDefault="00156FB3" w:rsidP="00156FB3">
            <w:r>
              <w:t>}</w:t>
            </w:r>
          </w:p>
          <w:p w:rsidR="00156FB3" w:rsidRDefault="00156FB3" w:rsidP="00156FB3"/>
          <w:p w:rsidR="00156FB3" w:rsidRDefault="00156FB3" w:rsidP="00156FB3">
            <w:r>
              <w:t>.swal2-icon .swal2-icon-content {</w:t>
            </w:r>
          </w:p>
          <w:p w:rsidR="00156FB3" w:rsidRDefault="00156FB3" w:rsidP="00156FB3">
            <w:r>
              <w:t xml:space="preserve">    display: -webkit-box;</w:t>
            </w:r>
          </w:p>
          <w:p w:rsidR="00156FB3" w:rsidRDefault="00156FB3" w:rsidP="00156FB3">
            <w:r>
              <w:t xml:space="preserve">    display: flex;</w:t>
            </w:r>
          </w:p>
          <w:p w:rsidR="00156FB3" w:rsidRDefault="00156FB3" w:rsidP="00156FB3">
            <w:r>
              <w:t xml:space="preserve">    -webkit-box-align: center;</w:t>
            </w:r>
          </w:p>
          <w:p w:rsidR="00156FB3" w:rsidRDefault="00156FB3" w:rsidP="00156FB3">
            <w:r>
              <w:t xml:space="preserve">    align-items: center;</w:t>
            </w:r>
          </w:p>
          <w:p w:rsidR="00156FB3" w:rsidRDefault="00156FB3" w:rsidP="00156FB3">
            <w:r>
              <w:t xml:space="preserve">    font-size: 3.75em;</w:t>
            </w:r>
          </w:p>
          <w:p w:rsidR="00156FB3" w:rsidRDefault="00156FB3" w:rsidP="00156FB3">
            <w:r>
              <w:t>}</w:t>
            </w:r>
          </w:p>
          <w:p w:rsidR="00156FB3" w:rsidRDefault="00156FB3" w:rsidP="00156FB3"/>
          <w:p w:rsidR="00156FB3" w:rsidRDefault="00156FB3" w:rsidP="00156FB3">
            <w:r>
              <w:t>.swal2-icon.swal2-error {</w:t>
            </w:r>
          </w:p>
          <w:p w:rsidR="00156FB3" w:rsidRDefault="00156FB3" w:rsidP="00156FB3">
            <w:r>
              <w:t xml:space="preserve">    border-color: #f27474;</w:t>
            </w:r>
          </w:p>
          <w:p w:rsidR="00156FB3" w:rsidRDefault="00156FB3" w:rsidP="00156FB3">
            <w:r>
              <w:t xml:space="preserve">    color: #f27474;</w:t>
            </w:r>
          </w:p>
          <w:p w:rsidR="00156FB3" w:rsidRDefault="00156FB3" w:rsidP="00156FB3">
            <w:r>
              <w:t>}</w:t>
            </w:r>
          </w:p>
          <w:p w:rsidR="00156FB3" w:rsidRDefault="00156FB3" w:rsidP="00156FB3"/>
          <w:p w:rsidR="00156FB3" w:rsidRDefault="00156FB3" w:rsidP="00156FB3">
            <w:r>
              <w:t>.swal2-icon.swal2-error .swal2-x-mark {</w:t>
            </w:r>
          </w:p>
          <w:p w:rsidR="00156FB3" w:rsidRDefault="00156FB3" w:rsidP="00156FB3">
            <w:r>
              <w:t xml:space="preserve">    position: relative;</w:t>
            </w:r>
          </w:p>
          <w:p w:rsidR="00156FB3" w:rsidRDefault="00156FB3" w:rsidP="00156FB3">
            <w:r>
              <w:lastRenderedPageBreak/>
              <w:t xml:space="preserve">    -webkit-box-flex: 1;</w:t>
            </w:r>
          </w:p>
          <w:p w:rsidR="00156FB3" w:rsidRDefault="00156FB3" w:rsidP="00156FB3">
            <w:r>
              <w:t xml:space="preserve">    flex-grow: 1;</w:t>
            </w:r>
          </w:p>
          <w:p w:rsidR="00156FB3" w:rsidRDefault="00156FB3" w:rsidP="00156FB3">
            <w:r>
              <w:t>}</w:t>
            </w:r>
          </w:p>
          <w:p w:rsidR="00156FB3" w:rsidRDefault="00156FB3" w:rsidP="00156FB3"/>
          <w:p w:rsidR="00156FB3" w:rsidRDefault="00156FB3" w:rsidP="00156FB3">
            <w:r>
              <w:t>.swal2-icon.swal2-error [class^='swal2-x-mark-line'] {</w:t>
            </w:r>
          </w:p>
          <w:p w:rsidR="00156FB3" w:rsidRDefault="00156FB3" w:rsidP="00156FB3">
            <w:r>
              <w:t xml:space="preserve">    display: block;</w:t>
            </w:r>
          </w:p>
          <w:p w:rsidR="00156FB3" w:rsidRDefault="00156FB3" w:rsidP="00156FB3">
            <w:r>
              <w:t xml:space="preserve">    position: absolute;</w:t>
            </w:r>
          </w:p>
          <w:p w:rsidR="00156FB3" w:rsidRDefault="00156FB3" w:rsidP="00156FB3">
            <w:r>
              <w:t xml:space="preserve">    top: 2.3125em;</w:t>
            </w:r>
          </w:p>
          <w:p w:rsidR="00156FB3" w:rsidRDefault="00156FB3" w:rsidP="00156FB3">
            <w:r>
              <w:t xml:space="preserve">    width: 2.9375em;</w:t>
            </w:r>
          </w:p>
          <w:p w:rsidR="00156FB3" w:rsidRDefault="00156FB3" w:rsidP="00156FB3">
            <w:r>
              <w:t xml:space="preserve">    height: .3125em;</w:t>
            </w:r>
          </w:p>
          <w:p w:rsidR="00156FB3" w:rsidRDefault="00156FB3" w:rsidP="00156FB3">
            <w:r>
              <w:t xml:space="preserve">    border-radius: .125em;</w:t>
            </w:r>
          </w:p>
          <w:p w:rsidR="00156FB3" w:rsidRDefault="00156FB3" w:rsidP="00156FB3">
            <w:r>
              <w:t xml:space="preserve">    background-color: #f27474;</w:t>
            </w:r>
          </w:p>
          <w:p w:rsidR="00156FB3" w:rsidRDefault="00156FB3" w:rsidP="00156FB3">
            <w:r>
              <w:t>}</w:t>
            </w:r>
          </w:p>
          <w:p w:rsidR="00156FB3" w:rsidRDefault="00156FB3" w:rsidP="00156FB3"/>
          <w:p w:rsidR="00156FB3" w:rsidRDefault="00156FB3" w:rsidP="00156FB3">
            <w:r>
              <w:t>.swal2-icon.swal2-error [class^='swal2-x-mark-line'][class$='left'] {</w:t>
            </w:r>
          </w:p>
          <w:p w:rsidR="00156FB3" w:rsidRDefault="00156FB3" w:rsidP="00156FB3">
            <w:r>
              <w:t xml:space="preserve">    left: 1.0625em;</w:t>
            </w:r>
          </w:p>
          <w:p w:rsidR="00156FB3" w:rsidRDefault="00156FB3" w:rsidP="00156FB3">
            <w:r>
              <w:t xml:space="preserve">    -webkit-transform: rotate(45deg);</w:t>
            </w:r>
          </w:p>
          <w:p w:rsidR="00156FB3" w:rsidRDefault="00156FB3" w:rsidP="00156FB3">
            <w:r>
              <w:t xml:space="preserve">    transform: rotate(45deg);</w:t>
            </w:r>
          </w:p>
          <w:p w:rsidR="00156FB3" w:rsidRDefault="00156FB3" w:rsidP="00156FB3">
            <w:r>
              <w:t>}</w:t>
            </w:r>
          </w:p>
          <w:p w:rsidR="00156FB3" w:rsidRDefault="00156FB3" w:rsidP="00156FB3"/>
          <w:p w:rsidR="00156FB3" w:rsidRDefault="00156FB3" w:rsidP="00156FB3">
            <w:r>
              <w:t>.swal2-icon.swal2-error [class^='swal2-x-mark-line'][class$='right'] {</w:t>
            </w:r>
          </w:p>
          <w:p w:rsidR="00156FB3" w:rsidRDefault="00156FB3" w:rsidP="00156FB3">
            <w:r>
              <w:t xml:space="preserve">    right: 1em;</w:t>
            </w:r>
          </w:p>
          <w:p w:rsidR="00156FB3" w:rsidRDefault="00156FB3" w:rsidP="00156FB3">
            <w:r>
              <w:t xml:space="preserve">    -webkit-transform: rotate(-45deg);</w:t>
            </w:r>
          </w:p>
          <w:p w:rsidR="00156FB3" w:rsidRDefault="00156FB3" w:rsidP="00156FB3">
            <w:r>
              <w:t xml:space="preserve">    transform: rotate(-45deg);</w:t>
            </w:r>
          </w:p>
          <w:p w:rsidR="00156FB3" w:rsidRDefault="00156FB3" w:rsidP="00156FB3">
            <w:r>
              <w:t>}</w:t>
            </w:r>
          </w:p>
          <w:p w:rsidR="00156FB3" w:rsidRDefault="00156FB3" w:rsidP="00156FB3"/>
          <w:p w:rsidR="00156FB3" w:rsidRDefault="00156FB3" w:rsidP="00156FB3">
            <w:r>
              <w:t>.swal2-icon.swal2-error.swal2-icon-show {</w:t>
            </w:r>
          </w:p>
          <w:p w:rsidR="00156FB3" w:rsidRDefault="00156FB3" w:rsidP="00156FB3">
            <w:r>
              <w:t xml:space="preserve">    -webkit-animation: swal2-animate-error-icon .5s;</w:t>
            </w:r>
          </w:p>
          <w:p w:rsidR="00156FB3" w:rsidRDefault="00156FB3" w:rsidP="00156FB3">
            <w:r>
              <w:t xml:space="preserve">    animation: swal2-animate-error-icon .5s;</w:t>
            </w:r>
          </w:p>
          <w:p w:rsidR="00156FB3" w:rsidRDefault="00156FB3" w:rsidP="00156FB3">
            <w:r>
              <w:t>}</w:t>
            </w:r>
          </w:p>
          <w:p w:rsidR="00156FB3" w:rsidRDefault="00156FB3" w:rsidP="00156FB3"/>
          <w:p w:rsidR="00156FB3" w:rsidRDefault="00156FB3" w:rsidP="00156FB3">
            <w:r>
              <w:t>.swal2-icon.swal2-error.swal2-icon-show .swal2-x-mark {</w:t>
            </w:r>
          </w:p>
          <w:p w:rsidR="00156FB3" w:rsidRDefault="00156FB3" w:rsidP="00156FB3">
            <w:r>
              <w:t xml:space="preserve">    -webkit-animation: swal2-animate-error-x-mark .5s;</w:t>
            </w:r>
          </w:p>
          <w:p w:rsidR="00156FB3" w:rsidRDefault="00156FB3" w:rsidP="00156FB3">
            <w:r>
              <w:t xml:space="preserve">    animation: swal2-animate-error-x-mark .5s;</w:t>
            </w:r>
          </w:p>
          <w:p w:rsidR="00156FB3" w:rsidRDefault="00156FB3" w:rsidP="00156FB3">
            <w:r>
              <w:t>}</w:t>
            </w:r>
          </w:p>
          <w:p w:rsidR="00156FB3" w:rsidRDefault="00156FB3" w:rsidP="00156FB3"/>
          <w:p w:rsidR="00156FB3" w:rsidRDefault="00156FB3" w:rsidP="00156FB3">
            <w:r>
              <w:t>.swal2-icon.swal2-warning {</w:t>
            </w:r>
          </w:p>
          <w:p w:rsidR="00156FB3" w:rsidRDefault="00156FB3" w:rsidP="00156FB3">
            <w:r>
              <w:t xml:space="preserve">    border-color: #facea8;</w:t>
            </w:r>
          </w:p>
          <w:p w:rsidR="00156FB3" w:rsidRDefault="00156FB3" w:rsidP="00156FB3">
            <w:r>
              <w:t xml:space="preserve">    color: #f8bb86;</w:t>
            </w:r>
          </w:p>
          <w:p w:rsidR="00156FB3" w:rsidRDefault="00156FB3" w:rsidP="00156FB3">
            <w:r>
              <w:t>}</w:t>
            </w:r>
          </w:p>
          <w:p w:rsidR="00156FB3" w:rsidRDefault="00156FB3" w:rsidP="00156FB3"/>
          <w:p w:rsidR="00156FB3" w:rsidRDefault="00156FB3" w:rsidP="00156FB3">
            <w:r>
              <w:t>.swal2-icon.swal2-info {</w:t>
            </w:r>
          </w:p>
          <w:p w:rsidR="00156FB3" w:rsidRDefault="00156FB3" w:rsidP="00156FB3">
            <w:r>
              <w:t xml:space="preserve">    border-color: #9de0f6;</w:t>
            </w:r>
          </w:p>
          <w:p w:rsidR="00156FB3" w:rsidRDefault="00156FB3" w:rsidP="00156FB3">
            <w:r>
              <w:t xml:space="preserve">    color: #3fc3ee;</w:t>
            </w:r>
          </w:p>
          <w:p w:rsidR="00156FB3" w:rsidRDefault="00156FB3" w:rsidP="00156FB3">
            <w:r>
              <w:t>}</w:t>
            </w:r>
          </w:p>
          <w:p w:rsidR="00156FB3" w:rsidRDefault="00156FB3" w:rsidP="00156FB3"/>
          <w:p w:rsidR="00156FB3" w:rsidRDefault="00156FB3" w:rsidP="00156FB3">
            <w:r>
              <w:t>.swal2-icon.swal2-question {</w:t>
            </w:r>
          </w:p>
          <w:p w:rsidR="00156FB3" w:rsidRDefault="00156FB3" w:rsidP="00156FB3">
            <w:r>
              <w:t xml:space="preserve">    border-color: #c9dae1;</w:t>
            </w:r>
          </w:p>
          <w:p w:rsidR="00156FB3" w:rsidRDefault="00156FB3" w:rsidP="00156FB3">
            <w:r>
              <w:lastRenderedPageBreak/>
              <w:t xml:space="preserve">    color: #87adbd;</w:t>
            </w:r>
          </w:p>
          <w:p w:rsidR="00156FB3" w:rsidRDefault="00156FB3" w:rsidP="00156FB3">
            <w:r>
              <w:t>}</w:t>
            </w:r>
          </w:p>
          <w:p w:rsidR="00156FB3" w:rsidRDefault="00156FB3" w:rsidP="00156FB3"/>
          <w:p w:rsidR="00156FB3" w:rsidRDefault="00156FB3" w:rsidP="00156FB3">
            <w:r>
              <w:t>.swal2-icon.swal2-success {</w:t>
            </w:r>
          </w:p>
          <w:p w:rsidR="00156FB3" w:rsidRDefault="00156FB3" w:rsidP="00156FB3">
            <w:r>
              <w:t xml:space="preserve">    border-color: #a5dc86;</w:t>
            </w:r>
          </w:p>
          <w:p w:rsidR="00156FB3" w:rsidRDefault="00156FB3" w:rsidP="00156FB3">
            <w:r>
              <w:t xml:space="preserve">    color: #a5dc86;</w:t>
            </w:r>
          </w:p>
          <w:p w:rsidR="00156FB3" w:rsidRDefault="00156FB3" w:rsidP="00156FB3">
            <w:r>
              <w:t>}</w:t>
            </w:r>
          </w:p>
          <w:p w:rsidR="00156FB3" w:rsidRDefault="00156FB3" w:rsidP="00156FB3"/>
          <w:p w:rsidR="00156FB3" w:rsidRDefault="00156FB3" w:rsidP="00156FB3">
            <w:r>
              <w:t>.swal2-icon.swal2-success [class^='swal2-success-circular-line'] {</w:t>
            </w:r>
          </w:p>
          <w:p w:rsidR="00156FB3" w:rsidRDefault="00156FB3" w:rsidP="00156FB3">
            <w:r>
              <w:t xml:space="preserve">    position: absolute;</w:t>
            </w:r>
          </w:p>
          <w:p w:rsidR="00156FB3" w:rsidRDefault="00156FB3" w:rsidP="00156FB3">
            <w:r>
              <w:t xml:space="preserve">    width: 3.75em;</w:t>
            </w:r>
          </w:p>
          <w:p w:rsidR="00156FB3" w:rsidRDefault="00156FB3" w:rsidP="00156FB3">
            <w:r>
              <w:t xml:space="preserve">    height: 7.5em;</w:t>
            </w:r>
          </w:p>
          <w:p w:rsidR="00156FB3" w:rsidRDefault="00156FB3" w:rsidP="00156FB3">
            <w:r>
              <w:t xml:space="preserve">    -webkit-transform: rotate(45deg);</w:t>
            </w:r>
          </w:p>
          <w:p w:rsidR="00156FB3" w:rsidRDefault="00156FB3" w:rsidP="00156FB3">
            <w:r>
              <w:t xml:space="preserve">    transform: rotate(45deg);</w:t>
            </w:r>
          </w:p>
          <w:p w:rsidR="00156FB3" w:rsidRDefault="00156FB3" w:rsidP="00156FB3">
            <w:r>
              <w:t xml:space="preserve">    border-radius: 50%;</w:t>
            </w:r>
          </w:p>
          <w:p w:rsidR="00156FB3" w:rsidRDefault="00156FB3" w:rsidP="00156FB3">
            <w:r>
              <w:t>}</w:t>
            </w:r>
          </w:p>
          <w:p w:rsidR="00156FB3" w:rsidRDefault="00156FB3" w:rsidP="00156FB3"/>
          <w:p w:rsidR="00156FB3" w:rsidRDefault="00156FB3" w:rsidP="00156FB3">
            <w:r>
              <w:t>.swal2-icon.swal2-success [class^='swal2-success-circular-line'][class$='left'] {</w:t>
            </w:r>
          </w:p>
          <w:p w:rsidR="00156FB3" w:rsidRDefault="00156FB3" w:rsidP="00156FB3">
            <w:r>
              <w:t xml:space="preserve">    top: -.4375em;</w:t>
            </w:r>
          </w:p>
          <w:p w:rsidR="00156FB3" w:rsidRDefault="00156FB3" w:rsidP="00156FB3">
            <w:r>
              <w:t xml:space="preserve">    left: -2.0635em;</w:t>
            </w:r>
          </w:p>
          <w:p w:rsidR="00156FB3" w:rsidRDefault="00156FB3" w:rsidP="00156FB3">
            <w:r>
              <w:t xml:space="preserve">    -webkit-transform: rotate(-45deg);</w:t>
            </w:r>
          </w:p>
          <w:p w:rsidR="00156FB3" w:rsidRDefault="00156FB3" w:rsidP="00156FB3">
            <w:r>
              <w:t xml:space="preserve">    transform: rotate(-45deg);</w:t>
            </w:r>
          </w:p>
          <w:p w:rsidR="00156FB3" w:rsidRDefault="00156FB3" w:rsidP="00156FB3">
            <w:r>
              <w:t xml:space="preserve">    -webkit-transform-origin: 3.75em 3.75em;</w:t>
            </w:r>
          </w:p>
          <w:p w:rsidR="00156FB3" w:rsidRDefault="00156FB3" w:rsidP="00156FB3">
            <w:r>
              <w:t xml:space="preserve">    transform-origin: 3.75em 3.75em;</w:t>
            </w:r>
          </w:p>
          <w:p w:rsidR="00156FB3" w:rsidRDefault="00156FB3" w:rsidP="00156FB3">
            <w:r>
              <w:t xml:space="preserve">    border-radius: 7.5em 0 0 7.5em;</w:t>
            </w:r>
          </w:p>
          <w:p w:rsidR="00156FB3" w:rsidRDefault="00156FB3" w:rsidP="00156FB3">
            <w:r>
              <w:t>}</w:t>
            </w:r>
          </w:p>
          <w:p w:rsidR="00156FB3" w:rsidRDefault="00156FB3" w:rsidP="00156FB3"/>
          <w:p w:rsidR="00156FB3" w:rsidRDefault="00156FB3" w:rsidP="00156FB3">
            <w:r>
              <w:t>.swal2-icon.swal2-success [class^='swal2-success-circular-line'][class$='right'] {</w:t>
            </w:r>
          </w:p>
          <w:p w:rsidR="00156FB3" w:rsidRDefault="00156FB3" w:rsidP="00156FB3">
            <w:r>
              <w:t xml:space="preserve">    top: -.6875em;</w:t>
            </w:r>
          </w:p>
          <w:p w:rsidR="00156FB3" w:rsidRDefault="00156FB3" w:rsidP="00156FB3">
            <w:r>
              <w:t xml:space="preserve">    left: 1.875em;</w:t>
            </w:r>
          </w:p>
          <w:p w:rsidR="00156FB3" w:rsidRDefault="00156FB3" w:rsidP="00156FB3">
            <w:r>
              <w:t xml:space="preserve">    -webkit-transform: rotate(-45deg);</w:t>
            </w:r>
          </w:p>
          <w:p w:rsidR="00156FB3" w:rsidRDefault="00156FB3" w:rsidP="00156FB3">
            <w:r>
              <w:t xml:space="preserve">    transform: rotate(-45deg);</w:t>
            </w:r>
          </w:p>
          <w:p w:rsidR="00156FB3" w:rsidRDefault="00156FB3" w:rsidP="00156FB3">
            <w:r>
              <w:t xml:space="preserve">    -webkit-transform-origin: 0 3.75em;</w:t>
            </w:r>
          </w:p>
          <w:p w:rsidR="00156FB3" w:rsidRDefault="00156FB3" w:rsidP="00156FB3">
            <w:r>
              <w:t xml:space="preserve">    transform-origin: 0 3.75em;</w:t>
            </w:r>
          </w:p>
          <w:p w:rsidR="00156FB3" w:rsidRDefault="00156FB3" w:rsidP="00156FB3">
            <w:r>
              <w:t xml:space="preserve">    border-radius: 0 7.5em 7.5em 0;</w:t>
            </w:r>
          </w:p>
          <w:p w:rsidR="00156FB3" w:rsidRDefault="00156FB3" w:rsidP="00156FB3">
            <w:r>
              <w:t>}</w:t>
            </w:r>
          </w:p>
          <w:p w:rsidR="00156FB3" w:rsidRDefault="00156FB3" w:rsidP="00156FB3"/>
          <w:p w:rsidR="00156FB3" w:rsidRDefault="00156FB3" w:rsidP="00156FB3">
            <w:r>
              <w:t>.swal2-icon.swal2-success .swal2-success-ring {</w:t>
            </w:r>
          </w:p>
          <w:p w:rsidR="00156FB3" w:rsidRDefault="00156FB3" w:rsidP="00156FB3">
            <w:r>
              <w:t xml:space="preserve">    position: absolute;</w:t>
            </w:r>
          </w:p>
          <w:p w:rsidR="00156FB3" w:rsidRDefault="00156FB3" w:rsidP="00156FB3">
            <w:r>
              <w:t xml:space="preserve">    z-index: 2;</w:t>
            </w:r>
          </w:p>
          <w:p w:rsidR="00156FB3" w:rsidRDefault="00156FB3" w:rsidP="00156FB3">
            <w:r>
              <w:t xml:space="preserve">    top: -.25em;</w:t>
            </w:r>
          </w:p>
          <w:p w:rsidR="00156FB3" w:rsidRDefault="00156FB3" w:rsidP="00156FB3">
            <w:r>
              <w:t xml:space="preserve">    left: -.25em;</w:t>
            </w:r>
          </w:p>
          <w:p w:rsidR="00156FB3" w:rsidRDefault="00156FB3" w:rsidP="00156FB3">
            <w:r>
              <w:t xml:space="preserve">    box-sizing: content-box;</w:t>
            </w:r>
          </w:p>
          <w:p w:rsidR="00156FB3" w:rsidRDefault="00156FB3" w:rsidP="00156FB3">
            <w:r>
              <w:t xml:space="preserve">    width: 100%;</w:t>
            </w:r>
          </w:p>
          <w:p w:rsidR="00156FB3" w:rsidRDefault="00156FB3" w:rsidP="00156FB3">
            <w:r>
              <w:t xml:space="preserve">    height: 100%;</w:t>
            </w:r>
          </w:p>
          <w:p w:rsidR="00156FB3" w:rsidRDefault="00156FB3" w:rsidP="00156FB3">
            <w:r>
              <w:t xml:space="preserve">    border: 0.25em solid rgba(165, 220, 134, 0.3);</w:t>
            </w:r>
          </w:p>
          <w:p w:rsidR="00156FB3" w:rsidRDefault="00156FB3" w:rsidP="00156FB3">
            <w:r>
              <w:t xml:space="preserve">    border-radius: 50%;</w:t>
            </w:r>
          </w:p>
          <w:p w:rsidR="00156FB3" w:rsidRDefault="00156FB3" w:rsidP="00156FB3">
            <w:r>
              <w:t>}</w:t>
            </w:r>
          </w:p>
          <w:p w:rsidR="00156FB3" w:rsidRDefault="00156FB3" w:rsidP="00156FB3"/>
          <w:p w:rsidR="00156FB3" w:rsidRDefault="00156FB3" w:rsidP="00156FB3">
            <w:r>
              <w:t>.swal2-icon.swal2-success .swal2-success-fix {</w:t>
            </w:r>
          </w:p>
          <w:p w:rsidR="00156FB3" w:rsidRDefault="00156FB3" w:rsidP="00156FB3">
            <w:r>
              <w:t xml:space="preserve">    position: absolute;</w:t>
            </w:r>
          </w:p>
          <w:p w:rsidR="00156FB3" w:rsidRDefault="00156FB3" w:rsidP="00156FB3">
            <w:r>
              <w:t xml:space="preserve">    z-index: 1;</w:t>
            </w:r>
          </w:p>
          <w:p w:rsidR="00156FB3" w:rsidRDefault="00156FB3" w:rsidP="00156FB3">
            <w:r>
              <w:t xml:space="preserve">    top: .5em;</w:t>
            </w:r>
          </w:p>
          <w:p w:rsidR="00156FB3" w:rsidRDefault="00156FB3" w:rsidP="00156FB3">
            <w:r>
              <w:t xml:space="preserve">    left: 1.625em;</w:t>
            </w:r>
          </w:p>
          <w:p w:rsidR="00156FB3" w:rsidRDefault="00156FB3" w:rsidP="00156FB3">
            <w:r>
              <w:t xml:space="preserve">    width: .4375em;</w:t>
            </w:r>
          </w:p>
          <w:p w:rsidR="00156FB3" w:rsidRDefault="00156FB3" w:rsidP="00156FB3">
            <w:r>
              <w:t xml:space="preserve">    height: 5.625em;</w:t>
            </w:r>
          </w:p>
          <w:p w:rsidR="00156FB3" w:rsidRDefault="00156FB3" w:rsidP="00156FB3">
            <w:r>
              <w:t xml:space="preserve">    -webkit-transform: rotate(-45deg);</w:t>
            </w:r>
          </w:p>
          <w:p w:rsidR="00156FB3" w:rsidRDefault="00156FB3" w:rsidP="00156FB3">
            <w:r>
              <w:t xml:space="preserve">    transform: rotate(-45deg);</w:t>
            </w:r>
          </w:p>
          <w:p w:rsidR="00156FB3" w:rsidRDefault="00156FB3" w:rsidP="00156FB3">
            <w:r>
              <w:t>}</w:t>
            </w:r>
          </w:p>
          <w:p w:rsidR="00156FB3" w:rsidRDefault="00156FB3" w:rsidP="00156FB3"/>
          <w:p w:rsidR="00156FB3" w:rsidRDefault="00156FB3" w:rsidP="00156FB3">
            <w:r>
              <w:t>.swal2-icon.swal2-success [class^='swal2-success-line'] {</w:t>
            </w:r>
          </w:p>
          <w:p w:rsidR="00156FB3" w:rsidRDefault="00156FB3" w:rsidP="00156FB3">
            <w:r>
              <w:t xml:space="preserve">    display: block;</w:t>
            </w:r>
          </w:p>
          <w:p w:rsidR="00156FB3" w:rsidRDefault="00156FB3" w:rsidP="00156FB3">
            <w:r>
              <w:t xml:space="preserve">    position: absolute;</w:t>
            </w:r>
          </w:p>
          <w:p w:rsidR="00156FB3" w:rsidRDefault="00156FB3" w:rsidP="00156FB3">
            <w:r>
              <w:t xml:space="preserve">    z-index: 2;</w:t>
            </w:r>
          </w:p>
          <w:p w:rsidR="00156FB3" w:rsidRDefault="00156FB3" w:rsidP="00156FB3">
            <w:r>
              <w:t xml:space="preserve">    height: .3125em;</w:t>
            </w:r>
          </w:p>
          <w:p w:rsidR="00156FB3" w:rsidRDefault="00156FB3" w:rsidP="00156FB3">
            <w:r>
              <w:t xml:space="preserve">    border-radius: .125em;</w:t>
            </w:r>
          </w:p>
          <w:p w:rsidR="00156FB3" w:rsidRDefault="00156FB3" w:rsidP="00156FB3">
            <w:r>
              <w:t xml:space="preserve">    background-color: #a5dc86;</w:t>
            </w:r>
          </w:p>
          <w:p w:rsidR="00156FB3" w:rsidRDefault="00156FB3" w:rsidP="00156FB3">
            <w:r>
              <w:t>}</w:t>
            </w:r>
          </w:p>
          <w:p w:rsidR="00156FB3" w:rsidRDefault="00156FB3" w:rsidP="00156FB3"/>
          <w:p w:rsidR="00156FB3" w:rsidRDefault="00156FB3" w:rsidP="00156FB3">
            <w:r>
              <w:t>.swal2-icon.swal2-success [class^='swal2-success-line'][class$='tip'] {</w:t>
            </w:r>
          </w:p>
          <w:p w:rsidR="00156FB3" w:rsidRDefault="00156FB3" w:rsidP="00156FB3">
            <w:r>
              <w:t xml:space="preserve">    top: 2.875em;</w:t>
            </w:r>
          </w:p>
          <w:p w:rsidR="00156FB3" w:rsidRDefault="00156FB3" w:rsidP="00156FB3">
            <w:r>
              <w:t xml:space="preserve">    left: .875em;</w:t>
            </w:r>
          </w:p>
          <w:p w:rsidR="00156FB3" w:rsidRDefault="00156FB3" w:rsidP="00156FB3">
            <w:r>
              <w:t xml:space="preserve">    width: 1.5625em;</w:t>
            </w:r>
          </w:p>
          <w:p w:rsidR="00156FB3" w:rsidRDefault="00156FB3" w:rsidP="00156FB3">
            <w:r>
              <w:t xml:space="preserve">    -webkit-transform: rotate(45deg);</w:t>
            </w:r>
          </w:p>
          <w:p w:rsidR="00156FB3" w:rsidRDefault="00156FB3" w:rsidP="00156FB3">
            <w:r>
              <w:t xml:space="preserve">    transform: rotate(45deg);</w:t>
            </w:r>
          </w:p>
          <w:p w:rsidR="00156FB3" w:rsidRDefault="00156FB3" w:rsidP="00156FB3">
            <w:r>
              <w:t>}</w:t>
            </w:r>
          </w:p>
          <w:p w:rsidR="00156FB3" w:rsidRDefault="00156FB3" w:rsidP="00156FB3"/>
          <w:p w:rsidR="00156FB3" w:rsidRDefault="00156FB3" w:rsidP="00156FB3">
            <w:r>
              <w:t>.swal2-icon.swal2-success [class^='swal2-success-line'][class$='long'] {</w:t>
            </w:r>
          </w:p>
          <w:p w:rsidR="00156FB3" w:rsidRDefault="00156FB3" w:rsidP="00156FB3">
            <w:r>
              <w:t xml:space="preserve">    top: 2.375em;</w:t>
            </w:r>
          </w:p>
          <w:p w:rsidR="00156FB3" w:rsidRDefault="00156FB3" w:rsidP="00156FB3">
            <w:r>
              <w:t xml:space="preserve">    right: .5em;</w:t>
            </w:r>
          </w:p>
          <w:p w:rsidR="00156FB3" w:rsidRDefault="00156FB3" w:rsidP="00156FB3">
            <w:r>
              <w:t xml:space="preserve">    width: 2.9375em;</w:t>
            </w:r>
          </w:p>
          <w:p w:rsidR="00156FB3" w:rsidRDefault="00156FB3" w:rsidP="00156FB3">
            <w:r>
              <w:t xml:space="preserve">    -webkit-transform: rotate(-45deg);</w:t>
            </w:r>
          </w:p>
          <w:p w:rsidR="00156FB3" w:rsidRDefault="00156FB3" w:rsidP="00156FB3">
            <w:r>
              <w:t xml:space="preserve">    transform: rotate(-45deg);</w:t>
            </w:r>
          </w:p>
          <w:p w:rsidR="00156FB3" w:rsidRDefault="00156FB3" w:rsidP="00156FB3">
            <w:r>
              <w:t>}</w:t>
            </w:r>
          </w:p>
          <w:p w:rsidR="00156FB3" w:rsidRDefault="00156FB3" w:rsidP="00156FB3"/>
          <w:p w:rsidR="00156FB3" w:rsidRDefault="00156FB3" w:rsidP="00156FB3">
            <w:r>
              <w:t>.swal2-icon.swal2-success.swal2-icon-show .swal2-success-line-tip {</w:t>
            </w:r>
          </w:p>
          <w:p w:rsidR="00156FB3" w:rsidRDefault="00156FB3" w:rsidP="00156FB3">
            <w:r>
              <w:t xml:space="preserve">    -webkit-animation: swal2-animate-success-line-tip .75s;</w:t>
            </w:r>
          </w:p>
          <w:p w:rsidR="00156FB3" w:rsidRDefault="00156FB3" w:rsidP="00156FB3">
            <w:r>
              <w:t xml:space="preserve">    animation: swal2-animate-success-line-tip .75s;</w:t>
            </w:r>
          </w:p>
          <w:p w:rsidR="00156FB3" w:rsidRDefault="00156FB3" w:rsidP="00156FB3">
            <w:r>
              <w:t>}</w:t>
            </w:r>
          </w:p>
          <w:p w:rsidR="00156FB3" w:rsidRDefault="00156FB3" w:rsidP="00156FB3"/>
          <w:p w:rsidR="00156FB3" w:rsidRDefault="00156FB3" w:rsidP="00156FB3">
            <w:r>
              <w:t>.swal2-icon.swal2-success.swal2-icon-show .swal2-success-line-long {</w:t>
            </w:r>
          </w:p>
          <w:p w:rsidR="00156FB3" w:rsidRDefault="00156FB3" w:rsidP="00156FB3">
            <w:r>
              <w:t xml:space="preserve">    -webkit-animation: swal2-animate-success-line-long .75s;</w:t>
            </w:r>
          </w:p>
          <w:p w:rsidR="00156FB3" w:rsidRDefault="00156FB3" w:rsidP="00156FB3">
            <w:r>
              <w:t xml:space="preserve">    animation: swal2-animate-success-line-long .75s;</w:t>
            </w:r>
          </w:p>
          <w:p w:rsidR="00156FB3" w:rsidRDefault="00156FB3" w:rsidP="00156FB3">
            <w:r>
              <w:t>}</w:t>
            </w:r>
          </w:p>
          <w:p w:rsidR="00156FB3" w:rsidRDefault="00156FB3" w:rsidP="00156FB3"/>
          <w:p w:rsidR="00156FB3" w:rsidRDefault="00156FB3" w:rsidP="00156FB3">
            <w:r>
              <w:t>.swal2-icon.swal2-success.swal2-icon-show .swal2-success-circular-line-right {</w:t>
            </w:r>
          </w:p>
          <w:p w:rsidR="00156FB3" w:rsidRDefault="00156FB3" w:rsidP="00156FB3">
            <w:r>
              <w:lastRenderedPageBreak/>
              <w:t xml:space="preserve">    -webkit-animation: swal2-rotate-success-circular-line 4.25s ease-in;</w:t>
            </w:r>
          </w:p>
          <w:p w:rsidR="00156FB3" w:rsidRDefault="00156FB3" w:rsidP="00156FB3">
            <w:r>
              <w:t xml:space="preserve">    animation: swal2-rotate-success-circular-line 4.25s ease-in;</w:t>
            </w:r>
          </w:p>
          <w:p w:rsidR="00156FB3" w:rsidRDefault="00156FB3" w:rsidP="00156FB3">
            <w:r>
              <w:t>}</w:t>
            </w:r>
          </w:p>
          <w:p w:rsidR="00156FB3" w:rsidRDefault="00156FB3" w:rsidP="00156FB3"/>
          <w:p w:rsidR="00156FB3" w:rsidRDefault="00156FB3" w:rsidP="00156FB3">
            <w:r>
              <w:t>.swal2-progress-steps {</w:t>
            </w:r>
          </w:p>
          <w:p w:rsidR="00156FB3" w:rsidRDefault="00156FB3" w:rsidP="00156FB3">
            <w:r>
              <w:t xml:space="preserve">    -webkit-box-align: center;</w:t>
            </w:r>
          </w:p>
          <w:p w:rsidR="00156FB3" w:rsidRDefault="00156FB3" w:rsidP="00156FB3">
            <w:r>
              <w:t xml:space="preserve">    align-items: center;</w:t>
            </w:r>
          </w:p>
          <w:p w:rsidR="00156FB3" w:rsidRDefault="00156FB3" w:rsidP="00156FB3">
            <w:r>
              <w:t xml:space="preserve">    margin: 0 0 1.25em;</w:t>
            </w:r>
          </w:p>
          <w:p w:rsidR="00156FB3" w:rsidRDefault="00156FB3" w:rsidP="00156FB3">
            <w:r>
              <w:t xml:space="preserve">    padding: 0;</w:t>
            </w:r>
          </w:p>
          <w:p w:rsidR="00156FB3" w:rsidRDefault="00156FB3" w:rsidP="00156FB3">
            <w:r>
              <w:t xml:space="preserve">    background: inherit;</w:t>
            </w:r>
          </w:p>
          <w:p w:rsidR="00156FB3" w:rsidRDefault="00156FB3" w:rsidP="00156FB3">
            <w:r>
              <w:t xml:space="preserve">    font-weight: 600;</w:t>
            </w:r>
          </w:p>
          <w:p w:rsidR="00156FB3" w:rsidRDefault="00156FB3" w:rsidP="00156FB3">
            <w:r>
              <w:t>}</w:t>
            </w:r>
          </w:p>
          <w:p w:rsidR="00156FB3" w:rsidRDefault="00156FB3" w:rsidP="00156FB3"/>
          <w:p w:rsidR="00156FB3" w:rsidRDefault="00156FB3" w:rsidP="00156FB3">
            <w:r>
              <w:t>.swal2-progress-steps li {</w:t>
            </w:r>
          </w:p>
          <w:p w:rsidR="00156FB3" w:rsidRDefault="00156FB3" w:rsidP="00156FB3">
            <w:r>
              <w:t xml:space="preserve">    display: inline-block;</w:t>
            </w:r>
          </w:p>
          <w:p w:rsidR="00156FB3" w:rsidRDefault="00156FB3" w:rsidP="00156FB3">
            <w:r>
              <w:t xml:space="preserve">    position: relative;</w:t>
            </w:r>
          </w:p>
          <w:p w:rsidR="00156FB3" w:rsidRDefault="00156FB3" w:rsidP="00156FB3">
            <w:r>
              <w:t>}</w:t>
            </w:r>
          </w:p>
          <w:p w:rsidR="00156FB3" w:rsidRDefault="00156FB3" w:rsidP="00156FB3"/>
          <w:p w:rsidR="00156FB3" w:rsidRDefault="00156FB3" w:rsidP="00156FB3">
            <w:r>
              <w:t>.swal2-progress-steps .swal2-progress-step {</w:t>
            </w:r>
          </w:p>
          <w:p w:rsidR="00156FB3" w:rsidRDefault="00156FB3" w:rsidP="00156FB3">
            <w:r>
              <w:t xml:space="preserve">    z-index: 20;</w:t>
            </w:r>
          </w:p>
          <w:p w:rsidR="00156FB3" w:rsidRDefault="00156FB3" w:rsidP="00156FB3">
            <w:r>
              <w:t xml:space="preserve">    width: 2em;</w:t>
            </w:r>
          </w:p>
          <w:p w:rsidR="00156FB3" w:rsidRDefault="00156FB3" w:rsidP="00156FB3">
            <w:r>
              <w:t xml:space="preserve">    height: 2em;</w:t>
            </w:r>
          </w:p>
          <w:p w:rsidR="00156FB3" w:rsidRDefault="00156FB3" w:rsidP="00156FB3">
            <w:r>
              <w:t xml:space="preserve">    border-radius: 2em;</w:t>
            </w:r>
          </w:p>
          <w:p w:rsidR="00156FB3" w:rsidRDefault="00156FB3" w:rsidP="00156FB3">
            <w:r>
              <w:t xml:space="preserve">    background: #3085d6;</w:t>
            </w:r>
          </w:p>
          <w:p w:rsidR="00156FB3" w:rsidRDefault="00156FB3" w:rsidP="00156FB3">
            <w:r>
              <w:t xml:space="preserve">    color: #fff;</w:t>
            </w:r>
          </w:p>
          <w:p w:rsidR="00156FB3" w:rsidRDefault="00156FB3" w:rsidP="00156FB3">
            <w:r>
              <w:t xml:space="preserve">    line-height: 2em;</w:t>
            </w:r>
          </w:p>
          <w:p w:rsidR="00156FB3" w:rsidRDefault="00156FB3" w:rsidP="00156FB3">
            <w:r>
              <w:t xml:space="preserve">    text-align: center;</w:t>
            </w:r>
          </w:p>
          <w:p w:rsidR="00156FB3" w:rsidRDefault="00156FB3" w:rsidP="00156FB3">
            <w:r>
              <w:t>}</w:t>
            </w:r>
          </w:p>
          <w:p w:rsidR="00156FB3" w:rsidRDefault="00156FB3" w:rsidP="00156FB3"/>
          <w:p w:rsidR="00156FB3" w:rsidRDefault="00156FB3" w:rsidP="00156FB3">
            <w:r>
              <w:t>.swal2-progress-steps .swal2-progress-step.swal2-active-progress-step {</w:t>
            </w:r>
          </w:p>
          <w:p w:rsidR="00156FB3" w:rsidRDefault="00156FB3" w:rsidP="00156FB3">
            <w:r>
              <w:t xml:space="preserve">    background: #3085d6;</w:t>
            </w:r>
          </w:p>
          <w:p w:rsidR="00156FB3" w:rsidRDefault="00156FB3" w:rsidP="00156FB3">
            <w:r>
              <w:t>}</w:t>
            </w:r>
          </w:p>
          <w:p w:rsidR="00156FB3" w:rsidRDefault="00156FB3" w:rsidP="00156FB3"/>
          <w:p w:rsidR="00156FB3" w:rsidRDefault="00156FB3" w:rsidP="00156FB3">
            <w:r>
              <w:t>.swal2-progress-steps .swal2-progress-step.swal2-active-progress-step ~ .swal2-progress-step {</w:t>
            </w:r>
          </w:p>
          <w:p w:rsidR="00156FB3" w:rsidRDefault="00156FB3" w:rsidP="00156FB3">
            <w:r>
              <w:t xml:space="preserve">    background: #add8e6;</w:t>
            </w:r>
          </w:p>
          <w:p w:rsidR="00156FB3" w:rsidRDefault="00156FB3" w:rsidP="00156FB3">
            <w:r>
              <w:t xml:space="preserve">    color: #fff;</w:t>
            </w:r>
          </w:p>
          <w:p w:rsidR="00156FB3" w:rsidRDefault="00156FB3" w:rsidP="00156FB3">
            <w:r>
              <w:t>}</w:t>
            </w:r>
          </w:p>
          <w:p w:rsidR="00156FB3" w:rsidRDefault="00156FB3" w:rsidP="00156FB3"/>
          <w:p w:rsidR="00156FB3" w:rsidRDefault="00156FB3" w:rsidP="00156FB3">
            <w:r>
              <w:t>.swal2-progress-steps .swal2-progress-step.swal2-active-progress-step ~ .swal2-progress-step-line {</w:t>
            </w:r>
          </w:p>
          <w:p w:rsidR="00156FB3" w:rsidRDefault="00156FB3" w:rsidP="00156FB3">
            <w:r>
              <w:t xml:space="preserve">    background: #add8e6;</w:t>
            </w:r>
          </w:p>
          <w:p w:rsidR="00156FB3" w:rsidRDefault="00156FB3" w:rsidP="00156FB3">
            <w:r>
              <w:t>}</w:t>
            </w:r>
          </w:p>
          <w:p w:rsidR="00156FB3" w:rsidRDefault="00156FB3" w:rsidP="00156FB3"/>
          <w:p w:rsidR="00156FB3" w:rsidRDefault="00156FB3" w:rsidP="00156FB3">
            <w:r>
              <w:t>.swal2-progress-steps .swal2-progress-step-line {</w:t>
            </w:r>
          </w:p>
          <w:p w:rsidR="00156FB3" w:rsidRDefault="00156FB3" w:rsidP="00156FB3">
            <w:r>
              <w:t xml:space="preserve">    z-index: 10;</w:t>
            </w:r>
          </w:p>
          <w:p w:rsidR="00156FB3" w:rsidRDefault="00156FB3" w:rsidP="00156FB3">
            <w:r>
              <w:t xml:space="preserve">    width: 2.5em;</w:t>
            </w:r>
          </w:p>
          <w:p w:rsidR="00156FB3" w:rsidRDefault="00156FB3" w:rsidP="00156FB3">
            <w:r>
              <w:t xml:space="preserve">    height: .4em;</w:t>
            </w:r>
          </w:p>
          <w:p w:rsidR="00156FB3" w:rsidRDefault="00156FB3" w:rsidP="00156FB3">
            <w:r>
              <w:t xml:space="preserve">    margin: 0 -1px;</w:t>
            </w:r>
          </w:p>
          <w:p w:rsidR="00156FB3" w:rsidRDefault="00156FB3" w:rsidP="00156FB3">
            <w:r>
              <w:t xml:space="preserve">    background: #3085d6;</w:t>
            </w:r>
          </w:p>
          <w:p w:rsidR="00156FB3" w:rsidRDefault="00156FB3" w:rsidP="00156FB3">
            <w:r>
              <w:lastRenderedPageBreak/>
              <w:t>}</w:t>
            </w:r>
          </w:p>
          <w:p w:rsidR="00156FB3" w:rsidRDefault="00156FB3" w:rsidP="00156FB3"/>
          <w:p w:rsidR="00156FB3" w:rsidRDefault="00156FB3" w:rsidP="00156FB3">
            <w:r>
              <w:t>[class^='swal2'] {</w:t>
            </w:r>
          </w:p>
          <w:p w:rsidR="00156FB3" w:rsidRDefault="00156FB3" w:rsidP="00156FB3">
            <w:r>
              <w:t xml:space="preserve">    -webkit-tap-highlight-color: transparent;</w:t>
            </w:r>
          </w:p>
          <w:p w:rsidR="00156FB3" w:rsidRDefault="00156FB3" w:rsidP="00156FB3">
            <w:r>
              <w:t>}</w:t>
            </w:r>
          </w:p>
          <w:p w:rsidR="00156FB3" w:rsidRDefault="00156FB3" w:rsidP="00156FB3"/>
          <w:p w:rsidR="00156FB3" w:rsidRDefault="00156FB3" w:rsidP="00156FB3">
            <w:r>
              <w:t>.swal2-show {</w:t>
            </w:r>
          </w:p>
          <w:p w:rsidR="00156FB3" w:rsidRDefault="00156FB3" w:rsidP="00156FB3">
            <w:r>
              <w:t xml:space="preserve">    -webkit-animation: swal2-show 0.3s;</w:t>
            </w:r>
          </w:p>
          <w:p w:rsidR="00156FB3" w:rsidRDefault="00156FB3" w:rsidP="00156FB3">
            <w:r>
              <w:t xml:space="preserve">    animation: swal2-show 0.3s;</w:t>
            </w:r>
          </w:p>
          <w:p w:rsidR="00156FB3" w:rsidRDefault="00156FB3" w:rsidP="00156FB3">
            <w:r>
              <w:t>}</w:t>
            </w:r>
          </w:p>
          <w:p w:rsidR="00156FB3" w:rsidRDefault="00156FB3" w:rsidP="00156FB3"/>
          <w:p w:rsidR="00156FB3" w:rsidRDefault="00156FB3" w:rsidP="00156FB3">
            <w:r>
              <w:t>.swal2-hide {</w:t>
            </w:r>
          </w:p>
          <w:p w:rsidR="00156FB3" w:rsidRDefault="00156FB3" w:rsidP="00156FB3">
            <w:r>
              <w:t xml:space="preserve">    -webkit-animation: swal2-hide 0.15s forwards;</w:t>
            </w:r>
          </w:p>
          <w:p w:rsidR="00156FB3" w:rsidRDefault="00156FB3" w:rsidP="00156FB3">
            <w:r>
              <w:t xml:space="preserve">    animation: swal2-hide 0.15s forwards;</w:t>
            </w:r>
          </w:p>
          <w:p w:rsidR="00156FB3" w:rsidRDefault="00156FB3" w:rsidP="00156FB3">
            <w:r>
              <w:t>}</w:t>
            </w:r>
          </w:p>
          <w:p w:rsidR="00156FB3" w:rsidRDefault="00156FB3" w:rsidP="00156FB3"/>
          <w:p w:rsidR="00156FB3" w:rsidRDefault="00156FB3" w:rsidP="00156FB3">
            <w:r>
              <w:t>.swal2-noanimation {</w:t>
            </w:r>
          </w:p>
          <w:p w:rsidR="00156FB3" w:rsidRDefault="00156FB3" w:rsidP="00156FB3">
            <w:r>
              <w:t xml:space="preserve">    -webkit-transition: none;</w:t>
            </w:r>
          </w:p>
          <w:p w:rsidR="00156FB3" w:rsidRDefault="00156FB3" w:rsidP="00156FB3">
            <w:r>
              <w:t xml:space="preserve">    transition: none;</w:t>
            </w:r>
          </w:p>
          <w:p w:rsidR="00156FB3" w:rsidRDefault="00156FB3" w:rsidP="00156FB3">
            <w:r>
              <w:t>}</w:t>
            </w:r>
          </w:p>
          <w:p w:rsidR="00156FB3" w:rsidRDefault="00156FB3" w:rsidP="00156FB3"/>
          <w:p w:rsidR="00156FB3" w:rsidRDefault="00156FB3" w:rsidP="00156FB3">
            <w:r>
              <w:t>.swal2-scrollbar-measure {</w:t>
            </w:r>
          </w:p>
          <w:p w:rsidR="00156FB3" w:rsidRDefault="00156FB3" w:rsidP="00156FB3">
            <w:r>
              <w:t xml:space="preserve">    position: absolute;</w:t>
            </w:r>
          </w:p>
          <w:p w:rsidR="00156FB3" w:rsidRDefault="00156FB3" w:rsidP="00156FB3">
            <w:r>
              <w:t xml:space="preserve">    top: -9999px;</w:t>
            </w:r>
          </w:p>
          <w:p w:rsidR="00156FB3" w:rsidRDefault="00156FB3" w:rsidP="00156FB3">
            <w:r>
              <w:t xml:space="preserve">    width: 50px;</w:t>
            </w:r>
          </w:p>
          <w:p w:rsidR="00156FB3" w:rsidRDefault="00156FB3" w:rsidP="00156FB3">
            <w:r>
              <w:t xml:space="preserve">    height: 50px;</w:t>
            </w:r>
          </w:p>
          <w:p w:rsidR="00156FB3" w:rsidRDefault="00156FB3" w:rsidP="00156FB3">
            <w:r>
              <w:t xml:space="preserve">    overflow: scroll;</w:t>
            </w:r>
          </w:p>
          <w:p w:rsidR="00156FB3" w:rsidRDefault="00156FB3" w:rsidP="00156FB3">
            <w:r>
              <w:t>}</w:t>
            </w:r>
          </w:p>
          <w:p w:rsidR="00156FB3" w:rsidRDefault="00156FB3" w:rsidP="00156FB3"/>
          <w:p w:rsidR="00156FB3" w:rsidRDefault="00156FB3" w:rsidP="00156FB3">
            <w:r>
              <w:t>.swal2-rtl .swal2-close {</w:t>
            </w:r>
          </w:p>
          <w:p w:rsidR="00156FB3" w:rsidRDefault="00156FB3" w:rsidP="00156FB3">
            <w:r>
              <w:t xml:space="preserve">    right: auto;</w:t>
            </w:r>
          </w:p>
          <w:p w:rsidR="00156FB3" w:rsidRDefault="00156FB3" w:rsidP="00156FB3">
            <w:r>
              <w:t xml:space="preserve">    left: 0;</w:t>
            </w:r>
          </w:p>
          <w:p w:rsidR="00156FB3" w:rsidRDefault="00156FB3" w:rsidP="00156FB3">
            <w:r>
              <w:t>}</w:t>
            </w:r>
          </w:p>
          <w:p w:rsidR="00156FB3" w:rsidRDefault="00156FB3" w:rsidP="00156FB3"/>
          <w:p w:rsidR="00156FB3" w:rsidRDefault="00156FB3" w:rsidP="00156FB3">
            <w:r>
              <w:t>.swal2-rtl .swal2-timer-progress-bar {</w:t>
            </w:r>
          </w:p>
          <w:p w:rsidR="00156FB3" w:rsidRDefault="00156FB3" w:rsidP="00156FB3">
            <w:r>
              <w:t xml:space="preserve">    right: 0;</w:t>
            </w:r>
          </w:p>
          <w:p w:rsidR="00156FB3" w:rsidRDefault="00156FB3" w:rsidP="00156FB3">
            <w:r>
              <w:t xml:space="preserve">    left: auto;</w:t>
            </w:r>
          </w:p>
          <w:p w:rsidR="00156FB3" w:rsidRDefault="00156FB3" w:rsidP="00156FB3">
            <w:r>
              <w:t>}</w:t>
            </w:r>
          </w:p>
          <w:p w:rsidR="00156FB3" w:rsidRDefault="00156FB3" w:rsidP="00156FB3"/>
          <w:p w:rsidR="00156FB3" w:rsidRDefault="00156FB3" w:rsidP="00156FB3">
            <w:r>
              <w:t>@supports (-ms-accelerator: true) {</w:t>
            </w:r>
          </w:p>
          <w:p w:rsidR="00156FB3" w:rsidRDefault="00156FB3" w:rsidP="00156FB3">
            <w:r>
              <w:t xml:space="preserve">    .swal2-range input {</w:t>
            </w:r>
          </w:p>
          <w:p w:rsidR="00156FB3" w:rsidRDefault="00156FB3" w:rsidP="00156FB3">
            <w:r>
              <w:t xml:space="preserve">        width: 100% !important;</w:t>
            </w:r>
          </w:p>
          <w:p w:rsidR="00156FB3" w:rsidRDefault="00156FB3" w:rsidP="00156FB3">
            <w:r>
              <w:t xml:space="preserve">    }</w:t>
            </w:r>
          </w:p>
          <w:p w:rsidR="00156FB3" w:rsidRDefault="00156FB3" w:rsidP="00156FB3"/>
          <w:p w:rsidR="00156FB3" w:rsidRDefault="00156FB3" w:rsidP="00156FB3">
            <w:r>
              <w:t xml:space="preserve">    .swal2-range output {</w:t>
            </w:r>
          </w:p>
          <w:p w:rsidR="00156FB3" w:rsidRDefault="00156FB3" w:rsidP="00156FB3">
            <w:r>
              <w:t xml:space="preserve">        display: none;</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media all and (-ms-high-contrast: none), (-ms-high-contrast: active) {</w:t>
            </w:r>
          </w:p>
          <w:p w:rsidR="00156FB3" w:rsidRDefault="00156FB3" w:rsidP="00156FB3">
            <w:r>
              <w:t xml:space="preserve">    .swal2-range input {</w:t>
            </w:r>
          </w:p>
          <w:p w:rsidR="00156FB3" w:rsidRDefault="00156FB3" w:rsidP="00156FB3">
            <w:r>
              <w:t xml:space="preserve">        width: 100% !important;</w:t>
            </w:r>
          </w:p>
          <w:p w:rsidR="00156FB3" w:rsidRDefault="00156FB3" w:rsidP="00156FB3">
            <w:r>
              <w:t xml:space="preserve">    }</w:t>
            </w:r>
          </w:p>
          <w:p w:rsidR="00156FB3" w:rsidRDefault="00156FB3" w:rsidP="00156FB3"/>
          <w:p w:rsidR="00156FB3" w:rsidRDefault="00156FB3" w:rsidP="00156FB3">
            <w:r>
              <w:t xml:space="preserve">    .swal2-range output {</w:t>
            </w:r>
          </w:p>
          <w:p w:rsidR="00156FB3" w:rsidRDefault="00156FB3" w:rsidP="00156FB3">
            <w:r>
              <w:t xml:space="preserve">        display: none;</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moz-document url-prefix() {</w:t>
            </w:r>
          </w:p>
          <w:p w:rsidR="00156FB3" w:rsidRDefault="00156FB3" w:rsidP="00156FB3">
            <w:r>
              <w:t xml:space="preserve">    .swal2-close:focus {</w:t>
            </w:r>
          </w:p>
          <w:p w:rsidR="00156FB3" w:rsidRDefault="00156FB3" w:rsidP="00156FB3">
            <w:r>
              <w:t xml:space="preserve">        outline: 2px solid rgba(50, 100, 150, 0.4);</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webkit-keyframes swal2-toast-show {</w:t>
            </w:r>
          </w:p>
          <w:p w:rsidR="00156FB3" w:rsidRDefault="00156FB3" w:rsidP="00156FB3">
            <w:r>
              <w:t xml:space="preserve">    0% {</w:t>
            </w:r>
          </w:p>
          <w:p w:rsidR="00156FB3" w:rsidRDefault="00156FB3" w:rsidP="00156FB3">
            <w:r>
              <w:t xml:space="preserve">        -webkit-transform: translateY(-0.625em) rotateZ(2deg);</w:t>
            </w:r>
          </w:p>
          <w:p w:rsidR="00156FB3" w:rsidRDefault="00156FB3" w:rsidP="00156FB3">
            <w:r>
              <w:t xml:space="preserve">        transform: translateY(-0.625em) rotateZ(2deg);</w:t>
            </w:r>
          </w:p>
          <w:p w:rsidR="00156FB3" w:rsidRDefault="00156FB3" w:rsidP="00156FB3">
            <w:r>
              <w:t xml:space="preserve">    }</w:t>
            </w:r>
          </w:p>
          <w:p w:rsidR="00156FB3" w:rsidRDefault="00156FB3" w:rsidP="00156FB3">
            <w:r>
              <w:t xml:space="preserve">    33% {</w:t>
            </w:r>
          </w:p>
          <w:p w:rsidR="00156FB3" w:rsidRDefault="00156FB3" w:rsidP="00156FB3">
            <w:r>
              <w:t xml:space="preserve">        -webkit-transform: translateY(0) rotateZ(-2deg);</w:t>
            </w:r>
          </w:p>
          <w:p w:rsidR="00156FB3" w:rsidRDefault="00156FB3" w:rsidP="00156FB3">
            <w:r>
              <w:t xml:space="preserve">        transform: translateY(0) rotateZ(-2deg);</w:t>
            </w:r>
          </w:p>
          <w:p w:rsidR="00156FB3" w:rsidRDefault="00156FB3" w:rsidP="00156FB3">
            <w:r>
              <w:t xml:space="preserve">    }</w:t>
            </w:r>
          </w:p>
          <w:p w:rsidR="00156FB3" w:rsidRDefault="00156FB3" w:rsidP="00156FB3">
            <w:r>
              <w:t xml:space="preserve">    66% {</w:t>
            </w:r>
          </w:p>
          <w:p w:rsidR="00156FB3" w:rsidRDefault="00156FB3" w:rsidP="00156FB3">
            <w:r>
              <w:t xml:space="preserve">        -webkit-transform: translateY(0.3125em) rotateZ(2deg);</w:t>
            </w:r>
          </w:p>
          <w:p w:rsidR="00156FB3" w:rsidRDefault="00156FB3" w:rsidP="00156FB3">
            <w:r>
              <w:t xml:space="preserve">        transform: translateY(0.3125em) rotateZ(2deg);</w:t>
            </w:r>
          </w:p>
          <w:p w:rsidR="00156FB3" w:rsidRDefault="00156FB3" w:rsidP="00156FB3">
            <w:r>
              <w:t xml:space="preserve">    }</w:t>
            </w:r>
          </w:p>
          <w:p w:rsidR="00156FB3" w:rsidRDefault="00156FB3" w:rsidP="00156FB3">
            <w:r>
              <w:t xml:space="preserve">    100% {</w:t>
            </w:r>
          </w:p>
          <w:p w:rsidR="00156FB3" w:rsidRDefault="00156FB3" w:rsidP="00156FB3">
            <w:r>
              <w:t xml:space="preserve">        -webkit-transform: translateY(0) rotateZ(0deg);</w:t>
            </w:r>
          </w:p>
          <w:p w:rsidR="00156FB3" w:rsidRDefault="00156FB3" w:rsidP="00156FB3">
            <w:r>
              <w:t xml:space="preserve">        transform: translateY(0) rotateZ(0deg);</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keyframes swal2-toast-show {</w:t>
            </w:r>
          </w:p>
          <w:p w:rsidR="00156FB3" w:rsidRDefault="00156FB3" w:rsidP="00156FB3">
            <w:r>
              <w:t xml:space="preserve">    0% {</w:t>
            </w:r>
          </w:p>
          <w:p w:rsidR="00156FB3" w:rsidRDefault="00156FB3" w:rsidP="00156FB3">
            <w:r>
              <w:t xml:space="preserve">        -webkit-transform: translateY(-0.625em) rotateZ(2deg);</w:t>
            </w:r>
          </w:p>
          <w:p w:rsidR="00156FB3" w:rsidRDefault="00156FB3" w:rsidP="00156FB3">
            <w:r>
              <w:t xml:space="preserve">        transform: translateY(-0.625em) rotateZ(2deg);</w:t>
            </w:r>
          </w:p>
          <w:p w:rsidR="00156FB3" w:rsidRDefault="00156FB3" w:rsidP="00156FB3">
            <w:r>
              <w:t xml:space="preserve">    }</w:t>
            </w:r>
          </w:p>
          <w:p w:rsidR="00156FB3" w:rsidRDefault="00156FB3" w:rsidP="00156FB3">
            <w:r>
              <w:t xml:space="preserve">    33% {</w:t>
            </w:r>
          </w:p>
          <w:p w:rsidR="00156FB3" w:rsidRDefault="00156FB3" w:rsidP="00156FB3">
            <w:r>
              <w:t xml:space="preserve">        -webkit-transform: translateY(0) rotateZ(-2deg);</w:t>
            </w:r>
          </w:p>
          <w:p w:rsidR="00156FB3" w:rsidRDefault="00156FB3" w:rsidP="00156FB3">
            <w:r>
              <w:t xml:space="preserve">        transform: translateY(0) rotateZ(-2deg);</w:t>
            </w:r>
          </w:p>
          <w:p w:rsidR="00156FB3" w:rsidRDefault="00156FB3" w:rsidP="00156FB3">
            <w:r>
              <w:t xml:space="preserve">    }</w:t>
            </w:r>
          </w:p>
          <w:p w:rsidR="00156FB3" w:rsidRDefault="00156FB3" w:rsidP="00156FB3">
            <w:r>
              <w:t xml:space="preserve">    66% {</w:t>
            </w:r>
          </w:p>
          <w:p w:rsidR="00156FB3" w:rsidRDefault="00156FB3" w:rsidP="00156FB3">
            <w:r>
              <w:t xml:space="preserve">        -webkit-transform: translateY(0.3125em) rotateZ(2deg);</w:t>
            </w:r>
          </w:p>
          <w:p w:rsidR="00156FB3" w:rsidRDefault="00156FB3" w:rsidP="00156FB3">
            <w:r>
              <w:t xml:space="preserve">        transform: translateY(0.3125em) rotateZ(2deg);</w:t>
            </w:r>
          </w:p>
          <w:p w:rsidR="00156FB3" w:rsidRDefault="00156FB3" w:rsidP="00156FB3">
            <w:r>
              <w:lastRenderedPageBreak/>
              <w:t xml:space="preserve">    }</w:t>
            </w:r>
          </w:p>
          <w:p w:rsidR="00156FB3" w:rsidRDefault="00156FB3" w:rsidP="00156FB3">
            <w:r>
              <w:t xml:space="preserve">    100% {</w:t>
            </w:r>
          </w:p>
          <w:p w:rsidR="00156FB3" w:rsidRDefault="00156FB3" w:rsidP="00156FB3">
            <w:r>
              <w:t xml:space="preserve">        -webkit-transform: translateY(0) rotateZ(0deg);</w:t>
            </w:r>
          </w:p>
          <w:p w:rsidR="00156FB3" w:rsidRDefault="00156FB3" w:rsidP="00156FB3">
            <w:r>
              <w:t xml:space="preserve">        transform: translateY(0) rotateZ(0deg);</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webkit-keyframes swal2-toast-hide {</w:t>
            </w:r>
          </w:p>
          <w:p w:rsidR="00156FB3" w:rsidRDefault="00156FB3" w:rsidP="00156FB3">
            <w:r>
              <w:t xml:space="preserve">    100% {</w:t>
            </w:r>
          </w:p>
          <w:p w:rsidR="00156FB3" w:rsidRDefault="00156FB3" w:rsidP="00156FB3">
            <w:r>
              <w:t xml:space="preserve">        -webkit-transform: rotateZ(1deg);</w:t>
            </w:r>
          </w:p>
          <w:p w:rsidR="00156FB3" w:rsidRDefault="00156FB3" w:rsidP="00156FB3">
            <w:r>
              <w:t xml:space="preserve">        transform: rotateZ(1deg);</w:t>
            </w:r>
          </w:p>
          <w:p w:rsidR="00156FB3" w:rsidRDefault="00156FB3" w:rsidP="00156FB3">
            <w:r>
              <w:t xml:space="preserve">        opacity: 0;</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keyframes swal2-toast-hide {</w:t>
            </w:r>
          </w:p>
          <w:p w:rsidR="00156FB3" w:rsidRDefault="00156FB3" w:rsidP="00156FB3">
            <w:r>
              <w:t xml:space="preserve">    100% {</w:t>
            </w:r>
          </w:p>
          <w:p w:rsidR="00156FB3" w:rsidRDefault="00156FB3" w:rsidP="00156FB3">
            <w:r>
              <w:t xml:space="preserve">        -webkit-transform: rotateZ(1deg);</w:t>
            </w:r>
          </w:p>
          <w:p w:rsidR="00156FB3" w:rsidRDefault="00156FB3" w:rsidP="00156FB3">
            <w:r>
              <w:t xml:space="preserve">        transform: rotateZ(1deg);</w:t>
            </w:r>
          </w:p>
          <w:p w:rsidR="00156FB3" w:rsidRDefault="00156FB3" w:rsidP="00156FB3">
            <w:r>
              <w:t xml:space="preserve">        opacity: 0;</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webkit-keyframes swal2-toast-animate-success-line-tip {</w:t>
            </w:r>
          </w:p>
          <w:p w:rsidR="00156FB3" w:rsidRDefault="00156FB3" w:rsidP="00156FB3">
            <w:r>
              <w:t xml:space="preserve">    0% {</w:t>
            </w:r>
          </w:p>
          <w:p w:rsidR="00156FB3" w:rsidRDefault="00156FB3" w:rsidP="00156FB3">
            <w:r>
              <w:t xml:space="preserve">        top: .5625em;</w:t>
            </w:r>
          </w:p>
          <w:p w:rsidR="00156FB3" w:rsidRDefault="00156FB3" w:rsidP="00156FB3">
            <w:r>
              <w:t xml:space="preserve">        left: .0625em;</w:t>
            </w:r>
          </w:p>
          <w:p w:rsidR="00156FB3" w:rsidRDefault="00156FB3" w:rsidP="00156FB3">
            <w:r>
              <w:t xml:space="preserve">        width: 0;</w:t>
            </w:r>
          </w:p>
          <w:p w:rsidR="00156FB3" w:rsidRDefault="00156FB3" w:rsidP="00156FB3">
            <w:r>
              <w:t xml:space="preserve">    }</w:t>
            </w:r>
          </w:p>
          <w:p w:rsidR="00156FB3" w:rsidRDefault="00156FB3" w:rsidP="00156FB3">
            <w:r>
              <w:t xml:space="preserve">    54% {</w:t>
            </w:r>
          </w:p>
          <w:p w:rsidR="00156FB3" w:rsidRDefault="00156FB3" w:rsidP="00156FB3">
            <w:r>
              <w:t xml:space="preserve">        top: .125em;</w:t>
            </w:r>
          </w:p>
          <w:p w:rsidR="00156FB3" w:rsidRDefault="00156FB3" w:rsidP="00156FB3">
            <w:r>
              <w:t xml:space="preserve">        left: .125em;</w:t>
            </w:r>
          </w:p>
          <w:p w:rsidR="00156FB3" w:rsidRDefault="00156FB3" w:rsidP="00156FB3">
            <w:r>
              <w:t xml:space="preserve">        width: 0;</w:t>
            </w:r>
          </w:p>
          <w:p w:rsidR="00156FB3" w:rsidRDefault="00156FB3" w:rsidP="00156FB3">
            <w:r>
              <w:t xml:space="preserve">    }</w:t>
            </w:r>
          </w:p>
          <w:p w:rsidR="00156FB3" w:rsidRDefault="00156FB3" w:rsidP="00156FB3">
            <w:r>
              <w:t xml:space="preserve">    70% {</w:t>
            </w:r>
          </w:p>
          <w:p w:rsidR="00156FB3" w:rsidRDefault="00156FB3" w:rsidP="00156FB3">
            <w:r>
              <w:t xml:space="preserve">        top: .625em;</w:t>
            </w:r>
          </w:p>
          <w:p w:rsidR="00156FB3" w:rsidRDefault="00156FB3" w:rsidP="00156FB3">
            <w:r>
              <w:t xml:space="preserve">        left: -.25em;</w:t>
            </w:r>
          </w:p>
          <w:p w:rsidR="00156FB3" w:rsidRDefault="00156FB3" w:rsidP="00156FB3">
            <w:r>
              <w:t xml:space="preserve">        width: 1.625em;</w:t>
            </w:r>
          </w:p>
          <w:p w:rsidR="00156FB3" w:rsidRDefault="00156FB3" w:rsidP="00156FB3">
            <w:r>
              <w:t xml:space="preserve">    }</w:t>
            </w:r>
          </w:p>
          <w:p w:rsidR="00156FB3" w:rsidRDefault="00156FB3" w:rsidP="00156FB3">
            <w:r>
              <w:t xml:space="preserve">    84% {</w:t>
            </w:r>
          </w:p>
          <w:p w:rsidR="00156FB3" w:rsidRDefault="00156FB3" w:rsidP="00156FB3">
            <w:r>
              <w:t xml:space="preserve">        top: 1.0625em;</w:t>
            </w:r>
          </w:p>
          <w:p w:rsidR="00156FB3" w:rsidRDefault="00156FB3" w:rsidP="00156FB3">
            <w:r>
              <w:t xml:space="preserve">        left: .75em;</w:t>
            </w:r>
          </w:p>
          <w:p w:rsidR="00156FB3" w:rsidRDefault="00156FB3" w:rsidP="00156FB3">
            <w:r>
              <w:t xml:space="preserve">        width: .5em;</w:t>
            </w:r>
          </w:p>
          <w:p w:rsidR="00156FB3" w:rsidRDefault="00156FB3" w:rsidP="00156FB3">
            <w:r>
              <w:t xml:space="preserve">    }</w:t>
            </w:r>
          </w:p>
          <w:p w:rsidR="00156FB3" w:rsidRDefault="00156FB3" w:rsidP="00156FB3">
            <w:r>
              <w:t xml:space="preserve">    100% {</w:t>
            </w:r>
          </w:p>
          <w:p w:rsidR="00156FB3" w:rsidRDefault="00156FB3" w:rsidP="00156FB3">
            <w:r>
              <w:t xml:space="preserve">        top: 1.125em;</w:t>
            </w:r>
          </w:p>
          <w:p w:rsidR="00156FB3" w:rsidRDefault="00156FB3" w:rsidP="00156FB3">
            <w:r>
              <w:t xml:space="preserve">        left: .1875em;</w:t>
            </w:r>
          </w:p>
          <w:p w:rsidR="00156FB3" w:rsidRDefault="00156FB3" w:rsidP="00156FB3">
            <w:r>
              <w:t xml:space="preserve">        width: .75em;</w:t>
            </w:r>
          </w:p>
          <w:p w:rsidR="00156FB3" w:rsidRDefault="00156FB3" w:rsidP="00156FB3">
            <w:r>
              <w:lastRenderedPageBreak/>
              <w:t xml:space="preserve">    }</w:t>
            </w:r>
          </w:p>
          <w:p w:rsidR="00156FB3" w:rsidRDefault="00156FB3" w:rsidP="00156FB3">
            <w:r>
              <w:t>}</w:t>
            </w:r>
          </w:p>
          <w:p w:rsidR="00156FB3" w:rsidRDefault="00156FB3" w:rsidP="00156FB3"/>
          <w:p w:rsidR="00156FB3" w:rsidRDefault="00156FB3" w:rsidP="00156FB3">
            <w:r>
              <w:t>@keyframes swal2-toast-animate-success-line-tip {</w:t>
            </w:r>
          </w:p>
          <w:p w:rsidR="00156FB3" w:rsidRDefault="00156FB3" w:rsidP="00156FB3">
            <w:r>
              <w:t xml:space="preserve">    0% {</w:t>
            </w:r>
          </w:p>
          <w:p w:rsidR="00156FB3" w:rsidRDefault="00156FB3" w:rsidP="00156FB3">
            <w:r>
              <w:t xml:space="preserve">        top: .5625em;</w:t>
            </w:r>
          </w:p>
          <w:p w:rsidR="00156FB3" w:rsidRDefault="00156FB3" w:rsidP="00156FB3">
            <w:r>
              <w:t xml:space="preserve">        left: .0625em;</w:t>
            </w:r>
          </w:p>
          <w:p w:rsidR="00156FB3" w:rsidRDefault="00156FB3" w:rsidP="00156FB3">
            <w:r>
              <w:t xml:space="preserve">        width: 0;</w:t>
            </w:r>
          </w:p>
          <w:p w:rsidR="00156FB3" w:rsidRDefault="00156FB3" w:rsidP="00156FB3">
            <w:r>
              <w:t xml:space="preserve">    }</w:t>
            </w:r>
          </w:p>
          <w:p w:rsidR="00156FB3" w:rsidRDefault="00156FB3" w:rsidP="00156FB3">
            <w:r>
              <w:t xml:space="preserve">    54% {</w:t>
            </w:r>
          </w:p>
          <w:p w:rsidR="00156FB3" w:rsidRDefault="00156FB3" w:rsidP="00156FB3">
            <w:r>
              <w:t xml:space="preserve">        top: .125em;</w:t>
            </w:r>
          </w:p>
          <w:p w:rsidR="00156FB3" w:rsidRDefault="00156FB3" w:rsidP="00156FB3">
            <w:r>
              <w:t xml:space="preserve">        left: .125em;</w:t>
            </w:r>
          </w:p>
          <w:p w:rsidR="00156FB3" w:rsidRDefault="00156FB3" w:rsidP="00156FB3">
            <w:r>
              <w:t xml:space="preserve">        width: 0;</w:t>
            </w:r>
          </w:p>
          <w:p w:rsidR="00156FB3" w:rsidRDefault="00156FB3" w:rsidP="00156FB3">
            <w:r>
              <w:t xml:space="preserve">    }</w:t>
            </w:r>
          </w:p>
          <w:p w:rsidR="00156FB3" w:rsidRDefault="00156FB3" w:rsidP="00156FB3">
            <w:r>
              <w:t xml:space="preserve">    70% {</w:t>
            </w:r>
          </w:p>
          <w:p w:rsidR="00156FB3" w:rsidRDefault="00156FB3" w:rsidP="00156FB3">
            <w:r>
              <w:t xml:space="preserve">        top: .625em;</w:t>
            </w:r>
          </w:p>
          <w:p w:rsidR="00156FB3" w:rsidRDefault="00156FB3" w:rsidP="00156FB3">
            <w:r>
              <w:t xml:space="preserve">        left: -.25em;</w:t>
            </w:r>
          </w:p>
          <w:p w:rsidR="00156FB3" w:rsidRDefault="00156FB3" w:rsidP="00156FB3">
            <w:r>
              <w:t xml:space="preserve">        width: 1.625em;</w:t>
            </w:r>
          </w:p>
          <w:p w:rsidR="00156FB3" w:rsidRDefault="00156FB3" w:rsidP="00156FB3">
            <w:r>
              <w:t xml:space="preserve">    }</w:t>
            </w:r>
          </w:p>
          <w:p w:rsidR="00156FB3" w:rsidRDefault="00156FB3" w:rsidP="00156FB3">
            <w:r>
              <w:t xml:space="preserve">    84% {</w:t>
            </w:r>
          </w:p>
          <w:p w:rsidR="00156FB3" w:rsidRDefault="00156FB3" w:rsidP="00156FB3">
            <w:r>
              <w:t xml:space="preserve">        top: 1.0625em;</w:t>
            </w:r>
          </w:p>
          <w:p w:rsidR="00156FB3" w:rsidRDefault="00156FB3" w:rsidP="00156FB3">
            <w:r>
              <w:t xml:space="preserve">        left: .75em;</w:t>
            </w:r>
          </w:p>
          <w:p w:rsidR="00156FB3" w:rsidRDefault="00156FB3" w:rsidP="00156FB3">
            <w:r>
              <w:t xml:space="preserve">        width: .5em;</w:t>
            </w:r>
          </w:p>
          <w:p w:rsidR="00156FB3" w:rsidRDefault="00156FB3" w:rsidP="00156FB3">
            <w:r>
              <w:t xml:space="preserve">    }</w:t>
            </w:r>
          </w:p>
          <w:p w:rsidR="00156FB3" w:rsidRDefault="00156FB3" w:rsidP="00156FB3">
            <w:r>
              <w:t xml:space="preserve">    100% {</w:t>
            </w:r>
          </w:p>
          <w:p w:rsidR="00156FB3" w:rsidRDefault="00156FB3" w:rsidP="00156FB3">
            <w:r>
              <w:t xml:space="preserve">        top: 1.125em;</w:t>
            </w:r>
          </w:p>
          <w:p w:rsidR="00156FB3" w:rsidRDefault="00156FB3" w:rsidP="00156FB3">
            <w:r>
              <w:t xml:space="preserve">        left: .1875em;</w:t>
            </w:r>
          </w:p>
          <w:p w:rsidR="00156FB3" w:rsidRDefault="00156FB3" w:rsidP="00156FB3">
            <w:r>
              <w:t xml:space="preserve">        width: .75em;</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webkit-keyframes swal2-toast-animate-success-line-long {</w:t>
            </w:r>
          </w:p>
          <w:p w:rsidR="00156FB3" w:rsidRDefault="00156FB3" w:rsidP="00156FB3">
            <w:r>
              <w:t xml:space="preserve">    0% {</w:t>
            </w:r>
          </w:p>
          <w:p w:rsidR="00156FB3" w:rsidRDefault="00156FB3" w:rsidP="00156FB3">
            <w:r>
              <w:t xml:space="preserve">        top: 1.625em;</w:t>
            </w:r>
          </w:p>
          <w:p w:rsidR="00156FB3" w:rsidRDefault="00156FB3" w:rsidP="00156FB3">
            <w:r>
              <w:t xml:space="preserve">        right: 1.375em;</w:t>
            </w:r>
          </w:p>
          <w:p w:rsidR="00156FB3" w:rsidRDefault="00156FB3" w:rsidP="00156FB3">
            <w:r>
              <w:t xml:space="preserve">        width: 0;</w:t>
            </w:r>
          </w:p>
          <w:p w:rsidR="00156FB3" w:rsidRDefault="00156FB3" w:rsidP="00156FB3">
            <w:r>
              <w:t xml:space="preserve">    }</w:t>
            </w:r>
          </w:p>
          <w:p w:rsidR="00156FB3" w:rsidRDefault="00156FB3" w:rsidP="00156FB3">
            <w:r>
              <w:t xml:space="preserve">    65% {</w:t>
            </w:r>
          </w:p>
          <w:p w:rsidR="00156FB3" w:rsidRDefault="00156FB3" w:rsidP="00156FB3">
            <w:r>
              <w:t xml:space="preserve">        top: 1.25em;</w:t>
            </w:r>
          </w:p>
          <w:p w:rsidR="00156FB3" w:rsidRDefault="00156FB3" w:rsidP="00156FB3">
            <w:r>
              <w:t xml:space="preserve">        right: .9375em;</w:t>
            </w:r>
          </w:p>
          <w:p w:rsidR="00156FB3" w:rsidRDefault="00156FB3" w:rsidP="00156FB3">
            <w:r>
              <w:t xml:space="preserve">        width: 0;</w:t>
            </w:r>
          </w:p>
          <w:p w:rsidR="00156FB3" w:rsidRDefault="00156FB3" w:rsidP="00156FB3">
            <w:r>
              <w:t xml:space="preserve">    }</w:t>
            </w:r>
          </w:p>
          <w:p w:rsidR="00156FB3" w:rsidRDefault="00156FB3" w:rsidP="00156FB3">
            <w:r>
              <w:t xml:space="preserve">    84% {</w:t>
            </w:r>
          </w:p>
          <w:p w:rsidR="00156FB3" w:rsidRDefault="00156FB3" w:rsidP="00156FB3">
            <w:r>
              <w:t xml:space="preserve">        top: .9375em;</w:t>
            </w:r>
          </w:p>
          <w:p w:rsidR="00156FB3" w:rsidRDefault="00156FB3" w:rsidP="00156FB3">
            <w:r>
              <w:t xml:space="preserve">        right: 0;</w:t>
            </w:r>
          </w:p>
          <w:p w:rsidR="00156FB3" w:rsidRDefault="00156FB3" w:rsidP="00156FB3">
            <w:r>
              <w:t xml:space="preserve">        width: 1.125em;</w:t>
            </w:r>
          </w:p>
          <w:p w:rsidR="00156FB3" w:rsidRDefault="00156FB3" w:rsidP="00156FB3">
            <w:r>
              <w:t xml:space="preserve">    }</w:t>
            </w:r>
          </w:p>
          <w:p w:rsidR="00156FB3" w:rsidRDefault="00156FB3" w:rsidP="00156FB3">
            <w:r>
              <w:t xml:space="preserve">    100% {</w:t>
            </w:r>
          </w:p>
          <w:p w:rsidR="00156FB3" w:rsidRDefault="00156FB3" w:rsidP="00156FB3">
            <w:r>
              <w:lastRenderedPageBreak/>
              <w:t xml:space="preserve">        top: .9375em;</w:t>
            </w:r>
          </w:p>
          <w:p w:rsidR="00156FB3" w:rsidRDefault="00156FB3" w:rsidP="00156FB3">
            <w:r>
              <w:t xml:space="preserve">        right: .1875em;</w:t>
            </w:r>
          </w:p>
          <w:p w:rsidR="00156FB3" w:rsidRDefault="00156FB3" w:rsidP="00156FB3">
            <w:r>
              <w:t xml:space="preserve">        width: 1.375em;</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keyframes swal2-toast-animate-success-line-long {</w:t>
            </w:r>
          </w:p>
          <w:p w:rsidR="00156FB3" w:rsidRDefault="00156FB3" w:rsidP="00156FB3">
            <w:r>
              <w:t xml:space="preserve">    0% {</w:t>
            </w:r>
          </w:p>
          <w:p w:rsidR="00156FB3" w:rsidRDefault="00156FB3" w:rsidP="00156FB3">
            <w:r>
              <w:t xml:space="preserve">        top: 1.625em;</w:t>
            </w:r>
          </w:p>
          <w:p w:rsidR="00156FB3" w:rsidRDefault="00156FB3" w:rsidP="00156FB3">
            <w:r>
              <w:t xml:space="preserve">        right: 1.375em;</w:t>
            </w:r>
          </w:p>
          <w:p w:rsidR="00156FB3" w:rsidRDefault="00156FB3" w:rsidP="00156FB3">
            <w:r>
              <w:t xml:space="preserve">        width: 0;</w:t>
            </w:r>
          </w:p>
          <w:p w:rsidR="00156FB3" w:rsidRDefault="00156FB3" w:rsidP="00156FB3">
            <w:r>
              <w:t xml:space="preserve">    }</w:t>
            </w:r>
          </w:p>
          <w:p w:rsidR="00156FB3" w:rsidRDefault="00156FB3" w:rsidP="00156FB3">
            <w:r>
              <w:t xml:space="preserve">    65% {</w:t>
            </w:r>
          </w:p>
          <w:p w:rsidR="00156FB3" w:rsidRDefault="00156FB3" w:rsidP="00156FB3">
            <w:r>
              <w:t xml:space="preserve">        top: 1.25em;</w:t>
            </w:r>
          </w:p>
          <w:p w:rsidR="00156FB3" w:rsidRDefault="00156FB3" w:rsidP="00156FB3">
            <w:r>
              <w:t xml:space="preserve">        right: .9375em;</w:t>
            </w:r>
          </w:p>
          <w:p w:rsidR="00156FB3" w:rsidRDefault="00156FB3" w:rsidP="00156FB3">
            <w:r>
              <w:t xml:space="preserve">        width: 0;</w:t>
            </w:r>
          </w:p>
          <w:p w:rsidR="00156FB3" w:rsidRDefault="00156FB3" w:rsidP="00156FB3">
            <w:r>
              <w:t xml:space="preserve">    }</w:t>
            </w:r>
          </w:p>
          <w:p w:rsidR="00156FB3" w:rsidRDefault="00156FB3" w:rsidP="00156FB3">
            <w:r>
              <w:t xml:space="preserve">    84% {</w:t>
            </w:r>
          </w:p>
          <w:p w:rsidR="00156FB3" w:rsidRDefault="00156FB3" w:rsidP="00156FB3">
            <w:r>
              <w:t xml:space="preserve">        top: .9375em;</w:t>
            </w:r>
          </w:p>
          <w:p w:rsidR="00156FB3" w:rsidRDefault="00156FB3" w:rsidP="00156FB3">
            <w:r>
              <w:t xml:space="preserve">        right: 0;</w:t>
            </w:r>
          </w:p>
          <w:p w:rsidR="00156FB3" w:rsidRDefault="00156FB3" w:rsidP="00156FB3">
            <w:r>
              <w:t xml:space="preserve">        width: 1.125em;</w:t>
            </w:r>
          </w:p>
          <w:p w:rsidR="00156FB3" w:rsidRDefault="00156FB3" w:rsidP="00156FB3">
            <w:r>
              <w:t xml:space="preserve">    }</w:t>
            </w:r>
          </w:p>
          <w:p w:rsidR="00156FB3" w:rsidRDefault="00156FB3" w:rsidP="00156FB3">
            <w:r>
              <w:t xml:space="preserve">    100% {</w:t>
            </w:r>
          </w:p>
          <w:p w:rsidR="00156FB3" w:rsidRDefault="00156FB3" w:rsidP="00156FB3">
            <w:r>
              <w:t xml:space="preserve">        top: .9375em;</w:t>
            </w:r>
          </w:p>
          <w:p w:rsidR="00156FB3" w:rsidRDefault="00156FB3" w:rsidP="00156FB3">
            <w:r>
              <w:t xml:space="preserve">        right: .1875em;</w:t>
            </w:r>
          </w:p>
          <w:p w:rsidR="00156FB3" w:rsidRDefault="00156FB3" w:rsidP="00156FB3">
            <w:r>
              <w:t xml:space="preserve">        width: 1.375em;</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webkit-keyframes swal2-show {</w:t>
            </w:r>
          </w:p>
          <w:p w:rsidR="00156FB3" w:rsidRDefault="00156FB3" w:rsidP="00156FB3">
            <w:r>
              <w:t xml:space="preserve">    0% {</w:t>
            </w:r>
          </w:p>
          <w:p w:rsidR="00156FB3" w:rsidRDefault="00156FB3" w:rsidP="00156FB3">
            <w:r>
              <w:t xml:space="preserve">        -webkit-transform: scale(0.7);</w:t>
            </w:r>
          </w:p>
          <w:p w:rsidR="00156FB3" w:rsidRDefault="00156FB3" w:rsidP="00156FB3">
            <w:r>
              <w:t xml:space="preserve">        transform: scale(0.7);</w:t>
            </w:r>
          </w:p>
          <w:p w:rsidR="00156FB3" w:rsidRDefault="00156FB3" w:rsidP="00156FB3">
            <w:r>
              <w:t xml:space="preserve">    }</w:t>
            </w:r>
          </w:p>
          <w:p w:rsidR="00156FB3" w:rsidRDefault="00156FB3" w:rsidP="00156FB3">
            <w:r>
              <w:t xml:space="preserve">    45% {</w:t>
            </w:r>
          </w:p>
          <w:p w:rsidR="00156FB3" w:rsidRDefault="00156FB3" w:rsidP="00156FB3">
            <w:r>
              <w:t xml:space="preserve">        -webkit-transform: scale(1.05);</w:t>
            </w:r>
          </w:p>
          <w:p w:rsidR="00156FB3" w:rsidRDefault="00156FB3" w:rsidP="00156FB3">
            <w:r>
              <w:t xml:space="preserve">        transform: scale(1.05);</w:t>
            </w:r>
          </w:p>
          <w:p w:rsidR="00156FB3" w:rsidRDefault="00156FB3" w:rsidP="00156FB3">
            <w:r>
              <w:t xml:space="preserve">    }</w:t>
            </w:r>
          </w:p>
          <w:p w:rsidR="00156FB3" w:rsidRDefault="00156FB3" w:rsidP="00156FB3">
            <w:r>
              <w:t xml:space="preserve">    80% {</w:t>
            </w:r>
          </w:p>
          <w:p w:rsidR="00156FB3" w:rsidRDefault="00156FB3" w:rsidP="00156FB3">
            <w:r>
              <w:t xml:space="preserve">        -webkit-transform: scale(0.95);</w:t>
            </w:r>
          </w:p>
          <w:p w:rsidR="00156FB3" w:rsidRDefault="00156FB3" w:rsidP="00156FB3">
            <w:r>
              <w:t xml:space="preserve">        transform: scale(0.95);</w:t>
            </w:r>
          </w:p>
          <w:p w:rsidR="00156FB3" w:rsidRDefault="00156FB3" w:rsidP="00156FB3">
            <w:r>
              <w:t xml:space="preserve">    }</w:t>
            </w:r>
          </w:p>
          <w:p w:rsidR="00156FB3" w:rsidRDefault="00156FB3" w:rsidP="00156FB3">
            <w:r>
              <w:t xml:space="preserve">    100% {</w:t>
            </w:r>
          </w:p>
          <w:p w:rsidR="00156FB3" w:rsidRDefault="00156FB3" w:rsidP="00156FB3">
            <w:r>
              <w:t xml:space="preserve">        -webkit-transform: scale(1);</w:t>
            </w:r>
          </w:p>
          <w:p w:rsidR="00156FB3" w:rsidRDefault="00156FB3" w:rsidP="00156FB3">
            <w:r>
              <w:t xml:space="preserve">        transform: scale(1);</w:t>
            </w:r>
          </w:p>
          <w:p w:rsidR="00156FB3" w:rsidRDefault="00156FB3" w:rsidP="00156FB3">
            <w:r>
              <w:t xml:space="preserve">    }</w:t>
            </w:r>
          </w:p>
          <w:p w:rsidR="00156FB3" w:rsidRDefault="00156FB3" w:rsidP="00156FB3">
            <w:r>
              <w:t>}</w:t>
            </w:r>
          </w:p>
          <w:p w:rsidR="00156FB3" w:rsidRDefault="00156FB3" w:rsidP="00156FB3"/>
          <w:p w:rsidR="00156FB3" w:rsidRDefault="00156FB3" w:rsidP="00156FB3">
            <w:r>
              <w:lastRenderedPageBreak/>
              <w:t>@keyframes swal2-show {</w:t>
            </w:r>
          </w:p>
          <w:p w:rsidR="00156FB3" w:rsidRDefault="00156FB3" w:rsidP="00156FB3">
            <w:r>
              <w:t xml:space="preserve">    0% {</w:t>
            </w:r>
          </w:p>
          <w:p w:rsidR="00156FB3" w:rsidRDefault="00156FB3" w:rsidP="00156FB3">
            <w:r>
              <w:t xml:space="preserve">        -webkit-transform: scale(0.7);</w:t>
            </w:r>
          </w:p>
          <w:p w:rsidR="00156FB3" w:rsidRDefault="00156FB3" w:rsidP="00156FB3">
            <w:r>
              <w:t xml:space="preserve">        transform: scale(0.7);</w:t>
            </w:r>
          </w:p>
          <w:p w:rsidR="00156FB3" w:rsidRDefault="00156FB3" w:rsidP="00156FB3">
            <w:r>
              <w:t xml:space="preserve">    }</w:t>
            </w:r>
          </w:p>
          <w:p w:rsidR="00156FB3" w:rsidRDefault="00156FB3" w:rsidP="00156FB3">
            <w:r>
              <w:t xml:space="preserve">    45% {</w:t>
            </w:r>
          </w:p>
          <w:p w:rsidR="00156FB3" w:rsidRDefault="00156FB3" w:rsidP="00156FB3">
            <w:r>
              <w:t xml:space="preserve">        -webkit-transform: scale(1.05);</w:t>
            </w:r>
          </w:p>
          <w:p w:rsidR="00156FB3" w:rsidRDefault="00156FB3" w:rsidP="00156FB3">
            <w:r>
              <w:t xml:space="preserve">        transform: scale(1.05);</w:t>
            </w:r>
          </w:p>
          <w:p w:rsidR="00156FB3" w:rsidRDefault="00156FB3" w:rsidP="00156FB3">
            <w:r>
              <w:t xml:space="preserve">    }</w:t>
            </w:r>
          </w:p>
          <w:p w:rsidR="00156FB3" w:rsidRDefault="00156FB3" w:rsidP="00156FB3">
            <w:r>
              <w:t xml:space="preserve">    80% {</w:t>
            </w:r>
          </w:p>
          <w:p w:rsidR="00156FB3" w:rsidRDefault="00156FB3" w:rsidP="00156FB3">
            <w:r>
              <w:t xml:space="preserve">        -webkit-transform: scale(0.95);</w:t>
            </w:r>
          </w:p>
          <w:p w:rsidR="00156FB3" w:rsidRDefault="00156FB3" w:rsidP="00156FB3">
            <w:r>
              <w:t xml:space="preserve">        transform: scale(0.95);</w:t>
            </w:r>
          </w:p>
          <w:p w:rsidR="00156FB3" w:rsidRDefault="00156FB3" w:rsidP="00156FB3">
            <w:r>
              <w:t xml:space="preserve">    }</w:t>
            </w:r>
          </w:p>
          <w:p w:rsidR="00156FB3" w:rsidRDefault="00156FB3" w:rsidP="00156FB3">
            <w:r>
              <w:t xml:space="preserve">    100% {</w:t>
            </w:r>
          </w:p>
          <w:p w:rsidR="00156FB3" w:rsidRDefault="00156FB3" w:rsidP="00156FB3">
            <w:r>
              <w:t xml:space="preserve">        -webkit-transform: scale(1);</w:t>
            </w:r>
          </w:p>
          <w:p w:rsidR="00156FB3" w:rsidRDefault="00156FB3" w:rsidP="00156FB3">
            <w:r>
              <w:t xml:space="preserve">        transform: scale(1);</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webkit-keyframes swal2-hide {</w:t>
            </w:r>
          </w:p>
          <w:p w:rsidR="00156FB3" w:rsidRDefault="00156FB3" w:rsidP="00156FB3">
            <w:r>
              <w:t xml:space="preserve">    0% {</w:t>
            </w:r>
          </w:p>
          <w:p w:rsidR="00156FB3" w:rsidRDefault="00156FB3" w:rsidP="00156FB3">
            <w:r>
              <w:t xml:space="preserve">        -webkit-transform: scale(1);</w:t>
            </w:r>
          </w:p>
          <w:p w:rsidR="00156FB3" w:rsidRDefault="00156FB3" w:rsidP="00156FB3">
            <w:r>
              <w:t xml:space="preserve">        transform: scale(1);</w:t>
            </w:r>
          </w:p>
          <w:p w:rsidR="00156FB3" w:rsidRDefault="00156FB3" w:rsidP="00156FB3">
            <w:r>
              <w:t xml:space="preserve">        opacity: 1;</w:t>
            </w:r>
          </w:p>
          <w:p w:rsidR="00156FB3" w:rsidRDefault="00156FB3" w:rsidP="00156FB3">
            <w:r>
              <w:t xml:space="preserve">    }</w:t>
            </w:r>
          </w:p>
          <w:p w:rsidR="00156FB3" w:rsidRDefault="00156FB3" w:rsidP="00156FB3">
            <w:r>
              <w:t xml:space="preserve">    100% {</w:t>
            </w:r>
          </w:p>
          <w:p w:rsidR="00156FB3" w:rsidRDefault="00156FB3" w:rsidP="00156FB3">
            <w:r>
              <w:t xml:space="preserve">        -webkit-transform: scale(0.5);</w:t>
            </w:r>
          </w:p>
          <w:p w:rsidR="00156FB3" w:rsidRDefault="00156FB3" w:rsidP="00156FB3">
            <w:r>
              <w:t xml:space="preserve">        transform: scale(0.5);</w:t>
            </w:r>
          </w:p>
          <w:p w:rsidR="00156FB3" w:rsidRDefault="00156FB3" w:rsidP="00156FB3">
            <w:r>
              <w:t xml:space="preserve">        opacity: 0;</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keyframes swal2-hide {</w:t>
            </w:r>
          </w:p>
          <w:p w:rsidR="00156FB3" w:rsidRDefault="00156FB3" w:rsidP="00156FB3">
            <w:r>
              <w:t xml:space="preserve">    0% {</w:t>
            </w:r>
          </w:p>
          <w:p w:rsidR="00156FB3" w:rsidRDefault="00156FB3" w:rsidP="00156FB3">
            <w:r>
              <w:t xml:space="preserve">        -webkit-transform: scale(1);</w:t>
            </w:r>
          </w:p>
          <w:p w:rsidR="00156FB3" w:rsidRDefault="00156FB3" w:rsidP="00156FB3">
            <w:r>
              <w:t xml:space="preserve">        transform: scale(1);</w:t>
            </w:r>
          </w:p>
          <w:p w:rsidR="00156FB3" w:rsidRDefault="00156FB3" w:rsidP="00156FB3">
            <w:r>
              <w:t xml:space="preserve">        opacity: 1;</w:t>
            </w:r>
          </w:p>
          <w:p w:rsidR="00156FB3" w:rsidRDefault="00156FB3" w:rsidP="00156FB3">
            <w:r>
              <w:t xml:space="preserve">    }</w:t>
            </w:r>
          </w:p>
          <w:p w:rsidR="00156FB3" w:rsidRDefault="00156FB3" w:rsidP="00156FB3">
            <w:r>
              <w:t xml:space="preserve">    100% {</w:t>
            </w:r>
          </w:p>
          <w:p w:rsidR="00156FB3" w:rsidRDefault="00156FB3" w:rsidP="00156FB3">
            <w:r>
              <w:t xml:space="preserve">        -webkit-transform: scale(0.5);</w:t>
            </w:r>
          </w:p>
          <w:p w:rsidR="00156FB3" w:rsidRDefault="00156FB3" w:rsidP="00156FB3">
            <w:r>
              <w:t xml:space="preserve">        transform: scale(0.5);</w:t>
            </w:r>
          </w:p>
          <w:p w:rsidR="00156FB3" w:rsidRDefault="00156FB3" w:rsidP="00156FB3">
            <w:r>
              <w:t xml:space="preserve">        opacity: 0;</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webkit-keyframes swal2-animate-success-line-tip {</w:t>
            </w:r>
          </w:p>
          <w:p w:rsidR="00156FB3" w:rsidRDefault="00156FB3" w:rsidP="00156FB3">
            <w:r>
              <w:t xml:space="preserve">    0% {</w:t>
            </w:r>
          </w:p>
          <w:p w:rsidR="00156FB3" w:rsidRDefault="00156FB3" w:rsidP="00156FB3">
            <w:r>
              <w:t xml:space="preserve">        top: 1.1875em;</w:t>
            </w:r>
          </w:p>
          <w:p w:rsidR="00156FB3" w:rsidRDefault="00156FB3" w:rsidP="00156FB3">
            <w:r>
              <w:lastRenderedPageBreak/>
              <w:t xml:space="preserve">        left: .0625em;</w:t>
            </w:r>
          </w:p>
          <w:p w:rsidR="00156FB3" w:rsidRDefault="00156FB3" w:rsidP="00156FB3">
            <w:r>
              <w:t xml:space="preserve">        width: 0;</w:t>
            </w:r>
          </w:p>
          <w:p w:rsidR="00156FB3" w:rsidRDefault="00156FB3" w:rsidP="00156FB3">
            <w:r>
              <w:t xml:space="preserve">    }</w:t>
            </w:r>
          </w:p>
          <w:p w:rsidR="00156FB3" w:rsidRDefault="00156FB3" w:rsidP="00156FB3">
            <w:r>
              <w:t xml:space="preserve">    54% {</w:t>
            </w:r>
          </w:p>
          <w:p w:rsidR="00156FB3" w:rsidRDefault="00156FB3" w:rsidP="00156FB3">
            <w:r>
              <w:t xml:space="preserve">        top: 1.0625em;</w:t>
            </w:r>
          </w:p>
          <w:p w:rsidR="00156FB3" w:rsidRDefault="00156FB3" w:rsidP="00156FB3">
            <w:r>
              <w:t xml:space="preserve">        left: .125em;</w:t>
            </w:r>
          </w:p>
          <w:p w:rsidR="00156FB3" w:rsidRDefault="00156FB3" w:rsidP="00156FB3">
            <w:r>
              <w:t xml:space="preserve">        width: 0;</w:t>
            </w:r>
          </w:p>
          <w:p w:rsidR="00156FB3" w:rsidRDefault="00156FB3" w:rsidP="00156FB3">
            <w:r>
              <w:t xml:space="preserve">    }</w:t>
            </w:r>
          </w:p>
          <w:p w:rsidR="00156FB3" w:rsidRDefault="00156FB3" w:rsidP="00156FB3">
            <w:r>
              <w:t xml:space="preserve">    70% {</w:t>
            </w:r>
          </w:p>
          <w:p w:rsidR="00156FB3" w:rsidRDefault="00156FB3" w:rsidP="00156FB3">
            <w:r>
              <w:t xml:space="preserve">        top: 2.1875em;</w:t>
            </w:r>
          </w:p>
          <w:p w:rsidR="00156FB3" w:rsidRDefault="00156FB3" w:rsidP="00156FB3">
            <w:r>
              <w:t xml:space="preserve">        left: -.375em;</w:t>
            </w:r>
          </w:p>
          <w:p w:rsidR="00156FB3" w:rsidRDefault="00156FB3" w:rsidP="00156FB3">
            <w:r>
              <w:t xml:space="preserve">        width: 3.125em;</w:t>
            </w:r>
          </w:p>
          <w:p w:rsidR="00156FB3" w:rsidRDefault="00156FB3" w:rsidP="00156FB3">
            <w:r>
              <w:t xml:space="preserve">    }</w:t>
            </w:r>
          </w:p>
          <w:p w:rsidR="00156FB3" w:rsidRDefault="00156FB3" w:rsidP="00156FB3">
            <w:r>
              <w:t xml:space="preserve">    84% {</w:t>
            </w:r>
          </w:p>
          <w:p w:rsidR="00156FB3" w:rsidRDefault="00156FB3" w:rsidP="00156FB3">
            <w:r>
              <w:t xml:space="preserve">        top: 3em;</w:t>
            </w:r>
          </w:p>
          <w:p w:rsidR="00156FB3" w:rsidRDefault="00156FB3" w:rsidP="00156FB3">
            <w:r>
              <w:t xml:space="preserve">        left: 1.3125em;</w:t>
            </w:r>
          </w:p>
          <w:p w:rsidR="00156FB3" w:rsidRDefault="00156FB3" w:rsidP="00156FB3">
            <w:r>
              <w:t xml:space="preserve">        width: 1.0625em;</w:t>
            </w:r>
          </w:p>
          <w:p w:rsidR="00156FB3" w:rsidRDefault="00156FB3" w:rsidP="00156FB3">
            <w:r>
              <w:t xml:space="preserve">    }</w:t>
            </w:r>
          </w:p>
          <w:p w:rsidR="00156FB3" w:rsidRDefault="00156FB3" w:rsidP="00156FB3">
            <w:r>
              <w:t xml:space="preserve">    100% {</w:t>
            </w:r>
          </w:p>
          <w:p w:rsidR="00156FB3" w:rsidRDefault="00156FB3" w:rsidP="00156FB3">
            <w:r>
              <w:t xml:space="preserve">        top: 2.8125em;</w:t>
            </w:r>
          </w:p>
          <w:p w:rsidR="00156FB3" w:rsidRDefault="00156FB3" w:rsidP="00156FB3">
            <w:r>
              <w:t xml:space="preserve">        left: .875em;</w:t>
            </w:r>
          </w:p>
          <w:p w:rsidR="00156FB3" w:rsidRDefault="00156FB3" w:rsidP="00156FB3">
            <w:r>
              <w:t xml:space="preserve">        width: 1.5625em;</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keyframes swal2-animate-success-line-tip {</w:t>
            </w:r>
          </w:p>
          <w:p w:rsidR="00156FB3" w:rsidRDefault="00156FB3" w:rsidP="00156FB3">
            <w:r>
              <w:t xml:space="preserve">    0% {</w:t>
            </w:r>
          </w:p>
          <w:p w:rsidR="00156FB3" w:rsidRDefault="00156FB3" w:rsidP="00156FB3">
            <w:r>
              <w:t xml:space="preserve">        top: 1.1875em;</w:t>
            </w:r>
          </w:p>
          <w:p w:rsidR="00156FB3" w:rsidRDefault="00156FB3" w:rsidP="00156FB3">
            <w:r>
              <w:t xml:space="preserve">        left: .0625em;</w:t>
            </w:r>
          </w:p>
          <w:p w:rsidR="00156FB3" w:rsidRDefault="00156FB3" w:rsidP="00156FB3">
            <w:r>
              <w:t xml:space="preserve">        width: 0;</w:t>
            </w:r>
          </w:p>
          <w:p w:rsidR="00156FB3" w:rsidRDefault="00156FB3" w:rsidP="00156FB3">
            <w:r>
              <w:t xml:space="preserve">    }</w:t>
            </w:r>
          </w:p>
          <w:p w:rsidR="00156FB3" w:rsidRDefault="00156FB3" w:rsidP="00156FB3">
            <w:r>
              <w:t xml:space="preserve">    54% {</w:t>
            </w:r>
          </w:p>
          <w:p w:rsidR="00156FB3" w:rsidRDefault="00156FB3" w:rsidP="00156FB3">
            <w:r>
              <w:t xml:space="preserve">        top: 1.0625em;</w:t>
            </w:r>
          </w:p>
          <w:p w:rsidR="00156FB3" w:rsidRDefault="00156FB3" w:rsidP="00156FB3">
            <w:r>
              <w:t xml:space="preserve">        left: .125em;</w:t>
            </w:r>
          </w:p>
          <w:p w:rsidR="00156FB3" w:rsidRDefault="00156FB3" w:rsidP="00156FB3">
            <w:r>
              <w:t xml:space="preserve">        width: 0;</w:t>
            </w:r>
          </w:p>
          <w:p w:rsidR="00156FB3" w:rsidRDefault="00156FB3" w:rsidP="00156FB3">
            <w:r>
              <w:t xml:space="preserve">    }</w:t>
            </w:r>
          </w:p>
          <w:p w:rsidR="00156FB3" w:rsidRDefault="00156FB3" w:rsidP="00156FB3">
            <w:r>
              <w:t xml:space="preserve">    70% {</w:t>
            </w:r>
          </w:p>
          <w:p w:rsidR="00156FB3" w:rsidRDefault="00156FB3" w:rsidP="00156FB3">
            <w:r>
              <w:t xml:space="preserve">        top: 2.1875em;</w:t>
            </w:r>
          </w:p>
          <w:p w:rsidR="00156FB3" w:rsidRDefault="00156FB3" w:rsidP="00156FB3">
            <w:r>
              <w:t xml:space="preserve">        left: -.375em;</w:t>
            </w:r>
          </w:p>
          <w:p w:rsidR="00156FB3" w:rsidRDefault="00156FB3" w:rsidP="00156FB3">
            <w:r>
              <w:t xml:space="preserve">        width: 3.125em;</w:t>
            </w:r>
          </w:p>
          <w:p w:rsidR="00156FB3" w:rsidRDefault="00156FB3" w:rsidP="00156FB3">
            <w:r>
              <w:t xml:space="preserve">    }</w:t>
            </w:r>
          </w:p>
          <w:p w:rsidR="00156FB3" w:rsidRDefault="00156FB3" w:rsidP="00156FB3">
            <w:r>
              <w:t xml:space="preserve">    84% {</w:t>
            </w:r>
          </w:p>
          <w:p w:rsidR="00156FB3" w:rsidRDefault="00156FB3" w:rsidP="00156FB3">
            <w:r>
              <w:t xml:space="preserve">        top: 3em;</w:t>
            </w:r>
          </w:p>
          <w:p w:rsidR="00156FB3" w:rsidRDefault="00156FB3" w:rsidP="00156FB3">
            <w:r>
              <w:t xml:space="preserve">        left: 1.3125em;</w:t>
            </w:r>
          </w:p>
          <w:p w:rsidR="00156FB3" w:rsidRDefault="00156FB3" w:rsidP="00156FB3">
            <w:r>
              <w:t xml:space="preserve">        width: 1.0625em;</w:t>
            </w:r>
          </w:p>
          <w:p w:rsidR="00156FB3" w:rsidRDefault="00156FB3" w:rsidP="00156FB3">
            <w:r>
              <w:t xml:space="preserve">    }</w:t>
            </w:r>
          </w:p>
          <w:p w:rsidR="00156FB3" w:rsidRDefault="00156FB3" w:rsidP="00156FB3">
            <w:r>
              <w:t xml:space="preserve">    100% {</w:t>
            </w:r>
          </w:p>
          <w:p w:rsidR="00156FB3" w:rsidRDefault="00156FB3" w:rsidP="00156FB3">
            <w:r>
              <w:t xml:space="preserve">        top: 2.8125em;</w:t>
            </w:r>
          </w:p>
          <w:p w:rsidR="00156FB3" w:rsidRDefault="00156FB3" w:rsidP="00156FB3">
            <w:r>
              <w:lastRenderedPageBreak/>
              <w:t xml:space="preserve">        left: .875em;</w:t>
            </w:r>
          </w:p>
          <w:p w:rsidR="00156FB3" w:rsidRDefault="00156FB3" w:rsidP="00156FB3">
            <w:r>
              <w:t xml:space="preserve">        width: 1.5625em;</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webkit-keyframes swal2-animate-success-line-long {</w:t>
            </w:r>
          </w:p>
          <w:p w:rsidR="00156FB3" w:rsidRDefault="00156FB3" w:rsidP="00156FB3">
            <w:r>
              <w:t xml:space="preserve">    0% {</w:t>
            </w:r>
          </w:p>
          <w:p w:rsidR="00156FB3" w:rsidRDefault="00156FB3" w:rsidP="00156FB3">
            <w:r>
              <w:t xml:space="preserve">        top: 3.375em;</w:t>
            </w:r>
          </w:p>
          <w:p w:rsidR="00156FB3" w:rsidRDefault="00156FB3" w:rsidP="00156FB3">
            <w:r>
              <w:t xml:space="preserve">        right: 2.875em;</w:t>
            </w:r>
          </w:p>
          <w:p w:rsidR="00156FB3" w:rsidRDefault="00156FB3" w:rsidP="00156FB3">
            <w:r>
              <w:t xml:space="preserve">        width: 0;</w:t>
            </w:r>
          </w:p>
          <w:p w:rsidR="00156FB3" w:rsidRDefault="00156FB3" w:rsidP="00156FB3">
            <w:r>
              <w:t xml:space="preserve">    }</w:t>
            </w:r>
          </w:p>
          <w:p w:rsidR="00156FB3" w:rsidRDefault="00156FB3" w:rsidP="00156FB3">
            <w:r>
              <w:t xml:space="preserve">    65% {</w:t>
            </w:r>
          </w:p>
          <w:p w:rsidR="00156FB3" w:rsidRDefault="00156FB3" w:rsidP="00156FB3">
            <w:r>
              <w:t xml:space="preserve">        top: 3.375em;</w:t>
            </w:r>
          </w:p>
          <w:p w:rsidR="00156FB3" w:rsidRDefault="00156FB3" w:rsidP="00156FB3">
            <w:r>
              <w:t xml:space="preserve">        right: 2.875em;</w:t>
            </w:r>
          </w:p>
          <w:p w:rsidR="00156FB3" w:rsidRDefault="00156FB3" w:rsidP="00156FB3">
            <w:r>
              <w:t xml:space="preserve">        width: 0;</w:t>
            </w:r>
          </w:p>
          <w:p w:rsidR="00156FB3" w:rsidRDefault="00156FB3" w:rsidP="00156FB3">
            <w:r>
              <w:t xml:space="preserve">    }</w:t>
            </w:r>
          </w:p>
          <w:p w:rsidR="00156FB3" w:rsidRDefault="00156FB3" w:rsidP="00156FB3">
            <w:r>
              <w:t xml:space="preserve">    84% {</w:t>
            </w:r>
          </w:p>
          <w:p w:rsidR="00156FB3" w:rsidRDefault="00156FB3" w:rsidP="00156FB3">
            <w:r>
              <w:t xml:space="preserve">        top: 2.1875em;</w:t>
            </w:r>
          </w:p>
          <w:p w:rsidR="00156FB3" w:rsidRDefault="00156FB3" w:rsidP="00156FB3">
            <w:r>
              <w:t xml:space="preserve">        right: 0;</w:t>
            </w:r>
          </w:p>
          <w:p w:rsidR="00156FB3" w:rsidRDefault="00156FB3" w:rsidP="00156FB3">
            <w:r>
              <w:t xml:space="preserve">        width: 3.4375em;</w:t>
            </w:r>
          </w:p>
          <w:p w:rsidR="00156FB3" w:rsidRDefault="00156FB3" w:rsidP="00156FB3">
            <w:r>
              <w:t xml:space="preserve">    }</w:t>
            </w:r>
          </w:p>
          <w:p w:rsidR="00156FB3" w:rsidRDefault="00156FB3" w:rsidP="00156FB3">
            <w:r>
              <w:t xml:space="preserve">    100% {</w:t>
            </w:r>
          </w:p>
          <w:p w:rsidR="00156FB3" w:rsidRDefault="00156FB3" w:rsidP="00156FB3">
            <w:r>
              <w:t xml:space="preserve">        top: 2.375em;</w:t>
            </w:r>
          </w:p>
          <w:p w:rsidR="00156FB3" w:rsidRDefault="00156FB3" w:rsidP="00156FB3">
            <w:r>
              <w:t xml:space="preserve">        right: .5em;</w:t>
            </w:r>
          </w:p>
          <w:p w:rsidR="00156FB3" w:rsidRDefault="00156FB3" w:rsidP="00156FB3">
            <w:r>
              <w:t xml:space="preserve">        width: 2.9375em;</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keyframes swal2-animate-success-line-long {</w:t>
            </w:r>
          </w:p>
          <w:p w:rsidR="00156FB3" w:rsidRDefault="00156FB3" w:rsidP="00156FB3">
            <w:r>
              <w:t xml:space="preserve">    0% {</w:t>
            </w:r>
          </w:p>
          <w:p w:rsidR="00156FB3" w:rsidRDefault="00156FB3" w:rsidP="00156FB3">
            <w:r>
              <w:t xml:space="preserve">        top: 3.375em;</w:t>
            </w:r>
          </w:p>
          <w:p w:rsidR="00156FB3" w:rsidRDefault="00156FB3" w:rsidP="00156FB3">
            <w:r>
              <w:t xml:space="preserve">        right: 2.875em;</w:t>
            </w:r>
          </w:p>
          <w:p w:rsidR="00156FB3" w:rsidRDefault="00156FB3" w:rsidP="00156FB3">
            <w:r>
              <w:t xml:space="preserve">        width: 0;</w:t>
            </w:r>
          </w:p>
          <w:p w:rsidR="00156FB3" w:rsidRDefault="00156FB3" w:rsidP="00156FB3">
            <w:r>
              <w:t xml:space="preserve">    }</w:t>
            </w:r>
          </w:p>
          <w:p w:rsidR="00156FB3" w:rsidRDefault="00156FB3" w:rsidP="00156FB3">
            <w:r>
              <w:t xml:space="preserve">    65% {</w:t>
            </w:r>
          </w:p>
          <w:p w:rsidR="00156FB3" w:rsidRDefault="00156FB3" w:rsidP="00156FB3">
            <w:r>
              <w:t xml:space="preserve">        top: 3.375em;</w:t>
            </w:r>
          </w:p>
          <w:p w:rsidR="00156FB3" w:rsidRDefault="00156FB3" w:rsidP="00156FB3">
            <w:r>
              <w:t xml:space="preserve">        right: 2.875em;</w:t>
            </w:r>
          </w:p>
          <w:p w:rsidR="00156FB3" w:rsidRDefault="00156FB3" w:rsidP="00156FB3">
            <w:r>
              <w:t xml:space="preserve">        width: 0;</w:t>
            </w:r>
          </w:p>
          <w:p w:rsidR="00156FB3" w:rsidRDefault="00156FB3" w:rsidP="00156FB3">
            <w:r>
              <w:t xml:space="preserve">    }</w:t>
            </w:r>
          </w:p>
          <w:p w:rsidR="00156FB3" w:rsidRDefault="00156FB3" w:rsidP="00156FB3">
            <w:r>
              <w:t xml:space="preserve">    84% {</w:t>
            </w:r>
          </w:p>
          <w:p w:rsidR="00156FB3" w:rsidRDefault="00156FB3" w:rsidP="00156FB3">
            <w:r>
              <w:t xml:space="preserve">        top: 2.1875em;</w:t>
            </w:r>
          </w:p>
          <w:p w:rsidR="00156FB3" w:rsidRDefault="00156FB3" w:rsidP="00156FB3">
            <w:r>
              <w:t xml:space="preserve">        right: 0;</w:t>
            </w:r>
          </w:p>
          <w:p w:rsidR="00156FB3" w:rsidRDefault="00156FB3" w:rsidP="00156FB3">
            <w:r>
              <w:t xml:space="preserve">        width: 3.4375em;</w:t>
            </w:r>
          </w:p>
          <w:p w:rsidR="00156FB3" w:rsidRDefault="00156FB3" w:rsidP="00156FB3">
            <w:r>
              <w:t xml:space="preserve">    }</w:t>
            </w:r>
          </w:p>
          <w:p w:rsidR="00156FB3" w:rsidRDefault="00156FB3" w:rsidP="00156FB3">
            <w:r>
              <w:t xml:space="preserve">    100% {</w:t>
            </w:r>
          </w:p>
          <w:p w:rsidR="00156FB3" w:rsidRDefault="00156FB3" w:rsidP="00156FB3">
            <w:r>
              <w:t xml:space="preserve">        top: 2.375em;</w:t>
            </w:r>
          </w:p>
          <w:p w:rsidR="00156FB3" w:rsidRDefault="00156FB3" w:rsidP="00156FB3">
            <w:r>
              <w:t xml:space="preserve">        right: .5em;</w:t>
            </w:r>
          </w:p>
          <w:p w:rsidR="00156FB3" w:rsidRDefault="00156FB3" w:rsidP="00156FB3">
            <w:r>
              <w:t xml:space="preserve">        width: 2.9375em;</w:t>
            </w:r>
          </w:p>
          <w:p w:rsidR="00156FB3" w:rsidRDefault="00156FB3" w:rsidP="00156FB3">
            <w:r>
              <w:lastRenderedPageBreak/>
              <w:t xml:space="preserve">    }</w:t>
            </w:r>
          </w:p>
          <w:p w:rsidR="00156FB3" w:rsidRDefault="00156FB3" w:rsidP="00156FB3">
            <w:r>
              <w:t>}</w:t>
            </w:r>
          </w:p>
          <w:p w:rsidR="00156FB3" w:rsidRDefault="00156FB3" w:rsidP="00156FB3"/>
          <w:p w:rsidR="00156FB3" w:rsidRDefault="00156FB3" w:rsidP="00156FB3">
            <w:r>
              <w:t>@-webkit-keyframes swal2-rotate-success-circular-line {</w:t>
            </w:r>
          </w:p>
          <w:p w:rsidR="00156FB3" w:rsidRDefault="00156FB3" w:rsidP="00156FB3">
            <w:r>
              <w:t xml:space="preserve">    0% {</w:t>
            </w:r>
          </w:p>
          <w:p w:rsidR="00156FB3" w:rsidRDefault="00156FB3" w:rsidP="00156FB3">
            <w:r>
              <w:t xml:space="preserve">        -webkit-transform: rotate(-45deg);</w:t>
            </w:r>
          </w:p>
          <w:p w:rsidR="00156FB3" w:rsidRDefault="00156FB3" w:rsidP="00156FB3">
            <w:r>
              <w:t xml:space="preserve">        transform: rotate(-45deg);</w:t>
            </w:r>
          </w:p>
          <w:p w:rsidR="00156FB3" w:rsidRDefault="00156FB3" w:rsidP="00156FB3">
            <w:r>
              <w:t xml:space="preserve">    }</w:t>
            </w:r>
          </w:p>
          <w:p w:rsidR="00156FB3" w:rsidRDefault="00156FB3" w:rsidP="00156FB3">
            <w:r>
              <w:t xml:space="preserve">    5% {</w:t>
            </w:r>
          </w:p>
          <w:p w:rsidR="00156FB3" w:rsidRDefault="00156FB3" w:rsidP="00156FB3">
            <w:r>
              <w:t xml:space="preserve">        -webkit-transform: rotate(-45deg);</w:t>
            </w:r>
          </w:p>
          <w:p w:rsidR="00156FB3" w:rsidRDefault="00156FB3" w:rsidP="00156FB3">
            <w:r>
              <w:t xml:space="preserve">        transform: rotate(-45deg);</w:t>
            </w:r>
          </w:p>
          <w:p w:rsidR="00156FB3" w:rsidRDefault="00156FB3" w:rsidP="00156FB3">
            <w:r>
              <w:t xml:space="preserve">    }</w:t>
            </w:r>
          </w:p>
          <w:p w:rsidR="00156FB3" w:rsidRDefault="00156FB3" w:rsidP="00156FB3">
            <w:r>
              <w:t xml:space="preserve">    12% {</w:t>
            </w:r>
          </w:p>
          <w:p w:rsidR="00156FB3" w:rsidRDefault="00156FB3" w:rsidP="00156FB3">
            <w:r>
              <w:t xml:space="preserve">        -webkit-transform: rotate(-405deg);</w:t>
            </w:r>
          </w:p>
          <w:p w:rsidR="00156FB3" w:rsidRDefault="00156FB3" w:rsidP="00156FB3">
            <w:r>
              <w:t xml:space="preserve">        transform: rotate(-405deg);</w:t>
            </w:r>
          </w:p>
          <w:p w:rsidR="00156FB3" w:rsidRDefault="00156FB3" w:rsidP="00156FB3">
            <w:r>
              <w:t xml:space="preserve">    }</w:t>
            </w:r>
          </w:p>
          <w:p w:rsidR="00156FB3" w:rsidRDefault="00156FB3" w:rsidP="00156FB3">
            <w:r>
              <w:t xml:space="preserve">    100% {</w:t>
            </w:r>
          </w:p>
          <w:p w:rsidR="00156FB3" w:rsidRDefault="00156FB3" w:rsidP="00156FB3">
            <w:r>
              <w:t xml:space="preserve">        -webkit-transform: rotate(-405deg);</w:t>
            </w:r>
          </w:p>
          <w:p w:rsidR="00156FB3" w:rsidRDefault="00156FB3" w:rsidP="00156FB3">
            <w:r>
              <w:t xml:space="preserve">        transform: rotate(-405deg);</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keyframes swal2-rotate-success-circular-line {</w:t>
            </w:r>
          </w:p>
          <w:p w:rsidR="00156FB3" w:rsidRDefault="00156FB3" w:rsidP="00156FB3">
            <w:r>
              <w:t xml:space="preserve">    0% {</w:t>
            </w:r>
          </w:p>
          <w:p w:rsidR="00156FB3" w:rsidRDefault="00156FB3" w:rsidP="00156FB3">
            <w:r>
              <w:t xml:space="preserve">        -webkit-transform: rotate(-45deg);</w:t>
            </w:r>
          </w:p>
          <w:p w:rsidR="00156FB3" w:rsidRDefault="00156FB3" w:rsidP="00156FB3">
            <w:r>
              <w:t xml:space="preserve">        transform: rotate(-45deg);</w:t>
            </w:r>
          </w:p>
          <w:p w:rsidR="00156FB3" w:rsidRDefault="00156FB3" w:rsidP="00156FB3">
            <w:r>
              <w:t xml:space="preserve">    }</w:t>
            </w:r>
          </w:p>
          <w:p w:rsidR="00156FB3" w:rsidRDefault="00156FB3" w:rsidP="00156FB3">
            <w:r>
              <w:t xml:space="preserve">    5% {</w:t>
            </w:r>
          </w:p>
          <w:p w:rsidR="00156FB3" w:rsidRDefault="00156FB3" w:rsidP="00156FB3">
            <w:r>
              <w:t xml:space="preserve">        -webkit-transform: rotate(-45deg);</w:t>
            </w:r>
          </w:p>
          <w:p w:rsidR="00156FB3" w:rsidRDefault="00156FB3" w:rsidP="00156FB3">
            <w:r>
              <w:t xml:space="preserve">        transform: rotate(-45deg);</w:t>
            </w:r>
          </w:p>
          <w:p w:rsidR="00156FB3" w:rsidRDefault="00156FB3" w:rsidP="00156FB3">
            <w:r>
              <w:t xml:space="preserve">    }</w:t>
            </w:r>
          </w:p>
          <w:p w:rsidR="00156FB3" w:rsidRDefault="00156FB3" w:rsidP="00156FB3">
            <w:r>
              <w:t xml:space="preserve">    12% {</w:t>
            </w:r>
          </w:p>
          <w:p w:rsidR="00156FB3" w:rsidRDefault="00156FB3" w:rsidP="00156FB3">
            <w:r>
              <w:t xml:space="preserve">        -webkit-transform: rotate(-405deg);</w:t>
            </w:r>
          </w:p>
          <w:p w:rsidR="00156FB3" w:rsidRDefault="00156FB3" w:rsidP="00156FB3">
            <w:r>
              <w:t xml:space="preserve">        transform: rotate(-405deg);</w:t>
            </w:r>
          </w:p>
          <w:p w:rsidR="00156FB3" w:rsidRDefault="00156FB3" w:rsidP="00156FB3">
            <w:r>
              <w:t xml:space="preserve">    }</w:t>
            </w:r>
          </w:p>
          <w:p w:rsidR="00156FB3" w:rsidRDefault="00156FB3" w:rsidP="00156FB3">
            <w:r>
              <w:t xml:space="preserve">    100% {</w:t>
            </w:r>
          </w:p>
          <w:p w:rsidR="00156FB3" w:rsidRDefault="00156FB3" w:rsidP="00156FB3">
            <w:r>
              <w:t xml:space="preserve">        -webkit-transform: rotate(-405deg);</w:t>
            </w:r>
          </w:p>
          <w:p w:rsidR="00156FB3" w:rsidRDefault="00156FB3" w:rsidP="00156FB3">
            <w:r>
              <w:t xml:space="preserve">        transform: rotate(-405deg);</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webkit-keyframes swal2-animate-error-x-mark {</w:t>
            </w:r>
          </w:p>
          <w:p w:rsidR="00156FB3" w:rsidRDefault="00156FB3" w:rsidP="00156FB3">
            <w:r>
              <w:t xml:space="preserve">    0% {</w:t>
            </w:r>
          </w:p>
          <w:p w:rsidR="00156FB3" w:rsidRDefault="00156FB3" w:rsidP="00156FB3">
            <w:r>
              <w:t xml:space="preserve">        margin-top: 1.625em;</w:t>
            </w:r>
          </w:p>
          <w:p w:rsidR="00156FB3" w:rsidRDefault="00156FB3" w:rsidP="00156FB3">
            <w:r>
              <w:t xml:space="preserve">        -webkit-transform: scale(0.4);</w:t>
            </w:r>
          </w:p>
          <w:p w:rsidR="00156FB3" w:rsidRDefault="00156FB3" w:rsidP="00156FB3">
            <w:r>
              <w:t xml:space="preserve">        transform: scale(0.4);</w:t>
            </w:r>
          </w:p>
          <w:p w:rsidR="00156FB3" w:rsidRDefault="00156FB3" w:rsidP="00156FB3">
            <w:r>
              <w:t xml:space="preserve">        opacity: 0;</w:t>
            </w:r>
          </w:p>
          <w:p w:rsidR="00156FB3" w:rsidRDefault="00156FB3" w:rsidP="00156FB3">
            <w:r>
              <w:t xml:space="preserve">    }</w:t>
            </w:r>
          </w:p>
          <w:p w:rsidR="00156FB3" w:rsidRDefault="00156FB3" w:rsidP="00156FB3">
            <w:r>
              <w:lastRenderedPageBreak/>
              <w:t xml:space="preserve">    50% {</w:t>
            </w:r>
          </w:p>
          <w:p w:rsidR="00156FB3" w:rsidRDefault="00156FB3" w:rsidP="00156FB3">
            <w:r>
              <w:t xml:space="preserve">        margin-top: 1.625em;</w:t>
            </w:r>
          </w:p>
          <w:p w:rsidR="00156FB3" w:rsidRDefault="00156FB3" w:rsidP="00156FB3">
            <w:r>
              <w:t xml:space="preserve">        -webkit-transform: scale(0.4);</w:t>
            </w:r>
          </w:p>
          <w:p w:rsidR="00156FB3" w:rsidRDefault="00156FB3" w:rsidP="00156FB3">
            <w:r>
              <w:t xml:space="preserve">        transform: scale(0.4);</w:t>
            </w:r>
          </w:p>
          <w:p w:rsidR="00156FB3" w:rsidRDefault="00156FB3" w:rsidP="00156FB3">
            <w:r>
              <w:t xml:space="preserve">        opacity: 0;</w:t>
            </w:r>
          </w:p>
          <w:p w:rsidR="00156FB3" w:rsidRDefault="00156FB3" w:rsidP="00156FB3">
            <w:r>
              <w:t xml:space="preserve">    }</w:t>
            </w:r>
          </w:p>
          <w:p w:rsidR="00156FB3" w:rsidRDefault="00156FB3" w:rsidP="00156FB3">
            <w:r>
              <w:t xml:space="preserve">    80% {</w:t>
            </w:r>
          </w:p>
          <w:p w:rsidR="00156FB3" w:rsidRDefault="00156FB3" w:rsidP="00156FB3">
            <w:r>
              <w:t xml:space="preserve">        margin-top: -.375em;</w:t>
            </w:r>
          </w:p>
          <w:p w:rsidR="00156FB3" w:rsidRDefault="00156FB3" w:rsidP="00156FB3">
            <w:r>
              <w:t xml:space="preserve">        -webkit-transform: scale(1.15);</w:t>
            </w:r>
          </w:p>
          <w:p w:rsidR="00156FB3" w:rsidRDefault="00156FB3" w:rsidP="00156FB3">
            <w:r>
              <w:t xml:space="preserve">        transform: scale(1.15);</w:t>
            </w:r>
          </w:p>
          <w:p w:rsidR="00156FB3" w:rsidRDefault="00156FB3" w:rsidP="00156FB3">
            <w:r>
              <w:t xml:space="preserve">    }</w:t>
            </w:r>
          </w:p>
          <w:p w:rsidR="00156FB3" w:rsidRDefault="00156FB3" w:rsidP="00156FB3">
            <w:r>
              <w:t xml:space="preserve">    100% {</w:t>
            </w:r>
          </w:p>
          <w:p w:rsidR="00156FB3" w:rsidRDefault="00156FB3" w:rsidP="00156FB3">
            <w:r>
              <w:t xml:space="preserve">        margin-top: 0;</w:t>
            </w:r>
          </w:p>
          <w:p w:rsidR="00156FB3" w:rsidRDefault="00156FB3" w:rsidP="00156FB3">
            <w:r>
              <w:t xml:space="preserve">        -webkit-transform: scale(1);</w:t>
            </w:r>
          </w:p>
          <w:p w:rsidR="00156FB3" w:rsidRDefault="00156FB3" w:rsidP="00156FB3">
            <w:r>
              <w:t xml:space="preserve">        transform: scale(1);</w:t>
            </w:r>
          </w:p>
          <w:p w:rsidR="00156FB3" w:rsidRDefault="00156FB3" w:rsidP="00156FB3">
            <w:r>
              <w:t xml:space="preserve">        opacity: 1;</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keyframes swal2-animate-error-x-mark {</w:t>
            </w:r>
          </w:p>
          <w:p w:rsidR="00156FB3" w:rsidRDefault="00156FB3" w:rsidP="00156FB3">
            <w:r>
              <w:t xml:space="preserve">    0% {</w:t>
            </w:r>
          </w:p>
          <w:p w:rsidR="00156FB3" w:rsidRDefault="00156FB3" w:rsidP="00156FB3">
            <w:r>
              <w:t xml:space="preserve">        margin-top: 1.625em;</w:t>
            </w:r>
          </w:p>
          <w:p w:rsidR="00156FB3" w:rsidRDefault="00156FB3" w:rsidP="00156FB3">
            <w:r>
              <w:t xml:space="preserve">        -webkit-transform: scale(0.4);</w:t>
            </w:r>
          </w:p>
          <w:p w:rsidR="00156FB3" w:rsidRDefault="00156FB3" w:rsidP="00156FB3">
            <w:r>
              <w:t xml:space="preserve">        transform: scale(0.4);</w:t>
            </w:r>
          </w:p>
          <w:p w:rsidR="00156FB3" w:rsidRDefault="00156FB3" w:rsidP="00156FB3">
            <w:r>
              <w:t xml:space="preserve">        opacity: 0;</w:t>
            </w:r>
          </w:p>
          <w:p w:rsidR="00156FB3" w:rsidRDefault="00156FB3" w:rsidP="00156FB3">
            <w:r>
              <w:t xml:space="preserve">    }</w:t>
            </w:r>
          </w:p>
          <w:p w:rsidR="00156FB3" w:rsidRDefault="00156FB3" w:rsidP="00156FB3">
            <w:r>
              <w:t xml:space="preserve">    50% {</w:t>
            </w:r>
          </w:p>
          <w:p w:rsidR="00156FB3" w:rsidRDefault="00156FB3" w:rsidP="00156FB3">
            <w:r>
              <w:t xml:space="preserve">        margin-top: 1.625em;</w:t>
            </w:r>
          </w:p>
          <w:p w:rsidR="00156FB3" w:rsidRDefault="00156FB3" w:rsidP="00156FB3">
            <w:r>
              <w:t xml:space="preserve">        -webkit-transform: scale(0.4);</w:t>
            </w:r>
          </w:p>
          <w:p w:rsidR="00156FB3" w:rsidRDefault="00156FB3" w:rsidP="00156FB3">
            <w:r>
              <w:t xml:space="preserve">        transform: scale(0.4);</w:t>
            </w:r>
          </w:p>
          <w:p w:rsidR="00156FB3" w:rsidRDefault="00156FB3" w:rsidP="00156FB3">
            <w:r>
              <w:t xml:space="preserve">        opacity: 0;</w:t>
            </w:r>
          </w:p>
          <w:p w:rsidR="00156FB3" w:rsidRDefault="00156FB3" w:rsidP="00156FB3">
            <w:r>
              <w:t xml:space="preserve">    }</w:t>
            </w:r>
          </w:p>
          <w:p w:rsidR="00156FB3" w:rsidRDefault="00156FB3" w:rsidP="00156FB3">
            <w:r>
              <w:t xml:space="preserve">    80% {</w:t>
            </w:r>
          </w:p>
          <w:p w:rsidR="00156FB3" w:rsidRDefault="00156FB3" w:rsidP="00156FB3">
            <w:r>
              <w:t xml:space="preserve">        margin-top: -.375em;</w:t>
            </w:r>
          </w:p>
          <w:p w:rsidR="00156FB3" w:rsidRDefault="00156FB3" w:rsidP="00156FB3">
            <w:r>
              <w:t xml:space="preserve">        -webkit-transform: scale(1.15);</w:t>
            </w:r>
          </w:p>
          <w:p w:rsidR="00156FB3" w:rsidRDefault="00156FB3" w:rsidP="00156FB3">
            <w:r>
              <w:t xml:space="preserve">        transform: scale(1.15);</w:t>
            </w:r>
          </w:p>
          <w:p w:rsidR="00156FB3" w:rsidRDefault="00156FB3" w:rsidP="00156FB3">
            <w:r>
              <w:t xml:space="preserve">    }</w:t>
            </w:r>
          </w:p>
          <w:p w:rsidR="00156FB3" w:rsidRDefault="00156FB3" w:rsidP="00156FB3">
            <w:r>
              <w:t xml:space="preserve">    100% {</w:t>
            </w:r>
          </w:p>
          <w:p w:rsidR="00156FB3" w:rsidRDefault="00156FB3" w:rsidP="00156FB3">
            <w:r>
              <w:t xml:space="preserve">        margin-top: 0;</w:t>
            </w:r>
          </w:p>
          <w:p w:rsidR="00156FB3" w:rsidRDefault="00156FB3" w:rsidP="00156FB3">
            <w:r>
              <w:t xml:space="preserve">        -webkit-transform: scale(1);</w:t>
            </w:r>
          </w:p>
          <w:p w:rsidR="00156FB3" w:rsidRDefault="00156FB3" w:rsidP="00156FB3">
            <w:r>
              <w:t xml:space="preserve">        transform: scale(1);</w:t>
            </w:r>
          </w:p>
          <w:p w:rsidR="00156FB3" w:rsidRDefault="00156FB3" w:rsidP="00156FB3">
            <w:r>
              <w:t xml:space="preserve">        opacity: 1;</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webkit-keyframes swal2-animate-error-icon {</w:t>
            </w:r>
          </w:p>
          <w:p w:rsidR="00156FB3" w:rsidRDefault="00156FB3" w:rsidP="00156FB3">
            <w:r>
              <w:t xml:space="preserve">    0% {</w:t>
            </w:r>
          </w:p>
          <w:p w:rsidR="00156FB3" w:rsidRDefault="00156FB3" w:rsidP="00156FB3">
            <w:r>
              <w:t xml:space="preserve">        -webkit-transform: rotateX(100deg);</w:t>
            </w:r>
          </w:p>
          <w:p w:rsidR="00156FB3" w:rsidRDefault="00156FB3" w:rsidP="00156FB3">
            <w:r>
              <w:lastRenderedPageBreak/>
              <w:t xml:space="preserve">        transform: rotateX(100deg);</w:t>
            </w:r>
          </w:p>
          <w:p w:rsidR="00156FB3" w:rsidRDefault="00156FB3" w:rsidP="00156FB3">
            <w:r>
              <w:t xml:space="preserve">        opacity: 0;</w:t>
            </w:r>
          </w:p>
          <w:p w:rsidR="00156FB3" w:rsidRDefault="00156FB3" w:rsidP="00156FB3">
            <w:r>
              <w:t xml:space="preserve">    }</w:t>
            </w:r>
          </w:p>
          <w:p w:rsidR="00156FB3" w:rsidRDefault="00156FB3" w:rsidP="00156FB3">
            <w:r>
              <w:t xml:space="preserve">    100% {</w:t>
            </w:r>
          </w:p>
          <w:p w:rsidR="00156FB3" w:rsidRDefault="00156FB3" w:rsidP="00156FB3">
            <w:r>
              <w:t xml:space="preserve">        -webkit-transform: rotateX(0deg);</w:t>
            </w:r>
          </w:p>
          <w:p w:rsidR="00156FB3" w:rsidRDefault="00156FB3" w:rsidP="00156FB3">
            <w:r>
              <w:t xml:space="preserve">        transform: rotateX(0deg);</w:t>
            </w:r>
          </w:p>
          <w:p w:rsidR="00156FB3" w:rsidRDefault="00156FB3" w:rsidP="00156FB3">
            <w:r>
              <w:t xml:space="preserve">        opacity: 1;</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keyframes swal2-animate-error-icon {</w:t>
            </w:r>
          </w:p>
          <w:p w:rsidR="00156FB3" w:rsidRDefault="00156FB3" w:rsidP="00156FB3">
            <w:r>
              <w:t xml:space="preserve">    0% {</w:t>
            </w:r>
          </w:p>
          <w:p w:rsidR="00156FB3" w:rsidRDefault="00156FB3" w:rsidP="00156FB3">
            <w:r>
              <w:t xml:space="preserve">        -webkit-transform: rotateX(100deg);</w:t>
            </w:r>
          </w:p>
          <w:p w:rsidR="00156FB3" w:rsidRDefault="00156FB3" w:rsidP="00156FB3">
            <w:r>
              <w:t xml:space="preserve">        transform: rotateX(100deg);</w:t>
            </w:r>
          </w:p>
          <w:p w:rsidR="00156FB3" w:rsidRDefault="00156FB3" w:rsidP="00156FB3">
            <w:r>
              <w:t xml:space="preserve">        opacity: 0;</w:t>
            </w:r>
          </w:p>
          <w:p w:rsidR="00156FB3" w:rsidRDefault="00156FB3" w:rsidP="00156FB3">
            <w:r>
              <w:t xml:space="preserve">    }</w:t>
            </w:r>
          </w:p>
          <w:p w:rsidR="00156FB3" w:rsidRDefault="00156FB3" w:rsidP="00156FB3">
            <w:r>
              <w:t xml:space="preserve">    100% {</w:t>
            </w:r>
          </w:p>
          <w:p w:rsidR="00156FB3" w:rsidRDefault="00156FB3" w:rsidP="00156FB3">
            <w:r>
              <w:t xml:space="preserve">        -webkit-transform: rotateX(0deg);</w:t>
            </w:r>
          </w:p>
          <w:p w:rsidR="00156FB3" w:rsidRDefault="00156FB3" w:rsidP="00156FB3">
            <w:r>
              <w:t xml:space="preserve">        transform: rotateX(0deg);</w:t>
            </w:r>
          </w:p>
          <w:p w:rsidR="00156FB3" w:rsidRDefault="00156FB3" w:rsidP="00156FB3">
            <w:r>
              <w:t xml:space="preserve">        opacity: 1;</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webkit-keyframes swal2-rotate-loading {</w:t>
            </w:r>
          </w:p>
          <w:p w:rsidR="00156FB3" w:rsidRDefault="00156FB3" w:rsidP="00156FB3">
            <w:r>
              <w:t xml:space="preserve">    0% {</w:t>
            </w:r>
          </w:p>
          <w:p w:rsidR="00156FB3" w:rsidRDefault="00156FB3" w:rsidP="00156FB3">
            <w:r>
              <w:t xml:space="preserve">        -webkit-transform: rotate(0deg);</w:t>
            </w:r>
          </w:p>
          <w:p w:rsidR="00156FB3" w:rsidRDefault="00156FB3" w:rsidP="00156FB3">
            <w:r>
              <w:t xml:space="preserve">        transform: rotate(0deg);</w:t>
            </w:r>
          </w:p>
          <w:p w:rsidR="00156FB3" w:rsidRDefault="00156FB3" w:rsidP="00156FB3">
            <w:r>
              <w:t xml:space="preserve">    }</w:t>
            </w:r>
          </w:p>
          <w:p w:rsidR="00156FB3" w:rsidRDefault="00156FB3" w:rsidP="00156FB3">
            <w:r>
              <w:t xml:space="preserve">    100% {</w:t>
            </w:r>
          </w:p>
          <w:p w:rsidR="00156FB3" w:rsidRDefault="00156FB3" w:rsidP="00156FB3">
            <w:r>
              <w:t xml:space="preserve">        -webkit-transform: rotate(360deg);</w:t>
            </w:r>
          </w:p>
          <w:p w:rsidR="00156FB3" w:rsidRDefault="00156FB3" w:rsidP="00156FB3">
            <w:r>
              <w:t xml:space="preserve">        transform: rotate(360deg);</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keyframes swal2-rotate-loading {</w:t>
            </w:r>
          </w:p>
          <w:p w:rsidR="00156FB3" w:rsidRDefault="00156FB3" w:rsidP="00156FB3">
            <w:r>
              <w:t xml:space="preserve">    0% {</w:t>
            </w:r>
          </w:p>
          <w:p w:rsidR="00156FB3" w:rsidRDefault="00156FB3" w:rsidP="00156FB3">
            <w:r>
              <w:t xml:space="preserve">        -webkit-transform: rotate(0deg);</w:t>
            </w:r>
          </w:p>
          <w:p w:rsidR="00156FB3" w:rsidRDefault="00156FB3" w:rsidP="00156FB3">
            <w:r>
              <w:t xml:space="preserve">        transform: rotate(0deg);</w:t>
            </w:r>
          </w:p>
          <w:p w:rsidR="00156FB3" w:rsidRDefault="00156FB3" w:rsidP="00156FB3">
            <w:r>
              <w:t xml:space="preserve">    }</w:t>
            </w:r>
          </w:p>
          <w:p w:rsidR="00156FB3" w:rsidRDefault="00156FB3" w:rsidP="00156FB3">
            <w:r>
              <w:t xml:space="preserve">    100% {</w:t>
            </w:r>
          </w:p>
          <w:p w:rsidR="00156FB3" w:rsidRDefault="00156FB3" w:rsidP="00156FB3">
            <w:r>
              <w:t xml:space="preserve">        -webkit-transform: rotate(360deg);</w:t>
            </w:r>
          </w:p>
          <w:p w:rsidR="00156FB3" w:rsidRDefault="00156FB3" w:rsidP="00156FB3">
            <w:r>
              <w:t xml:space="preserve">        transform: rotate(360deg);</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body.swal2-shown:not(.swal2-no-backdrop):not(.swal2-toast-shown) {</w:t>
            </w:r>
          </w:p>
          <w:p w:rsidR="00156FB3" w:rsidRDefault="00156FB3" w:rsidP="00156FB3">
            <w:r>
              <w:t xml:space="preserve">    overflow: hidden;</w:t>
            </w:r>
          </w:p>
          <w:p w:rsidR="00156FB3" w:rsidRDefault="00156FB3" w:rsidP="00156FB3">
            <w:r>
              <w:t>}</w:t>
            </w:r>
          </w:p>
          <w:p w:rsidR="00156FB3" w:rsidRDefault="00156FB3" w:rsidP="00156FB3"/>
          <w:p w:rsidR="00156FB3" w:rsidRDefault="00156FB3" w:rsidP="00156FB3">
            <w:r>
              <w:t>body.swal2-height-auto {</w:t>
            </w:r>
          </w:p>
          <w:p w:rsidR="00156FB3" w:rsidRDefault="00156FB3" w:rsidP="00156FB3">
            <w:r>
              <w:t xml:space="preserve">    height: auto !important;</w:t>
            </w:r>
          </w:p>
          <w:p w:rsidR="00156FB3" w:rsidRDefault="00156FB3" w:rsidP="00156FB3">
            <w:r>
              <w:t>}</w:t>
            </w:r>
          </w:p>
          <w:p w:rsidR="00156FB3" w:rsidRDefault="00156FB3" w:rsidP="00156FB3"/>
          <w:p w:rsidR="00156FB3" w:rsidRDefault="00156FB3" w:rsidP="00156FB3">
            <w:r>
              <w:t>body.swal2-no-backdrop .swal2-container {</w:t>
            </w:r>
          </w:p>
          <w:p w:rsidR="00156FB3" w:rsidRDefault="00156FB3" w:rsidP="00156FB3">
            <w:r>
              <w:t xml:space="preserve">    top: auto;</w:t>
            </w:r>
          </w:p>
          <w:p w:rsidR="00156FB3" w:rsidRDefault="00156FB3" w:rsidP="00156FB3">
            <w:r>
              <w:t xml:space="preserve">    right: auto;</w:t>
            </w:r>
          </w:p>
          <w:p w:rsidR="00156FB3" w:rsidRDefault="00156FB3" w:rsidP="00156FB3">
            <w:r>
              <w:t xml:space="preserve">    bottom: auto;</w:t>
            </w:r>
          </w:p>
          <w:p w:rsidR="00156FB3" w:rsidRDefault="00156FB3" w:rsidP="00156FB3">
            <w:r>
              <w:t xml:space="preserve">    left: auto;</w:t>
            </w:r>
          </w:p>
          <w:p w:rsidR="00156FB3" w:rsidRDefault="00156FB3" w:rsidP="00156FB3">
            <w:r>
              <w:t xml:space="preserve">    max-width: calc(100% - 0.625em * 2);</w:t>
            </w:r>
          </w:p>
          <w:p w:rsidR="00156FB3" w:rsidRDefault="00156FB3" w:rsidP="00156FB3">
            <w:r>
              <w:t xml:space="preserve">    background-color: transparent !important;</w:t>
            </w:r>
          </w:p>
          <w:p w:rsidR="00156FB3" w:rsidRDefault="00156FB3" w:rsidP="00156FB3">
            <w:r>
              <w:t>}</w:t>
            </w:r>
          </w:p>
          <w:p w:rsidR="00156FB3" w:rsidRDefault="00156FB3" w:rsidP="00156FB3"/>
          <w:p w:rsidR="00156FB3" w:rsidRDefault="00156FB3" w:rsidP="00156FB3">
            <w:r>
              <w:t>body.swal2-no-backdrop .swal2-container &gt; .swal2-modal {</w:t>
            </w:r>
          </w:p>
          <w:p w:rsidR="00156FB3" w:rsidRDefault="00156FB3" w:rsidP="00156FB3">
            <w:r>
              <w:t xml:space="preserve">    box-shadow: 0 0 10px rgba(0, 0, 0, 0.4);</w:t>
            </w:r>
          </w:p>
          <w:p w:rsidR="00156FB3" w:rsidRDefault="00156FB3" w:rsidP="00156FB3">
            <w:r>
              <w:t>}</w:t>
            </w:r>
          </w:p>
          <w:p w:rsidR="00156FB3" w:rsidRDefault="00156FB3" w:rsidP="00156FB3"/>
          <w:p w:rsidR="00156FB3" w:rsidRDefault="00156FB3" w:rsidP="00156FB3">
            <w:r>
              <w:t>body.swal2-no-backdrop .swal2-container.swal2-top {</w:t>
            </w:r>
          </w:p>
          <w:p w:rsidR="00156FB3" w:rsidRDefault="00156FB3" w:rsidP="00156FB3">
            <w:r>
              <w:t xml:space="preserve">    top: 0;</w:t>
            </w:r>
          </w:p>
          <w:p w:rsidR="00156FB3" w:rsidRDefault="00156FB3" w:rsidP="00156FB3">
            <w:r>
              <w:t xml:space="preserve">    left: 50%;</w:t>
            </w:r>
          </w:p>
          <w:p w:rsidR="00156FB3" w:rsidRDefault="00156FB3" w:rsidP="00156FB3">
            <w:r>
              <w:t xml:space="preserve">    -webkit-transform: translateX(-50%);</w:t>
            </w:r>
          </w:p>
          <w:p w:rsidR="00156FB3" w:rsidRDefault="00156FB3" w:rsidP="00156FB3">
            <w:r>
              <w:t xml:space="preserve">    transform: translateX(-50%);</w:t>
            </w:r>
          </w:p>
          <w:p w:rsidR="00156FB3" w:rsidRDefault="00156FB3" w:rsidP="00156FB3">
            <w:r>
              <w:t>}</w:t>
            </w:r>
          </w:p>
          <w:p w:rsidR="00156FB3" w:rsidRDefault="00156FB3" w:rsidP="00156FB3"/>
          <w:p w:rsidR="00156FB3" w:rsidRDefault="00156FB3" w:rsidP="00156FB3">
            <w:r>
              <w:t>body.swal2-no-backdrop .swal2-container.swal2-top-start, body.swal2-no-backdrop .swal2-container.swal2-top-left {</w:t>
            </w:r>
          </w:p>
          <w:p w:rsidR="00156FB3" w:rsidRDefault="00156FB3" w:rsidP="00156FB3">
            <w:r>
              <w:t xml:space="preserve">    top: 0;</w:t>
            </w:r>
          </w:p>
          <w:p w:rsidR="00156FB3" w:rsidRDefault="00156FB3" w:rsidP="00156FB3">
            <w:r>
              <w:t xml:space="preserve">    left: 0;</w:t>
            </w:r>
          </w:p>
          <w:p w:rsidR="00156FB3" w:rsidRDefault="00156FB3" w:rsidP="00156FB3">
            <w:r>
              <w:t>}</w:t>
            </w:r>
          </w:p>
          <w:p w:rsidR="00156FB3" w:rsidRDefault="00156FB3" w:rsidP="00156FB3"/>
          <w:p w:rsidR="00156FB3" w:rsidRDefault="00156FB3" w:rsidP="00156FB3">
            <w:r>
              <w:t>body.swal2-no-backdrop .swal2-container.swal2-top-end, body.swal2-no-backdrop .swal2-container.swal2-top-right {</w:t>
            </w:r>
          </w:p>
          <w:p w:rsidR="00156FB3" w:rsidRDefault="00156FB3" w:rsidP="00156FB3">
            <w:r>
              <w:t xml:space="preserve">    top: 0;</w:t>
            </w:r>
          </w:p>
          <w:p w:rsidR="00156FB3" w:rsidRDefault="00156FB3" w:rsidP="00156FB3">
            <w:r>
              <w:t xml:space="preserve">    right: 0;</w:t>
            </w:r>
          </w:p>
          <w:p w:rsidR="00156FB3" w:rsidRDefault="00156FB3" w:rsidP="00156FB3">
            <w:r>
              <w:t>}</w:t>
            </w:r>
          </w:p>
          <w:p w:rsidR="00156FB3" w:rsidRDefault="00156FB3" w:rsidP="00156FB3"/>
          <w:p w:rsidR="00156FB3" w:rsidRDefault="00156FB3" w:rsidP="00156FB3">
            <w:r>
              <w:t>body.swal2-no-backdrop .swal2-container.swal2-center {</w:t>
            </w:r>
          </w:p>
          <w:p w:rsidR="00156FB3" w:rsidRDefault="00156FB3" w:rsidP="00156FB3">
            <w:r>
              <w:t xml:space="preserve">    top: 50%;</w:t>
            </w:r>
          </w:p>
          <w:p w:rsidR="00156FB3" w:rsidRDefault="00156FB3" w:rsidP="00156FB3">
            <w:r>
              <w:t xml:space="preserve">    left: 50%;</w:t>
            </w:r>
          </w:p>
          <w:p w:rsidR="00156FB3" w:rsidRDefault="00156FB3" w:rsidP="00156FB3">
            <w:r>
              <w:t xml:space="preserve">    -webkit-transform: translate(-50%, -50%);</w:t>
            </w:r>
          </w:p>
          <w:p w:rsidR="00156FB3" w:rsidRDefault="00156FB3" w:rsidP="00156FB3">
            <w:r>
              <w:t xml:space="preserve">    transform: translate(-50%, -50%);</w:t>
            </w:r>
          </w:p>
          <w:p w:rsidR="00156FB3" w:rsidRDefault="00156FB3" w:rsidP="00156FB3">
            <w:r>
              <w:t>}</w:t>
            </w:r>
          </w:p>
          <w:p w:rsidR="00156FB3" w:rsidRDefault="00156FB3" w:rsidP="00156FB3"/>
          <w:p w:rsidR="00156FB3" w:rsidRDefault="00156FB3" w:rsidP="00156FB3">
            <w:r>
              <w:t>body.swal2-no-backdrop .swal2-container.swal2-center-start, body.swal2-no-backdrop .swal2-container.swal2-center-left {</w:t>
            </w:r>
          </w:p>
          <w:p w:rsidR="00156FB3" w:rsidRDefault="00156FB3" w:rsidP="00156FB3">
            <w:r>
              <w:t xml:space="preserve">    top: 50%;</w:t>
            </w:r>
          </w:p>
          <w:p w:rsidR="00156FB3" w:rsidRDefault="00156FB3" w:rsidP="00156FB3">
            <w:r>
              <w:t xml:space="preserve">    left: 0;</w:t>
            </w:r>
          </w:p>
          <w:p w:rsidR="00156FB3" w:rsidRDefault="00156FB3" w:rsidP="00156FB3">
            <w:r>
              <w:lastRenderedPageBreak/>
              <w:t xml:space="preserve">    -webkit-transform: translateY(-50%);</w:t>
            </w:r>
          </w:p>
          <w:p w:rsidR="00156FB3" w:rsidRDefault="00156FB3" w:rsidP="00156FB3">
            <w:r>
              <w:t xml:space="preserve">    transform: translateY(-50%);</w:t>
            </w:r>
          </w:p>
          <w:p w:rsidR="00156FB3" w:rsidRDefault="00156FB3" w:rsidP="00156FB3">
            <w:r>
              <w:t>}</w:t>
            </w:r>
          </w:p>
          <w:p w:rsidR="00156FB3" w:rsidRDefault="00156FB3" w:rsidP="00156FB3"/>
          <w:p w:rsidR="00156FB3" w:rsidRDefault="00156FB3" w:rsidP="00156FB3">
            <w:r>
              <w:t>body.swal2-no-backdrop .swal2-container.swal2-center-end, body.swal2-no-backdrop .swal2-container.swal2-center-right {</w:t>
            </w:r>
          </w:p>
          <w:p w:rsidR="00156FB3" w:rsidRDefault="00156FB3" w:rsidP="00156FB3">
            <w:r>
              <w:t xml:space="preserve">    top: 50%;</w:t>
            </w:r>
          </w:p>
          <w:p w:rsidR="00156FB3" w:rsidRDefault="00156FB3" w:rsidP="00156FB3">
            <w:r>
              <w:t xml:space="preserve">    right: 0;</w:t>
            </w:r>
          </w:p>
          <w:p w:rsidR="00156FB3" w:rsidRDefault="00156FB3" w:rsidP="00156FB3">
            <w:r>
              <w:t xml:space="preserve">    -webkit-transform: translateY(-50%);</w:t>
            </w:r>
          </w:p>
          <w:p w:rsidR="00156FB3" w:rsidRDefault="00156FB3" w:rsidP="00156FB3">
            <w:r>
              <w:t xml:space="preserve">    transform: translateY(-50%);</w:t>
            </w:r>
          </w:p>
          <w:p w:rsidR="00156FB3" w:rsidRDefault="00156FB3" w:rsidP="00156FB3">
            <w:r>
              <w:t>}</w:t>
            </w:r>
          </w:p>
          <w:p w:rsidR="00156FB3" w:rsidRDefault="00156FB3" w:rsidP="00156FB3"/>
          <w:p w:rsidR="00156FB3" w:rsidRDefault="00156FB3" w:rsidP="00156FB3">
            <w:r>
              <w:t>body.swal2-no-backdrop .swal2-container.swal2-bottom {</w:t>
            </w:r>
          </w:p>
          <w:p w:rsidR="00156FB3" w:rsidRDefault="00156FB3" w:rsidP="00156FB3">
            <w:r>
              <w:t xml:space="preserve">    bottom: 0;</w:t>
            </w:r>
          </w:p>
          <w:p w:rsidR="00156FB3" w:rsidRDefault="00156FB3" w:rsidP="00156FB3">
            <w:r>
              <w:t xml:space="preserve">    left: 50%;</w:t>
            </w:r>
          </w:p>
          <w:p w:rsidR="00156FB3" w:rsidRDefault="00156FB3" w:rsidP="00156FB3">
            <w:r>
              <w:t xml:space="preserve">    -webkit-transform: translateX(-50%);</w:t>
            </w:r>
          </w:p>
          <w:p w:rsidR="00156FB3" w:rsidRDefault="00156FB3" w:rsidP="00156FB3">
            <w:r>
              <w:t xml:space="preserve">    transform: translateX(-50%);</w:t>
            </w:r>
          </w:p>
          <w:p w:rsidR="00156FB3" w:rsidRDefault="00156FB3" w:rsidP="00156FB3">
            <w:r>
              <w:t>}</w:t>
            </w:r>
          </w:p>
          <w:p w:rsidR="00156FB3" w:rsidRDefault="00156FB3" w:rsidP="00156FB3"/>
          <w:p w:rsidR="00156FB3" w:rsidRDefault="00156FB3" w:rsidP="00156FB3">
            <w:r>
              <w:t>body.swal2-no-backdrop .swal2-container.swal2-bottom-start, body.swal2-no-backdrop .swal2-container.swal2-bottom-left {</w:t>
            </w:r>
          </w:p>
          <w:p w:rsidR="00156FB3" w:rsidRDefault="00156FB3" w:rsidP="00156FB3">
            <w:r>
              <w:t xml:space="preserve">    bottom: 0;</w:t>
            </w:r>
          </w:p>
          <w:p w:rsidR="00156FB3" w:rsidRDefault="00156FB3" w:rsidP="00156FB3">
            <w:r>
              <w:t xml:space="preserve">    left: 0;</w:t>
            </w:r>
          </w:p>
          <w:p w:rsidR="00156FB3" w:rsidRDefault="00156FB3" w:rsidP="00156FB3">
            <w:r>
              <w:t>}</w:t>
            </w:r>
          </w:p>
          <w:p w:rsidR="00156FB3" w:rsidRDefault="00156FB3" w:rsidP="00156FB3"/>
          <w:p w:rsidR="00156FB3" w:rsidRDefault="00156FB3" w:rsidP="00156FB3">
            <w:r>
              <w:t>body.swal2-no-backdrop .swal2-container.swal2-bottom-end, body.swal2-no-backdrop .swal2-container.swal2-bottom-right {</w:t>
            </w:r>
          </w:p>
          <w:p w:rsidR="00156FB3" w:rsidRDefault="00156FB3" w:rsidP="00156FB3">
            <w:r>
              <w:t xml:space="preserve">    right: 0;</w:t>
            </w:r>
          </w:p>
          <w:p w:rsidR="00156FB3" w:rsidRDefault="00156FB3" w:rsidP="00156FB3">
            <w:r>
              <w:t xml:space="preserve">    bottom: 0;</w:t>
            </w:r>
          </w:p>
          <w:p w:rsidR="00156FB3" w:rsidRDefault="00156FB3" w:rsidP="00156FB3">
            <w:r>
              <w:t>}</w:t>
            </w:r>
          </w:p>
          <w:p w:rsidR="00156FB3" w:rsidRDefault="00156FB3" w:rsidP="00156FB3"/>
          <w:p w:rsidR="00156FB3" w:rsidRDefault="00156FB3" w:rsidP="00156FB3">
            <w:r>
              <w:t>@media print {</w:t>
            </w:r>
          </w:p>
          <w:p w:rsidR="00156FB3" w:rsidRDefault="00156FB3" w:rsidP="00156FB3">
            <w:r>
              <w:t xml:space="preserve">    body.swal2-shown:not(.swal2-no-backdrop):not(.swal2-toast-shown) {</w:t>
            </w:r>
          </w:p>
          <w:p w:rsidR="00156FB3" w:rsidRDefault="00156FB3" w:rsidP="00156FB3">
            <w:r>
              <w:t xml:space="preserve">        overflow-y: scroll !important;</w:t>
            </w:r>
          </w:p>
          <w:p w:rsidR="00156FB3" w:rsidRDefault="00156FB3" w:rsidP="00156FB3">
            <w:r>
              <w:t xml:space="preserve">    }</w:t>
            </w:r>
          </w:p>
          <w:p w:rsidR="00156FB3" w:rsidRDefault="00156FB3" w:rsidP="00156FB3"/>
          <w:p w:rsidR="00156FB3" w:rsidRDefault="00156FB3" w:rsidP="00156FB3">
            <w:r>
              <w:t xml:space="preserve">    body.swal2-shown:not(.swal2-no-backdrop):not(.swal2-toast-shown) &gt; [aria-hidden='true'] {</w:t>
            </w:r>
          </w:p>
          <w:p w:rsidR="00156FB3" w:rsidRDefault="00156FB3" w:rsidP="00156FB3">
            <w:r>
              <w:t xml:space="preserve">        display: none;</w:t>
            </w:r>
          </w:p>
          <w:p w:rsidR="00156FB3" w:rsidRDefault="00156FB3" w:rsidP="00156FB3">
            <w:r>
              <w:t xml:space="preserve">    }</w:t>
            </w:r>
          </w:p>
          <w:p w:rsidR="00156FB3" w:rsidRDefault="00156FB3" w:rsidP="00156FB3"/>
          <w:p w:rsidR="00156FB3" w:rsidRDefault="00156FB3" w:rsidP="00156FB3">
            <w:r>
              <w:t xml:space="preserve">    body.swal2-shown:not(.swal2-no-backdrop):not(.swal2-toast-shown) .swal2-container {</w:t>
            </w:r>
          </w:p>
          <w:p w:rsidR="00156FB3" w:rsidRDefault="00156FB3" w:rsidP="00156FB3">
            <w:r>
              <w:t xml:space="preserve">        position: static !important;</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body.swal2-toast-shown .swal2-container {</w:t>
            </w:r>
          </w:p>
          <w:p w:rsidR="00156FB3" w:rsidRDefault="00156FB3" w:rsidP="00156FB3">
            <w:r>
              <w:t xml:space="preserve">    background-color: transparent;</w:t>
            </w:r>
          </w:p>
          <w:p w:rsidR="00156FB3" w:rsidRDefault="00156FB3" w:rsidP="00156FB3">
            <w:r>
              <w:t>}</w:t>
            </w:r>
          </w:p>
          <w:p w:rsidR="00156FB3" w:rsidRDefault="00156FB3" w:rsidP="00156FB3"/>
          <w:p w:rsidR="00156FB3" w:rsidRDefault="00156FB3" w:rsidP="00156FB3">
            <w:r>
              <w:t>body.swal2-toast-shown .swal2-container.swal2-top {</w:t>
            </w:r>
          </w:p>
          <w:p w:rsidR="00156FB3" w:rsidRDefault="00156FB3" w:rsidP="00156FB3">
            <w:r>
              <w:t xml:space="preserve">    top: 0;</w:t>
            </w:r>
          </w:p>
          <w:p w:rsidR="00156FB3" w:rsidRDefault="00156FB3" w:rsidP="00156FB3">
            <w:r>
              <w:t xml:space="preserve">    right: auto;</w:t>
            </w:r>
          </w:p>
          <w:p w:rsidR="00156FB3" w:rsidRDefault="00156FB3" w:rsidP="00156FB3">
            <w:r>
              <w:t xml:space="preserve">    bottom: auto;</w:t>
            </w:r>
          </w:p>
          <w:p w:rsidR="00156FB3" w:rsidRDefault="00156FB3" w:rsidP="00156FB3">
            <w:r>
              <w:t xml:space="preserve">    left: 50%;</w:t>
            </w:r>
          </w:p>
          <w:p w:rsidR="00156FB3" w:rsidRDefault="00156FB3" w:rsidP="00156FB3">
            <w:r>
              <w:t xml:space="preserve">    -webkit-transform: translateX(-50%);</w:t>
            </w:r>
          </w:p>
          <w:p w:rsidR="00156FB3" w:rsidRDefault="00156FB3" w:rsidP="00156FB3">
            <w:r>
              <w:t xml:space="preserve">    transform: translateX(-50%);</w:t>
            </w:r>
          </w:p>
          <w:p w:rsidR="00156FB3" w:rsidRDefault="00156FB3" w:rsidP="00156FB3">
            <w:r>
              <w:t>}</w:t>
            </w:r>
          </w:p>
          <w:p w:rsidR="00156FB3" w:rsidRDefault="00156FB3" w:rsidP="00156FB3"/>
          <w:p w:rsidR="00156FB3" w:rsidRDefault="00156FB3" w:rsidP="00156FB3">
            <w:r>
              <w:t>body.swal2-toast-shown .swal2-container.swal2-top-end, body.swal2-toast-shown .swal2-container.swal2-top-right {</w:t>
            </w:r>
          </w:p>
          <w:p w:rsidR="00156FB3" w:rsidRDefault="00156FB3" w:rsidP="00156FB3">
            <w:r>
              <w:t xml:space="preserve">    top: 0;</w:t>
            </w:r>
          </w:p>
          <w:p w:rsidR="00156FB3" w:rsidRDefault="00156FB3" w:rsidP="00156FB3">
            <w:r>
              <w:t xml:space="preserve">    right: 0;</w:t>
            </w:r>
          </w:p>
          <w:p w:rsidR="00156FB3" w:rsidRDefault="00156FB3" w:rsidP="00156FB3">
            <w:r>
              <w:t xml:space="preserve">    bottom: auto;</w:t>
            </w:r>
          </w:p>
          <w:p w:rsidR="00156FB3" w:rsidRDefault="00156FB3" w:rsidP="00156FB3">
            <w:r>
              <w:t xml:space="preserve">    left: auto;</w:t>
            </w:r>
          </w:p>
          <w:p w:rsidR="00156FB3" w:rsidRDefault="00156FB3" w:rsidP="00156FB3">
            <w:r>
              <w:t>}</w:t>
            </w:r>
          </w:p>
          <w:p w:rsidR="00156FB3" w:rsidRDefault="00156FB3" w:rsidP="00156FB3"/>
          <w:p w:rsidR="00156FB3" w:rsidRDefault="00156FB3" w:rsidP="00156FB3">
            <w:r>
              <w:t>body.swal2-toast-shown .swal2-container.swal2-top-start, body.swal2-toast-shown .swal2-container.swal2-top-left {</w:t>
            </w:r>
          </w:p>
          <w:p w:rsidR="00156FB3" w:rsidRDefault="00156FB3" w:rsidP="00156FB3">
            <w:r>
              <w:t xml:space="preserve">    top: 0;</w:t>
            </w:r>
          </w:p>
          <w:p w:rsidR="00156FB3" w:rsidRDefault="00156FB3" w:rsidP="00156FB3">
            <w:r>
              <w:t xml:space="preserve">    right: auto;</w:t>
            </w:r>
          </w:p>
          <w:p w:rsidR="00156FB3" w:rsidRDefault="00156FB3" w:rsidP="00156FB3">
            <w:r>
              <w:t xml:space="preserve">    bottom: auto;</w:t>
            </w:r>
          </w:p>
          <w:p w:rsidR="00156FB3" w:rsidRDefault="00156FB3" w:rsidP="00156FB3">
            <w:r>
              <w:t xml:space="preserve">    left: 0;</w:t>
            </w:r>
          </w:p>
          <w:p w:rsidR="00156FB3" w:rsidRDefault="00156FB3" w:rsidP="00156FB3">
            <w:r>
              <w:t>}</w:t>
            </w:r>
          </w:p>
          <w:p w:rsidR="00156FB3" w:rsidRDefault="00156FB3" w:rsidP="00156FB3"/>
          <w:p w:rsidR="00156FB3" w:rsidRDefault="00156FB3" w:rsidP="00156FB3">
            <w:r>
              <w:t>body.swal2-toast-shown .swal2-container.swal2-center-start, body.swal2-toast-shown .swal2-container.swal2-center-left {</w:t>
            </w:r>
          </w:p>
          <w:p w:rsidR="00156FB3" w:rsidRDefault="00156FB3" w:rsidP="00156FB3">
            <w:r>
              <w:t xml:space="preserve">    top: 50%;</w:t>
            </w:r>
          </w:p>
          <w:p w:rsidR="00156FB3" w:rsidRDefault="00156FB3" w:rsidP="00156FB3">
            <w:r>
              <w:t xml:space="preserve">    right: auto;</w:t>
            </w:r>
          </w:p>
          <w:p w:rsidR="00156FB3" w:rsidRDefault="00156FB3" w:rsidP="00156FB3">
            <w:r>
              <w:t xml:space="preserve">    bottom: auto;</w:t>
            </w:r>
          </w:p>
          <w:p w:rsidR="00156FB3" w:rsidRDefault="00156FB3" w:rsidP="00156FB3">
            <w:r>
              <w:t xml:space="preserve">    left: 0;</w:t>
            </w:r>
          </w:p>
          <w:p w:rsidR="00156FB3" w:rsidRDefault="00156FB3" w:rsidP="00156FB3">
            <w:r>
              <w:t xml:space="preserve">    -webkit-transform: translateY(-50%);</w:t>
            </w:r>
          </w:p>
          <w:p w:rsidR="00156FB3" w:rsidRDefault="00156FB3" w:rsidP="00156FB3">
            <w:r>
              <w:t xml:space="preserve">    transform: translateY(-50%);</w:t>
            </w:r>
          </w:p>
          <w:p w:rsidR="00156FB3" w:rsidRDefault="00156FB3" w:rsidP="00156FB3">
            <w:r>
              <w:t>}</w:t>
            </w:r>
          </w:p>
          <w:p w:rsidR="00156FB3" w:rsidRDefault="00156FB3" w:rsidP="00156FB3"/>
          <w:p w:rsidR="00156FB3" w:rsidRDefault="00156FB3" w:rsidP="00156FB3">
            <w:r>
              <w:t>body.swal2-toast-shown .swal2-container.swal2-center {</w:t>
            </w:r>
          </w:p>
          <w:p w:rsidR="00156FB3" w:rsidRDefault="00156FB3" w:rsidP="00156FB3">
            <w:r>
              <w:t xml:space="preserve">    top: 50%;</w:t>
            </w:r>
          </w:p>
          <w:p w:rsidR="00156FB3" w:rsidRDefault="00156FB3" w:rsidP="00156FB3">
            <w:r>
              <w:t xml:space="preserve">    right: auto;</w:t>
            </w:r>
          </w:p>
          <w:p w:rsidR="00156FB3" w:rsidRDefault="00156FB3" w:rsidP="00156FB3">
            <w:r>
              <w:t xml:space="preserve">    bottom: auto;</w:t>
            </w:r>
          </w:p>
          <w:p w:rsidR="00156FB3" w:rsidRDefault="00156FB3" w:rsidP="00156FB3">
            <w:r>
              <w:t xml:space="preserve">    left: 50%;</w:t>
            </w:r>
          </w:p>
          <w:p w:rsidR="00156FB3" w:rsidRDefault="00156FB3" w:rsidP="00156FB3">
            <w:r>
              <w:t xml:space="preserve">    -webkit-transform: translate(-50%, -50%);</w:t>
            </w:r>
          </w:p>
          <w:p w:rsidR="00156FB3" w:rsidRDefault="00156FB3" w:rsidP="00156FB3">
            <w:r>
              <w:t xml:space="preserve">    transform: translate(-50%, -50%);</w:t>
            </w:r>
          </w:p>
          <w:p w:rsidR="00156FB3" w:rsidRDefault="00156FB3" w:rsidP="00156FB3">
            <w:r>
              <w:t>}</w:t>
            </w:r>
          </w:p>
          <w:p w:rsidR="00156FB3" w:rsidRDefault="00156FB3" w:rsidP="00156FB3"/>
          <w:p w:rsidR="00156FB3" w:rsidRDefault="00156FB3" w:rsidP="00156FB3">
            <w:r>
              <w:t>body.swal2-toast-shown .swal2-container.swal2-center-end, body.swal2-toast-shown .swal2-container.swal2-center-right {</w:t>
            </w:r>
          </w:p>
          <w:p w:rsidR="00156FB3" w:rsidRDefault="00156FB3" w:rsidP="00156FB3">
            <w:r>
              <w:t xml:space="preserve">    top: 50%;</w:t>
            </w:r>
          </w:p>
          <w:p w:rsidR="00156FB3" w:rsidRDefault="00156FB3" w:rsidP="00156FB3">
            <w:r>
              <w:lastRenderedPageBreak/>
              <w:t xml:space="preserve">    right: 0;</w:t>
            </w:r>
          </w:p>
          <w:p w:rsidR="00156FB3" w:rsidRDefault="00156FB3" w:rsidP="00156FB3">
            <w:r>
              <w:t xml:space="preserve">    bottom: auto;</w:t>
            </w:r>
          </w:p>
          <w:p w:rsidR="00156FB3" w:rsidRDefault="00156FB3" w:rsidP="00156FB3">
            <w:r>
              <w:t xml:space="preserve">    left: auto;</w:t>
            </w:r>
          </w:p>
          <w:p w:rsidR="00156FB3" w:rsidRDefault="00156FB3" w:rsidP="00156FB3">
            <w:r>
              <w:t xml:space="preserve">    -webkit-transform: translateY(-50%);</w:t>
            </w:r>
          </w:p>
          <w:p w:rsidR="00156FB3" w:rsidRDefault="00156FB3" w:rsidP="00156FB3">
            <w:r>
              <w:t xml:space="preserve">    transform: translateY(-50%);</w:t>
            </w:r>
          </w:p>
          <w:p w:rsidR="00156FB3" w:rsidRDefault="00156FB3" w:rsidP="00156FB3">
            <w:r>
              <w:t>}</w:t>
            </w:r>
          </w:p>
          <w:p w:rsidR="00156FB3" w:rsidRDefault="00156FB3" w:rsidP="00156FB3"/>
          <w:p w:rsidR="00156FB3" w:rsidRDefault="00156FB3" w:rsidP="00156FB3">
            <w:r>
              <w:t>body.swal2-toast-shown .swal2-container.swal2-bottom-start, body.swal2-toast-shown .swal2-container.swal2-bottom-left {</w:t>
            </w:r>
          </w:p>
          <w:p w:rsidR="00156FB3" w:rsidRDefault="00156FB3" w:rsidP="00156FB3">
            <w:r>
              <w:t xml:space="preserve">    top: auto;</w:t>
            </w:r>
          </w:p>
          <w:p w:rsidR="00156FB3" w:rsidRDefault="00156FB3" w:rsidP="00156FB3">
            <w:r>
              <w:t xml:space="preserve">    right: auto;</w:t>
            </w:r>
          </w:p>
          <w:p w:rsidR="00156FB3" w:rsidRDefault="00156FB3" w:rsidP="00156FB3">
            <w:r>
              <w:t xml:space="preserve">    bottom: 0;</w:t>
            </w:r>
          </w:p>
          <w:p w:rsidR="00156FB3" w:rsidRDefault="00156FB3" w:rsidP="00156FB3">
            <w:r>
              <w:t xml:space="preserve">    left: 0;</w:t>
            </w:r>
          </w:p>
          <w:p w:rsidR="00156FB3" w:rsidRDefault="00156FB3" w:rsidP="00156FB3">
            <w:r>
              <w:t>}</w:t>
            </w:r>
          </w:p>
          <w:p w:rsidR="00156FB3" w:rsidRDefault="00156FB3" w:rsidP="00156FB3"/>
          <w:p w:rsidR="00156FB3" w:rsidRDefault="00156FB3" w:rsidP="00156FB3">
            <w:r>
              <w:t>body.swal2-toast-shown .swal2-container.swal2-bottom {</w:t>
            </w:r>
          </w:p>
          <w:p w:rsidR="00156FB3" w:rsidRDefault="00156FB3" w:rsidP="00156FB3">
            <w:r>
              <w:t xml:space="preserve">    top: auto;</w:t>
            </w:r>
          </w:p>
          <w:p w:rsidR="00156FB3" w:rsidRDefault="00156FB3" w:rsidP="00156FB3">
            <w:r>
              <w:t xml:space="preserve">    right: auto;</w:t>
            </w:r>
          </w:p>
          <w:p w:rsidR="00156FB3" w:rsidRDefault="00156FB3" w:rsidP="00156FB3">
            <w:r>
              <w:t xml:space="preserve">    bottom: 0;</w:t>
            </w:r>
          </w:p>
          <w:p w:rsidR="00156FB3" w:rsidRDefault="00156FB3" w:rsidP="00156FB3">
            <w:r>
              <w:t xml:space="preserve">    left: 50%;</w:t>
            </w:r>
          </w:p>
          <w:p w:rsidR="00156FB3" w:rsidRDefault="00156FB3" w:rsidP="00156FB3">
            <w:r>
              <w:t xml:space="preserve">    -webkit-transform: translateX(-50%);</w:t>
            </w:r>
          </w:p>
          <w:p w:rsidR="00156FB3" w:rsidRDefault="00156FB3" w:rsidP="00156FB3">
            <w:r>
              <w:t xml:space="preserve">    transform: translateX(-50%);</w:t>
            </w:r>
          </w:p>
          <w:p w:rsidR="00156FB3" w:rsidRDefault="00156FB3" w:rsidP="00156FB3">
            <w:r>
              <w:t>}</w:t>
            </w:r>
          </w:p>
          <w:p w:rsidR="00156FB3" w:rsidRDefault="00156FB3" w:rsidP="00156FB3"/>
          <w:p w:rsidR="00156FB3" w:rsidRDefault="00156FB3" w:rsidP="00156FB3">
            <w:r>
              <w:t>body.swal2-toast-shown .swal2-container.swal2-bottom-end, body.swal2-toast-shown .swal2-container.swal2-bottom-right {</w:t>
            </w:r>
          </w:p>
          <w:p w:rsidR="00156FB3" w:rsidRDefault="00156FB3" w:rsidP="00156FB3">
            <w:r>
              <w:t xml:space="preserve">    top: auto;</w:t>
            </w:r>
          </w:p>
          <w:p w:rsidR="00156FB3" w:rsidRDefault="00156FB3" w:rsidP="00156FB3">
            <w:r>
              <w:t xml:space="preserve">    right: 0;</w:t>
            </w:r>
          </w:p>
          <w:p w:rsidR="00156FB3" w:rsidRDefault="00156FB3" w:rsidP="00156FB3">
            <w:r>
              <w:t xml:space="preserve">    bottom: 0;</w:t>
            </w:r>
          </w:p>
          <w:p w:rsidR="00156FB3" w:rsidRDefault="00156FB3" w:rsidP="00156FB3">
            <w:r>
              <w:t xml:space="preserve">    left: auto;</w:t>
            </w:r>
          </w:p>
          <w:p w:rsidR="00156FB3" w:rsidRDefault="00156FB3" w:rsidP="00156FB3">
            <w:r>
              <w:t>}</w:t>
            </w:r>
          </w:p>
          <w:p w:rsidR="00156FB3" w:rsidRDefault="00156FB3" w:rsidP="00156FB3"/>
          <w:p w:rsidR="00156FB3" w:rsidRDefault="00156FB3" w:rsidP="00156FB3">
            <w:r>
              <w:t>body.swal2-toast-column .swal2-toast {</w:t>
            </w:r>
          </w:p>
          <w:p w:rsidR="00156FB3" w:rsidRDefault="00156FB3" w:rsidP="00156FB3">
            <w:r>
              <w:t xml:space="preserve">    -webkit-box-orient: vertical;</w:t>
            </w:r>
          </w:p>
          <w:p w:rsidR="00156FB3" w:rsidRDefault="00156FB3" w:rsidP="00156FB3">
            <w:r>
              <w:t xml:space="preserve">    -webkit-box-direction: normal;</w:t>
            </w:r>
          </w:p>
          <w:p w:rsidR="00156FB3" w:rsidRDefault="00156FB3" w:rsidP="00156FB3">
            <w:r>
              <w:t xml:space="preserve">    flex-direction: column;</w:t>
            </w:r>
          </w:p>
          <w:p w:rsidR="00156FB3" w:rsidRDefault="00156FB3" w:rsidP="00156FB3">
            <w:r>
              <w:t xml:space="preserve">    -webkit-box-align: stretch;</w:t>
            </w:r>
          </w:p>
          <w:p w:rsidR="00156FB3" w:rsidRDefault="00156FB3" w:rsidP="00156FB3">
            <w:r>
              <w:t xml:space="preserve">    align-items: stretch;</w:t>
            </w:r>
          </w:p>
          <w:p w:rsidR="00156FB3" w:rsidRDefault="00156FB3" w:rsidP="00156FB3">
            <w:r>
              <w:t>}</w:t>
            </w:r>
          </w:p>
          <w:p w:rsidR="00156FB3" w:rsidRDefault="00156FB3" w:rsidP="00156FB3"/>
          <w:p w:rsidR="00156FB3" w:rsidRDefault="00156FB3" w:rsidP="00156FB3">
            <w:r>
              <w:t>body.swal2-toast-column .swal2-toast .swal2-actions {</w:t>
            </w:r>
          </w:p>
          <w:p w:rsidR="00156FB3" w:rsidRDefault="00156FB3" w:rsidP="00156FB3">
            <w:r>
              <w:t xml:space="preserve">    -webkit-box-flex: 1;</w:t>
            </w:r>
          </w:p>
          <w:p w:rsidR="00156FB3" w:rsidRDefault="00156FB3" w:rsidP="00156FB3">
            <w:r>
              <w:t xml:space="preserve">    flex: 1;</w:t>
            </w:r>
          </w:p>
          <w:p w:rsidR="00156FB3" w:rsidRDefault="00156FB3" w:rsidP="00156FB3">
            <w:r>
              <w:t xml:space="preserve">    align-self: stretch;</w:t>
            </w:r>
          </w:p>
          <w:p w:rsidR="00156FB3" w:rsidRDefault="00156FB3" w:rsidP="00156FB3">
            <w:r>
              <w:t xml:space="preserve">    height: 2.2em;</w:t>
            </w:r>
          </w:p>
          <w:p w:rsidR="00156FB3" w:rsidRDefault="00156FB3" w:rsidP="00156FB3">
            <w:r>
              <w:t xml:space="preserve">    margin-top: .3125em;</w:t>
            </w:r>
          </w:p>
          <w:p w:rsidR="00156FB3" w:rsidRDefault="00156FB3" w:rsidP="00156FB3">
            <w:r>
              <w:t>}</w:t>
            </w:r>
          </w:p>
          <w:p w:rsidR="00156FB3" w:rsidRDefault="00156FB3" w:rsidP="00156FB3"/>
          <w:p w:rsidR="00156FB3" w:rsidRDefault="00156FB3" w:rsidP="00156FB3">
            <w:r>
              <w:lastRenderedPageBreak/>
              <w:t>body.swal2-toast-column .swal2-toast .swal2-loading {</w:t>
            </w:r>
          </w:p>
          <w:p w:rsidR="00156FB3" w:rsidRDefault="00156FB3" w:rsidP="00156FB3">
            <w:r>
              <w:t xml:space="preserve">    -webkit-box-pack: center;</w:t>
            </w:r>
          </w:p>
          <w:p w:rsidR="00156FB3" w:rsidRDefault="00156FB3" w:rsidP="00156FB3">
            <w:r>
              <w:t xml:space="preserve">    justify-content: center;</w:t>
            </w:r>
          </w:p>
          <w:p w:rsidR="00156FB3" w:rsidRDefault="00156FB3" w:rsidP="00156FB3">
            <w:r>
              <w:t>}</w:t>
            </w:r>
          </w:p>
          <w:p w:rsidR="00156FB3" w:rsidRDefault="00156FB3" w:rsidP="00156FB3"/>
          <w:p w:rsidR="00156FB3" w:rsidRDefault="00156FB3" w:rsidP="00156FB3">
            <w:r>
              <w:t>body.swal2-toast-column .swal2-toast .swal2-input {</w:t>
            </w:r>
          </w:p>
          <w:p w:rsidR="00156FB3" w:rsidRDefault="00156FB3" w:rsidP="00156FB3">
            <w:r>
              <w:t xml:space="preserve">    height: 2em;</w:t>
            </w:r>
          </w:p>
          <w:p w:rsidR="00156FB3" w:rsidRDefault="00156FB3" w:rsidP="00156FB3">
            <w:r>
              <w:t xml:space="preserve">    margin: .3125em auto;</w:t>
            </w:r>
          </w:p>
          <w:p w:rsidR="00156FB3" w:rsidRDefault="00156FB3" w:rsidP="00156FB3">
            <w:r>
              <w:t xml:space="preserve">    font-size: 1em;</w:t>
            </w:r>
          </w:p>
          <w:p w:rsidR="00156FB3" w:rsidRDefault="00156FB3" w:rsidP="00156FB3">
            <w:r>
              <w:t>}</w:t>
            </w:r>
          </w:p>
          <w:p w:rsidR="00156FB3" w:rsidRDefault="00156FB3" w:rsidP="00156FB3"/>
          <w:p w:rsidR="00156FB3" w:rsidRDefault="00156FB3" w:rsidP="00156FB3">
            <w:r>
              <w:t>body.swal2-toast-column .swal2-toast .swal2-validation-message {</w:t>
            </w:r>
          </w:p>
          <w:p w:rsidR="00156FB3" w:rsidRDefault="00156FB3" w:rsidP="00156FB3">
            <w:r>
              <w:t xml:space="preserve">    font-size: 1em;</w:t>
            </w:r>
          </w:p>
          <w:p w:rsidR="0048012D" w:rsidRDefault="00156FB3" w:rsidP="00156FB3">
            <w:r>
              <w:t>}</w:t>
            </w:r>
          </w:p>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Nouislider.css</w:t>
            </w:r>
          </w:p>
        </w:tc>
      </w:tr>
      <w:tr w:rsidR="0048012D" w:rsidTr="0048012D">
        <w:tc>
          <w:tcPr>
            <w:tcW w:w="9576" w:type="dxa"/>
          </w:tcPr>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nouislider - 14.1.1 - 12/15/2019</w:t>
            </w: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Functional styling;</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 These styles are required for noUiSlider to function.</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xml:space="preserve"> * You don't need to change these rules to apply your design.</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targe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target</w:t>
            </w:r>
            <w:r>
              <w:rPr>
                <w:rFonts w:ascii="Cascadia Mono" w:hAnsi="Cascadia Mono" w:cs="Cascadia Mono"/>
                <w:color w:val="000000"/>
                <w:sz w:val="19"/>
                <w:szCs w:val="19"/>
              </w:rPr>
              <w:t xml:space="preserve"> </w:t>
            </w:r>
            <w:r>
              <w:rPr>
                <w:rFonts w:ascii="Cascadia Mono" w:hAnsi="Cascadia Mono" w:cs="Cascadia Mono"/>
                <w:color w:val="800000"/>
                <w:sz w:val="19"/>
                <w:szCs w:val="19"/>
              </w:rPr>
              <w:t>*</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ouch-callout</w:t>
            </w:r>
            <w:r>
              <w:rPr>
                <w:rFonts w:ascii="Cascadia Mono" w:hAnsi="Cascadia Mono" w:cs="Cascadia Mono"/>
                <w:color w:val="000000"/>
                <w:sz w:val="19"/>
                <w:szCs w:val="19"/>
              </w:rPr>
              <w:t xml:space="preserve">: </w:t>
            </w:r>
            <w:r>
              <w:rPr>
                <w:rFonts w:ascii="Cascadia Mono" w:hAnsi="Cascadia Mono" w:cs="Cascadia Mono"/>
                <w:color w:val="0000FF"/>
                <w:sz w:val="19"/>
                <w:szCs w:val="19"/>
              </w:rPr>
              <w:t>non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ap-highlight-color</w:t>
            </w:r>
            <w:r>
              <w:rPr>
                <w:rFonts w:ascii="Cascadia Mono" w:hAnsi="Cascadia Mono" w:cs="Cascadia Mono"/>
                <w:color w:val="000000"/>
                <w:sz w:val="19"/>
                <w:szCs w:val="19"/>
              </w:rPr>
              <w:t xml:space="preserve">: </w:t>
            </w:r>
            <w:r>
              <w:rPr>
                <w:rFonts w:ascii="Cascadia Mono" w:hAnsi="Cascadia Mono" w:cs="Cascadia Mono"/>
                <w:color w:val="0000FF"/>
                <w:sz w:val="19"/>
                <w:szCs w:val="19"/>
              </w:rPr>
              <w:t>rgba(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user-select</w:t>
            </w:r>
            <w:r>
              <w:rPr>
                <w:rFonts w:ascii="Cascadia Mono" w:hAnsi="Cascadia Mono" w:cs="Cascadia Mono"/>
                <w:color w:val="000000"/>
                <w:sz w:val="19"/>
                <w:szCs w:val="19"/>
              </w:rPr>
              <w:t xml:space="preserve">: </w:t>
            </w:r>
            <w:r>
              <w:rPr>
                <w:rFonts w:ascii="Cascadia Mono" w:hAnsi="Cascadia Mono" w:cs="Cascadia Mono"/>
                <w:color w:val="0000FF"/>
                <w:sz w:val="19"/>
                <w:szCs w:val="19"/>
              </w:rPr>
              <w:t>non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s-touch-action</w:t>
            </w:r>
            <w:r>
              <w:rPr>
                <w:rFonts w:ascii="Cascadia Mono" w:hAnsi="Cascadia Mono" w:cs="Cascadia Mono"/>
                <w:color w:val="000000"/>
                <w:sz w:val="19"/>
                <w:szCs w:val="19"/>
              </w:rPr>
              <w:t xml:space="preserve">: </w:t>
            </w:r>
            <w:r>
              <w:rPr>
                <w:rFonts w:ascii="Cascadia Mono" w:hAnsi="Cascadia Mono" w:cs="Cascadia Mono"/>
                <w:color w:val="0000FF"/>
                <w:sz w:val="19"/>
                <w:szCs w:val="19"/>
              </w:rPr>
              <w:t>non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ouch-action</w:t>
            </w:r>
            <w:r>
              <w:rPr>
                <w:rFonts w:ascii="Cascadia Mono" w:hAnsi="Cascadia Mono" w:cs="Cascadia Mono"/>
                <w:color w:val="000000"/>
                <w:sz w:val="19"/>
                <w:szCs w:val="19"/>
              </w:rPr>
              <w:t xml:space="preserve">: </w:t>
            </w:r>
            <w:r>
              <w:rPr>
                <w:rFonts w:ascii="Cascadia Mono" w:hAnsi="Cascadia Mono" w:cs="Cascadia Mono"/>
                <w:color w:val="0000FF"/>
                <w:sz w:val="19"/>
                <w:szCs w:val="19"/>
              </w:rPr>
              <w:t>non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s-user-select</w:t>
            </w:r>
            <w:r>
              <w:rPr>
                <w:rFonts w:ascii="Cascadia Mono" w:hAnsi="Cascadia Mono" w:cs="Cascadia Mono"/>
                <w:color w:val="000000"/>
                <w:sz w:val="19"/>
                <w:szCs w:val="19"/>
              </w:rPr>
              <w:t xml:space="preserve">: </w:t>
            </w:r>
            <w:r>
              <w:rPr>
                <w:rFonts w:ascii="Cascadia Mono" w:hAnsi="Cascadia Mono" w:cs="Cascadia Mono"/>
                <w:color w:val="0000FF"/>
                <w:sz w:val="19"/>
                <w:szCs w:val="19"/>
              </w:rPr>
              <w:t>non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oz-user-select</w:t>
            </w:r>
            <w:r>
              <w:rPr>
                <w:rFonts w:ascii="Cascadia Mono" w:hAnsi="Cascadia Mono" w:cs="Cascadia Mono"/>
                <w:color w:val="000000"/>
                <w:sz w:val="19"/>
                <w:szCs w:val="19"/>
              </w:rPr>
              <w:t xml:space="preserve">: </w:t>
            </w:r>
            <w:r>
              <w:rPr>
                <w:rFonts w:ascii="Cascadia Mono" w:hAnsi="Cascadia Mono" w:cs="Cascadia Mono"/>
                <w:color w:val="0000FF"/>
                <w:sz w:val="19"/>
                <w:szCs w:val="19"/>
              </w:rPr>
              <w:t>non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user-select</w:t>
            </w:r>
            <w:r>
              <w:rPr>
                <w:rFonts w:ascii="Cascadia Mono" w:hAnsi="Cascadia Mono" w:cs="Cascadia Mono"/>
                <w:color w:val="000000"/>
                <w:sz w:val="19"/>
                <w:szCs w:val="19"/>
              </w:rPr>
              <w:t xml:space="preserve">: </w:t>
            </w:r>
            <w:r>
              <w:rPr>
                <w:rFonts w:ascii="Cascadia Mono" w:hAnsi="Cascadia Mono" w:cs="Cascadia Mono"/>
                <w:color w:val="0000FF"/>
                <w:sz w:val="19"/>
                <w:szCs w:val="19"/>
              </w:rPr>
              <w:t>non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oz-box-sizing</w:t>
            </w:r>
            <w:r>
              <w:rPr>
                <w:rFonts w:ascii="Cascadia Mono" w:hAnsi="Cascadia Mono" w:cs="Cascadia Mono"/>
                <w:color w:val="000000"/>
                <w:sz w:val="19"/>
                <w:szCs w:val="19"/>
              </w:rPr>
              <w:t xml:space="preserve">: </w:t>
            </w:r>
            <w:r>
              <w:rPr>
                <w:rFonts w:ascii="Cascadia Mono" w:hAnsi="Cascadia Mono" w:cs="Cascadia Mono"/>
                <w:color w:val="0000FF"/>
                <w:sz w:val="19"/>
                <w:szCs w:val="19"/>
              </w:rPr>
              <w:t>border-bo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x-sizing</w:t>
            </w:r>
            <w:r>
              <w:rPr>
                <w:rFonts w:ascii="Cascadia Mono" w:hAnsi="Cascadia Mono" w:cs="Cascadia Mono"/>
                <w:color w:val="000000"/>
                <w:sz w:val="19"/>
                <w:szCs w:val="19"/>
              </w:rPr>
              <w:t xml:space="preserve">: </w:t>
            </w:r>
            <w:r>
              <w:rPr>
                <w:rFonts w:ascii="Cascadia Mono" w:hAnsi="Cascadia Mono" w:cs="Cascadia Mono"/>
                <w:color w:val="0000FF"/>
                <w:sz w:val="19"/>
                <w:szCs w:val="19"/>
              </w:rPr>
              <w:t>border-bo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target</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relativ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bas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connects</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4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relativ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z-index</w:t>
            </w:r>
            <w:r>
              <w:rPr>
                <w:rFonts w:ascii="Cascadia Mono" w:hAnsi="Cascadia Mono" w:cs="Cascadia Mono"/>
                <w:color w:val="000000"/>
                <w:sz w:val="19"/>
                <w:szCs w:val="19"/>
              </w:rPr>
              <w:t xml:space="preserve">: </w:t>
            </w:r>
            <w:r>
              <w:rPr>
                <w:rFonts w:ascii="Cascadia Mono" w:hAnsi="Cascadia Mono" w:cs="Cascadia Mono"/>
                <w:color w:val="0000FF"/>
                <w:sz w:val="19"/>
                <w:szCs w:val="19"/>
              </w:rPr>
              <w:t>1</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Wrapper for all connect elements.</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connects</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w:t>
            </w:r>
            <w:r>
              <w:rPr>
                <w:rFonts w:ascii="Cascadia Mono" w:hAnsi="Cascadia Mono" w:cs="Cascadia Mono"/>
                <w:color w:val="FF0000"/>
                <w:sz w:val="19"/>
                <w:szCs w:val="19"/>
              </w:rPr>
              <w:t>overflow</w:t>
            </w:r>
            <w:r>
              <w:rPr>
                <w:rFonts w:ascii="Cascadia Mono" w:hAnsi="Cascadia Mono" w:cs="Cascadia Mono"/>
                <w:color w:val="000000"/>
                <w:sz w:val="19"/>
                <w:szCs w:val="19"/>
              </w:rPr>
              <w:t xml:space="preserve">: </w:t>
            </w:r>
            <w:r>
              <w:rPr>
                <w:rFonts w:ascii="Cascadia Mono" w:hAnsi="Cascadia Mono" w:cs="Cascadia Mono"/>
                <w:color w:val="0000FF"/>
                <w:sz w:val="19"/>
                <w:szCs w:val="19"/>
              </w:rPr>
              <w:t>hidden</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z-index</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connec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origin</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ll-change</w:t>
            </w:r>
            <w:r>
              <w:rPr>
                <w:rFonts w:ascii="Cascadia Mono" w:hAnsi="Cascadia Mono" w:cs="Cascadia Mono"/>
                <w:color w:val="000000"/>
                <w:sz w:val="19"/>
                <w:szCs w:val="19"/>
              </w:rPr>
              <w:t xml:space="preserve">: </w:t>
            </w:r>
            <w:r>
              <w:rPr>
                <w:rFonts w:ascii="Cascadia Mono" w:hAnsi="Cascadia Mono" w:cs="Cascadia Mono"/>
                <w:color w:val="0000FF"/>
                <w:sz w:val="19"/>
                <w:szCs w:val="19"/>
              </w:rPr>
              <w:t>transform</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bsolut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z-index</w:t>
            </w:r>
            <w:r>
              <w:rPr>
                <w:rFonts w:ascii="Cascadia Mono" w:hAnsi="Cascadia Mono" w:cs="Cascadia Mono"/>
                <w:color w:val="000000"/>
                <w:sz w:val="19"/>
                <w:szCs w:val="19"/>
              </w:rPr>
              <w:t xml:space="preserve">: </w:t>
            </w:r>
            <w:r>
              <w:rPr>
                <w:rFonts w:ascii="Cascadia Mono" w:hAnsi="Cascadia Mono" w:cs="Cascadia Mono"/>
                <w:color w:val="0000FF"/>
                <w:sz w:val="19"/>
                <w:szCs w:val="19"/>
              </w:rPr>
              <w:t>1</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op</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right</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s-transform-origin</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form-origin</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form-style</w:t>
            </w:r>
            <w:r>
              <w:rPr>
                <w:rFonts w:ascii="Cascadia Mono" w:hAnsi="Cascadia Mono" w:cs="Cascadia Mono"/>
                <w:color w:val="000000"/>
                <w:sz w:val="19"/>
                <w:szCs w:val="19"/>
              </w:rPr>
              <w:t xml:space="preserve">: </w:t>
            </w:r>
            <w:r>
              <w:rPr>
                <w:rFonts w:ascii="Cascadia Mono" w:hAnsi="Cascadia Mono" w:cs="Cascadia Mono"/>
                <w:color w:val="0000FF"/>
                <w:sz w:val="19"/>
                <w:szCs w:val="19"/>
              </w:rPr>
              <w:t>preserve-3d</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form-origin</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form-style</w:t>
            </w:r>
            <w:r>
              <w:rPr>
                <w:rFonts w:ascii="Cascadia Mono" w:hAnsi="Cascadia Mono" w:cs="Cascadia Mono"/>
                <w:color w:val="000000"/>
                <w:sz w:val="19"/>
                <w:szCs w:val="19"/>
              </w:rPr>
              <w:t xml:space="preserve">: </w:t>
            </w:r>
            <w:r>
              <w:rPr>
                <w:rFonts w:ascii="Cascadia Mono" w:hAnsi="Cascadia Mono" w:cs="Cascadia Mono"/>
                <w:color w:val="0000FF"/>
                <w:sz w:val="19"/>
                <w:szCs w:val="19"/>
              </w:rPr>
              <w:t>fla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connect</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origin</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1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Offset direction</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txt-dir-rtl.noUi-horizontal</w:t>
            </w:r>
            <w:r>
              <w:rPr>
                <w:rFonts w:ascii="Cascadia Mono" w:hAnsi="Cascadia Mono" w:cs="Cascadia Mono"/>
                <w:color w:val="000000"/>
                <w:sz w:val="19"/>
                <w:szCs w:val="19"/>
              </w:rPr>
              <w:t xml:space="preserve"> </w:t>
            </w:r>
            <w:r>
              <w:rPr>
                <w:rFonts w:ascii="Cascadia Mono" w:hAnsi="Cascadia Mono" w:cs="Cascadia Mono"/>
                <w:color w:val="800000"/>
                <w:sz w:val="19"/>
                <w:szCs w:val="19"/>
              </w:rPr>
              <w:t>.noUi-origin</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ft</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right</w:t>
            </w:r>
            <w:r>
              <w:rPr>
                <w:rFonts w:ascii="Cascadia Mono" w:hAnsi="Cascadia Mono" w:cs="Cascadia Mono"/>
                <w:color w:val="000000"/>
                <w:sz w:val="19"/>
                <w:szCs w:val="19"/>
              </w:rPr>
              <w:t xml:space="preserve">: </w:t>
            </w:r>
            <w:r>
              <w:rPr>
                <w:rFonts w:ascii="Cascadia Mono" w:hAnsi="Cascadia Mono" w:cs="Cascadia Mono"/>
                <w:color w:val="0000FF"/>
                <w:sz w:val="19"/>
                <w:szCs w:val="19"/>
              </w:rPr>
              <w:t>auto</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Give origins 0 height/width so they don't interfere with clicking th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xml:space="preserve"> * connect elements.</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vertical</w:t>
            </w:r>
            <w:r>
              <w:rPr>
                <w:rFonts w:ascii="Cascadia Mono" w:hAnsi="Cascadia Mono" w:cs="Cascadia Mono"/>
                <w:color w:val="000000"/>
                <w:sz w:val="19"/>
                <w:szCs w:val="19"/>
              </w:rPr>
              <w:t xml:space="preserve"> </w:t>
            </w:r>
            <w:r>
              <w:rPr>
                <w:rFonts w:ascii="Cascadia Mono" w:hAnsi="Cascadia Mono" w:cs="Cascadia Mono"/>
                <w:color w:val="800000"/>
                <w:sz w:val="19"/>
                <w:szCs w:val="19"/>
              </w:rPr>
              <w:t>.noUi-origin</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horizontal</w:t>
            </w:r>
            <w:r>
              <w:rPr>
                <w:rFonts w:ascii="Cascadia Mono" w:hAnsi="Cascadia Mono" w:cs="Cascadia Mono"/>
                <w:color w:val="000000"/>
                <w:sz w:val="19"/>
                <w:szCs w:val="19"/>
              </w:rPr>
              <w:t xml:space="preserve"> </w:t>
            </w:r>
            <w:r>
              <w:rPr>
                <w:rFonts w:ascii="Cascadia Mono" w:hAnsi="Cascadia Mono" w:cs="Cascadia Mono"/>
                <w:color w:val="800000"/>
                <w:sz w:val="19"/>
                <w:szCs w:val="19"/>
              </w:rPr>
              <w:t>.noUi-origin</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handl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backface-visibility</w:t>
            </w:r>
            <w:r>
              <w:rPr>
                <w:rFonts w:ascii="Cascadia Mono" w:hAnsi="Cascadia Mono" w:cs="Cascadia Mono"/>
                <w:color w:val="000000"/>
                <w:sz w:val="19"/>
                <w:szCs w:val="19"/>
              </w:rPr>
              <w:t xml:space="preserve">: </w:t>
            </w:r>
            <w:r>
              <w:rPr>
                <w:rFonts w:ascii="Cascadia Mono" w:hAnsi="Cascadia Mono" w:cs="Cascadia Mono"/>
                <w:color w:val="0000FF"/>
                <w:sz w:val="19"/>
                <w:szCs w:val="19"/>
              </w:rPr>
              <w:t>hidden</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face-visibility</w:t>
            </w:r>
            <w:r>
              <w:rPr>
                <w:rFonts w:ascii="Cascadia Mono" w:hAnsi="Cascadia Mono" w:cs="Cascadia Mono"/>
                <w:color w:val="000000"/>
                <w:sz w:val="19"/>
                <w:szCs w:val="19"/>
              </w:rPr>
              <w:t xml:space="preserve">: </w:t>
            </w:r>
            <w:r>
              <w:rPr>
                <w:rFonts w:ascii="Cascadia Mono" w:hAnsi="Cascadia Mono" w:cs="Cascadia Mono"/>
                <w:color w:val="0000FF"/>
                <w:sz w:val="19"/>
                <w:szCs w:val="19"/>
              </w:rPr>
              <w:t>hidden</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bsolut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touch-area</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state-tap</w:t>
            </w:r>
            <w:r>
              <w:rPr>
                <w:rFonts w:ascii="Cascadia Mono" w:hAnsi="Cascadia Mono" w:cs="Cascadia Mono"/>
                <w:color w:val="000000"/>
                <w:sz w:val="19"/>
                <w:szCs w:val="19"/>
              </w:rPr>
              <w:t xml:space="preserve"> </w:t>
            </w:r>
            <w:r>
              <w:rPr>
                <w:rFonts w:ascii="Cascadia Mono" w:hAnsi="Cascadia Mono" w:cs="Cascadia Mono"/>
                <w:color w:val="800000"/>
                <w:sz w:val="19"/>
                <w:szCs w:val="19"/>
              </w:rPr>
              <w:t>.noUi-connec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lastRenderedPageBreak/>
              <w:t>.noUi-state-tap</w:t>
            </w:r>
            <w:r>
              <w:rPr>
                <w:rFonts w:ascii="Cascadia Mono" w:hAnsi="Cascadia Mono" w:cs="Cascadia Mono"/>
                <w:color w:val="000000"/>
                <w:sz w:val="19"/>
                <w:szCs w:val="19"/>
              </w:rPr>
              <w:t xml:space="preserve"> </w:t>
            </w:r>
            <w:r>
              <w:rPr>
                <w:rFonts w:ascii="Cascadia Mono" w:hAnsi="Cascadia Mono" w:cs="Cascadia Mono"/>
                <w:color w:val="800000"/>
                <w:sz w:val="19"/>
                <w:szCs w:val="19"/>
              </w:rPr>
              <w:t>.noUi-origin</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0.3s</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0.3s</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state-drag</w:t>
            </w:r>
            <w:r>
              <w:rPr>
                <w:rFonts w:ascii="Cascadia Mono" w:hAnsi="Cascadia Mono" w:cs="Cascadia Mono"/>
                <w:color w:val="000000"/>
                <w:sz w:val="19"/>
                <w:szCs w:val="19"/>
              </w:rPr>
              <w:t xml:space="preserve"> </w:t>
            </w:r>
            <w:r>
              <w:rPr>
                <w:rFonts w:ascii="Cascadia Mono" w:hAnsi="Cascadia Mono" w:cs="Cascadia Mono"/>
                <w:color w:val="800000"/>
                <w:sz w:val="19"/>
                <w:szCs w:val="19"/>
              </w:rPr>
              <w:t>*</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ursor</w:t>
            </w:r>
            <w:r>
              <w:rPr>
                <w:rFonts w:ascii="Cascadia Mono" w:hAnsi="Cascadia Mono" w:cs="Cascadia Mono"/>
                <w:color w:val="000000"/>
                <w:sz w:val="19"/>
                <w:szCs w:val="19"/>
              </w:rPr>
              <w:t xml:space="preserve">: </w:t>
            </w:r>
            <w:r>
              <w:rPr>
                <w:rFonts w:ascii="Cascadia Mono" w:hAnsi="Cascadia Mono" w:cs="Cascadia Mono"/>
                <w:color w:val="0000FF"/>
                <w:sz w:val="19"/>
                <w:szCs w:val="19"/>
              </w:rPr>
              <w:t>inherit</w:t>
            </w:r>
            <w:r>
              <w:rPr>
                <w:rFonts w:ascii="Cascadia Mono" w:hAnsi="Cascadia Mono" w:cs="Cascadia Mono"/>
                <w:color w:val="000000"/>
                <w:sz w:val="19"/>
                <w:szCs w:val="19"/>
              </w:rPr>
              <w:t xml:space="preserve"> </w:t>
            </w:r>
            <w:r>
              <w:rPr>
                <w:rFonts w:ascii="Cascadia Mono" w:hAnsi="Cascadia Mono" w:cs="Cascadia Mono"/>
                <w:color w:val="0000FF"/>
                <w:sz w:val="19"/>
                <w:szCs w:val="19"/>
              </w:rPr>
              <w:t>!importan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Slider size and handle placemen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horizontal</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4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horizontal</w:t>
            </w:r>
            <w:r>
              <w:rPr>
                <w:rFonts w:ascii="Cascadia Mono" w:hAnsi="Cascadia Mono" w:cs="Cascadia Mono"/>
                <w:color w:val="000000"/>
                <w:sz w:val="19"/>
                <w:szCs w:val="19"/>
              </w:rPr>
              <w:t xml:space="preserve"> </w:t>
            </w:r>
            <w:r>
              <w:rPr>
                <w:rFonts w:ascii="Cascadia Mono" w:hAnsi="Cascadia Mono" w:cs="Cascadia Mono"/>
                <w:color w:val="800000"/>
                <w:sz w:val="19"/>
                <w:szCs w:val="19"/>
              </w:rPr>
              <w:t>.noUi-handle:focus</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outline</w:t>
            </w:r>
            <w:r>
              <w:rPr>
                <w:rFonts w:ascii="Cascadia Mono" w:hAnsi="Cascadia Mono" w:cs="Cascadia Mono"/>
                <w:color w:val="000000"/>
                <w:sz w:val="19"/>
                <w:szCs w:val="19"/>
              </w:rPr>
              <w:t xml:space="preserve">: </w:t>
            </w:r>
            <w:r>
              <w:rPr>
                <w:rFonts w:ascii="Cascadia Mono" w:hAnsi="Cascadia Mono" w:cs="Cascadia Mono"/>
                <w:color w:val="0000FF"/>
                <w:sz w:val="19"/>
                <w:szCs w:val="19"/>
              </w:rPr>
              <w:t>non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horizontal</w:t>
            </w:r>
            <w:r>
              <w:rPr>
                <w:rFonts w:ascii="Cascadia Mono" w:hAnsi="Cascadia Mono" w:cs="Cascadia Mono"/>
                <w:color w:val="000000"/>
                <w:sz w:val="19"/>
                <w:szCs w:val="19"/>
              </w:rPr>
              <w:t xml:space="preserve"> </w:t>
            </w:r>
            <w:r>
              <w:rPr>
                <w:rFonts w:ascii="Cascadia Mono" w:hAnsi="Cascadia Mono" w:cs="Cascadia Mono"/>
                <w:color w:val="800000"/>
                <w:sz w:val="19"/>
                <w:szCs w:val="19"/>
              </w:rPr>
              <w:t>.noUi-handl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idth: 34px;</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xml:space="preserve">    height: 28px;*/</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right</w:t>
            </w:r>
            <w:r>
              <w:rPr>
                <w:rFonts w:ascii="Cascadia Mono" w:hAnsi="Cascadia Mono" w:cs="Cascadia Mono"/>
                <w:color w:val="000000"/>
                <w:sz w:val="19"/>
                <w:szCs w:val="19"/>
              </w:rPr>
              <w:t xml:space="preserve">: </w:t>
            </w:r>
            <w:r>
              <w:rPr>
                <w:rFonts w:ascii="Cascadia Mono" w:hAnsi="Cascadia Mono" w:cs="Cascadia Mono"/>
                <w:color w:val="0000FF"/>
                <w:sz w:val="19"/>
                <w:szCs w:val="19"/>
              </w:rPr>
              <w:t>-9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op</w:t>
            </w:r>
            <w:r>
              <w:rPr>
                <w:rFonts w:ascii="Cascadia Mono" w:hAnsi="Cascadia Mono" w:cs="Cascadia Mono"/>
                <w:color w:val="000000"/>
                <w:sz w:val="19"/>
                <w:szCs w:val="19"/>
              </w:rPr>
              <w:t xml:space="preserve">: </w:t>
            </w:r>
            <w:r>
              <w:rPr>
                <w:rFonts w:ascii="Cascadia Mono" w:hAnsi="Cascadia Mono" w:cs="Cascadia Mono"/>
                <w:color w:val="0000FF"/>
                <w:sz w:val="19"/>
                <w:szCs w:val="19"/>
              </w:rPr>
              <w:t>-7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oz-border-radius</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border-radius</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radius</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size</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 xml:space="preserve"> </w:t>
            </w:r>
            <w:r>
              <w:rPr>
                <w:rFonts w:ascii="Cascadia Mono" w:hAnsi="Cascadia Mono" w:cs="Cascadia Mono"/>
                <w:color w:val="0000FF"/>
                <w:sz w:val="19"/>
                <w:szCs w:val="19"/>
              </w:rPr>
              <w:t>solid</w:t>
            </w:r>
            <w:r>
              <w:rPr>
                <w:rFonts w:ascii="Cascadia Mono" w:hAnsi="Cascadia Mono" w:cs="Cascadia Mono"/>
                <w:color w:val="000000"/>
                <w:sz w:val="19"/>
                <w:szCs w:val="19"/>
              </w:rPr>
              <w:t xml:space="preserve"> </w:t>
            </w:r>
            <w:r>
              <w:rPr>
                <w:rFonts w:ascii="Cascadia Mono" w:hAnsi="Cascadia Mono" w:cs="Cascadia Mono"/>
                <w:color w:val="0000FF"/>
                <w:sz w:val="19"/>
                <w:szCs w:val="19"/>
              </w:rPr>
              <w:t>#007BCE</w:t>
            </w:r>
            <w:r>
              <w:rPr>
                <w:rFonts w:ascii="Cascadia Mono" w:hAnsi="Cascadia Mono" w:cs="Cascadia Mono"/>
                <w:color w:val="000000"/>
                <w:sz w:val="19"/>
                <w:szCs w:val="19"/>
              </w:rPr>
              <w:t xml:space="preserve"> </w:t>
            </w:r>
            <w:r>
              <w:rPr>
                <w:rFonts w:ascii="Cascadia Mono" w:hAnsi="Cascadia Mono" w:cs="Cascadia Mono"/>
                <w:color w:val="0000FF"/>
                <w:sz w:val="19"/>
                <w:szCs w:val="19"/>
              </w:rPr>
              <w:t>!importan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display</w:t>
            </w:r>
            <w:r>
              <w:rPr>
                <w:rFonts w:ascii="Cascadia Mono" w:hAnsi="Cascadia Mono" w:cs="Cascadia Mono"/>
                <w:color w:val="000000"/>
                <w:sz w:val="19"/>
                <w:szCs w:val="19"/>
              </w:rPr>
              <w:t xml:space="preserve">: </w:t>
            </w:r>
            <w:r>
              <w:rPr>
                <w:rFonts w:ascii="Cascadia Mono" w:hAnsi="Cascadia Mono" w:cs="Cascadia Mono"/>
                <w:color w:val="0000FF"/>
                <w:sz w:val="19"/>
                <w:szCs w:val="19"/>
              </w:rPr>
              <w:t>block</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18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argin</w:t>
            </w:r>
            <w:r>
              <w:rPr>
                <w:rFonts w:ascii="Cascadia Mono" w:hAnsi="Cascadia Mono" w:cs="Cascadia Mono"/>
                <w:color w:val="000000"/>
                <w:sz w:val="19"/>
                <w:szCs w:val="19"/>
              </w:rPr>
              <w:t xml:space="preserve">: </w:t>
            </w:r>
            <w:r>
              <w:rPr>
                <w:rFonts w:ascii="Cascadia Mono" w:hAnsi="Cascadia Mono" w:cs="Cascadia Mono"/>
                <w:color w:val="0000FF"/>
                <w:sz w:val="19"/>
                <w:szCs w:val="19"/>
              </w:rPr>
              <w:t>auto</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bsolut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8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vertical</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8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vertical</w:t>
            </w:r>
            <w:r>
              <w:rPr>
                <w:rFonts w:ascii="Cascadia Mono" w:hAnsi="Cascadia Mono" w:cs="Cascadia Mono"/>
                <w:color w:val="000000"/>
                <w:sz w:val="19"/>
                <w:szCs w:val="19"/>
              </w:rPr>
              <w:t xml:space="preserve"> </w:t>
            </w:r>
            <w:r>
              <w:rPr>
                <w:rFonts w:ascii="Cascadia Mono" w:hAnsi="Cascadia Mono" w:cs="Cascadia Mono"/>
                <w:color w:val="800000"/>
                <w:sz w:val="19"/>
                <w:szCs w:val="19"/>
              </w:rPr>
              <w:t>.noUi-handl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28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34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right</w:t>
            </w:r>
            <w:r>
              <w:rPr>
                <w:rFonts w:ascii="Cascadia Mono" w:hAnsi="Cascadia Mono" w:cs="Cascadia Mono"/>
                <w:color w:val="000000"/>
                <w:sz w:val="19"/>
                <w:szCs w:val="19"/>
              </w:rPr>
              <w:t xml:space="preserve">: </w:t>
            </w:r>
            <w:r>
              <w:rPr>
                <w:rFonts w:ascii="Cascadia Mono" w:hAnsi="Cascadia Mono" w:cs="Cascadia Mono"/>
                <w:color w:val="0000FF"/>
                <w:sz w:val="19"/>
                <w:szCs w:val="19"/>
              </w:rPr>
              <w:t>-6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op</w:t>
            </w:r>
            <w:r>
              <w:rPr>
                <w:rFonts w:ascii="Cascadia Mono" w:hAnsi="Cascadia Mono" w:cs="Cascadia Mono"/>
                <w:color w:val="000000"/>
                <w:sz w:val="19"/>
                <w:szCs w:val="19"/>
              </w:rPr>
              <w:t xml:space="preserve">: </w:t>
            </w:r>
            <w:r>
              <w:rPr>
                <w:rFonts w:ascii="Cascadia Mono" w:hAnsi="Cascadia Mono" w:cs="Cascadia Mono"/>
                <w:color w:val="0000FF"/>
                <w:sz w:val="19"/>
                <w:szCs w:val="19"/>
              </w:rPr>
              <w:t>-17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txt-dir-rtl.noUi-horizontal</w:t>
            </w:r>
            <w:r>
              <w:rPr>
                <w:rFonts w:ascii="Cascadia Mono" w:hAnsi="Cascadia Mono" w:cs="Cascadia Mono"/>
                <w:color w:val="000000"/>
                <w:sz w:val="19"/>
                <w:szCs w:val="19"/>
              </w:rPr>
              <w:t xml:space="preserve"> </w:t>
            </w:r>
            <w:r>
              <w:rPr>
                <w:rFonts w:ascii="Cascadia Mono" w:hAnsi="Cascadia Mono" w:cs="Cascadia Mono"/>
                <w:color w:val="800000"/>
                <w:sz w:val="19"/>
                <w:szCs w:val="19"/>
              </w:rPr>
              <w:t>.noUi-handl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ft</w:t>
            </w:r>
            <w:r>
              <w:rPr>
                <w:rFonts w:ascii="Cascadia Mono" w:hAnsi="Cascadia Mono" w:cs="Cascadia Mono"/>
                <w:color w:val="000000"/>
                <w:sz w:val="19"/>
                <w:szCs w:val="19"/>
              </w:rPr>
              <w:t xml:space="preserve">: </w:t>
            </w:r>
            <w:r>
              <w:rPr>
                <w:rFonts w:ascii="Cascadia Mono" w:hAnsi="Cascadia Mono" w:cs="Cascadia Mono"/>
                <w:color w:val="0000FF"/>
                <w:sz w:val="19"/>
                <w:szCs w:val="19"/>
              </w:rPr>
              <w:t>-17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right</w:t>
            </w:r>
            <w:r>
              <w:rPr>
                <w:rFonts w:ascii="Cascadia Mono" w:hAnsi="Cascadia Mono" w:cs="Cascadia Mono"/>
                <w:color w:val="000000"/>
                <w:sz w:val="19"/>
                <w:szCs w:val="19"/>
              </w:rPr>
              <w:t xml:space="preserve">: </w:t>
            </w:r>
            <w:r>
              <w:rPr>
                <w:rFonts w:ascii="Cascadia Mono" w:hAnsi="Cascadia Mono" w:cs="Cascadia Mono"/>
                <w:color w:val="0000FF"/>
                <w:sz w:val="19"/>
                <w:szCs w:val="19"/>
              </w:rPr>
              <w:t>auto</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Styling;</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xml:space="preserve"> * Giving the connect element a border radius causes issues with using transform: scal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target</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FAFAFA</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radius</w:t>
            </w:r>
            <w:r>
              <w:rPr>
                <w:rFonts w:ascii="Cascadia Mono" w:hAnsi="Cascadia Mono" w:cs="Cascadia Mono"/>
                <w:color w:val="000000"/>
                <w:sz w:val="19"/>
                <w:szCs w:val="19"/>
              </w:rPr>
              <w:t xml:space="preserve">: </w:t>
            </w:r>
            <w:r>
              <w:rPr>
                <w:rFonts w:ascii="Cascadia Mono" w:hAnsi="Cascadia Mono" w:cs="Cascadia Mono"/>
                <w:color w:val="0000FF"/>
                <w:sz w:val="19"/>
                <w:szCs w:val="19"/>
              </w:rPr>
              <w:t>4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solid</w:t>
            </w:r>
            <w:r>
              <w:rPr>
                <w:rFonts w:ascii="Cascadia Mono" w:hAnsi="Cascadia Mono" w:cs="Cascadia Mono"/>
                <w:color w:val="000000"/>
                <w:sz w:val="19"/>
                <w:szCs w:val="19"/>
              </w:rPr>
              <w:t xml:space="preserve"> </w:t>
            </w:r>
            <w:r>
              <w:rPr>
                <w:rFonts w:ascii="Cascadia Mono" w:hAnsi="Cascadia Mono" w:cs="Cascadia Mono"/>
                <w:color w:val="0000FF"/>
                <w:sz w:val="19"/>
                <w:szCs w:val="19"/>
              </w:rPr>
              <w:t>#D3D3D3</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x-shadow</w:t>
            </w:r>
            <w:r>
              <w:rPr>
                <w:rFonts w:ascii="Cascadia Mono" w:hAnsi="Cascadia Mono" w:cs="Cascadia Mono"/>
                <w:color w:val="000000"/>
                <w:sz w:val="19"/>
                <w:szCs w:val="19"/>
              </w:rPr>
              <w:t xml:space="preserve">: </w:t>
            </w:r>
            <w:r>
              <w:rPr>
                <w:rFonts w:ascii="Cascadia Mono" w:hAnsi="Cascadia Mono" w:cs="Cascadia Mono"/>
                <w:color w:val="0000FF"/>
                <w:sz w:val="19"/>
                <w:szCs w:val="19"/>
              </w:rPr>
              <w:t>inset</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F0F0F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3px</w:t>
            </w:r>
            <w:r>
              <w:rPr>
                <w:rFonts w:ascii="Cascadia Mono" w:hAnsi="Cascadia Mono" w:cs="Cascadia Mono"/>
                <w:color w:val="000000"/>
                <w:sz w:val="19"/>
                <w:szCs w:val="19"/>
              </w:rPr>
              <w:t xml:space="preserve"> </w:t>
            </w:r>
            <w:r>
              <w:rPr>
                <w:rFonts w:ascii="Cascadia Mono" w:hAnsi="Cascadia Mono" w:cs="Cascadia Mono"/>
                <w:color w:val="0000FF"/>
                <w:sz w:val="19"/>
                <w:szCs w:val="19"/>
              </w:rPr>
              <w:t>6px</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 xml:space="preserve"> </w:t>
            </w:r>
            <w:r>
              <w:rPr>
                <w:rFonts w:ascii="Cascadia Mono" w:hAnsi="Cascadia Mono" w:cs="Cascadia Mono"/>
                <w:color w:val="0000FF"/>
                <w:sz w:val="19"/>
                <w:szCs w:val="19"/>
              </w:rPr>
              <w:t>#BBB</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connects</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radius</w:t>
            </w:r>
            <w:r>
              <w:rPr>
                <w:rFonts w:ascii="Cascadia Mono" w:hAnsi="Cascadia Mono" w:cs="Cascadia Mono"/>
                <w:color w:val="000000"/>
                <w:sz w:val="19"/>
                <w:szCs w:val="19"/>
              </w:rPr>
              <w:t xml:space="preserve">: </w:t>
            </w:r>
            <w:r>
              <w:rPr>
                <w:rFonts w:ascii="Cascadia Mono" w:hAnsi="Cascadia Mono" w:cs="Cascadia Mono"/>
                <w:color w:val="0000FF"/>
                <w:sz w:val="19"/>
                <w:szCs w:val="19"/>
              </w:rPr>
              <w:t>3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connect</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0070BC</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Handles and cursors;</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draggabl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ursor</w:t>
            </w:r>
            <w:r>
              <w:rPr>
                <w:rFonts w:ascii="Cascadia Mono" w:hAnsi="Cascadia Mono" w:cs="Cascadia Mono"/>
                <w:color w:val="000000"/>
                <w:sz w:val="19"/>
                <w:szCs w:val="19"/>
              </w:rPr>
              <w:t xml:space="preserve">: </w:t>
            </w:r>
            <w:r>
              <w:rPr>
                <w:rFonts w:ascii="Cascadia Mono" w:hAnsi="Cascadia Mono" w:cs="Cascadia Mono"/>
                <w:color w:val="0000FF"/>
                <w:sz w:val="19"/>
                <w:szCs w:val="19"/>
              </w:rPr>
              <w:t>ew-resiz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vertical</w:t>
            </w:r>
            <w:r>
              <w:rPr>
                <w:rFonts w:ascii="Cascadia Mono" w:hAnsi="Cascadia Mono" w:cs="Cascadia Mono"/>
                <w:color w:val="000000"/>
                <w:sz w:val="19"/>
                <w:szCs w:val="19"/>
              </w:rPr>
              <w:t xml:space="preserve"> </w:t>
            </w:r>
            <w:r>
              <w:rPr>
                <w:rFonts w:ascii="Cascadia Mono" w:hAnsi="Cascadia Mono" w:cs="Cascadia Mono"/>
                <w:color w:val="800000"/>
                <w:sz w:val="19"/>
                <w:szCs w:val="19"/>
              </w:rPr>
              <w:t>.noUi-draggabl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ursor</w:t>
            </w:r>
            <w:r>
              <w:rPr>
                <w:rFonts w:ascii="Cascadia Mono" w:hAnsi="Cascadia Mono" w:cs="Cascadia Mono"/>
                <w:color w:val="000000"/>
                <w:sz w:val="19"/>
                <w:szCs w:val="19"/>
              </w:rPr>
              <w:t xml:space="preserve">: </w:t>
            </w:r>
            <w:r>
              <w:rPr>
                <w:rFonts w:ascii="Cascadia Mono" w:hAnsi="Cascadia Mono" w:cs="Cascadia Mono"/>
                <w:color w:val="0000FF"/>
                <w:sz w:val="19"/>
                <w:szCs w:val="19"/>
              </w:rPr>
              <w:t>ns-resiz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handl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solid</w:t>
            </w:r>
            <w:r>
              <w:rPr>
                <w:rFonts w:ascii="Cascadia Mono" w:hAnsi="Cascadia Mono" w:cs="Cascadia Mono"/>
                <w:color w:val="000000"/>
                <w:sz w:val="19"/>
                <w:szCs w:val="19"/>
              </w:rPr>
              <w:t xml:space="preserve"> </w:t>
            </w:r>
            <w:r>
              <w:rPr>
                <w:rFonts w:ascii="Cascadia Mono" w:hAnsi="Cascadia Mono" w:cs="Cascadia Mono"/>
                <w:color w:val="0000FF"/>
                <w:sz w:val="19"/>
                <w:szCs w:val="19"/>
              </w:rPr>
              <w:t>#D9D9D9</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radius</w:t>
            </w:r>
            <w:r>
              <w:rPr>
                <w:rFonts w:ascii="Cascadia Mono" w:hAnsi="Cascadia Mono" w:cs="Cascadia Mono"/>
                <w:color w:val="000000"/>
                <w:sz w:val="19"/>
                <w:szCs w:val="19"/>
              </w:rPr>
              <w:t xml:space="preserve">: </w:t>
            </w:r>
            <w:r>
              <w:rPr>
                <w:rFonts w:ascii="Cascadia Mono" w:hAnsi="Cascadia Mono" w:cs="Cascadia Mono"/>
                <w:color w:val="0000FF"/>
                <w:sz w:val="19"/>
                <w:szCs w:val="19"/>
              </w:rPr>
              <w:t>3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FFF</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ursor</w:t>
            </w:r>
            <w:r>
              <w:rPr>
                <w:rFonts w:ascii="Cascadia Mono" w:hAnsi="Cascadia Mono" w:cs="Cascadia Mono"/>
                <w:color w:val="000000"/>
                <w:sz w:val="19"/>
                <w:szCs w:val="19"/>
              </w:rPr>
              <w:t xml:space="preserve">: </w:t>
            </w:r>
            <w:r>
              <w:rPr>
                <w:rFonts w:ascii="Cascadia Mono" w:hAnsi="Cascadia Mono" w:cs="Cascadia Mono"/>
                <w:color w:val="0000FF"/>
                <w:sz w:val="19"/>
                <w:szCs w:val="19"/>
              </w:rPr>
              <w:t>defaul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x-shadow</w:t>
            </w:r>
            <w:r>
              <w:rPr>
                <w:rFonts w:ascii="Cascadia Mono" w:hAnsi="Cascadia Mono" w:cs="Cascadia Mono"/>
                <w:color w:val="000000"/>
                <w:sz w:val="19"/>
                <w:szCs w:val="19"/>
              </w:rPr>
              <w:t xml:space="preserve">: </w:t>
            </w:r>
            <w:r>
              <w:rPr>
                <w:rFonts w:ascii="Cascadia Mono" w:hAnsi="Cascadia Mono" w:cs="Cascadia Mono"/>
                <w:color w:val="0000FF"/>
                <w:sz w:val="19"/>
                <w:szCs w:val="19"/>
              </w:rPr>
              <w:t>inset</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FFF</w:t>
            </w:r>
            <w:r>
              <w:rPr>
                <w:rFonts w:ascii="Cascadia Mono" w:hAnsi="Cascadia Mono" w:cs="Cascadia Mono"/>
                <w:color w:val="000000"/>
                <w:sz w:val="19"/>
                <w:szCs w:val="19"/>
              </w:rPr>
              <w:t xml:space="preserve">, </w:t>
            </w:r>
            <w:r>
              <w:rPr>
                <w:rFonts w:ascii="Cascadia Mono" w:hAnsi="Cascadia Mono" w:cs="Cascadia Mono"/>
                <w:color w:val="0000FF"/>
                <w:sz w:val="19"/>
                <w:szCs w:val="19"/>
              </w:rPr>
              <w:t>inset</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7px</w:t>
            </w:r>
            <w:r>
              <w:rPr>
                <w:rFonts w:ascii="Cascadia Mono" w:hAnsi="Cascadia Mono" w:cs="Cascadia Mono"/>
                <w:color w:val="000000"/>
                <w:sz w:val="19"/>
                <w:szCs w:val="19"/>
              </w:rPr>
              <w:t xml:space="preserve"> </w:t>
            </w:r>
            <w:r>
              <w:rPr>
                <w:rFonts w:ascii="Cascadia Mono" w:hAnsi="Cascadia Mono" w:cs="Cascadia Mono"/>
                <w:color w:val="0000FF"/>
                <w:sz w:val="19"/>
                <w:szCs w:val="19"/>
              </w:rPr>
              <w:t>#EBEBEB</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3px</w:t>
            </w:r>
            <w:r>
              <w:rPr>
                <w:rFonts w:ascii="Cascadia Mono" w:hAnsi="Cascadia Mono" w:cs="Cascadia Mono"/>
                <w:color w:val="000000"/>
                <w:sz w:val="19"/>
                <w:szCs w:val="19"/>
              </w:rPr>
              <w:t xml:space="preserve"> </w:t>
            </w:r>
            <w:r>
              <w:rPr>
                <w:rFonts w:ascii="Cascadia Mono" w:hAnsi="Cascadia Mono" w:cs="Cascadia Mono"/>
                <w:color w:val="0000FF"/>
                <w:sz w:val="19"/>
                <w:szCs w:val="19"/>
              </w:rPr>
              <w:t>6px</w:t>
            </w:r>
            <w:r>
              <w:rPr>
                <w:rFonts w:ascii="Cascadia Mono" w:hAnsi="Cascadia Mono" w:cs="Cascadia Mono"/>
                <w:color w:val="000000"/>
                <w:sz w:val="19"/>
                <w:szCs w:val="19"/>
              </w:rPr>
              <w:t xml:space="preserve"> </w:t>
            </w:r>
            <w:r>
              <w:rPr>
                <w:rFonts w:ascii="Cascadia Mono" w:hAnsi="Cascadia Mono" w:cs="Cascadia Mono"/>
                <w:color w:val="0000FF"/>
                <w:sz w:val="19"/>
                <w:szCs w:val="19"/>
              </w:rPr>
              <w:t>-3px</w:t>
            </w:r>
            <w:r>
              <w:rPr>
                <w:rFonts w:ascii="Cascadia Mono" w:hAnsi="Cascadia Mono" w:cs="Cascadia Mono"/>
                <w:color w:val="000000"/>
                <w:sz w:val="19"/>
                <w:szCs w:val="19"/>
              </w:rPr>
              <w:t xml:space="preserve"> </w:t>
            </w:r>
            <w:r>
              <w:rPr>
                <w:rFonts w:ascii="Cascadia Mono" w:hAnsi="Cascadia Mono" w:cs="Cascadia Mono"/>
                <w:color w:val="0000FF"/>
                <w:sz w:val="19"/>
                <w:szCs w:val="19"/>
              </w:rPr>
              <w:t>#BBB</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activ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x-shadow</w:t>
            </w:r>
            <w:r>
              <w:rPr>
                <w:rFonts w:ascii="Cascadia Mono" w:hAnsi="Cascadia Mono" w:cs="Cascadia Mono"/>
                <w:color w:val="000000"/>
                <w:sz w:val="19"/>
                <w:szCs w:val="19"/>
              </w:rPr>
              <w:t xml:space="preserve">: </w:t>
            </w:r>
            <w:r>
              <w:rPr>
                <w:rFonts w:ascii="Cascadia Mono" w:hAnsi="Cascadia Mono" w:cs="Cascadia Mono"/>
                <w:color w:val="0000FF"/>
                <w:sz w:val="19"/>
                <w:szCs w:val="19"/>
              </w:rPr>
              <w:t>inset</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FFF</w:t>
            </w:r>
            <w:r>
              <w:rPr>
                <w:rFonts w:ascii="Cascadia Mono" w:hAnsi="Cascadia Mono" w:cs="Cascadia Mono"/>
                <w:color w:val="000000"/>
                <w:sz w:val="19"/>
                <w:szCs w:val="19"/>
              </w:rPr>
              <w:t xml:space="preserve">, </w:t>
            </w:r>
            <w:r>
              <w:rPr>
                <w:rFonts w:ascii="Cascadia Mono" w:hAnsi="Cascadia Mono" w:cs="Cascadia Mono"/>
                <w:color w:val="0000FF"/>
                <w:sz w:val="19"/>
                <w:szCs w:val="19"/>
              </w:rPr>
              <w:t>inset</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7px</w:t>
            </w:r>
            <w:r>
              <w:rPr>
                <w:rFonts w:ascii="Cascadia Mono" w:hAnsi="Cascadia Mono" w:cs="Cascadia Mono"/>
                <w:color w:val="000000"/>
                <w:sz w:val="19"/>
                <w:szCs w:val="19"/>
              </w:rPr>
              <w:t xml:space="preserve"> </w:t>
            </w:r>
            <w:r>
              <w:rPr>
                <w:rFonts w:ascii="Cascadia Mono" w:hAnsi="Cascadia Mono" w:cs="Cascadia Mono"/>
                <w:color w:val="0000FF"/>
                <w:sz w:val="19"/>
                <w:szCs w:val="19"/>
              </w:rPr>
              <w:t>#DDD</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3px</w:t>
            </w:r>
            <w:r>
              <w:rPr>
                <w:rFonts w:ascii="Cascadia Mono" w:hAnsi="Cascadia Mono" w:cs="Cascadia Mono"/>
                <w:color w:val="000000"/>
                <w:sz w:val="19"/>
                <w:szCs w:val="19"/>
              </w:rPr>
              <w:t xml:space="preserve"> </w:t>
            </w:r>
            <w:r>
              <w:rPr>
                <w:rFonts w:ascii="Cascadia Mono" w:hAnsi="Cascadia Mono" w:cs="Cascadia Mono"/>
                <w:color w:val="0000FF"/>
                <w:sz w:val="19"/>
                <w:szCs w:val="19"/>
              </w:rPr>
              <w:t>6px</w:t>
            </w:r>
            <w:r>
              <w:rPr>
                <w:rFonts w:ascii="Cascadia Mono" w:hAnsi="Cascadia Mono" w:cs="Cascadia Mono"/>
                <w:color w:val="000000"/>
                <w:sz w:val="19"/>
                <w:szCs w:val="19"/>
              </w:rPr>
              <w:t xml:space="preserve"> </w:t>
            </w:r>
            <w:r>
              <w:rPr>
                <w:rFonts w:ascii="Cascadia Mono" w:hAnsi="Cascadia Mono" w:cs="Cascadia Mono"/>
                <w:color w:val="0000FF"/>
                <w:sz w:val="19"/>
                <w:szCs w:val="19"/>
              </w:rPr>
              <w:t>-3px</w:t>
            </w:r>
            <w:r>
              <w:rPr>
                <w:rFonts w:ascii="Cascadia Mono" w:hAnsi="Cascadia Mono" w:cs="Cascadia Mono"/>
                <w:color w:val="000000"/>
                <w:sz w:val="19"/>
                <w:szCs w:val="19"/>
              </w:rPr>
              <w:t xml:space="preserve"> </w:t>
            </w:r>
            <w:r>
              <w:rPr>
                <w:rFonts w:ascii="Cascadia Mono" w:hAnsi="Cascadia Mono" w:cs="Cascadia Mono"/>
                <w:color w:val="0000FF"/>
                <w:sz w:val="19"/>
                <w:szCs w:val="19"/>
              </w:rPr>
              <w:t>#BBB</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Handle stripes;</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noUi-handle:before,</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noUi-handle:after {</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content: "";</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display: block;</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position: absolute;</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height: 14px;</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width: 1px;</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background: #E8E7E6;</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left: 14px;</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top: 6px;</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noUi-handle:after {</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left: 17px;</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noUi-vertical .noUi-handle:before,</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noUi-vertical .noUi-handle:after {</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width: 14px;</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height: 1px;</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left: 6px;</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top: 14px;</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lastRenderedPageBreak/>
              <w:t>}</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noUi-vertical .noUi-handle:after {</w:t>
            </w: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 xml:space="preserve">  top: 17px;</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Disabled stat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disabled]</w:t>
            </w:r>
            <w:r>
              <w:rPr>
                <w:rFonts w:ascii="Cascadia Mono" w:hAnsi="Cascadia Mono" w:cs="Cascadia Mono"/>
                <w:color w:val="000000"/>
                <w:sz w:val="19"/>
                <w:szCs w:val="19"/>
              </w:rPr>
              <w:t xml:space="preserve"> </w:t>
            </w:r>
            <w:r>
              <w:rPr>
                <w:rFonts w:ascii="Cascadia Mono" w:hAnsi="Cascadia Mono" w:cs="Cascadia Mono"/>
                <w:color w:val="800000"/>
                <w:sz w:val="19"/>
                <w:szCs w:val="19"/>
              </w:rPr>
              <w:t>.noUi-connect</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B8B8B8</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disabled].noUi-targe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disabled].noUi-handl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disabled]</w:t>
            </w:r>
            <w:r>
              <w:rPr>
                <w:rFonts w:ascii="Cascadia Mono" w:hAnsi="Cascadia Mono" w:cs="Cascadia Mono"/>
                <w:color w:val="000000"/>
                <w:sz w:val="19"/>
                <w:szCs w:val="19"/>
              </w:rPr>
              <w:t xml:space="preserve"> </w:t>
            </w:r>
            <w:r>
              <w:rPr>
                <w:rFonts w:ascii="Cascadia Mono" w:hAnsi="Cascadia Mono" w:cs="Cascadia Mono"/>
                <w:color w:val="800000"/>
                <w:sz w:val="19"/>
                <w:szCs w:val="19"/>
              </w:rPr>
              <w:t>.noUi-handl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ursor</w:t>
            </w:r>
            <w:r>
              <w:rPr>
                <w:rFonts w:ascii="Cascadia Mono" w:hAnsi="Cascadia Mono" w:cs="Cascadia Mono"/>
                <w:color w:val="000000"/>
                <w:sz w:val="19"/>
                <w:szCs w:val="19"/>
              </w:rPr>
              <w:t xml:space="preserve">: </w:t>
            </w:r>
            <w:r>
              <w:rPr>
                <w:rFonts w:ascii="Cascadia Mono" w:hAnsi="Cascadia Mono" w:cs="Cascadia Mono"/>
                <w:color w:val="0000FF"/>
                <w:sz w:val="19"/>
                <w:szCs w:val="19"/>
              </w:rPr>
              <w:t>not-allowed</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Bas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pips</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pips</w:t>
            </w:r>
            <w:r>
              <w:rPr>
                <w:rFonts w:ascii="Cascadia Mono" w:hAnsi="Cascadia Mono" w:cs="Cascadia Mono"/>
                <w:color w:val="000000"/>
                <w:sz w:val="19"/>
                <w:szCs w:val="19"/>
              </w:rPr>
              <w:t xml:space="preserve"> </w:t>
            </w:r>
            <w:r>
              <w:rPr>
                <w:rFonts w:ascii="Cascadia Mono" w:hAnsi="Cascadia Mono" w:cs="Cascadia Mono"/>
                <w:color w:val="800000"/>
                <w:sz w:val="19"/>
                <w:szCs w:val="19"/>
              </w:rPr>
              <w:t>*</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oz-box-sizing</w:t>
            </w:r>
            <w:r>
              <w:rPr>
                <w:rFonts w:ascii="Cascadia Mono" w:hAnsi="Cascadia Mono" w:cs="Cascadia Mono"/>
                <w:color w:val="000000"/>
                <w:sz w:val="19"/>
                <w:szCs w:val="19"/>
              </w:rPr>
              <w:t xml:space="preserve">: </w:t>
            </w:r>
            <w:r>
              <w:rPr>
                <w:rFonts w:ascii="Cascadia Mono" w:hAnsi="Cascadia Mono" w:cs="Cascadia Mono"/>
                <w:color w:val="0000FF"/>
                <w:sz w:val="19"/>
                <w:szCs w:val="19"/>
              </w:rPr>
              <w:t>border-bo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x-sizing</w:t>
            </w:r>
            <w:r>
              <w:rPr>
                <w:rFonts w:ascii="Cascadia Mono" w:hAnsi="Cascadia Mono" w:cs="Cascadia Mono"/>
                <w:color w:val="000000"/>
                <w:sz w:val="19"/>
                <w:szCs w:val="19"/>
              </w:rPr>
              <w:t xml:space="preserve">: </w:t>
            </w:r>
            <w:r>
              <w:rPr>
                <w:rFonts w:ascii="Cascadia Mono" w:hAnsi="Cascadia Mono" w:cs="Cascadia Mono"/>
                <w:color w:val="0000FF"/>
                <w:sz w:val="19"/>
                <w:szCs w:val="19"/>
              </w:rPr>
              <w:t>border-bo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pips</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bsolut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lor</w:t>
            </w:r>
            <w:r>
              <w:rPr>
                <w:rFonts w:ascii="Cascadia Mono" w:hAnsi="Cascadia Mono" w:cs="Cascadia Mono"/>
                <w:color w:val="000000"/>
                <w:sz w:val="19"/>
                <w:szCs w:val="19"/>
              </w:rPr>
              <w:t xml:space="preserve">: </w:t>
            </w:r>
            <w:r>
              <w:rPr>
                <w:rFonts w:ascii="Cascadia Mono" w:hAnsi="Cascadia Mono" w:cs="Cascadia Mono"/>
                <w:color w:val="0000FF"/>
                <w:sz w:val="19"/>
                <w:szCs w:val="19"/>
              </w:rPr>
              <w:t>#999</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Values;</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valu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bsolut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hite-space</w:t>
            </w:r>
            <w:r>
              <w:rPr>
                <w:rFonts w:ascii="Cascadia Mono" w:hAnsi="Cascadia Mono" w:cs="Cascadia Mono"/>
                <w:color w:val="000000"/>
                <w:sz w:val="19"/>
                <w:szCs w:val="19"/>
              </w:rPr>
              <w:t xml:space="preserve">: </w:t>
            </w:r>
            <w:r>
              <w:rPr>
                <w:rFonts w:ascii="Cascadia Mono" w:hAnsi="Cascadia Mono" w:cs="Cascadia Mono"/>
                <w:color w:val="0000FF"/>
                <w:sz w:val="19"/>
                <w:szCs w:val="19"/>
              </w:rPr>
              <w:t>nowrap</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ext-align</w:t>
            </w:r>
            <w:r>
              <w:rPr>
                <w:rFonts w:ascii="Cascadia Mono" w:hAnsi="Cascadia Mono" w:cs="Cascadia Mono"/>
                <w:color w:val="000000"/>
                <w:sz w:val="19"/>
                <w:szCs w:val="19"/>
              </w:rPr>
              <w:t xml:space="preserve">: </w:t>
            </w:r>
            <w:r>
              <w:rPr>
                <w:rFonts w:ascii="Cascadia Mono" w:hAnsi="Cascadia Mono" w:cs="Cascadia Mono"/>
                <w:color w:val="0000FF"/>
                <w:sz w:val="19"/>
                <w:szCs w:val="19"/>
              </w:rPr>
              <w:t>center</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value-sub</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lor</w:t>
            </w:r>
            <w:r>
              <w:rPr>
                <w:rFonts w:ascii="Cascadia Mono" w:hAnsi="Cascadia Mono" w:cs="Cascadia Mono"/>
                <w:color w:val="000000"/>
                <w:sz w:val="19"/>
                <w:szCs w:val="19"/>
              </w:rPr>
              <w:t xml:space="preserve">: </w:t>
            </w:r>
            <w:r>
              <w:rPr>
                <w:rFonts w:ascii="Cascadia Mono" w:hAnsi="Cascadia Mono" w:cs="Cascadia Mono"/>
                <w:color w:val="0000FF"/>
                <w:sz w:val="19"/>
                <w:szCs w:val="19"/>
              </w:rPr>
              <w:t>#ccc</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font-size</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Markings;</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marker</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bsolut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CCC</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marker-sub</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AAA</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marker-larg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AAA</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Horizontal layou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pips-horizontal</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80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op</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ft</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value-horizontal</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50%,</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50%,</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rtl</w:t>
            </w:r>
            <w:r>
              <w:rPr>
                <w:rFonts w:ascii="Cascadia Mono" w:hAnsi="Cascadia Mono" w:cs="Cascadia Mono"/>
                <w:color w:val="000000"/>
                <w:sz w:val="19"/>
                <w:szCs w:val="19"/>
              </w:rPr>
              <w:t xml:space="preserve"> </w:t>
            </w:r>
            <w:r>
              <w:rPr>
                <w:rFonts w:ascii="Cascadia Mono" w:hAnsi="Cascadia Mono" w:cs="Cascadia Mono"/>
                <w:color w:val="800000"/>
                <w:sz w:val="19"/>
                <w:szCs w:val="19"/>
              </w:rPr>
              <w:t>.noUi-value-horizontal</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50%,</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50%,</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marker-horizontal.noUi-marker</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argin-left</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marker-horizontal.noUi-marker-sub</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marker-horizontal.noUi-marker-larg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15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6400"/>
                <w:sz w:val="19"/>
                <w:szCs w:val="19"/>
              </w:rPr>
            </w:pP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Vertical layou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64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pips-vertical</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op</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ft</w:t>
            </w:r>
            <w:r>
              <w:rPr>
                <w:rFonts w:ascii="Cascadia Mono" w:hAnsi="Cascadia Mono" w:cs="Cascadia Mono"/>
                <w:color w:val="000000"/>
                <w:sz w:val="19"/>
                <w:szCs w:val="19"/>
              </w:rPr>
              <w:t xml:space="preserve">: </w:t>
            </w:r>
            <w:r>
              <w:rPr>
                <w:rFonts w:ascii="Cascadia Mono" w:hAnsi="Cascadia Mono" w:cs="Cascadia Mono"/>
                <w:color w:val="0000FF"/>
                <w:sz w:val="19"/>
                <w:szCs w:val="19"/>
              </w:rPr>
              <w:t>10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value-vertical</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0,</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0,</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left</w:t>
            </w:r>
            <w:r>
              <w:rPr>
                <w:rFonts w:ascii="Cascadia Mono" w:hAnsi="Cascadia Mono" w:cs="Cascadia Mono"/>
                <w:color w:val="000000"/>
                <w:sz w:val="19"/>
                <w:szCs w:val="19"/>
              </w:rPr>
              <w:t xml:space="preserve">: </w:t>
            </w:r>
            <w:r>
              <w:rPr>
                <w:rFonts w:ascii="Cascadia Mono" w:hAnsi="Cascadia Mono" w:cs="Cascadia Mono"/>
                <w:color w:val="0000FF"/>
                <w:sz w:val="19"/>
                <w:szCs w:val="19"/>
              </w:rPr>
              <w:t>25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rtl</w:t>
            </w:r>
            <w:r>
              <w:rPr>
                <w:rFonts w:ascii="Cascadia Mono" w:hAnsi="Cascadia Mono" w:cs="Cascadia Mono"/>
                <w:color w:val="000000"/>
                <w:sz w:val="19"/>
                <w:szCs w:val="19"/>
              </w:rPr>
              <w:t xml:space="preserve"> </w:t>
            </w:r>
            <w:r>
              <w:rPr>
                <w:rFonts w:ascii="Cascadia Mono" w:hAnsi="Cascadia Mono" w:cs="Cascadia Mono"/>
                <w:color w:val="800000"/>
                <w:sz w:val="19"/>
                <w:szCs w:val="19"/>
              </w:rPr>
              <w:t>.noUi-value-vertical</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0,</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0,</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lastRenderedPageBreak/>
              <w:t>.noUi-marker-vertical.noUi-marker</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2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margin-top</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marker-vertical.noUi-marker-sub</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0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marker-vertical.noUi-marker-larg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15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tooltip</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display</w:t>
            </w:r>
            <w:r>
              <w:rPr>
                <w:rFonts w:ascii="Cascadia Mono" w:hAnsi="Cascadia Mono" w:cs="Cascadia Mono"/>
                <w:color w:val="000000"/>
                <w:sz w:val="19"/>
                <w:szCs w:val="19"/>
              </w:rPr>
              <w:t xml:space="preserve">: </w:t>
            </w:r>
            <w:r>
              <w:rPr>
                <w:rFonts w:ascii="Cascadia Mono" w:hAnsi="Cascadia Mono" w:cs="Cascadia Mono"/>
                <w:color w:val="0000FF"/>
                <w:sz w:val="19"/>
                <w:szCs w:val="19"/>
              </w:rPr>
              <w:t>block</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osition</w:t>
            </w:r>
            <w:r>
              <w:rPr>
                <w:rFonts w:ascii="Cascadia Mono" w:hAnsi="Cascadia Mono" w:cs="Cascadia Mono"/>
                <w:color w:val="000000"/>
                <w:sz w:val="19"/>
                <w:szCs w:val="19"/>
              </w:rPr>
              <w:t xml:space="preserve">: </w:t>
            </w:r>
            <w:r>
              <w:rPr>
                <w:rFonts w:ascii="Cascadia Mono" w:hAnsi="Cascadia Mono" w:cs="Cascadia Mono"/>
                <w:color w:val="0000FF"/>
                <w:sz w:val="19"/>
                <w:szCs w:val="19"/>
              </w:rPr>
              <w:t>absolut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w:t>
            </w:r>
            <w:r>
              <w:rPr>
                <w:rFonts w:ascii="Cascadia Mono" w:hAnsi="Cascadia Mono" w:cs="Cascadia Mono"/>
                <w:color w:val="000000"/>
                <w:sz w:val="19"/>
                <w:szCs w:val="19"/>
              </w:rPr>
              <w:t xml:space="preserve">: </w:t>
            </w:r>
            <w:r>
              <w:rPr>
                <w:rFonts w:ascii="Cascadia Mono" w:hAnsi="Cascadia Mono" w:cs="Cascadia Mono"/>
                <w:color w:val="0000FF"/>
                <w:sz w:val="19"/>
                <w:szCs w:val="19"/>
              </w:rPr>
              <w:t>1px</w:t>
            </w:r>
            <w:r>
              <w:rPr>
                <w:rFonts w:ascii="Cascadia Mono" w:hAnsi="Cascadia Mono" w:cs="Cascadia Mono"/>
                <w:color w:val="000000"/>
                <w:sz w:val="19"/>
                <w:szCs w:val="19"/>
              </w:rPr>
              <w:t xml:space="preserve"> </w:t>
            </w:r>
            <w:r>
              <w:rPr>
                <w:rFonts w:ascii="Cascadia Mono" w:hAnsi="Cascadia Mono" w:cs="Cascadia Mono"/>
                <w:color w:val="0000FF"/>
                <w:sz w:val="19"/>
                <w:szCs w:val="19"/>
              </w:rPr>
              <w:t>solid</w:t>
            </w:r>
            <w:r>
              <w:rPr>
                <w:rFonts w:ascii="Cascadia Mono" w:hAnsi="Cascadia Mono" w:cs="Cascadia Mono"/>
                <w:color w:val="000000"/>
                <w:sz w:val="19"/>
                <w:szCs w:val="19"/>
              </w:rPr>
              <w:t xml:space="preserve"> </w:t>
            </w:r>
            <w:r>
              <w:rPr>
                <w:rFonts w:ascii="Cascadia Mono" w:hAnsi="Cascadia Mono" w:cs="Cascadia Mono"/>
                <w:color w:val="0000FF"/>
                <w:sz w:val="19"/>
                <w:szCs w:val="19"/>
              </w:rPr>
              <w:t>#D9D9D9</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rder-radius</w:t>
            </w:r>
            <w:r>
              <w:rPr>
                <w:rFonts w:ascii="Cascadia Mono" w:hAnsi="Cascadia Mono" w:cs="Cascadia Mono"/>
                <w:color w:val="000000"/>
                <w:sz w:val="19"/>
                <w:szCs w:val="19"/>
              </w:rPr>
              <w:t xml:space="preserve">: </w:t>
            </w:r>
            <w:r>
              <w:rPr>
                <w:rFonts w:ascii="Cascadia Mono" w:hAnsi="Cascadia Mono" w:cs="Cascadia Mono"/>
                <w:color w:val="0000FF"/>
                <w:sz w:val="19"/>
                <w:szCs w:val="19"/>
              </w:rPr>
              <w:t>3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ackground</w:t>
            </w:r>
            <w:r>
              <w:rPr>
                <w:rFonts w:ascii="Cascadia Mono" w:hAnsi="Cascadia Mono" w:cs="Cascadia Mono"/>
                <w:color w:val="000000"/>
                <w:sz w:val="19"/>
                <w:szCs w:val="19"/>
              </w:rPr>
              <w:t xml:space="preserve">: </w:t>
            </w:r>
            <w:r>
              <w:rPr>
                <w:rFonts w:ascii="Cascadia Mono" w:hAnsi="Cascadia Mono" w:cs="Cascadia Mono"/>
                <w:color w:val="0000FF"/>
                <w:sz w:val="19"/>
                <w:szCs w:val="19"/>
              </w:rPr>
              <w:t>#fff</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color</w:t>
            </w:r>
            <w:r>
              <w:rPr>
                <w:rFonts w:ascii="Cascadia Mono" w:hAnsi="Cascadia Mono" w:cs="Cascadia Mono"/>
                <w:color w:val="000000"/>
                <w:sz w:val="19"/>
                <w:szCs w:val="19"/>
              </w:rPr>
              <w:t xml:space="preserve">: </w:t>
            </w:r>
            <w:r>
              <w:rPr>
                <w:rFonts w:ascii="Cascadia Mono" w:hAnsi="Cascadia Mono" w:cs="Cascadia Mono"/>
                <w:color w:val="0000FF"/>
                <w:sz w:val="19"/>
                <w:szCs w:val="19"/>
              </w:rPr>
              <w:t>#00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padding</w:t>
            </w:r>
            <w:r>
              <w:rPr>
                <w:rFonts w:ascii="Cascadia Mono" w:hAnsi="Cascadia Mono" w:cs="Cascadia Mono"/>
                <w:color w:val="000000"/>
                <w:sz w:val="19"/>
                <w:szCs w:val="19"/>
              </w:rPr>
              <w:t xml:space="preserve">: </w:t>
            </w:r>
            <w:r>
              <w:rPr>
                <w:rFonts w:ascii="Cascadia Mono" w:hAnsi="Cascadia Mono" w:cs="Cascadia Mono"/>
                <w:color w:val="0000FF"/>
                <w:sz w:val="19"/>
                <w:szCs w:val="19"/>
              </w:rPr>
              <w:t>5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ext-align</w:t>
            </w:r>
            <w:r>
              <w:rPr>
                <w:rFonts w:ascii="Cascadia Mono" w:hAnsi="Cascadia Mono" w:cs="Cascadia Mono"/>
                <w:color w:val="000000"/>
                <w:sz w:val="19"/>
                <w:szCs w:val="19"/>
              </w:rPr>
              <w:t xml:space="preserve">: </w:t>
            </w:r>
            <w:r>
              <w:rPr>
                <w:rFonts w:ascii="Cascadia Mono" w:hAnsi="Cascadia Mono" w:cs="Cascadia Mono"/>
                <w:color w:val="0000FF"/>
                <w:sz w:val="19"/>
                <w:szCs w:val="19"/>
              </w:rPr>
              <w:t>center</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hite-space</w:t>
            </w:r>
            <w:r>
              <w:rPr>
                <w:rFonts w:ascii="Cascadia Mono" w:hAnsi="Cascadia Mono" w:cs="Cascadia Mono"/>
                <w:color w:val="000000"/>
                <w:sz w:val="19"/>
                <w:szCs w:val="19"/>
              </w:rPr>
              <w:t xml:space="preserve">: </w:t>
            </w:r>
            <w:r>
              <w:rPr>
                <w:rFonts w:ascii="Cascadia Mono" w:hAnsi="Cascadia Mono" w:cs="Cascadia Mono"/>
                <w:color w:val="0000FF"/>
                <w:sz w:val="19"/>
                <w:szCs w:val="19"/>
              </w:rPr>
              <w:t>nowrap</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horizontal</w:t>
            </w:r>
            <w:r>
              <w:rPr>
                <w:rFonts w:ascii="Cascadia Mono" w:hAnsi="Cascadia Mono" w:cs="Cascadia Mono"/>
                <w:color w:val="000000"/>
                <w:sz w:val="19"/>
                <w:szCs w:val="19"/>
              </w:rPr>
              <w:t xml:space="preserve"> </w:t>
            </w:r>
            <w:r>
              <w:rPr>
                <w:rFonts w:ascii="Cascadia Mono" w:hAnsi="Cascadia Mono" w:cs="Cascadia Mono"/>
                <w:color w:val="800000"/>
                <w:sz w:val="19"/>
                <w:szCs w:val="19"/>
              </w:rPr>
              <w:t>.noUi-tooltip</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5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50%,</w:t>
            </w:r>
            <w:r>
              <w:rPr>
                <w:rFonts w:ascii="Cascadia Mono" w:hAnsi="Cascadia Mono" w:cs="Cascadia Mono"/>
                <w:color w:val="000000"/>
                <w:sz w:val="19"/>
                <w:szCs w:val="19"/>
              </w:rPr>
              <w:t xml:space="preserve"> </w:t>
            </w:r>
            <w:r>
              <w:rPr>
                <w:rFonts w:ascii="Cascadia Mono" w:hAnsi="Cascadia Mono" w:cs="Cascadia Mono"/>
                <w:color w:val="0000FF"/>
                <w:sz w:val="19"/>
                <w:szCs w:val="19"/>
              </w:rPr>
              <w:t>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left</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bottom</w:t>
            </w:r>
            <w:r>
              <w:rPr>
                <w:rFonts w:ascii="Cascadia Mono" w:hAnsi="Cascadia Mono" w:cs="Cascadia Mono"/>
                <w:color w:val="000000"/>
                <w:sz w:val="19"/>
                <w:szCs w:val="19"/>
              </w:rPr>
              <w:t xml:space="preserve">: </w:t>
            </w:r>
            <w:r>
              <w:rPr>
                <w:rFonts w:ascii="Cascadia Mono" w:hAnsi="Cascadia Mono" w:cs="Cascadia Mono"/>
                <w:color w:val="0000FF"/>
                <w:sz w:val="19"/>
                <w:szCs w:val="19"/>
              </w:rPr>
              <w:t>12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noUi-vertical</w:t>
            </w:r>
            <w:r>
              <w:rPr>
                <w:rFonts w:ascii="Cascadia Mono" w:hAnsi="Cascadia Mono" w:cs="Cascadia Mono"/>
                <w:color w:val="000000"/>
                <w:sz w:val="19"/>
                <w:szCs w:val="19"/>
              </w:rPr>
              <w:t xml:space="preserve"> </w:t>
            </w:r>
            <w:r>
              <w:rPr>
                <w:rFonts w:ascii="Cascadia Mono" w:hAnsi="Cascadia Mono" w:cs="Cascadia Mono"/>
                <w:color w:val="800000"/>
                <w:sz w:val="19"/>
                <w:szCs w:val="19"/>
              </w:rPr>
              <w:t>.noUi-tooltip</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webki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0,</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translate(0,</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top</w:t>
            </w:r>
            <w:r>
              <w:rPr>
                <w:rFonts w:ascii="Cascadia Mono" w:hAnsi="Cascadia Mono" w:cs="Cascadia Mono"/>
                <w:color w:val="000000"/>
                <w:sz w:val="19"/>
                <w:szCs w:val="19"/>
              </w:rPr>
              <w:t xml:space="preserve">: </w:t>
            </w:r>
            <w:r>
              <w:rPr>
                <w:rFonts w:ascii="Cascadia Mono" w:hAnsi="Cascadia Mono" w:cs="Cascadia Mono"/>
                <w:color w:val="0000FF"/>
                <w:sz w:val="19"/>
                <w:szCs w:val="19"/>
              </w:rPr>
              <w:t>5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FF0000"/>
                <w:sz w:val="19"/>
                <w:szCs w:val="19"/>
              </w:rPr>
              <w:t>right</w:t>
            </w:r>
            <w:r>
              <w:rPr>
                <w:rFonts w:ascii="Cascadia Mono" w:hAnsi="Cascadia Mono" w:cs="Cascadia Mono"/>
                <w:color w:val="000000"/>
                <w:sz w:val="19"/>
                <w:szCs w:val="19"/>
              </w:rPr>
              <w:t xml:space="preserve">: </w:t>
            </w:r>
            <w:r>
              <w:rPr>
                <w:rFonts w:ascii="Cascadia Mono" w:hAnsi="Cascadia Mono" w:cs="Cascadia Mono"/>
                <w:color w:val="0000FF"/>
                <w:sz w:val="19"/>
                <w:szCs w:val="19"/>
              </w:rPr>
              <w:t>12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Selectize.css</w:t>
            </w:r>
          </w:p>
        </w:tc>
      </w:tr>
      <w:tr w:rsidR="0048012D" w:rsidTr="0048012D">
        <w:tc>
          <w:tcPr>
            <w:tcW w:w="9576" w:type="dxa"/>
          </w:tcPr>
          <w:p w:rsidR="00156FB3" w:rsidRDefault="00156FB3" w:rsidP="00156FB3">
            <w:r>
              <w:t>/**</w:t>
            </w:r>
          </w:p>
          <w:p w:rsidR="00156FB3" w:rsidRDefault="00156FB3" w:rsidP="00156FB3">
            <w:r>
              <w:t xml:space="preserve"> * selectize.css (v0.12.4) - Bootstrap 3 Theme</w:t>
            </w:r>
          </w:p>
          <w:p w:rsidR="00156FB3" w:rsidRDefault="00156FB3" w:rsidP="00156FB3">
            <w:r>
              <w:t xml:space="preserve"> * Copyright (c) 2013–2015 Brian Reavis &amp; contributors</w:t>
            </w:r>
          </w:p>
          <w:p w:rsidR="00156FB3" w:rsidRDefault="00156FB3" w:rsidP="00156FB3">
            <w:r>
              <w:t xml:space="preserve"> *</w:t>
            </w:r>
          </w:p>
          <w:p w:rsidR="00156FB3" w:rsidRDefault="00156FB3" w:rsidP="00156FB3">
            <w:r>
              <w:t xml:space="preserve"> * Licensed under the Apache License, Version 2.0 (the "License"); you may not use this</w:t>
            </w:r>
          </w:p>
          <w:p w:rsidR="00156FB3" w:rsidRDefault="00156FB3" w:rsidP="00156FB3">
            <w:r>
              <w:t xml:space="preserve"> * file except in compliance with the License. You may obtain a copy of the License at:</w:t>
            </w:r>
          </w:p>
          <w:p w:rsidR="00156FB3" w:rsidRDefault="00156FB3" w:rsidP="00156FB3">
            <w:r>
              <w:t xml:space="preserve"> * http://www.apache.org/licenses/LICENSE-2.0</w:t>
            </w:r>
          </w:p>
          <w:p w:rsidR="00156FB3" w:rsidRDefault="00156FB3" w:rsidP="00156FB3">
            <w:r>
              <w:t xml:space="preserve"> *</w:t>
            </w:r>
          </w:p>
          <w:p w:rsidR="00156FB3" w:rsidRDefault="00156FB3" w:rsidP="00156FB3">
            <w:r>
              <w:t xml:space="preserve"> * Unless required by applicable law or agreed to in writing, software distributed under</w:t>
            </w:r>
          </w:p>
          <w:p w:rsidR="00156FB3" w:rsidRDefault="00156FB3" w:rsidP="00156FB3">
            <w:r>
              <w:lastRenderedPageBreak/>
              <w:t xml:space="preserve"> * the License is distributed on an "AS IS" BASIS, WITHOUT WARRANTIES OR CONDITIONS OF</w:t>
            </w:r>
          </w:p>
          <w:p w:rsidR="00156FB3" w:rsidRDefault="00156FB3" w:rsidP="00156FB3">
            <w:r>
              <w:t xml:space="preserve"> * ANY KIND, either express or implied. See the License for the specific language</w:t>
            </w:r>
          </w:p>
          <w:p w:rsidR="00156FB3" w:rsidRDefault="00156FB3" w:rsidP="00156FB3">
            <w:r>
              <w:t xml:space="preserve"> * governing permissions and limitations under the License.</w:t>
            </w:r>
          </w:p>
          <w:p w:rsidR="00156FB3" w:rsidRDefault="00156FB3" w:rsidP="00156FB3">
            <w:r>
              <w:t xml:space="preserve"> *</w:t>
            </w:r>
          </w:p>
          <w:p w:rsidR="00156FB3" w:rsidRDefault="00156FB3" w:rsidP="00156FB3">
            <w:r>
              <w:t xml:space="preserve"> * @author Brian Reavis &lt;brian@thirdroute.com&gt;</w:t>
            </w:r>
          </w:p>
          <w:p w:rsidR="00156FB3" w:rsidRDefault="00156FB3" w:rsidP="00156FB3">
            <w:r>
              <w:t xml:space="preserve"> */</w:t>
            </w:r>
          </w:p>
          <w:p w:rsidR="00156FB3" w:rsidRDefault="00156FB3" w:rsidP="00156FB3">
            <w:r>
              <w:t>.selectize-control.plugin-drag_drop.multi &gt; .selectize-input &gt; div.ui-sortable-placeholder {</w:t>
            </w:r>
          </w:p>
          <w:p w:rsidR="00156FB3" w:rsidRDefault="00156FB3" w:rsidP="00156FB3">
            <w:r>
              <w:t xml:space="preserve">    visibility: visible !important;</w:t>
            </w:r>
          </w:p>
          <w:p w:rsidR="00156FB3" w:rsidRDefault="00156FB3" w:rsidP="00156FB3">
            <w:r>
              <w:t xml:space="preserve">    background: #f2f2f2 !important;</w:t>
            </w:r>
          </w:p>
          <w:p w:rsidR="00156FB3" w:rsidRDefault="00156FB3" w:rsidP="00156FB3">
            <w:r>
              <w:t xml:space="preserve">    background: rgba(0, 0, 0, 0.06) !important;</w:t>
            </w:r>
          </w:p>
          <w:p w:rsidR="00156FB3" w:rsidRDefault="00156FB3" w:rsidP="00156FB3">
            <w:r>
              <w:t xml:space="preserve">    border: 0 none !important;</w:t>
            </w:r>
          </w:p>
          <w:p w:rsidR="00156FB3" w:rsidRDefault="00156FB3" w:rsidP="00156FB3">
            <w:r>
              <w:t xml:space="preserve">    -webkit-box-shadow: inset 0 0 12px 4px #ffffff;</w:t>
            </w:r>
          </w:p>
          <w:p w:rsidR="00156FB3" w:rsidRDefault="00156FB3" w:rsidP="00156FB3">
            <w:r>
              <w:t xml:space="preserve">    box-shadow: inset 0 0 12px 4px #ffffff;</w:t>
            </w:r>
          </w:p>
          <w:p w:rsidR="00156FB3" w:rsidRDefault="00156FB3" w:rsidP="00156FB3">
            <w:r>
              <w:t>}</w:t>
            </w:r>
          </w:p>
          <w:p w:rsidR="00156FB3" w:rsidRDefault="00156FB3" w:rsidP="00156FB3"/>
          <w:p w:rsidR="00156FB3" w:rsidRDefault="00156FB3" w:rsidP="00156FB3">
            <w:r>
              <w:t>.selectize-control.plugin-drag_drop .ui-sortable-placeholder::after {</w:t>
            </w:r>
          </w:p>
          <w:p w:rsidR="00156FB3" w:rsidRDefault="00156FB3" w:rsidP="00156FB3">
            <w:r>
              <w:t xml:space="preserve">    content: '!';</w:t>
            </w:r>
          </w:p>
          <w:p w:rsidR="00156FB3" w:rsidRDefault="00156FB3" w:rsidP="00156FB3">
            <w:r>
              <w:t xml:space="preserve">    visibility: hidden;</w:t>
            </w:r>
          </w:p>
          <w:p w:rsidR="00156FB3" w:rsidRDefault="00156FB3" w:rsidP="00156FB3">
            <w:r>
              <w:t>}</w:t>
            </w:r>
          </w:p>
          <w:p w:rsidR="00156FB3" w:rsidRDefault="00156FB3" w:rsidP="00156FB3"/>
          <w:p w:rsidR="00156FB3" w:rsidRDefault="00156FB3" w:rsidP="00156FB3">
            <w:r>
              <w:t>.selectize-control.plugin-drag_drop .ui-sortable-helper {</w:t>
            </w:r>
          </w:p>
          <w:p w:rsidR="00156FB3" w:rsidRDefault="00156FB3" w:rsidP="00156FB3">
            <w:r>
              <w:t xml:space="preserve">    -webkit-box-shadow: 0 2px 5px rgba(0, 0, 0, 0.2);</w:t>
            </w:r>
          </w:p>
          <w:p w:rsidR="00156FB3" w:rsidRDefault="00156FB3" w:rsidP="00156FB3">
            <w:r>
              <w:t xml:space="preserve">    box-shadow: 0 2px 5px rgba(0, 0, 0, 0.2);</w:t>
            </w:r>
          </w:p>
          <w:p w:rsidR="00156FB3" w:rsidRDefault="00156FB3" w:rsidP="00156FB3">
            <w:r>
              <w:t>}</w:t>
            </w:r>
          </w:p>
          <w:p w:rsidR="00156FB3" w:rsidRDefault="00156FB3" w:rsidP="00156FB3"/>
          <w:p w:rsidR="00156FB3" w:rsidRDefault="00156FB3" w:rsidP="00156FB3">
            <w:r>
              <w:t>.selectize-dropdown-header {</w:t>
            </w:r>
          </w:p>
          <w:p w:rsidR="00156FB3" w:rsidRDefault="00156FB3" w:rsidP="00156FB3">
            <w:r>
              <w:t xml:space="preserve">    position: relative;</w:t>
            </w:r>
          </w:p>
          <w:p w:rsidR="00156FB3" w:rsidRDefault="00156FB3" w:rsidP="00156FB3">
            <w:r>
              <w:t xml:space="preserve">    padding: 3px 12px;</w:t>
            </w:r>
          </w:p>
          <w:p w:rsidR="00156FB3" w:rsidRDefault="00156FB3" w:rsidP="00156FB3">
            <w:r>
              <w:t xml:space="preserve">    border-bottom: 1px solid #d0d0d0;</w:t>
            </w:r>
          </w:p>
          <w:p w:rsidR="00156FB3" w:rsidRDefault="00156FB3" w:rsidP="00156FB3">
            <w:r>
              <w:t xml:space="preserve">    background: #f8f8f8;</w:t>
            </w:r>
          </w:p>
          <w:p w:rsidR="00156FB3" w:rsidRDefault="00156FB3" w:rsidP="00156FB3">
            <w:r>
              <w:t xml:space="preserve">    -webkit-border-radius: 4px 4px 0 0;</w:t>
            </w:r>
          </w:p>
          <w:p w:rsidR="00156FB3" w:rsidRDefault="00156FB3" w:rsidP="00156FB3">
            <w:r>
              <w:t xml:space="preserve">    -moz-border-radius: 4px 4px 0 0;</w:t>
            </w:r>
          </w:p>
          <w:p w:rsidR="00156FB3" w:rsidRDefault="00156FB3" w:rsidP="00156FB3">
            <w:r>
              <w:t xml:space="preserve">    border-radius: 4px 4px 0 0;</w:t>
            </w:r>
          </w:p>
          <w:p w:rsidR="00156FB3" w:rsidRDefault="00156FB3" w:rsidP="00156FB3">
            <w:r>
              <w:t>}</w:t>
            </w:r>
          </w:p>
          <w:p w:rsidR="00156FB3" w:rsidRDefault="00156FB3" w:rsidP="00156FB3"/>
          <w:p w:rsidR="00156FB3" w:rsidRDefault="00156FB3" w:rsidP="00156FB3">
            <w:r>
              <w:t>.selectize-dropdown-header-close {</w:t>
            </w:r>
          </w:p>
          <w:p w:rsidR="00156FB3" w:rsidRDefault="00156FB3" w:rsidP="00156FB3">
            <w:r>
              <w:t xml:space="preserve">    position: absolute;</w:t>
            </w:r>
          </w:p>
          <w:p w:rsidR="00156FB3" w:rsidRDefault="00156FB3" w:rsidP="00156FB3">
            <w:r>
              <w:t xml:space="preserve">    right: 12px;</w:t>
            </w:r>
          </w:p>
          <w:p w:rsidR="00156FB3" w:rsidRDefault="00156FB3" w:rsidP="00156FB3">
            <w:r>
              <w:t xml:space="preserve">    top: 50%;</w:t>
            </w:r>
          </w:p>
          <w:p w:rsidR="00156FB3" w:rsidRDefault="00156FB3" w:rsidP="00156FB3">
            <w:r>
              <w:t xml:space="preserve">    color: #333333;</w:t>
            </w:r>
          </w:p>
          <w:p w:rsidR="00156FB3" w:rsidRDefault="00156FB3" w:rsidP="00156FB3">
            <w:r>
              <w:t xml:space="preserve">    opacity: 0.4;</w:t>
            </w:r>
          </w:p>
          <w:p w:rsidR="00156FB3" w:rsidRDefault="00156FB3" w:rsidP="00156FB3">
            <w:r>
              <w:t xml:space="preserve">    margin-top: -12px;</w:t>
            </w:r>
          </w:p>
          <w:p w:rsidR="00156FB3" w:rsidRDefault="00156FB3" w:rsidP="00156FB3">
            <w:r>
              <w:t xml:space="preserve">    line-height: 20px;</w:t>
            </w:r>
          </w:p>
          <w:p w:rsidR="00156FB3" w:rsidRDefault="00156FB3" w:rsidP="00156FB3">
            <w:r>
              <w:t xml:space="preserve">    font-size: 20px !important;</w:t>
            </w:r>
          </w:p>
          <w:p w:rsidR="00156FB3" w:rsidRDefault="00156FB3" w:rsidP="00156FB3">
            <w:r>
              <w:t>}</w:t>
            </w:r>
          </w:p>
          <w:p w:rsidR="00156FB3" w:rsidRDefault="00156FB3" w:rsidP="00156FB3"/>
          <w:p w:rsidR="00156FB3" w:rsidRDefault="00156FB3" w:rsidP="00156FB3">
            <w:r>
              <w:t>.selectize-dropdown-header-close:hover {</w:t>
            </w:r>
          </w:p>
          <w:p w:rsidR="00156FB3" w:rsidRDefault="00156FB3" w:rsidP="00156FB3">
            <w:r>
              <w:t xml:space="preserve">    color: #000000;</w:t>
            </w:r>
          </w:p>
          <w:p w:rsidR="00156FB3" w:rsidRDefault="00156FB3" w:rsidP="00156FB3">
            <w:r>
              <w:lastRenderedPageBreak/>
              <w:t>}</w:t>
            </w:r>
          </w:p>
          <w:p w:rsidR="00156FB3" w:rsidRDefault="00156FB3" w:rsidP="00156FB3"/>
          <w:p w:rsidR="00156FB3" w:rsidRDefault="00156FB3" w:rsidP="00156FB3">
            <w:r>
              <w:t>.selectize-dropdown.plugin-optgroup_columns .optgroup {</w:t>
            </w:r>
          </w:p>
          <w:p w:rsidR="00156FB3" w:rsidRDefault="00156FB3" w:rsidP="00156FB3">
            <w:r>
              <w:t xml:space="preserve">    border-right: 1px solid #f2f2f2;</w:t>
            </w:r>
          </w:p>
          <w:p w:rsidR="00156FB3" w:rsidRDefault="00156FB3" w:rsidP="00156FB3">
            <w:r>
              <w:t xml:space="preserve">    border-top: 0 none;</w:t>
            </w:r>
          </w:p>
          <w:p w:rsidR="00156FB3" w:rsidRDefault="00156FB3" w:rsidP="00156FB3">
            <w:r>
              <w:t xml:space="preserve">    float: left;</w:t>
            </w:r>
          </w:p>
          <w:p w:rsidR="00156FB3" w:rsidRDefault="00156FB3" w:rsidP="00156FB3">
            <w:r>
              <w:t xml:space="preserve">    -webkit-box-sizing: border-box;</w:t>
            </w:r>
          </w:p>
          <w:p w:rsidR="00156FB3" w:rsidRDefault="00156FB3" w:rsidP="00156FB3">
            <w:r>
              <w:t xml:space="preserve">    -moz-box-sizing: border-box;</w:t>
            </w:r>
          </w:p>
          <w:p w:rsidR="00156FB3" w:rsidRDefault="00156FB3" w:rsidP="00156FB3">
            <w:r>
              <w:t xml:space="preserve">    box-sizing: border-box;</w:t>
            </w:r>
          </w:p>
          <w:p w:rsidR="00156FB3" w:rsidRDefault="00156FB3" w:rsidP="00156FB3">
            <w:r>
              <w:t>}</w:t>
            </w:r>
          </w:p>
          <w:p w:rsidR="00156FB3" w:rsidRDefault="00156FB3" w:rsidP="00156FB3"/>
          <w:p w:rsidR="00156FB3" w:rsidRDefault="00156FB3" w:rsidP="00156FB3">
            <w:r>
              <w:t>.selectize-dropdown.plugin-optgroup_columns .optgroup:last-child {</w:t>
            </w:r>
          </w:p>
          <w:p w:rsidR="00156FB3" w:rsidRDefault="00156FB3" w:rsidP="00156FB3">
            <w:r>
              <w:t xml:space="preserve">    border-right: 0 none;</w:t>
            </w:r>
          </w:p>
          <w:p w:rsidR="00156FB3" w:rsidRDefault="00156FB3" w:rsidP="00156FB3">
            <w:r>
              <w:t>}</w:t>
            </w:r>
          </w:p>
          <w:p w:rsidR="00156FB3" w:rsidRDefault="00156FB3" w:rsidP="00156FB3"/>
          <w:p w:rsidR="00156FB3" w:rsidRDefault="00156FB3" w:rsidP="00156FB3">
            <w:r>
              <w:t>.selectize-dropdown.plugin-optgroup_columns .optgroup:before {</w:t>
            </w:r>
          </w:p>
          <w:p w:rsidR="00156FB3" w:rsidRDefault="00156FB3" w:rsidP="00156FB3">
            <w:r>
              <w:t xml:space="preserve">    display: none;</w:t>
            </w:r>
          </w:p>
          <w:p w:rsidR="00156FB3" w:rsidRDefault="00156FB3" w:rsidP="00156FB3">
            <w:r>
              <w:t>}</w:t>
            </w:r>
          </w:p>
          <w:p w:rsidR="00156FB3" w:rsidRDefault="00156FB3" w:rsidP="00156FB3"/>
          <w:p w:rsidR="00156FB3" w:rsidRDefault="00156FB3" w:rsidP="00156FB3">
            <w:r>
              <w:t>.selectize-dropdown.plugin-optgroup_columns .optgroup-header {</w:t>
            </w:r>
          </w:p>
          <w:p w:rsidR="00156FB3" w:rsidRDefault="00156FB3" w:rsidP="00156FB3">
            <w:r>
              <w:t xml:space="preserve">    border-top: 0 none;</w:t>
            </w:r>
          </w:p>
          <w:p w:rsidR="00156FB3" w:rsidRDefault="00156FB3" w:rsidP="00156FB3">
            <w:r>
              <w:t>}</w:t>
            </w:r>
          </w:p>
          <w:p w:rsidR="00156FB3" w:rsidRDefault="00156FB3" w:rsidP="00156FB3"/>
          <w:p w:rsidR="00156FB3" w:rsidRDefault="00156FB3" w:rsidP="00156FB3">
            <w:r>
              <w:t>.selectize-control.plugin-remove_button [data-value] {</w:t>
            </w:r>
          </w:p>
          <w:p w:rsidR="00156FB3" w:rsidRDefault="00156FB3" w:rsidP="00156FB3">
            <w:r>
              <w:t xml:space="preserve">    position: relative;</w:t>
            </w:r>
          </w:p>
          <w:p w:rsidR="00156FB3" w:rsidRDefault="00156FB3" w:rsidP="00156FB3">
            <w:r>
              <w:t xml:space="preserve">    padding-right: 24px !important;</w:t>
            </w:r>
          </w:p>
          <w:p w:rsidR="00156FB3" w:rsidRDefault="00156FB3" w:rsidP="00156FB3">
            <w:r>
              <w:t>}</w:t>
            </w:r>
          </w:p>
          <w:p w:rsidR="00156FB3" w:rsidRDefault="00156FB3" w:rsidP="00156FB3"/>
          <w:p w:rsidR="00156FB3" w:rsidRDefault="00156FB3" w:rsidP="00156FB3">
            <w:r>
              <w:t>.selectize-control.plugin-remove_button [data-value] .remove {</w:t>
            </w:r>
          </w:p>
          <w:p w:rsidR="00156FB3" w:rsidRDefault="00156FB3" w:rsidP="00156FB3">
            <w:r>
              <w:t xml:space="preserve">    z-index: 1;</w:t>
            </w:r>
          </w:p>
          <w:p w:rsidR="00156FB3" w:rsidRDefault="00156FB3" w:rsidP="00156FB3">
            <w:r>
              <w:t xml:space="preserve">    /* fixes ie bug (see #392) */</w:t>
            </w:r>
          </w:p>
          <w:p w:rsidR="00156FB3" w:rsidRDefault="00156FB3" w:rsidP="00156FB3">
            <w:r>
              <w:t xml:space="preserve">    position: absolute;</w:t>
            </w:r>
          </w:p>
          <w:p w:rsidR="00156FB3" w:rsidRDefault="00156FB3" w:rsidP="00156FB3">
            <w:r>
              <w:t xml:space="preserve">    top: 0;</w:t>
            </w:r>
          </w:p>
          <w:p w:rsidR="00156FB3" w:rsidRDefault="00156FB3" w:rsidP="00156FB3">
            <w:r>
              <w:t xml:space="preserve">    right: 0;</w:t>
            </w:r>
          </w:p>
          <w:p w:rsidR="00156FB3" w:rsidRDefault="00156FB3" w:rsidP="00156FB3">
            <w:r>
              <w:t xml:space="preserve">    bottom: 0;</w:t>
            </w:r>
          </w:p>
          <w:p w:rsidR="00156FB3" w:rsidRDefault="00156FB3" w:rsidP="00156FB3">
            <w:r>
              <w:t xml:space="preserve">    width: 17px;</w:t>
            </w:r>
          </w:p>
          <w:p w:rsidR="00156FB3" w:rsidRDefault="00156FB3" w:rsidP="00156FB3">
            <w:r>
              <w:t xml:space="preserve">    text-align: center;</w:t>
            </w:r>
          </w:p>
          <w:p w:rsidR="00156FB3" w:rsidRDefault="00156FB3" w:rsidP="00156FB3">
            <w:r>
              <w:t xml:space="preserve">    font-weight: bold;</w:t>
            </w:r>
          </w:p>
          <w:p w:rsidR="00156FB3" w:rsidRDefault="00156FB3" w:rsidP="00156FB3">
            <w:r>
              <w:t xml:space="preserve">    font-size: 12px;</w:t>
            </w:r>
          </w:p>
          <w:p w:rsidR="00156FB3" w:rsidRDefault="00156FB3" w:rsidP="00156FB3">
            <w:r>
              <w:t xml:space="preserve">    color: inherit;</w:t>
            </w:r>
          </w:p>
          <w:p w:rsidR="00156FB3" w:rsidRDefault="00156FB3" w:rsidP="00156FB3">
            <w:r>
              <w:t xml:space="preserve">    text-decoration: none;</w:t>
            </w:r>
          </w:p>
          <w:p w:rsidR="00156FB3" w:rsidRDefault="00156FB3" w:rsidP="00156FB3">
            <w:r>
              <w:t xml:space="preserve">    vertical-align: middle;</w:t>
            </w:r>
          </w:p>
          <w:p w:rsidR="00156FB3" w:rsidRDefault="00156FB3" w:rsidP="00156FB3">
            <w:r>
              <w:t xml:space="preserve">    display: inline-block;</w:t>
            </w:r>
          </w:p>
          <w:p w:rsidR="00156FB3" w:rsidRDefault="00156FB3" w:rsidP="00156FB3">
            <w:r>
              <w:t xml:space="preserve">    padding: 1px 0 0 0;</w:t>
            </w:r>
          </w:p>
          <w:p w:rsidR="00156FB3" w:rsidRDefault="00156FB3" w:rsidP="00156FB3">
            <w:r>
              <w:t xml:space="preserve">    border-left: 1px solid rgba(0, 0, 0, 0);</w:t>
            </w:r>
          </w:p>
          <w:p w:rsidR="00156FB3" w:rsidRDefault="00156FB3" w:rsidP="00156FB3">
            <w:r>
              <w:t xml:space="preserve">    -webkit-border-radius: 0 2px 2px 0;</w:t>
            </w:r>
          </w:p>
          <w:p w:rsidR="00156FB3" w:rsidRDefault="00156FB3" w:rsidP="00156FB3">
            <w:r>
              <w:t xml:space="preserve">    -moz-border-radius: 0 2px 2px 0;</w:t>
            </w:r>
          </w:p>
          <w:p w:rsidR="00156FB3" w:rsidRDefault="00156FB3" w:rsidP="00156FB3">
            <w:r>
              <w:t xml:space="preserve">    border-radius: 0 2px 2px 0;</w:t>
            </w:r>
          </w:p>
          <w:p w:rsidR="00156FB3" w:rsidRDefault="00156FB3" w:rsidP="00156FB3">
            <w:r>
              <w:lastRenderedPageBreak/>
              <w:t xml:space="preserve">    -webkit-box-sizing: border-box;</w:t>
            </w:r>
          </w:p>
          <w:p w:rsidR="00156FB3" w:rsidRDefault="00156FB3" w:rsidP="00156FB3">
            <w:r>
              <w:t xml:space="preserve">    -moz-box-sizing: border-box;</w:t>
            </w:r>
          </w:p>
          <w:p w:rsidR="00156FB3" w:rsidRDefault="00156FB3" w:rsidP="00156FB3">
            <w:r>
              <w:t xml:space="preserve">    box-sizing: border-box;</w:t>
            </w:r>
          </w:p>
          <w:p w:rsidR="00156FB3" w:rsidRDefault="00156FB3" w:rsidP="00156FB3">
            <w:r>
              <w:t>}</w:t>
            </w:r>
          </w:p>
          <w:p w:rsidR="00156FB3" w:rsidRDefault="00156FB3" w:rsidP="00156FB3"/>
          <w:p w:rsidR="00156FB3" w:rsidRDefault="00156FB3" w:rsidP="00156FB3">
            <w:r>
              <w:t>.selectize-control.plugin-remove_button [data-value] .remove:hover {</w:t>
            </w:r>
          </w:p>
          <w:p w:rsidR="00156FB3" w:rsidRDefault="00156FB3" w:rsidP="00156FB3">
            <w:r>
              <w:t xml:space="preserve">    background: rgba(0, 0, 0, 0.05);</w:t>
            </w:r>
          </w:p>
          <w:p w:rsidR="00156FB3" w:rsidRDefault="00156FB3" w:rsidP="00156FB3">
            <w:r>
              <w:t>}</w:t>
            </w:r>
          </w:p>
          <w:p w:rsidR="00156FB3" w:rsidRDefault="00156FB3" w:rsidP="00156FB3"/>
          <w:p w:rsidR="00156FB3" w:rsidRDefault="00156FB3" w:rsidP="00156FB3">
            <w:r>
              <w:t>.selectize-control.plugin-remove_button [data-value].active .remove {</w:t>
            </w:r>
          </w:p>
          <w:p w:rsidR="00156FB3" w:rsidRDefault="00156FB3" w:rsidP="00156FB3">
            <w:r>
              <w:t xml:space="preserve">    border-left-color: rgba(0, 0, 0, 0);</w:t>
            </w:r>
          </w:p>
          <w:p w:rsidR="00156FB3" w:rsidRDefault="00156FB3" w:rsidP="00156FB3">
            <w:r>
              <w:t>}</w:t>
            </w:r>
          </w:p>
          <w:p w:rsidR="00156FB3" w:rsidRDefault="00156FB3" w:rsidP="00156FB3"/>
          <w:p w:rsidR="00156FB3" w:rsidRDefault="00156FB3" w:rsidP="00156FB3">
            <w:r>
              <w:t>.selectize-control.plugin-remove_button .disabled [data-value] .remove:hover {</w:t>
            </w:r>
          </w:p>
          <w:p w:rsidR="00156FB3" w:rsidRDefault="00156FB3" w:rsidP="00156FB3">
            <w:r>
              <w:t xml:space="preserve">    background: none;</w:t>
            </w:r>
          </w:p>
          <w:p w:rsidR="00156FB3" w:rsidRDefault="00156FB3" w:rsidP="00156FB3">
            <w:r>
              <w:t>}</w:t>
            </w:r>
          </w:p>
          <w:p w:rsidR="00156FB3" w:rsidRDefault="00156FB3" w:rsidP="00156FB3"/>
          <w:p w:rsidR="00156FB3" w:rsidRDefault="00156FB3" w:rsidP="00156FB3">
            <w:r>
              <w:t>.selectize-control.plugin-remove_button .disabled [data-value] .remove {</w:t>
            </w:r>
          </w:p>
          <w:p w:rsidR="00156FB3" w:rsidRDefault="00156FB3" w:rsidP="00156FB3">
            <w:r>
              <w:t xml:space="preserve">    border-left-color: rgba(77, 77, 77, 0);</w:t>
            </w:r>
          </w:p>
          <w:p w:rsidR="00156FB3" w:rsidRDefault="00156FB3" w:rsidP="00156FB3">
            <w:r>
              <w:t>}</w:t>
            </w:r>
          </w:p>
          <w:p w:rsidR="00156FB3" w:rsidRDefault="00156FB3" w:rsidP="00156FB3"/>
          <w:p w:rsidR="00156FB3" w:rsidRDefault="00156FB3" w:rsidP="00156FB3">
            <w:r>
              <w:t>.selectize-control.plugin-remove_button .remove-single {</w:t>
            </w:r>
          </w:p>
          <w:p w:rsidR="00156FB3" w:rsidRDefault="00156FB3" w:rsidP="00156FB3">
            <w:r>
              <w:t xml:space="preserve">    position: absolute;</w:t>
            </w:r>
          </w:p>
          <w:p w:rsidR="00156FB3" w:rsidRDefault="00156FB3" w:rsidP="00156FB3">
            <w:r>
              <w:t xml:space="preserve">    right: 28px;</w:t>
            </w:r>
          </w:p>
          <w:p w:rsidR="00156FB3" w:rsidRDefault="00156FB3" w:rsidP="00156FB3">
            <w:r>
              <w:t xml:space="preserve">    top: 6px;</w:t>
            </w:r>
          </w:p>
          <w:p w:rsidR="00156FB3" w:rsidRDefault="00156FB3" w:rsidP="00156FB3">
            <w:r>
              <w:t xml:space="preserve">    font-size: 23px;</w:t>
            </w:r>
          </w:p>
          <w:p w:rsidR="00156FB3" w:rsidRDefault="00156FB3" w:rsidP="00156FB3">
            <w:r>
              <w:t>}</w:t>
            </w:r>
          </w:p>
          <w:p w:rsidR="00156FB3" w:rsidRDefault="00156FB3" w:rsidP="00156FB3"/>
          <w:p w:rsidR="00156FB3" w:rsidRDefault="00156FB3" w:rsidP="00156FB3">
            <w:r>
              <w:t>.selectize-control {</w:t>
            </w:r>
          </w:p>
          <w:p w:rsidR="00156FB3" w:rsidRDefault="00156FB3" w:rsidP="00156FB3">
            <w:r>
              <w:t xml:space="preserve">    position: relative;</w:t>
            </w:r>
          </w:p>
          <w:p w:rsidR="00156FB3" w:rsidRDefault="00156FB3" w:rsidP="00156FB3">
            <w:r>
              <w:t>}</w:t>
            </w:r>
          </w:p>
          <w:p w:rsidR="00156FB3" w:rsidRDefault="00156FB3" w:rsidP="00156FB3"/>
          <w:p w:rsidR="00156FB3" w:rsidRDefault="00156FB3" w:rsidP="00156FB3">
            <w:r>
              <w:t>.selectize-dropdown,</w:t>
            </w:r>
          </w:p>
          <w:p w:rsidR="00156FB3" w:rsidRDefault="00156FB3" w:rsidP="00156FB3">
            <w:r>
              <w:t>.selectize-input,</w:t>
            </w:r>
          </w:p>
          <w:p w:rsidR="00156FB3" w:rsidRDefault="00156FB3" w:rsidP="00156FB3">
            <w:r>
              <w:t>.selectize-input input {</w:t>
            </w:r>
          </w:p>
          <w:p w:rsidR="00156FB3" w:rsidRDefault="00156FB3" w:rsidP="00156FB3">
            <w:r>
              <w:t xml:space="preserve">    color: #333333;</w:t>
            </w:r>
          </w:p>
          <w:p w:rsidR="00156FB3" w:rsidRDefault="00156FB3" w:rsidP="00156FB3">
            <w:r>
              <w:t xml:space="preserve">    font-family: inherit;</w:t>
            </w:r>
          </w:p>
          <w:p w:rsidR="00156FB3" w:rsidRDefault="00156FB3" w:rsidP="00156FB3">
            <w:r>
              <w:t xml:space="preserve">    font-size: inherit;</w:t>
            </w:r>
          </w:p>
          <w:p w:rsidR="00156FB3" w:rsidRDefault="00156FB3" w:rsidP="00156FB3">
            <w:r>
              <w:t xml:space="preserve">    line-height: 1.5;</w:t>
            </w:r>
          </w:p>
          <w:p w:rsidR="00156FB3" w:rsidRDefault="00156FB3" w:rsidP="00156FB3">
            <w:r>
              <w:t xml:space="preserve">    -webkit-font-smoothing: inherit;</w:t>
            </w:r>
          </w:p>
          <w:p w:rsidR="00156FB3" w:rsidRDefault="00156FB3" w:rsidP="00156FB3">
            <w:r>
              <w:t>}</w:t>
            </w:r>
          </w:p>
          <w:p w:rsidR="00156FB3" w:rsidRDefault="00156FB3" w:rsidP="00156FB3"/>
          <w:p w:rsidR="00156FB3" w:rsidRDefault="00156FB3" w:rsidP="00156FB3">
            <w:r>
              <w:t>.selectize-input,</w:t>
            </w:r>
          </w:p>
          <w:p w:rsidR="00156FB3" w:rsidRDefault="00156FB3" w:rsidP="00156FB3">
            <w:r>
              <w:t>.selectize-control.single .selectize-input.input-active {</w:t>
            </w:r>
          </w:p>
          <w:p w:rsidR="00156FB3" w:rsidRDefault="00156FB3" w:rsidP="00156FB3">
            <w:r>
              <w:t xml:space="preserve">    background: #ffffff;</w:t>
            </w:r>
          </w:p>
          <w:p w:rsidR="00156FB3" w:rsidRDefault="00156FB3" w:rsidP="00156FB3">
            <w:r>
              <w:t xml:space="preserve">    cursor: text;</w:t>
            </w:r>
          </w:p>
          <w:p w:rsidR="00156FB3" w:rsidRDefault="00156FB3" w:rsidP="00156FB3">
            <w:r>
              <w:t xml:space="preserve">    display: inline-block;</w:t>
            </w:r>
          </w:p>
          <w:p w:rsidR="00156FB3" w:rsidRDefault="00156FB3" w:rsidP="00156FB3">
            <w:r>
              <w:t>}</w:t>
            </w:r>
          </w:p>
          <w:p w:rsidR="00156FB3" w:rsidRDefault="00156FB3" w:rsidP="00156FB3"/>
          <w:p w:rsidR="00156FB3" w:rsidRDefault="00156FB3" w:rsidP="00156FB3">
            <w:r>
              <w:t>.selectize-input {</w:t>
            </w:r>
          </w:p>
          <w:p w:rsidR="00156FB3" w:rsidRDefault="00156FB3" w:rsidP="00156FB3">
            <w:r>
              <w:t xml:space="preserve">    border: 1px solid #cccccc;</w:t>
            </w:r>
          </w:p>
          <w:p w:rsidR="00156FB3" w:rsidRDefault="00156FB3" w:rsidP="00156FB3">
            <w:r>
              <w:t xml:space="preserve">    padding: 6px 12px;</w:t>
            </w:r>
          </w:p>
          <w:p w:rsidR="00156FB3" w:rsidRDefault="00156FB3" w:rsidP="00156FB3">
            <w:r>
              <w:t xml:space="preserve">    display: inline-block;</w:t>
            </w:r>
          </w:p>
          <w:p w:rsidR="00156FB3" w:rsidRDefault="00156FB3" w:rsidP="00156FB3">
            <w:r>
              <w:t xml:space="preserve">    width: 100%;</w:t>
            </w:r>
          </w:p>
          <w:p w:rsidR="00156FB3" w:rsidRDefault="00156FB3" w:rsidP="00156FB3">
            <w:r>
              <w:t xml:space="preserve">    overflow: hidden;</w:t>
            </w:r>
          </w:p>
          <w:p w:rsidR="00156FB3" w:rsidRDefault="00156FB3" w:rsidP="00156FB3">
            <w:r>
              <w:t xml:space="preserve">    position: relative;</w:t>
            </w:r>
          </w:p>
          <w:p w:rsidR="00156FB3" w:rsidRDefault="00156FB3" w:rsidP="00156FB3">
            <w:r>
              <w:t xml:space="preserve">    z-index: 1;</w:t>
            </w:r>
          </w:p>
          <w:p w:rsidR="00156FB3" w:rsidRDefault="00156FB3" w:rsidP="00156FB3">
            <w:r>
              <w:t xml:space="preserve">    -webkit-box-sizing: border-box;</w:t>
            </w:r>
          </w:p>
          <w:p w:rsidR="00156FB3" w:rsidRDefault="00156FB3" w:rsidP="00156FB3">
            <w:r>
              <w:t xml:space="preserve">    -moz-box-sizing: border-box;</w:t>
            </w:r>
          </w:p>
          <w:p w:rsidR="00156FB3" w:rsidRDefault="00156FB3" w:rsidP="00156FB3">
            <w:r>
              <w:t xml:space="preserve">    box-sizing: border-box;</w:t>
            </w:r>
          </w:p>
          <w:p w:rsidR="00156FB3" w:rsidRDefault="00156FB3" w:rsidP="00156FB3">
            <w:r>
              <w:t xml:space="preserve">    -webkit-box-shadow: none;</w:t>
            </w:r>
          </w:p>
          <w:p w:rsidR="00156FB3" w:rsidRDefault="00156FB3" w:rsidP="00156FB3">
            <w:r>
              <w:t xml:space="preserve">    box-shadow: none;</w:t>
            </w:r>
          </w:p>
          <w:p w:rsidR="00156FB3" w:rsidRDefault="00156FB3" w:rsidP="00156FB3">
            <w:r>
              <w:t xml:space="preserve">    -webkit-border-radius: 4px;</w:t>
            </w:r>
          </w:p>
          <w:p w:rsidR="00156FB3" w:rsidRDefault="00156FB3" w:rsidP="00156FB3">
            <w:r>
              <w:t xml:space="preserve">    -moz-border-radius: 4px;</w:t>
            </w:r>
          </w:p>
          <w:p w:rsidR="00156FB3" w:rsidRDefault="00156FB3" w:rsidP="00156FB3">
            <w:r>
              <w:t xml:space="preserve">    border-radius: 4px;</w:t>
            </w:r>
          </w:p>
          <w:p w:rsidR="00156FB3" w:rsidRDefault="00156FB3" w:rsidP="00156FB3">
            <w:r>
              <w:t>}</w:t>
            </w:r>
          </w:p>
          <w:p w:rsidR="00156FB3" w:rsidRDefault="00156FB3" w:rsidP="00156FB3"/>
          <w:p w:rsidR="00156FB3" w:rsidRDefault="00156FB3" w:rsidP="00156FB3">
            <w:r>
              <w:t>.selectize-control.multi .selectize-input.has-items {</w:t>
            </w:r>
          </w:p>
          <w:p w:rsidR="00156FB3" w:rsidRDefault="00156FB3" w:rsidP="00156FB3">
            <w:r>
              <w:t xml:space="preserve">    padding: 5px 12px 2px;</w:t>
            </w:r>
          </w:p>
          <w:p w:rsidR="00156FB3" w:rsidRDefault="00156FB3" w:rsidP="00156FB3">
            <w:r>
              <w:t>}</w:t>
            </w:r>
          </w:p>
          <w:p w:rsidR="00156FB3" w:rsidRDefault="00156FB3" w:rsidP="00156FB3"/>
          <w:p w:rsidR="00156FB3" w:rsidRDefault="00156FB3" w:rsidP="00156FB3">
            <w:r>
              <w:t>.selectize-input.full {</w:t>
            </w:r>
          </w:p>
          <w:p w:rsidR="00156FB3" w:rsidRDefault="00156FB3" w:rsidP="00156FB3">
            <w:r>
              <w:t xml:space="preserve">    background-color: #ffffff;</w:t>
            </w:r>
          </w:p>
          <w:p w:rsidR="00156FB3" w:rsidRDefault="00156FB3" w:rsidP="00156FB3">
            <w:r>
              <w:t>}</w:t>
            </w:r>
          </w:p>
          <w:p w:rsidR="00156FB3" w:rsidRDefault="00156FB3" w:rsidP="00156FB3"/>
          <w:p w:rsidR="00156FB3" w:rsidRDefault="00156FB3" w:rsidP="00156FB3">
            <w:r>
              <w:t>.selectize-input.disabled,</w:t>
            </w:r>
          </w:p>
          <w:p w:rsidR="00156FB3" w:rsidRDefault="00156FB3" w:rsidP="00156FB3">
            <w:r>
              <w:t>.selectize-input.disabled * {</w:t>
            </w:r>
          </w:p>
          <w:p w:rsidR="00156FB3" w:rsidRDefault="00156FB3" w:rsidP="00156FB3">
            <w:r>
              <w:t xml:space="preserve">    cursor: default !important;</w:t>
            </w:r>
          </w:p>
          <w:p w:rsidR="00156FB3" w:rsidRDefault="00156FB3" w:rsidP="00156FB3">
            <w:r>
              <w:t>}</w:t>
            </w:r>
          </w:p>
          <w:p w:rsidR="00156FB3" w:rsidRDefault="00156FB3" w:rsidP="00156FB3"/>
          <w:p w:rsidR="00156FB3" w:rsidRDefault="00156FB3" w:rsidP="00156FB3">
            <w:r>
              <w:t>.selectize-input.focus {</w:t>
            </w:r>
          </w:p>
          <w:p w:rsidR="00156FB3" w:rsidRDefault="00156FB3" w:rsidP="00156FB3">
            <w:r>
              <w:t xml:space="preserve">    -webkit-box-shadow: inset 0 1px 2px rgba(0, 0, 0, 0.15);</w:t>
            </w:r>
          </w:p>
          <w:p w:rsidR="00156FB3" w:rsidRDefault="00156FB3" w:rsidP="00156FB3">
            <w:r>
              <w:t xml:space="preserve">    box-shadow: inset 0 1px 2px rgba(0, 0, 0, 0.15);</w:t>
            </w:r>
          </w:p>
          <w:p w:rsidR="00156FB3" w:rsidRDefault="00156FB3" w:rsidP="00156FB3">
            <w:r>
              <w:t>}</w:t>
            </w:r>
          </w:p>
          <w:p w:rsidR="00156FB3" w:rsidRDefault="00156FB3" w:rsidP="00156FB3"/>
          <w:p w:rsidR="00156FB3" w:rsidRDefault="00156FB3" w:rsidP="00156FB3">
            <w:r>
              <w:t>.selectize-input.dropdown-active {</w:t>
            </w:r>
          </w:p>
          <w:p w:rsidR="00156FB3" w:rsidRDefault="00156FB3" w:rsidP="00156FB3">
            <w:r>
              <w:t xml:space="preserve">    -webkit-border-radius: 4px 4px 0 0;</w:t>
            </w:r>
          </w:p>
          <w:p w:rsidR="00156FB3" w:rsidRDefault="00156FB3" w:rsidP="00156FB3">
            <w:r>
              <w:t xml:space="preserve">    -moz-border-radius: 4px 4px 0 0;</w:t>
            </w:r>
          </w:p>
          <w:p w:rsidR="00156FB3" w:rsidRDefault="00156FB3" w:rsidP="00156FB3">
            <w:r>
              <w:t xml:space="preserve">    border-radius: 4px 4px 0 0;</w:t>
            </w:r>
          </w:p>
          <w:p w:rsidR="00156FB3" w:rsidRDefault="00156FB3" w:rsidP="00156FB3">
            <w:r>
              <w:t>}</w:t>
            </w:r>
          </w:p>
          <w:p w:rsidR="00156FB3" w:rsidRDefault="00156FB3" w:rsidP="00156FB3"/>
          <w:p w:rsidR="00156FB3" w:rsidRDefault="00156FB3" w:rsidP="00156FB3">
            <w:r>
              <w:t>.selectize-input &gt; * {</w:t>
            </w:r>
          </w:p>
          <w:p w:rsidR="00156FB3" w:rsidRDefault="00156FB3" w:rsidP="00156FB3">
            <w:r>
              <w:t xml:space="preserve">    vertical-align: baseline;</w:t>
            </w:r>
          </w:p>
          <w:p w:rsidR="00156FB3" w:rsidRDefault="00156FB3" w:rsidP="00156FB3">
            <w:r>
              <w:t xml:space="preserve">    display: -moz-inline-stack;</w:t>
            </w:r>
          </w:p>
          <w:p w:rsidR="00156FB3" w:rsidRDefault="00156FB3" w:rsidP="00156FB3">
            <w:r>
              <w:t xml:space="preserve">    display: inline-block;</w:t>
            </w:r>
          </w:p>
          <w:p w:rsidR="00156FB3" w:rsidRDefault="00156FB3" w:rsidP="00156FB3">
            <w:r>
              <w:t xml:space="preserve">    zoom: 1;</w:t>
            </w:r>
          </w:p>
          <w:p w:rsidR="00156FB3" w:rsidRDefault="00156FB3" w:rsidP="00156FB3">
            <w:r>
              <w:lastRenderedPageBreak/>
              <w:t xml:space="preserve">    *display: inline;</w:t>
            </w:r>
          </w:p>
          <w:p w:rsidR="00156FB3" w:rsidRDefault="00156FB3" w:rsidP="00156FB3">
            <w:r>
              <w:t>}</w:t>
            </w:r>
          </w:p>
          <w:p w:rsidR="00156FB3" w:rsidRDefault="00156FB3" w:rsidP="00156FB3"/>
          <w:p w:rsidR="00156FB3" w:rsidRDefault="00156FB3" w:rsidP="00156FB3">
            <w:r>
              <w:t>.selectize-control.multi .selectize-input &gt; div {</w:t>
            </w:r>
          </w:p>
          <w:p w:rsidR="00156FB3" w:rsidRDefault="00156FB3" w:rsidP="00156FB3">
            <w:r>
              <w:t xml:space="preserve">    cursor: pointer;</w:t>
            </w:r>
          </w:p>
          <w:p w:rsidR="00156FB3" w:rsidRDefault="00156FB3" w:rsidP="00156FB3">
            <w:r>
              <w:t xml:space="preserve">    margin: 0 3px 3px 0;</w:t>
            </w:r>
          </w:p>
          <w:p w:rsidR="00156FB3" w:rsidRDefault="00156FB3" w:rsidP="00156FB3">
            <w:r>
              <w:t xml:space="preserve">    padding: 1px 3px;</w:t>
            </w:r>
          </w:p>
          <w:p w:rsidR="00156FB3" w:rsidRDefault="00156FB3" w:rsidP="00156FB3">
            <w:r>
              <w:t xml:space="preserve">    background: #efefef;</w:t>
            </w:r>
          </w:p>
          <w:p w:rsidR="00156FB3" w:rsidRDefault="00156FB3" w:rsidP="00156FB3">
            <w:r>
              <w:t xml:space="preserve">    color: #333333;</w:t>
            </w:r>
          </w:p>
          <w:p w:rsidR="00156FB3" w:rsidRDefault="00156FB3" w:rsidP="00156FB3">
            <w:r>
              <w:t xml:space="preserve">    border: 0 solid rgba(0, 0, 0, 0);</w:t>
            </w:r>
          </w:p>
          <w:p w:rsidR="00156FB3" w:rsidRDefault="00156FB3" w:rsidP="00156FB3">
            <w:r>
              <w:t>}</w:t>
            </w:r>
          </w:p>
          <w:p w:rsidR="00156FB3" w:rsidRDefault="00156FB3" w:rsidP="00156FB3"/>
          <w:p w:rsidR="00156FB3" w:rsidRDefault="00156FB3" w:rsidP="00156FB3">
            <w:r>
              <w:t>.selectize-control.multi .selectize-input &gt; div.active {</w:t>
            </w:r>
          </w:p>
          <w:p w:rsidR="00156FB3" w:rsidRDefault="00156FB3" w:rsidP="00156FB3">
            <w:r>
              <w:t xml:space="preserve">    background: #428bca;</w:t>
            </w:r>
          </w:p>
          <w:p w:rsidR="00156FB3" w:rsidRDefault="00156FB3" w:rsidP="00156FB3">
            <w:r>
              <w:t xml:space="preserve">    color: #ffffff;</w:t>
            </w:r>
          </w:p>
          <w:p w:rsidR="00156FB3" w:rsidRDefault="00156FB3" w:rsidP="00156FB3">
            <w:r>
              <w:t xml:space="preserve">    border: 0 solid rgba(0, 0, 0, 0);</w:t>
            </w:r>
          </w:p>
          <w:p w:rsidR="00156FB3" w:rsidRDefault="00156FB3" w:rsidP="00156FB3">
            <w:r>
              <w:t>}</w:t>
            </w:r>
          </w:p>
          <w:p w:rsidR="00156FB3" w:rsidRDefault="00156FB3" w:rsidP="00156FB3"/>
          <w:p w:rsidR="00156FB3" w:rsidRDefault="00156FB3" w:rsidP="00156FB3">
            <w:r>
              <w:t>.selectize-control.multi .selectize-input.disabled &gt; div,</w:t>
            </w:r>
          </w:p>
          <w:p w:rsidR="00156FB3" w:rsidRDefault="00156FB3" w:rsidP="00156FB3">
            <w:r>
              <w:t>.selectize-control.multi .selectize-input.disabled &gt; div.active {</w:t>
            </w:r>
          </w:p>
          <w:p w:rsidR="00156FB3" w:rsidRDefault="00156FB3" w:rsidP="00156FB3">
            <w:r>
              <w:t xml:space="preserve">    color: #808080;</w:t>
            </w:r>
          </w:p>
          <w:p w:rsidR="00156FB3" w:rsidRDefault="00156FB3" w:rsidP="00156FB3">
            <w:r>
              <w:t xml:space="preserve">    background: #ffffff;</w:t>
            </w:r>
          </w:p>
          <w:p w:rsidR="00156FB3" w:rsidRDefault="00156FB3" w:rsidP="00156FB3">
            <w:r>
              <w:t xml:space="preserve">    border: 0 solid rgba(77, 77, 77, 0);</w:t>
            </w:r>
          </w:p>
          <w:p w:rsidR="00156FB3" w:rsidRDefault="00156FB3" w:rsidP="00156FB3">
            <w:r>
              <w:t>}</w:t>
            </w:r>
          </w:p>
          <w:p w:rsidR="00156FB3" w:rsidRDefault="00156FB3" w:rsidP="00156FB3"/>
          <w:p w:rsidR="00156FB3" w:rsidRDefault="00156FB3" w:rsidP="00156FB3">
            <w:r>
              <w:t>.selectize-input &gt; input {</w:t>
            </w:r>
          </w:p>
          <w:p w:rsidR="00156FB3" w:rsidRDefault="00156FB3" w:rsidP="00156FB3">
            <w:r>
              <w:t xml:space="preserve">    display: inline-block !important;</w:t>
            </w:r>
          </w:p>
          <w:p w:rsidR="00156FB3" w:rsidRDefault="00156FB3" w:rsidP="00156FB3">
            <w:r>
              <w:t xml:space="preserve">    padding: 0 !important;</w:t>
            </w:r>
          </w:p>
          <w:p w:rsidR="00156FB3" w:rsidRDefault="00156FB3" w:rsidP="00156FB3">
            <w:r>
              <w:t xml:space="preserve">    min-height: 0 !important;</w:t>
            </w:r>
          </w:p>
          <w:p w:rsidR="00156FB3" w:rsidRDefault="00156FB3" w:rsidP="00156FB3">
            <w:r>
              <w:t xml:space="preserve">    max-height: none !important;</w:t>
            </w:r>
          </w:p>
          <w:p w:rsidR="00156FB3" w:rsidRDefault="00156FB3" w:rsidP="00156FB3">
            <w:r>
              <w:t xml:space="preserve">    max-width: 100% !important;</w:t>
            </w:r>
          </w:p>
          <w:p w:rsidR="00156FB3" w:rsidRDefault="00156FB3" w:rsidP="00156FB3">
            <w:r>
              <w:t xml:space="preserve">    margin: 0 !important;</w:t>
            </w:r>
          </w:p>
          <w:p w:rsidR="00156FB3" w:rsidRDefault="00156FB3" w:rsidP="00156FB3">
            <w:r>
              <w:t xml:space="preserve">    text-indent: 0 !important;</w:t>
            </w:r>
          </w:p>
          <w:p w:rsidR="00156FB3" w:rsidRDefault="00156FB3" w:rsidP="00156FB3">
            <w:r>
              <w:t xml:space="preserve">    border: 0 none !important;</w:t>
            </w:r>
          </w:p>
          <w:p w:rsidR="00156FB3" w:rsidRDefault="00156FB3" w:rsidP="00156FB3">
            <w:r>
              <w:t xml:space="preserve">    background: none !important;</w:t>
            </w:r>
          </w:p>
          <w:p w:rsidR="00156FB3" w:rsidRDefault="00156FB3" w:rsidP="00156FB3">
            <w:r>
              <w:t xml:space="preserve">    line-height: inherit !important;</w:t>
            </w:r>
          </w:p>
          <w:p w:rsidR="00156FB3" w:rsidRDefault="00156FB3" w:rsidP="00156FB3">
            <w:r>
              <w:t xml:space="preserve">    -webkit-user-select: auto !important;</w:t>
            </w:r>
          </w:p>
          <w:p w:rsidR="00156FB3" w:rsidRDefault="00156FB3" w:rsidP="00156FB3">
            <w:r>
              <w:t xml:space="preserve">    -webkit-box-shadow: none !important;</w:t>
            </w:r>
          </w:p>
          <w:p w:rsidR="00156FB3" w:rsidRDefault="00156FB3" w:rsidP="00156FB3">
            <w:r>
              <w:t xml:space="preserve">    box-shadow: none !important;</w:t>
            </w:r>
          </w:p>
          <w:p w:rsidR="00156FB3" w:rsidRDefault="00156FB3" w:rsidP="00156FB3">
            <w:r>
              <w:t>}</w:t>
            </w:r>
          </w:p>
          <w:p w:rsidR="00156FB3" w:rsidRDefault="00156FB3" w:rsidP="00156FB3"/>
          <w:p w:rsidR="00156FB3" w:rsidRDefault="00156FB3" w:rsidP="00156FB3">
            <w:r>
              <w:t>.selectize-input &gt; input::-ms-clear {</w:t>
            </w:r>
          </w:p>
          <w:p w:rsidR="00156FB3" w:rsidRDefault="00156FB3" w:rsidP="00156FB3">
            <w:r>
              <w:t xml:space="preserve">    display: none;</w:t>
            </w:r>
          </w:p>
          <w:p w:rsidR="00156FB3" w:rsidRDefault="00156FB3" w:rsidP="00156FB3">
            <w:r>
              <w:t>}</w:t>
            </w:r>
          </w:p>
          <w:p w:rsidR="00156FB3" w:rsidRDefault="00156FB3" w:rsidP="00156FB3"/>
          <w:p w:rsidR="00156FB3" w:rsidRDefault="00156FB3" w:rsidP="00156FB3">
            <w:r>
              <w:t>.selectize-input &gt; input:focus {</w:t>
            </w:r>
          </w:p>
          <w:p w:rsidR="00156FB3" w:rsidRDefault="00156FB3" w:rsidP="00156FB3">
            <w:r>
              <w:t xml:space="preserve">    outline: none !important;</w:t>
            </w:r>
          </w:p>
          <w:p w:rsidR="00156FB3" w:rsidRDefault="00156FB3" w:rsidP="00156FB3">
            <w:r>
              <w:t>}</w:t>
            </w:r>
          </w:p>
          <w:p w:rsidR="00156FB3" w:rsidRDefault="00156FB3" w:rsidP="00156FB3"/>
          <w:p w:rsidR="00156FB3" w:rsidRDefault="00156FB3" w:rsidP="00156FB3">
            <w:r>
              <w:t>.selectize-input::after {</w:t>
            </w:r>
          </w:p>
          <w:p w:rsidR="00156FB3" w:rsidRDefault="00156FB3" w:rsidP="00156FB3">
            <w:r>
              <w:t xml:space="preserve">    content: ' ';</w:t>
            </w:r>
          </w:p>
          <w:p w:rsidR="00156FB3" w:rsidRDefault="00156FB3" w:rsidP="00156FB3">
            <w:r>
              <w:t xml:space="preserve">    display: block;</w:t>
            </w:r>
          </w:p>
          <w:p w:rsidR="00156FB3" w:rsidRDefault="00156FB3" w:rsidP="00156FB3">
            <w:r>
              <w:t xml:space="preserve">    clear: left;</w:t>
            </w:r>
          </w:p>
          <w:p w:rsidR="00156FB3" w:rsidRDefault="00156FB3" w:rsidP="00156FB3">
            <w:r>
              <w:t>}</w:t>
            </w:r>
          </w:p>
          <w:p w:rsidR="00156FB3" w:rsidRDefault="00156FB3" w:rsidP="00156FB3"/>
          <w:p w:rsidR="00156FB3" w:rsidRDefault="00156FB3" w:rsidP="00156FB3">
            <w:r>
              <w:t>.selectize-input.dropdown-active::before {</w:t>
            </w:r>
          </w:p>
          <w:p w:rsidR="00156FB3" w:rsidRDefault="00156FB3" w:rsidP="00156FB3">
            <w:r>
              <w:t xml:space="preserve">    content: ' ';</w:t>
            </w:r>
          </w:p>
          <w:p w:rsidR="00156FB3" w:rsidRDefault="00156FB3" w:rsidP="00156FB3">
            <w:r>
              <w:t xml:space="preserve">    display: block;</w:t>
            </w:r>
          </w:p>
          <w:p w:rsidR="00156FB3" w:rsidRDefault="00156FB3" w:rsidP="00156FB3">
            <w:r>
              <w:t xml:space="preserve">    position: absolute;</w:t>
            </w:r>
          </w:p>
          <w:p w:rsidR="00156FB3" w:rsidRDefault="00156FB3" w:rsidP="00156FB3">
            <w:r>
              <w:t xml:space="preserve">    background: #ffffff;</w:t>
            </w:r>
          </w:p>
          <w:p w:rsidR="00156FB3" w:rsidRDefault="00156FB3" w:rsidP="00156FB3">
            <w:r>
              <w:t xml:space="preserve">    height: 1px;</w:t>
            </w:r>
          </w:p>
          <w:p w:rsidR="00156FB3" w:rsidRDefault="00156FB3" w:rsidP="00156FB3">
            <w:r>
              <w:t xml:space="preserve">    bottom: 0;</w:t>
            </w:r>
          </w:p>
          <w:p w:rsidR="00156FB3" w:rsidRDefault="00156FB3" w:rsidP="00156FB3">
            <w:r>
              <w:t xml:space="preserve">    left: 0;</w:t>
            </w:r>
          </w:p>
          <w:p w:rsidR="00156FB3" w:rsidRDefault="00156FB3" w:rsidP="00156FB3">
            <w:r>
              <w:t xml:space="preserve">    right: 0;</w:t>
            </w:r>
          </w:p>
          <w:p w:rsidR="00156FB3" w:rsidRDefault="00156FB3" w:rsidP="00156FB3">
            <w:r>
              <w:t>}</w:t>
            </w:r>
          </w:p>
          <w:p w:rsidR="00156FB3" w:rsidRDefault="00156FB3" w:rsidP="00156FB3"/>
          <w:p w:rsidR="00156FB3" w:rsidRDefault="00156FB3" w:rsidP="00156FB3">
            <w:r>
              <w:t>.selectize-dropdown {</w:t>
            </w:r>
          </w:p>
          <w:p w:rsidR="00156FB3" w:rsidRDefault="00156FB3" w:rsidP="00156FB3">
            <w:r>
              <w:t xml:space="preserve">    position: absolute;</w:t>
            </w:r>
          </w:p>
          <w:p w:rsidR="00156FB3" w:rsidRDefault="00156FB3" w:rsidP="00156FB3">
            <w:r>
              <w:t xml:space="preserve">    z-index: 10;</w:t>
            </w:r>
          </w:p>
          <w:p w:rsidR="00156FB3" w:rsidRDefault="00156FB3" w:rsidP="00156FB3">
            <w:r>
              <w:t xml:space="preserve">    border: 1px solid #d0d0d0;</w:t>
            </w:r>
          </w:p>
          <w:p w:rsidR="00156FB3" w:rsidRDefault="00156FB3" w:rsidP="00156FB3">
            <w:r>
              <w:t xml:space="preserve">    background: #ffffff;</w:t>
            </w:r>
          </w:p>
          <w:p w:rsidR="00156FB3" w:rsidRDefault="00156FB3" w:rsidP="00156FB3">
            <w:r>
              <w:t xml:space="preserve">    margin: -1px 0 0 0;</w:t>
            </w:r>
          </w:p>
          <w:p w:rsidR="00156FB3" w:rsidRDefault="00156FB3" w:rsidP="00156FB3">
            <w:r>
              <w:t xml:space="preserve">    border-top: 0 none;</w:t>
            </w:r>
          </w:p>
          <w:p w:rsidR="00156FB3" w:rsidRDefault="00156FB3" w:rsidP="00156FB3">
            <w:r>
              <w:t xml:space="preserve">    -webkit-box-sizing: border-box;</w:t>
            </w:r>
          </w:p>
          <w:p w:rsidR="00156FB3" w:rsidRDefault="00156FB3" w:rsidP="00156FB3">
            <w:r>
              <w:t xml:space="preserve">    -moz-box-sizing: border-box;</w:t>
            </w:r>
          </w:p>
          <w:p w:rsidR="00156FB3" w:rsidRDefault="00156FB3" w:rsidP="00156FB3">
            <w:r>
              <w:t xml:space="preserve">    box-sizing: border-box;</w:t>
            </w:r>
          </w:p>
          <w:p w:rsidR="00156FB3" w:rsidRDefault="00156FB3" w:rsidP="00156FB3">
            <w:r>
              <w:t xml:space="preserve">    -webkit-box-shadow: 0 1px 3px rgba(0, 0, 0, 0.1);</w:t>
            </w:r>
          </w:p>
          <w:p w:rsidR="00156FB3" w:rsidRDefault="00156FB3" w:rsidP="00156FB3">
            <w:r>
              <w:t xml:space="preserve">    box-shadow: 0 1px 3px rgba(0, 0, 0, 0.1);</w:t>
            </w:r>
          </w:p>
          <w:p w:rsidR="00156FB3" w:rsidRDefault="00156FB3" w:rsidP="00156FB3">
            <w:r>
              <w:t xml:space="preserve">    -webkit-border-radius: 0 0 4px 4px;</w:t>
            </w:r>
          </w:p>
          <w:p w:rsidR="00156FB3" w:rsidRDefault="00156FB3" w:rsidP="00156FB3">
            <w:r>
              <w:t xml:space="preserve">    -moz-border-radius: 0 0 4px 4px;</w:t>
            </w:r>
          </w:p>
          <w:p w:rsidR="00156FB3" w:rsidRDefault="00156FB3" w:rsidP="00156FB3">
            <w:r>
              <w:t xml:space="preserve">    border-radius: 0 0 4px 4px;</w:t>
            </w:r>
          </w:p>
          <w:p w:rsidR="00156FB3" w:rsidRDefault="00156FB3" w:rsidP="00156FB3">
            <w:r>
              <w:t>}</w:t>
            </w:r>
          </w:p>
          <w:p w:rsidR="00156FB3" w:rsidRDefault="00156FB3" w:rsidP="00156FB3"/>
          <w:p w:rsidR="00156FB3" w:rsidRDefault="00156FB3" w:rsidP="00156FB3">
            <w:r>
              <w:t>.selectize-dropdown [data-selectable] {</w:t>
            </w:r>
          </w:p>
          <w:p w:rsidR="00156FB3" w:rsidRDefault="00156FB3" w:rsidP="00156FB3">
            <w:r>
              <w:t xml:space="preserve">    cursor: pointer;</w:t>
            </w:r>
          </w:p>
          <w:p w:rsidR="00156FB3" w:rsidRDefault="00156FB3" w:rsidP="00156FB3">
            <w:r>
              <w:t xml:space="preserve">    overflow: hidden;</w:t>
            </w:r>
          </w:p>
          <w:p w:rsidR="00156FB3" w:rsidRDefault="00156FB3" w:rsidP="00156FB3">
            <w:r>
              <w:t>}</w:t>
            </w:r>
          </w:p>
          <w:p w:rsidR="00156FB3" w:rsidRDefault="00156FB3" w:rsidP="00156FB3"/>
          <w:p w:rsidR="00156FB3" w:rsidRDefault="00156FB3" w:rsidP="00156FB3">
            <w:r>
              <w:t>.selectize-dropdown [data-selectable] .highlight {</w:t>
            </w:r>
          </w:p>
          <w:p w:rsidR="00156FB3" w:rsidRDefault="00156FB3" w:rsidP="00156FB3">
            <w:r>
              <w:t xml:space="preserve">    background: rgba(255, 237, 40, 0.4);</w:t>
            </w:r>
          </w:p>
          <w:p w:rsidR="00156FB3" w:rsidRDefault="00156FB3" w:rsidP="00156FB3">
            <w:r>
              <w:t xml:space="preserve">    -webkit-border-radius: 1px;</w:t>
            </w:r>
          </w:p>
          <w:p w:rsidR="00156FB3" w:rsidRDefault="00156FB3" w:rsidP="00156FB3">
            <w:r>
              <w:t xml:space="preserve">    -moz-border-radius: 1px;</w:t>
            </w:r>
          </w:p>
          <w:p w:rsidR="00156FB3" w:rsidRDefault="00156FB3" w:rsidP="00156FB3">
            <w:r>
              <w:t xml:space="preserve">    border-radius: 1px;</w:t>
            </w:r>
          </w:p>
          <w:p w:rsidR="00156FB3" w:rsidRDefault="00156FB3" w:rsidP="00156FB3">
            <w:r>
              <w:t>}</w:t>
            </w:r>
          </w:p>
          <w:p w:rsidR="00156FB3" w:rsidRDefault="00156FB3" w:rsidP="00156FB3"/>
          <w:p w:rsidR="00156FB3" w:rsidRDefault="00156FB3" w:rsidP="00156FB3">
            <w:r>
              <w:t>.selectize-dropdown [data-selectable],</w:t>
            </w:r>
          </w:p>
          <w:p w:rsidR="00156FB3" w:rsidRDefault="00156FB3" w:rsidP="00156FB3">
            <w:r>
              <w:lastRenderedPageBreak/>
              <w:t>.selectize-dropdown .optgroup-header {</w:t>
            </w:r>
          </w:p>
          <w:p w:rsidR="00156FB3" w:rsidRDefault="00156FB3" w:rsidP="00156FB3">
            <w:r>
              <w:t xml:space="preserve">    padding: 3px 12px;</w:t>
            </w:r>
          </w:p>
          <w:p w:rsidR="00156FB3" w:rsidRDefault="00156FB3" w:rsidP="00156FB3">
            <w:r>
              <w:t>}</w:t>
            </w:r>
          </w:p>
          <w:p w:rsidR="00156FB3" w:rsidRDefault="00156FB3" w:rsidP="00156FB3"/>
          <w:p w:rsidR="00156FB3" w:rsidRDefault="00156FB3" w:rsidP="00156FB3">
            <w:r>
              <w:t>.selectize-dropdown .optgroup:first-child .optgroup-header {</w:t>
            </w:r>
          </w:p>
          <w:p w:rsidR="00156FB3" w:rsidRDefault="00156FB3" w:rsidP="00156FB3">
            <w:r>
              <w:t xml:space="preserve">    border-top: 0 none;</w:t>
            </w:r>
          </w:p>
          <w:p w:rsidR="00156FB3" w:rsidRDefault="00156FB3" w:rsidP="00156FB3">
            <w:r>
              <w:t>}</w:t>
            </w:r>
          </w:p>
          <w:p w:rsidR="00156FB3" w:rsidRDefault="00156FB3" w:rsidP="00156FB3"/>
          <w:p w:rsidR="00156FB3" w:rsidRDefault="00156FB3" w:rsidP="00156FB3">
            <w:r>
              <w:t>.selectize-dropdown .optgroup-header {</w:t>
            </w:r>
          </w:p>
          <w:p w:rsidR="00156FB3" w:rsidRDefault="00156FB3" w:rsidP="00156FB3">
            <w:r>
              <w:t xml:space="preserve">    color: #777777;</w:t>
            </w:r>
          </w:p>
          <w:p w:rsidR="00156FB3" w:rsidRDefault="00156FB3" w:rsidP="00156FB3">
            <w:r>
              <w:t xml:space="preserve">    background: #ffffff;</w:t>
            </w:r>
          </w:p>
          <w:p w:rsidR="00156FB3" w:rsidRDefault="00156FB3" w:rsidP="00156FB3">
            <w:r>
              <w:t xml:space="preserve">    cursor: default;</w:t>
            </w:r>
          </w:p>
          <w:p w:rsidR="00156FB3" w:rsidRDefault="00156FB3" w:rsidP="00156FB3">
            <w:r>
              <w:t>}</w:t>
            </w:r>
          </w:p>
          <w:p w:rsidR="00156FB3" w:rsidRDefault="00156FB3" w:rsidP="00156FB3"/>
          <w:p w:rsidR="00156FB3" w:rsidRDefault="00156FB3" w:rsidP="00156FB3">
            <w:r>
              <w:t>.selectize-dropdown .active {</w:t>
            </w:r>
          </w:p>
          <w:p w:rsidR="00156FB3" w:rsidRDefault="00156FB3" w:rsidP="00156FB3">
            <w:r>
              <w:t xml:space="preserve">    background-color: #f5f5f5;</w:t>
            </w:r>
          </w:p>
          <w:p w:rsidR="00156FB3" w:rsidRDefault="00156FB3" w:rsidP="00156FB3">
            <w:r>
              <w:t xml:space="preserve">    color: #262626;</w:t>
            </w:r>
          </w:p>
          <w:p w:rsidR="00156FB3" w:rsidRDefault="00156FB3" w:rsidP="00156FB3">
            <w:r>
              <w:t>}</w:t>
            </w:r>
          </w:p>
          <w:p w:rsidR="00156FB3" w:rsidRDefault="00156FB3" w:rsidP="00156FB3"/>
          <w:p w:rsidR="00156FB3" w:rsidRDefault="00156FB3" w:rsidP="00156FB3">
            <w:r>
              <w:t>.selectize-dropdown .active.create {</w:t>
            </w:r>
          </w:p>
          <w:p w:rsidR="00156FB3" w:rsidRDefault="00156FB3" w:rsidP="00156FB3">
            <w:r>
              <w:t xml:space="preserve">    color: #262626;</w:t>
            </w:r>
          </w:p>
          <w:p w:rsidR="00156FB3" w:rsidRDefault="00156FB3" w:rsidP="00156FB3">
            <w:r>
              <w:t>}</w:t>
            </w:r>
          </w:p>
          <w:p w:rsidR="00156FB3" w:rsidRDefault="00156FB3" w:rsidP="00156FB3"/>
          <w:p w:rsidR="00156FB3" w:rsidRDefault="00156FB3" w:rsidP="00156FB3">
            <w:r>
              <w:t>.selectize-dropdown .create {</w:t>
            </w:r>
          </w:p>
          <w:p w:rsidR="00156FB3" w:rsidRDefault="00156FB3" w:rsidP="00156FB3">
            <w:r>
              <w:t xml:space="preserve">    color: rgba(51, 51, 51, 0.5);</w:t>
            </w:r>
          </w:p>
          <w:p w:rsidR="00156FB3" w:rsidRDefault="00156FB3" w:rsidP="00156FB3">
            <w:r>
              <w:t>}</w:t>
            </w:r>
          </w:p>
          <w:p w:rsidR="00156FB3" w:rsidRDefault="00156FB3" w:rsidP="00156FB3"/>
          <w:p w:rsidR="00156FB3" w:rsidRDefault="00156FB3" w:rsidP="00156FB3">
            <w:r>
              <w:t>.selectize-dropdown-content {</w:t>
            </w:r>
          </w:p>
          <w:p w:rsidR="00156FB3" w:rsidRDefault="00156FB3" w:rsidP="00156FB3">
            <w:r>
              <w:t xml:space="preserve">    overflow-y: auto;</w:t>
            </w:r>
          </w:p>
          <w:p w:rsidR="00156FB3" w:rsidRDefault="00156FB3" w:rsidP="00156FB3">
            <w:r>
              <w:t xml:space="preserve">    overflow-x: hidden;</w:t>
            </w:r>
          </w:p>
          <w:p w:rsidR="00156FB3" w:rsidRDefault="00156FB3" w:rsidP="00156FB3">
            <w:r>
              <w:t xml:space="preserve">    max-height: 200px;</w:t>
            </w:r>
          </w:p>
          <w:p w:rsidR="00156FB3" w:rsidRDefault="00156FB3" w:rsidP="00156FB3">
            <w:r>
              <w:t xml:space="preserve">    -webkit-overflow-scrolling: touch;</w:t>
            </w:r>
          </w:p>
          <w:p w:rsidR="00156FB3" w:rsidRDefault="00156FB3" w:rsidP="00156FB3">
            <w:r>
              <w:t>}</w:t>
            </w:r>
          </w:p>
          <w:p w:rsidR="00156FB3" w:rsidRDefault="00156FB3" w:rsidP="00156FB3"/>
          <w:p w:rsidR="00156FB3" w:rsidRDefault="00156FB3" w:rsidP="00156FB3">
            <w:r>
              <w:t>.selectize-control.single .selectize-input,</w:t>
            </w:r>
          </w:p>
          <w:p w:rsidR="00156FB3" w:rsidRDefault="00156FB3" w:rsidP="00156FB3">
            <w:r>
              <w:t>.selectize-control.single .selectize-input input {</w:t>
            </w:r>
          </w:p>
          <w:p w:rsidR="00156FB3" w:rsidRDefault="00156FB3" w:rsidP="00156FB3">
            <w:r>
              <w:t xml:space="preserve">    cursor: pointer;</w:t>
            </w:r>
          </w:p>
          <w:p w:rsidR="00156FB3" w:rsidRDefault="00156FB3" w:rsidP="00156FB3">
            <w:r>
              <w:t>}</w:t>
            </w:r>
          </w:p>
          <w:p w:rsidR="00156FB3" w:rsidRDefault="00156FB3" w:rsidP="00156FB3"/>
          <w:p w:rsidR="00156FB3" w:rsidRDefault="00156FB3" w:rsidP="00156FB3">
            <w:r>
              <w:t>.selectize-control.single .selectize-input.input-active,</w:t>
            </w:r>
          </w:p>
          <w:p w:rsidR="00156FB3" w:rsidRDefault="00156FB3" w:rsidP="00156FB3">
            <w:r>
              <w:t>.selectize-control.single .selectize-input.input-active input {</w:t>
            </w:r>
          </w:p>
          <w:p w:rsidR="00156FB3" w:rsidRDefault="00156FB3" w:rsidP="00156FB3">
            <w:r>
              <w:t xml:space="preserve">    cursor: text;</w:t>
            </w:r>
          </w:p>
          <w:p w:rsidR="00156FB3" w:rsidRDefault="00156FB3" w:rsidP="00156FB3">
            <w:r>
              <w:t>}</w:t>
            </w:r>
          </w:p>
          <w:p w:rsidR="00156FB3" w:rsidRDefault="00156FB3" w:rsidP="00156FB3"/>
          <w:p w:rsidR="00156FB3" w:rsidRDefault="00156FB3" w:rsidP="00156FB3">
            <w:r>
              <w:t>.selectize-control.single .selectize-input:after {</w:t>
            </w:r>
          </w:p>
          <w:p w:rsidR="00156FB3" w:rsidRDefault="00156FB3" w:rsidP="00156FB3">
            <w:r>
              <w:t xml:space="preserve">    content: ' ';</w:t>
            </w:r>
          </w:p>
          <w:p w:rsidR="00156FB3" w:rsidRDefault="00156FB3" w:rsidP="00156FB3">
            <w:r>
              <w:t xml:space="preserve">    display: block;</w:t>
            </w:r>
          </w:p>
          <w:p w:rsidR="00156FB3" w:rsidRDefault="00156FB3" w:rsidP="00156FB3">
            <w:r>
              <w:t xml:space="preserve">    position: absolute;</w:t>
            </w:r>
          </w:p>
          <w:p w:rsidR="00156FB3" w:rsidRDefault="00156FB3" w:rsidP="00156FB3">
            <w:r>
              <w:lastRenderedPageBreak/>
              <w:t xml:space="preserve">    top: 50%;</w:t>
            </w:r>
          </w:p>
          <w:p w:rsidR="00156FB3" w:rsidRDefault="00156FB3" w:rsidP="00156FB3">
            <w:r>
              <w:t xml:space="preserve">    right: 17px;</w:t>
            </w:r>
          </w:p>
          <w:p w:rsidR="00156FB3" w:rsidRDefault="00156FB3" w:rsidP="00156FB3">
            <w:r>
              <w:t xml:space="preserve">    margin-top: -3px;</w:t>
            </w:r>
          </w:p>
          <w:p w:rsidR="00156FB3" w:rsidRDefault="00156FB3" w:rsidP="00156FB3">
            <w:r>
              <w:t xml:space="preserve">    width: 0;</w:t>
            </w:r>
          </w:p>
          <w:p w:rsidR="00156FB3" w:rsidRDefault="00156FB3" w:rsidP="00156FB3">
            <w:r>
              <w:t xml:space="preserve">    height: 0;</w:t>
            </w:r>
          </w:p>
          <w:p w:rsidR="00156FB3" w:rsidRDefault="00156FB3" w:rsidP="00156FB3">
            <w:r>
              <w:t xml:space="preserve">    border-style: solid;</w:t>
            </w:r>
          </w:p>
          <w:p w:rsidR="00156FB3" w:rsidRDefault="00156FB3" w:rsidP="00156FB3">
            <w:r>
              <w:t xml:space="preserve">    border-width: 5px 5px 0 5px;</w:t>
            </w:r>
          </w:p>
          <w:p w:rsidR="00156FB3" w:rsidRDefault="00156FB3" w:rsidP="00156FB3">
            <w:r>
              <w:t xml:space="preserve">    border-color: #333333 transparent transparent transparent;</w:t>
            </w:r>
          </w:p>
          <w:p w:rsidR="00156FB3" w:rsidRDefault="00156FB3" w:rsidP="00156FB3">
            <w:r>
              <w:t>}</w:t>
            </w:r>
          </w:p>
          <w:p w:rsidR="00156FB3" w:rsidRDefault="00156FB3" w:rsidP="00156FB3"/>
          <w:p w:rsidR="00156FB3" w:rsidRDefault="00156FB3" w:rsidP="00156FB3">
            <w:r>
              <w:t>.selectize-control.single .selectize-input.dropdown-active:after {</w:t>
            </w:r>
          </w:p>
          <w:p w:rsidR="00156FB3" w:rsidRDefault="00156FB3" w:rsidP="00156FB3">
            <w:r>
              <w:t xml:space="preserve">    margin-top: -4px;</w:t>
            </w:r>
          </w:p>
          <w:p w:rsidR="00156FB3" w:rsidRDefault="00156FB3" w:rsidP="00156FB3">
            <w:r>
              <w:t xml:space="preserve">    border-width: 0 5px 5px 5px;</w:t>
            </w:r>
          </w:p>
          <w:p w:rsidR="00156FB3" w:rsidRDefault="00156FB3" w:rsidP="00156FB3">
            <w:r>
              <w:t xml:space="preserve">    border-color: transparent transparent #333333 transparent;</w:t>
            </w:r>
          </w:p>
          <w:p w:rsidR="00156FB3" w:rsidRDefault="00156FB3" w:rsidP="00156FB3">
            <w:r>
              <w:t>}</w:t>
            </w:r>
          </w:p>
          <w:p w:rsidR="00156FB3" w:rsidRDefault="00156FB3" w:rsidP="00156FB3"/>
          <w:p w:rsidR="00156FB3" w:rsidRDefault="00156FB3" w:rsidP="00156FB3">
            <w:r>
              <w:t>.selectize-control.rtl.single .selectize-input:after {</w:t>
            </w:r>
          </w:p>
          <w:p w:rsidR="00156FB3" w:rsidRDefault="00156FB3" w:rsidP="00156FB3">
            <w:r>
              <w:t xml:space="preserve">    left: 17px;</w:t>
            </w:r>
          </w:p>
          <w:p w:rsidR="00156FB3" w:rsidRDefault="00156FB3" w:rsidP="00156FB3">
            <w:r>
              <w:t xml:space="preserve">    right: auto;</w:t>
            </w:r>
          </w:p>
          <w:p w:rsidR="00156FB3" w:rsidRDefault="00156FB3" w:rsidP="00156FB3">
            <w:r>
              <w:t>}</w:t>
            </w:r>
          </w:p>
          <w:p w:rsidR="00156FB3" w:rsidRDefault="00156FB3" w:rsidP="00156FB3"/>
          <w:p w:rsidR="00156FB3" w:rsidRDefault="00156FB3" w:rsidP="00156FB3">
            <w:r>
              <w:t>.selectize-control.rtl .selectize-input &gt; input {</w:t>
            </w:r>
          </w:p>
          <w:p w:rsidR="00156FB3" w:rsidRDefault="00156FB3" w:rsidP="00156FB3">
            <w:r>
              <w:t xml:space="preserve">    margin: 0 4px 0 -2px !important;</w:t>
            </w:r>
          </w:p>
          <w:p w:rsidR="00156FB3" w:rsidRDefault="00156FB3" w:rsidP="00156FB3">
            <w:r>
              <w:t>}</w:t>
            </w:r>
          </w:p>
          <w:p w:rsidR="00156FB3" w:rsidRDefault="00156FB3" w:rsidP="00156FB3"/>
          <w:p w:rsidR="00156FB3" w:rsidRDefault="00156FB3" w:rsidP="00156FB3">
            <w:r>
              <w:t>.selectize-control .selectize-input.disabled {</w:t>
            </w:r>
          </w:p>
          <w:p w:rsidR="00156FB3" w:rsidRDefault="00156FB3" w:rsidP="00156FB3">
            <w:r>
              <w:t xml:space="preserve">    opacity: 0.5;</w:t>
            </w:r>
          </w:p>
          <w:p w:rsidR="00156FB3" w:rsidRDefault="00156FB3" w:rsidP="00156FB3">
            <w:r>
              <w:t xml:space="preserve">    background-color: #ffffff;</w:t>
            </w:r>
          </w:p>
          <w:p w:rsidR="00156FB3" w:rsidRDefault="00156FB3" w:rsidP="00156FB3">
            <w:r>
              <w:t>}</w:t>
            </w:r>
          </w:p>
          <w:p w:rsidR="00156FB3" w:rsidRDefault="00156FB3" w:rsidP="00156FB3"/>
          <w:p w:rsidR="00156FB3" w:rsidRDefault="00156FB3" w:rsidP="00156FB3">
            <w:r>
              <w:t>.selectize-dropdown,</w:t>
            </w:r>
          </w:p>
          <w:p w:rsidR="00156FB3" w:rsidRDefault="00156FB3" w:rsidP="00156FB3">
            <w:r>
              <w:t>.selectize-dropdown.form-control {</w:t>
            </w:r>
          </w:p>
          <w:p w:rsidR="00156FB3" w:rsidRDefault="00156FB3" w:rsidP="00156FB3">
            <w:r>
              <w:t xml:space="preserve">    height: auto;</w:t>
            </w:r>
          </w:p>
          <w:p w:rsidR="00156FB3" w:rsidRDefault="00156FB3" w:rsidP="00156FB3">
            <w:r>
              <w:t xml:space="preserve">    padding: 0;</w:t>
            </w:r>
          </w:p>
          <w:p w:rsidR="00156FB3" w:rsidRDefault="00156FB3" w:rsidP="00156FB3">
            <w:r>
              <w:t xml:space="preserve">    margin: 2px 0 0 0;</w:t>
            </w:r>
          </w:p>
          <w:p w:rsidR="00156FB3" w:rsidRDefault="00156FB3" w:rsidP="00156FB3">
            <w:r>
              <w:t xml:space="preserve">    z-index: 1000;</w:t>
            </w:r>
          </w:p>
          <w:p w:rsidR="00156FB3" w:rsidRDefault="00156FB3" w:rsidP="00156FB3">
            <w:r>
              <w:t xml:space="preserve">    background: #ffffff;</w:t>
            </w:r>
          </w:p>
          <w:p w:rsidR="00156FB3" w:rsidRDefault="00156FB3" w:rsidP="00156FB3">
            <w:r>
              <w:t xml:space="preserve">    border: 1px solid #cccccc;</w:t>
            </w:r>
          </w:p>
          <w:p w:rsidR="00156FB3" w:rsidRDefault="00156FB3" w:rsidP="00156FB3">
            <w:r>
              <w:t xml:space="preserve">    border: 1px solid rgba(0, 0, 0, 0.15);</w:t>
            </w:r>
          </w:p>
          <w:p w:rsidR="00156FB3" w:rsidRDefault="00156FB3" w:rsidP="00156FB3">
            <w:r>
              <w:t xml:space="preserve">    -webkit-border-radius: 4px;</w:t>
            </w:r>
          </w:p>
          <w:p w:rsidR="00156FB3" w:rsidRDefault="00156FB3" w:rsidP="00156FB3">
            <w:r>
              <w:t xml:space="preserve">    -moz-border-radius: 4px;</w:t>
            </w:r>
          </w:p>
          <w:p w:rsidR="00156FB3" w:rsidRDefault="00156FB3" w:rsidP="00156FB3">
            <w:r>
              <w:t xml:space="preserve">    border-radius: 4px;</w:t>
            </w:r>
          </w:p>
          <w:p w:rsidR="00156FB3" w:rsidRDefault="00156FB3" w:rsidP="00156FB3">
            <w:r>
              <w:t xml:space="preserve">    -webkit-box-shadow: 0 6px 12px rgba(0, 0, 0, 0.175);</w:t>
            </w:r>
          </w:p>
          <w:p w:rsidR="00156FB3" w:rsidRDefault="00156FB3" w:rsidP="00156FB3">
            <w:r>
              <w:t xml:space="preserve">    box-shadow: 0 6px 12px rgba(0, 0, 0, 0.175);</w:t>
            </w:r>
          </w:p>
          <w:p w:rsidR="00156FB3" w:rsidRDefault="00156FB3" w:rsidP="00156FB3">
            <w:r>
              <w:t>}</w:t>
            </w:r>
          </w:p>
          <w:p w:rsidR="00156FB3" w:rsidRDefault="00156FB3" w:rsidP="00156FB3"/>
          <w:p w:rsidR="00156FB3" w:rsidRDefault="00156FB3" w:rsidP="00156FB3">
            <w:r>
              <w:t>.selectize-dropdown .optgroup-header {</w:t>
            </w:r>
          </w:p>
          <w:p w:rsidR="00156FB3" w:rsidRDefault="00156FB3" w:rsidP="00156FB3">
            <w:r>
              <w:t xml:space="preserve">    font-size: 12px;</w:t>
            </w:r>
          </w:p>
          <w:p w:rsidR="00156FB3" w:rsidRDefault="00156FB3" w:rsidP="00156FB3">
            <w:r>
              <w:lastRenderedPageBreak/>
              <w:t xml:space="preserve">    line-height: 1.42857143;</w:t>
            </w:r>
          </w:p>
          <w:p w:rsidR="00156FB3" w:rsidRDefault="00156FB3" w:rsidP="00156FB3">
            <w:r>
              <w:t>}</w:t>
            </w:r>
          </w:p>
          <w:p w:rsidR="00156FB3" w:rsidRDefault="00156FB3" w:rsidP="00156FB3"/>
          <w:p w:rsidR="00156FB3" w:rsidRDefault="00156FB3" w:rsidP="00156FB3">
            <w:r>
              <w:t>.selectize-dropdown .optgroup:first-child:before {</w:t>
            </w:r>
          </w:p>
          <w:p w:rsidR="00156FB3" w:rsidRDefault="00156FB3" w:rsidP="00156FB3">
            <w:r>
              <w:t xml:space="preserve">    display: none;</w:t>
            </w:r>
          </w:p>
          <w:p w:rsidR="00156FB3" w:rsidRDefault="00156FB3" w:rsidP="00156FB3">
            <w:r>
              <w:t>}</w:t>
            </w:r>
          </w:p>
          <w:p w:rsidR="00156FB3" w:rsidRDefault="00156FB3" w:rsidP="00156FB3"/>
          <w:p w:rsidR="00156FB3" w:rsidRDefault="00156FB3" w:rsidP="00156FB3">
            <w:r>
              <w:t>.selectize-dropdown .optgroup:before {</w:t>
            </w:r>
          </w:p>
          <w:p w:rsidR="00156FB3" w:rsidRDefault="00156FB3" w:rsidP="00156FB3">
            <w:r>
              <w:t xml:space="preserve">    content: ' ';</w:t>
            </w:r>
          </w:p>
          <w:p w:rsidR="00156FB3" w:rsidRDefault="00156FB3" w:rsidP="00156FB3">
            <w:r>
              <w:t xml:space="preserve">    display: block;</w:t>
            </w:r>
          </w:p>
          <w:p w:rsidR="00156FB3" w:rsidRDefault="00156FB3" w:rsidP="00156FB3">
            <w:r>
              <w:t xml:space="preserve">    height: 1px;</w:t>
            </w:r>
          </w:p>
          <w:p w:rsidR="00156FB3" w:rsidRDefault="00156FB3" w:rsidP="00156FB3">
            <w:r>
              <w:t xml:space="preserve">    margin: 9px 0;</w:t>
            </w:r>
          </w:p>
          <w:p w:rsidR="00156FB3" w:rsidRDefault="00156FB3" w:rsidP="00156FB3">
            <w:r>
              <w:t xml:space="preserve">    overflow: hidden;</w:t>
            </w:r>
          </w:p>
          <w:p w:rsidR="00156FB3" w:rsidRDefault="00156FB3" w:rsidP="00156FB3">
            <w:r>
              <w:t xml:space="preserve">    background-color: #e5e5e5;</w:t>
            </w:r>
          </w:p>
          <w:p w:rsidR="00156FB3" w:rsidRDefault="00156FB3" w:rsidP="00156FB3">
            <w:r>
              <w:t xml:space="preserve">    margin-left: -12px;</w:t>
            </w:r>
          </w:p>
          <w:p w:rsidR="00156FB3" w:rsidRDefault="00156FB3" w:rsidP="00156FB3">
            <w:r>
              <w:t xml:space="preserve">    margin-right: -12px;</w:t>
            </w:r>
          </w:p>
          <w:p w:rsidR="00156FB3" w:rsidRDefault="00156FB3" w:rsidP="00156FB3">
            <w:r>
              <w:t>}</w:t>
            </w:r>
          </w:p>
          <w:p w:rsidR="00156FB3" w:rsidRDefault="00156FB3" w:rsidP="00156FB3"/>
          <w:p w:rsidR="00156FB3" w:rsidRDefault="00156FB3" w:rsidP="00156FB3">
            <w:r>
              <w:t>.selectize-dropdown-content {</w:t>
            </w:r>
          </w:p>
          <w:p w:rsidR="00156FB3" w:rsidRDefault="00156FB3" w:rsidP="00156FB3">
            <w:r>
              <w:t xml:space="preserve">    padding: 5px 0;</w:t>
            </w:r>
          </w:p>
          <w:p w:rsidR="00156FB3" w:rsidRDefault="00156FB3" w:rsidP="00156FB3">
            <w:r>
              <w:t>}</w:t>
            </w:r>
          </w:p>
          <w:p w:rsidR="00156FB3" w:rsidRDefault="00156FB3" w:rsidP="00156FB3"/>
          <w:p w:rsidR="00156FB3" w:rsidRDefault="00156FB3" w:rsidP="00156FB3">
            <w:r>
              <w:t>.selectize-dropdown-header {</w:t>
            </w:r>
          </w:p>
          <w:p w:rsidR="00156FB3" w:rsidRDefault="00156FB3" w:rsidP="00156FB3">
            <w:r>
              <w:t xml:space="preserve">    padding: 6px 12px;</w:t>
            </w:r>
          </w:p>
          <w:p w:rsidR="00156FB3" w:rsidRDefault="00156FB3" w:rsidP="00156FB3">
            <w:r>
              <w:t>}</w:t>
            </w:r>
          </w:p>
          <w:p w:rsidR="00156FB3" w:rsidRDefault="00156FB3" w:rsidP="00156FB3"/>
          <w:p w:rsidR="00156FB3" w:rsidRDefault="00156FB3" w:rsidP="00156FB3">
            <w:r>
              <w:t>.selectize-input {</w:t>
            </w:r>
          </w:p>
          <w:p w:rsidR="00156FB3" w:rsidRDefault="00156FB3" w:rsidP="00156FB3">
            <w:r>
              <w:t xml:space="preserve">    min-height: 34px;</w:t>
            </w:r>
          </w:p>
          <w:p w:rsidR="00156FB3" w:rsidRDefault="00156FB3" w:rsidP="00156FB3">
            <w:r>
              <w:t>}</w:t>
            </w:r>
          </w:p>
          <w:p w:rsidR="00156FB3" w:rsidRDefault="00156FB3" w:rsidP="00156FB3"/>
          <w:p w:rsidR="00156FB3" w:rsidRDefault="00156FB3" w:rsidP="00156FB3">
            <w:r>
              <w:t>.selectize-input.dropdown-active {</w:t>
            </w:r>
          </w:p>
          <w:p w:rsidR="00156FB3" w:rsidRDefault="00156FB3" w:rsidP="00156FB3">
            <w:r>
              <w:t xml:space="preserve">    -webkit-border-radius: 4px;</w:t>
            </w:r>
          </w:p>
          <w:p w:rsidR="00156FB3" w:rsidRDefault="00156FB3" w:rsidP="00156FB3">
            <w:r>
              <w:t xml:space="preserve">    -moz-border-radius: 4px;</w:t>
            </w:r>
          </w:p>
          <w:p w:rsidR="00156FB3" w:rsidRDefault="00156FB3" w:rsidP="00156FB3">
            <w:r>
              <w:t xml:space="preserve">    border-radius: 4px;</w:t>
            </w:r>
          </w:p>
          <w:p w:rsidR="00156FB3" w:rsidRDefault="00156FB3" w:rsidP="00156FB3">
            <w:r>
              <w:t>}</w:t>
            </w:r>
          </w:p>
          <w:p w:rsidR="00156FB3" w:rsidRDefault="00156FB3" w:rsidP="00156FB3"/>
          <w:p w:rsidR="00156FB3" w:rsidRDefault="00156FB3" w:rsidP="00156FB3">
            <w:r>
              <w:t>.selectize-input.dropdown-active::before {</w:t>
            </w:r>
          </w:p>
          <w:p w:rsidR="00156FB3" w:rsidRDefault="00156FB3" w:rsidP="00156FB3">
            <w:r>
              <w:t xml:space="preserve">    display: none;</w:t>
            </w:r>
          </w:p>
          <w:p w:rsidR="00156FB3" w:rsidRDefault="00156FB3" w:rsidP="00156FB3">
            <w:r>
              <w:t>}</w:t>
            </w:r>
          </w:p>
          <w:p w:rsidR="00156FB3" w:rsidRDefault="00156FB3" w:rsidP="00156FB3"/>
          <w:p w:rsidR="00156FB3" w:rsidRDefault="00156FB3" w:rsidP="00156FB3">
            <w:r>
              <w:t>.selectize-input.focus {</w:t>
            </w:r>
          </w:p>
          <w:p w:rsidR="00156FB3" w:rsidRDefault="00156FB3" w:rsidP="00156FB3">
            <w:r>
              <w:t xml:space="preserve">    border-color: #66afe9;</w:t>
            </w:r>
          </w:p>
          <w:p w:rsidR="00156FB3" w:rsidRDefault="00156FB3" w:rsidP="00156FB3">
            <w:r>
              <w:t xml:space="preserve">    outline: 0;</w:t>
            </w:r>
          </w:p>
          <w:p w:rsidR="00156FB3" w:rsidRDefault="00156FB3" w:rsidP="00156FB3">
            <w:r>
              <w:t xml:space="preserve">    -webkit-box-shadow: inset 0 1px 1px rgba(0, 0, 0, .075), 0 0 8px rgba(102, 175, 233, 0.6);</w:t>
            </w:r>
          </w:p>
          <w:p w:rsidR="00156FB3" w:rsidRDefault="00156FB3" w:rsidP="00156FB3">
            <w:r>
              <w:t xml:space="preserve">    box-shadow: inset 0 1px 1px rgba(0, 0, 0, .075), 0 0 8px rgba(102, 175, 233, 0.6);</w:t>
            </w:r>
          </w:p>
          <w:p w:rsidR="00156FB3" w:rsidRDefault="00156FB3" w:rsidP="00156FB3">
            <w:r>
              <w:t>}</w:t>
            </w:r>
          </w:p>
          <w:p w:rsidR="00156FB3" w:rsidRDefault="00156FB3" w:rsidP="00156FB3"/>
          <w:p w:rsidR="00156FB3" w:rsidRDefault="00156FB3" w:rsidP="00156FB3">
            <w:r>
              <w:t>.has-error .selectize-input {</w:t>
            </w:r>
          </w:p>
          <w:p w:rsidR="00156FB3" w:rsidRDefault="00156FB3" w:rsidP="00156FB3">
            <w:r>
              <w:lastRenderedPageBreak/>
              <w:t xml:space="preserve">    border-color: #a94442;</w:t>
            </w:r>
          </w:p>
          <w:p w:rsidR="00156FB3" w:rsidRDefault="00156FB3" w:rsidP="00156FB3">
            <w:r>
              <w:t xml:space="preserve">    -webkit-box-shadow: inset 0 1px 1px rgba(0, 0, 0, 0.075);</w:t>
            </w:r>
          </w:p>
          <w:p w:rsidR="00156FB3" w:rsidRDefault="00156FB3" w:rsidP="00156FB3">
            <w:r>
              <w:t xml:space="preserve">    box-shadow: inset 0 1px 1px rgba(0, 0, 0, 0.075);</w:t>
            </w:r>
          </w:p>
          <w:p w:rsidR="00156FB3" w:rsidRDefault="00156FB3" w:rsidP="00156FB3">
            <w:r>
              <w:t>}</w:t>
            </w:r>
          </w:p>
          <w:p w:rsidR="00156FB3" w:rsidRDefault="00156FB3" w:rsidP="00156FB3"/>
          <w:p w:rsidR="00156FB3" w:rsidRDefault="00156FB3" w:rsidP="00156FB3">
            <w:r>
              <w:t>.has-error .selectize-input:focus {</w:t>
            </w:r>
          </w:p>
          <w:p w:rsidR="00156FB3" w:rsidRDefault="00156FB3" w:rsidP="00156FB3">
            <w:r>
              <w:t xml:space="preserve">    border-color: #843534;</w:t>
            </w:r>
          </w:p>
          <w:p w:rsidR="00156FB3" w:rsidRDefault="00156FB3" w:rsidP="00156FB3">
            <w:r>
              <w:t xml:space="preserve">    -webkit-box-shadow: inset 0 1px 1px rgba(0, 0, 0, 0.075), 0 0 6px #ce8483;</w:t>
            </w:r>
          </w:p>
          <w:p w:rsidR="00156FB3" w:rsidRDefault="00156FB3" w:rsidP="00156FB3">
            <w:r>
              <w:t xml:space="preserve">    box-shadow: inset 0 1px 1px rgba(0, 0, 0, 0.075), 0 0 6px #ce8483;</w:t>
            </w:r>
          </w:p>
          <w:p w:rsidR="00156FB3" w:rsidRDefault="00156FB3" w:rsidP="00156FB3">
            <w:r>
              <w:t>}</w:t>
            </w:r>
          </w:p>
          <w:p w:rsidR="00156FB3" w:rsidRDefault="00156FB3" w:rsidP="00156FB3"/>
          <w:p w:rsidR="00156FB3" w:rsidRDefault="00156FB3" w:rsidP="00156FB3">
            <w:r>
              <w:t>.selectize-control.multi .selectize-input.has-items {</w:t>
            </w:r>
          </w:p>
          <w:p w:rsidR="00156FB3" w:rsidRDefault="00156FB3" w:rsidP="00156FB3">
            <w:r>
              <w:t xml:space="preserve">    padding-left: 9px;</w:t>
            </w:r>
          </w:p>
          <w:p w:rsidR="00156FB3" w:rsidRDefault="00156FB3" w:rsidP="00156FB3">
            <w:r>
              <w:t xml:space="preserve">    padding-right: 9px;</w:t>
            </w:r>
          </w:p>
          <w:p w:rsidR="00156FB3" w:rsidRDefault="00156FB3" w:rsidP="00156FB3">
            <w:r>
              <w:t>}</w:t>
            </w:r>
          </w:p>
          <w:p w:rsidR="00156FB3" w:rsidRDefault="00156FB3" w:rsidP="00156FB3"/>
          <w:p w:rsidR="00156FB3" w:rsidRDefault="00156FB3" w:rsidP="00156FB3">
            <w:r>
              <w:t>.selectize-control.multi .selectize-input &gt; div {</w:t>
            </w:r>
          </w:p>
          <w:p w:rsidR="00156FB3" w:rsidRDefault="00156FB3" w:rsidP="00156FB3">
            <w:r>
              <w:t xml:space="preserve">    -webkit-border-radius: 3px;</w:t>
            </w:r>
          </w:p>
          <w:p w:rsidR="00156FB3" w:rsidRDefault="00156FB3" w:rsidP="00156FB3">
            <w:r>
              <w:t xml:space="preserve">    -moz-border-radius: 3px;</w:t>
            </w:r>
          </w:p>
          <w:p w:rsidR="00156FB3" w:rsidRDefault="00156FB3" w:rsidP="00156FB3">
            <w:r>
              <w:t xml:space="preserve">    border-radius: 3px;</w:t>
            </w:r>
          </w:p>
          <w:p w:rsidR="00156FB3" w:rsidRDefault="00156FB3" w:rsidP="00156FB3">
            <w:r>
              <w:t>}</w:t>
            </w:r>
          </w:p>
          <w:p w:rsidR="00156FB3" w:rsidRDefault="00156FB3" w:rsidP="00156FB3"/>
          <w:p w:rsidR="00156FB3" w:rsidRDefault="00156FB3" w:rsidP="00156FB3">
            <w:r>
              <w:t>.form-control.selectize-control {</w:t>
            </w:r>
          </w:p>
          <w:p w:rsidR="00156FB3" w:rsidRDefault="00156FB3" w:rsidP="00156FB3">
            <w:r>
              <w:t xml:space="preserve">    padding: 0;</w:t>
            </w:r>
          </w:p>
          <w:p w:rsidR="00156FB3" w:rsidRDefault="00156FB3" w:rsidP="00156FB3">
            <w:r>
              <w:t xml:space="preserve">    /*height: auto;*/</w:t>
            </w:r>
          </w:p>
          <w:p w:rsidR="00156FB3" w:rsidRDefault="00156FB3" w:rsidP="00156FB3">
            <w:r>
              <w:t xml:space="preserve">    border: none;</w:t>
            </w:r>
          </w:p>
          <w:p w:rsidR="00156FB3" w:rsidRDefault="00156FB3" w:rsidP="00156FB3">
            <w:r>
              <w:t xml:space="preserve">    background: none;</w:t>
            </w:r>
          </w:p>
          <w:p w:rsidR="00156FB3" w:rsidRDefault="00156FB3" w:rsidP="00156FB3">
            <w:r>
              <w:t xml:space="preserve">    -webkit-box-shadow: none;</w:t>
            </w:r>
          </w:p>
          <w:p w:rsidR="00156FB3" w:rsidRDefault="00156FB3" w:rsidP="00156FB3">
            <w:r>
              <w:t xml:space="preserve">    box-shadow: none;</w:t>
            </w:r>
          </w:p>
          <w:p w:rsidR="00156FB3" w:rsidRDefault="00156FB3" w:rsidP="00156FB3">
            <w:r>
              <w:t xml:space="preserve">    -webkit-border-radius: 0;</w:t>
            </w:r>
          </w:p>
          <w:p w:rsidR="00156FB3" w:rsidRDefault="00156FB3" w:rsidP="00156FB3">
            <w:r>
              <w:t xml:space="preserve">    -moz-border-radius: 0;</w:t>
            </w:r>
          </w:p>
          <w:p w:rsidR="00156FB3" w:rsidRDefault="00156FB3" w:rsidP="00156FB3">
            <w:r>
              <w:t xml:space="preserve">    border-radius: 0;</w:t>
            </w:r>
          </w:p>
          <w:p w:rsidR="0048012D" w:rsidRDefault="00156FB3" w:rsidP="00156FB3">
            <w:r>
              <w:t>}</w:t>
            </w:r>
          </w:p>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Style.css</w:t>
            </w:r>
          </w:p>
        </w:tc>
      </w:tr>
      <w:tr w:rsidR="0048012D" w:rsidTr="0048012D">
        <w:tc>
          <w:tcPr>
            <w:tcW w:w="9576" w:type="dxa"/>
          </w:tcPr>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80"/>
                <w:sz w:val="19"/>
                <w:szCs w:val="19"/>
              </w:rPr>
              <w:t>@font-fac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font-family</w:t>
            </w:r>
            <w:r>
              <w:rPr>
                <w:rFonts w:ascii="Cascadia Mono" w:hAnsi="Cascadia Mono" w:cs="Cascadia Mono"/>
                <w:color w:val="000000"/>
                <w:sz w:val="19"/>
                <w:szCs w:val="19"/>
              </w:rPr>
              <w:t xml:space="preserve">: </w:t>
            </w:r>
            <w:r>
              <w:rPr>
                <w:rFonts w:ascii="Cascadia Mono" w:hAnsi="Cascadia Mono" w:cs="Cascadia Mono"/>
                <w:color w:val="0000FF"/>
                <w:sz w:val="19"/>
                <w:szCs w:val="19"/>
              </w:rPr>
              <w:t>'Linearicons-Fre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src</w:t>
            </w:r>
            <w:r>
              <w:rPr>
                <w:rFonts w:ascii="Cascadia Mono" w:hAnsi="Cascadia Mono" w:cs="Cascadia Mono"/>
                <w:color w:val="000000"/>
                <w:sz w:val="19"/>
                <w:szCs w:val="19"/>
              </w:rPr>
              <w:t>:</w:t>
            </w:r>
            <w:r>
              <w:rPr>
                <w:rFonts w:ascii="Cascadia Mono" w:hAnsi="Cascadia Mono" w:cs="Cascadia Mono"/>
                <w:color w:val="0000FF"/>
                <w:sz w:val="19"/>
                <w:szCs w:val="19"/>
              </w:rPr>
              <w:t>url('fonts/Linearicons-Free.eot?w118d')</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src</w:t>
            </w:r>
            <w:r>
              <w:rPr>
                <w:rFonts w:ascii="Cascadia Mono" w:hAnsi="Cascadia Mono" w:cs="Cascadia Mono"/>
                <w:color w:val="000000"/>
                <w:sz w:val="19"/>
                <w:szCs w:val="19"/>
              </w:rPr>
              <w:t>:</w:t>
            </w:r>
            <w:r>
              <w:rPr>
                <w:rFonts w:ascii="Cascadia Mono" w:hAnsi="Cascadia Mono" w:cs="Cascadia Mono"/>
                <w:color w:val="0000FF"/>
                <w:sz w:val="19"/>
                <w:szCs w:val="19"/>
              </w:rPr>
              <w:t>url('fonts/Linearicons-Free.eot?#iefixw118d')</w:t>
            </w:r>
            <w:r>
              <w:rPr>
                <w:rFonts w:ascii="Cascadia Mono" w:hAnsi="Cascadia Mono" w:cs="Cascadia Mono"/>
                <w:color w:val="000000"/>
                <w:sz w:val="19"/>
                <w:szCs w:val="19"/>
              </w:rPr>
              <w:t xml:space="preserve"> </w:t>
            </w:r>
            <w:r>
              <w:rPr>
                <w:rFonts w:ascii="Cascadia Mono" w:hAnsi="Cascadia Mono" w:cs="Cascadia Mono"/>
                <w:color w:val="0000FF"/>
                <w:sz w:val="19"/>
                <w:szCs w:val="19"/>
              </w:rPr>
              <w:t>format('embedded-opentyp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url('fonts/Linearicons-Free.woff2?w118d')</w:t>
            </w:r>
            <w:r>
              <w:rPr>
                <w:rFonts w:ascii="Cascadia Mono" w:hAnsi="Cascadia Mono" w:cs="Cascadia Mono"/>
                <w:color w:val="000000"/>
                <w:sz w:val="19"/>
                <w:szCs w:val="19"/>
              </w:rPr>
              <w:t xml:space="preserve"> </w:t>
            </w:r>
            <w:r>
              <w:rPr>
                <w:rFonts w:ascii="Cascadia Mono" w:hAnsi="Cascadia Mono" w:cs="Cascadia Mono"/>
                <w:color w:val="0000FF"/>
                <w:sz w:val="19"/>
                <w:szCs w:val="19"/>
              </w:rPr>
              <w:t>format('woff2')</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url('fonts/Linearicons-Free.woff?w118d')</w:t>
            </w:r>
            <w:r>
              <w:rPr>
                <w:rFonts w:ascii="Cascadia Mono" w:hAnsi="Cascadia Mono" w:cs="Cascadia Mono"/>
                <w:color w:val="000000"/>
                <w:sz w:val="19"/>
                <w:szCs w:val="19"/>
              </w:rPr>
              <w:t xml:space="preserve"> </w:t>
            </w:r>
            <w:r>
              <w:rPr>
                <w:rFonts w:ascii="Cascadia Mono" w:hAnsi="Cascadia Mono" w:cs="Cascadia Mono"/>
                <w:color w:val="0000FF"/>
                <w:sz w:val="19"/>
                <w:szCs w:val="19"/>
              </w:rPr>
              <w:t>format('woff')</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url('fonts/Linearicons-Free.ttf?w118d')</w:t>
            </w:r>
            <w:r>
              <w:rPr>
                <w:rFonts w:ascii="Cascadia Mono" w:hAnsi="Cascadia Mono" w:cs="Cascadia Mono"/>
                <w:color w:val="000000"/>
                <w:sz w:val="19"/>
                <w:szCs w:val="19"/>
              </w:rPr>
              <w:t xml:space="preserve"> </w:t>
            </w:r>
            <w:r>
              <w:rPr>
                <w:rFonts w:ascii="Cascadia Mono" w:hAnsi="Cascadia Mono" w:cs="Cascadia Mono"/>
                <w:color w:val="0000FF"/>
                <w:sz w:val="19"/>
                <w:szCs w:val="19"/>
              </w:rPr>
              <w:t>format('truetyp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url('fonts/Linearicons-Free.svg?w118d#Linearicons-Free')</w:t>
            </w:r>
            <w:r>
              <w:rPr>
                <w:rFonts w:ascii="Cascadia Mono" w:hAnsi="Cascadia Mono" w:cs="Cascadia Mono"/>
                <w:color w:val="000000"/>
                <w:sz w:val="19"/>
                <w:szCs w:val="19"/>
              </w:rPr>
              <w:t xml:space="preserve"> </w:t>
            </w:r>
            <w:r>
              <w:rPr>
                <w:rFonts w:ascii="Cascadia Mono" w:hAnsi="Cascadia Mono" w:cs="Cascadia Mono"/>
                <w:color w:val="0000FF"/>
                <w:sz w:val="19"/>
                <w:szCs w:val="19"/>
              </w:rPr>
              <w:t>format('svg')</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font-weight</w:t>
            </w:r>
            <w:r>
              <w:rPr>
                <w:rFonts w:ascii="Cascadia Mono" w:hAnsi="Cascadia Mono" w:cs="Cascadia Mono"/>
                <w:color w:val="000000"/>
                <w:sz w:val="19"/>
                <w:szCs w:val="19"/>
              </w:rPr>
              <w:t xml:space="preserve">: </w:t>
            </w:r>
            <w:r>
              <w:rPr>
                <w:rFonts w:ascii="Cascadia Mono" w:hAnsi="Cascadia Mono" w:cs="Cascadia Mono"/>
                <w:color w:val="0000FF"/>
                <w:sz w:val="19"/>
                <w:szCs w:val="19"/>
              </w:rPr>
              <w:t>normal</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font-style</w:t>
            </w:r>
            <w:r>
              <w:rPr>
                <w:rFonts w:ascii="Cascadia Mono" w:hAnsi="Cascadia Mono" w:cs="Cascadia Mono"/>
                <w:color w:val="000000"/>
                <w:sz w:val="19"/>
                <w:szCs w:val="19"/>
              </w:rPr>
              <w:t xml:space="preserve">: </w:t>
            </w:r>
            <w:r>
              <w:rPr>
                <w:rFonts w:ascii="Cascadia Mono" w:hAnsi="Cascadia Mono" w:cs="Cascadia Mono"/>
                <w:color w:val="0000FF"/>
                <w:sz w:val="19"/>
                <w:szCs w:val="19"/>
              </w:rPr>
              <w:t>normal</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font-family</w:t>
            </w:r>
            <w:r>
              <w:rPr>
                <w:rFonts w:ascii="Cascadia Mono" w:hAnsi="Cascadia Mono" w:cs="Cascadia Mono"/>
                <w:color w:val="000000"/>
                <w:sz w:val="19"/>
                <w:szCs w:val="19"/>
              </w:rPr>
              <w:t xml:space="preserve">: </w:t>
            </w:r>
            <w:r>
              <w:rPr>
                <w:rFonts w:ascii="Cascadia Mono" w:hAnsi="Cascadia Mono" w:cs="Cascadia Mono"/>
                <w:color w:val="0000FF"/>
                <w:sz w:val="19"/>
                <w:szCs w:val="19"/>
              </w:rPr>
              <w:t>'Linearicons-Fre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speak</w:t>
            </w:r>
            <w:r>
              <w:rPr>
                <w:rFonts w:ascii="Cascadia Mono" w:hAnsi="Cascadia Mono" w:cs="Cascadia Mono"/>
                <w:color w:val="000000"/>
                <w:sz w:val="19"/>
                <w:szCs w:val="19"/>
              </w:rPr>
              <w:t xml:space="preserve">: </w:t>
            </w:r>
            <w:r>
              <w:rPr>
                <w:rFonts w:ascii="Cascadia Mono" w:hAnsi="Cascadia Mono" w:cs="Cascadia Mono"/>
                <w:color w:val="0000FF"/>
                <w:sz w:val="19"/>
                <w:szCs w:val="19"/>
              </w:rPr>
              <w:t>non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font-style</w:t>
            </w:r>
            <w:r>
              <w:rPr>
                <w:rFonts w:ascii="Cascadia Mono" w:hAnsi="Cascadia Mono" w:cs="Cascadia Mono"/>
                <w:color w:val="000000"/>
                <w:sz w:val="19"/>
                <w:szCs w:val="19"/>
              </w:rPr>
              <w:t xml:space="preserve">: </w:t>
            </w:r>
            <w:r>
              <w:rPr>
                <w:rFonts w:ascii="Cascadia Mono" w:hAnsi="Cascadia Mono" w:cs="Cascadia Mono"/>
                <w:color w:val="0000FF"/>
                <w:sz w:val="19"/>
                <w:szCs w:val="19"/>
              </w:rPr>
              <w:t>normal</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font-weight</w:t>
            </w:r>
            <w:r>
              <w:rPr>
                <w:rFonts w:ascii="Cascadia Mono" w:hAnsi="Cascadia Mono" w:cs="Cascadia Mono"/>
                <w:color w:val="000000"/>
                <w:sz w:val="19"/>
                <w:szCs w:val="19"/>
              </w:rPr>
              <w:t xml:space="preserve">: </w:t>
            </w:r>
            <w:r>
              <w:rPr>
                <w:rFonts w:ascii="Cascadia Mono" w:hAnsi="Cascadia Mono" w:cs="Cascadia Mono"/>
                <w:color w:val="0000FF"/>
                <w:sz w:val="19"/>
                <w:szCs w:val="19"/>
              </w:rPr>
              <w:t>normal</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font-variant</w:t>
            </w:r>
            <w:r>
              <w:rPr>
                <w:rFonts w:ascii="Cascadia Mono" w:hAnsi="Cascadia Mono" w:cs="Cascadia Mono"/>
                <w:color w:val="000000"/>
                <w:sz w:val="19"/>
                <w:szCs w:val="19"/>
              </w:rPr>
              <w:t xml:space="preserve">: </w:t>
            </w:r>
            <w:r>
              <w:rPr>
                <w:rFonts w:ascii="Cascadia Mono" w:hAnsi="Cascadia Mono" w:cs="Cascadia Mono"/>
                <w:color w:val="0000FF"/>
                <w:sz w:val="19"/>
                <w:szCs w:val="19"/>
              </w:rPr>
              <w:t>normal</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text-transform</w:t>
            </w:r>
            <w:r>
              <w:rPr>
                <w:rFonts w:ascii="Cascadia Mono" w:hAnsi="Cascadia Mono" w:cs="Cascadia Mono"/>
                <w:color w:val="000000"/>
                <w:sz w:val="19"/>
                <w:szCs w:val="19"/>
              </w:rPr>
              <w:t xml:space="preserve">: </w:t>
            </w:r>
            <w:r>
              <w:rPr>
                <w:rFonts w:ascii="Cascadia Mono" w:hAnsi="Cascadia Mono" w:cs="Cascadia Mono"/>
                <w:color w:val="0000FF"/>
                <w:sz w:val="19"/>
                <w:szCs w:val="19"/>
              </w:rPr>
              <w:t>non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line-height</w:t>
            </w:r>
            <w:r>
              <w:rPr>
                <w:rFonts w:ascii="Cascadia Mono" w:hAnsi="Cascadia Mono" w:cs="Cascadia Mono"/>
                <w:color w:val="000000"/>
                <w:sz w:val="19"/>
                <w:szCs w:val="19"/>
              </w:rPr>
              <w:t xml:space="preserve">: </w:t>
            </w:r>
            <w:r>
              <w:rPr>
                <w:rFonts w:ascii="Cascadia Mono" w:hAnsi="Cascadia Mono" w:cs="Cascadia Mono"/>
                <w:color w:val="0000FF"/>
                <w:sz w:val="19"/>
                <w:szCs w:val="19"/>
              </w:rPr>
              <w:t>1</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6400"/>
                <w:sz w:val="19"/>
                <w:szCs w:val="19"/>
              </w:rPr>
              <w:t>/*</w:t>
            </w:r>
            <w:r>
              <w:rPr>
                <w:rFonts w:ascii="Cascadia Mono" w:hAnsi="Cascadia Mono" w:cs="Cascadia Mono"/>
                <w:color w:val="000000"/>
                <w:sz w:val="19"/>
                <w:szCs w:val="19"/>
              </w:rPr>
              <w:t xml:space="preserve"> </w:t>
            </w:r>
            <w:r>
              <w:rPr>
                <w:rFonts w:ascii="Cascadia Mono" w:hAnsi="Cascadia Mono" w:cs="Cascadia Mono"/>
                <w:color w:val="006400"/>
                <w:sz w:val="19"/>
                <w:szCs w:val="19"/>
              </w:rPr>
              <w:t>Better Font Rendering ===========</w:t>
            </w:r>
            <w:r>
              <w:rPr>
                <w:rFonts w:ascii="Cascadia Mono" w:hAnsi="Cascadia Mono" w:cs="Cascadia Mono"/>
                <w:color w:val="000000"/>
                <w:sz w:val="19"/>
                <w:szCs w:val="19"/>
              </w:rPr>
              <w:t xml:space="preserve"> </w:t>
            </w:r>
            <w:r>
              <w:rPr>
                <w:rFonts w:ascii="Cascadia Mono" w:hAnsi="Cascadia Mono" w:cs="Cascadia Mono"/>
                <w:color w:val="0064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webkit-font-smoothing</w:t>
            </w:r>
            <w:r>
              <w:rPr>
                <w:rFonts w:ascii="Cascadia Mono" w:hAnsi="Cascadia Mono" w:cs="Cascadia Mono"/>
                <w:color w:val="000000"/>
                <w:sz w:val="19"/>
                <w:szCs w:val="19"/>
              </w:rPr>
              <w:t xml:space="preserve">: </w:t>
            </w:r>
            <w:r>
              <w:rPr>
                <w:rFonts w:ascii="Cascadia Mono" w:hAnsi="Cascadia Mono" w:cs="Cascadia Mono"/>
                <w:color w:val="0000FF"/>
                <w:sz w:val="19"/>
                <w:szCs w:val="19"/>
              </w:rPr>
              <w:t>antialiased</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moz-osx-font-smoothing</w:t>
            </w:r>
            <w:r>
              <w:rPr>
                <w:rFonts w:ascii="Cascadia Mono" w:hAnsi="Cascadia Mono" w:cs="Cascadia Mono"/>
                <w:color w:val="000000"/>
                <w:sz w:val="19"/>
                <w:szCs w:val="19"/>
              </w:rPr>
              <w:t xml:space="preserve">: </w:t>
            </w:r>
            <w:r>
              <w:rPr>
                <w:rFonts w:ascii="Cascadia Mono" w:hAnsi="Cascadia Mono" w:cs="Cascadia Mono"/>
                <w:color w:val="0000FF"/>
                <w:sz w:val="19"/>
                <w:szCs w:val="19"/>
              </w:rPr>
              <w:t>grayscal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hom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0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apartmen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01"</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pencil: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02"</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magic-wand: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03"</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drop: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04"</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lighter: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05"</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poop: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06"</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sun: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07"</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moon: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08"</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loud: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09"</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loud-upload: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0a"</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loud-download: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0b"</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loud-sync: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0c"</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loud-check: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0d"</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lastRenderedPageBreak/>
              <w:t>.lnr-databas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0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lock: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0f"</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og: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1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trash: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11"</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dic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12"</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hear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13"</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star: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14"</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star-half: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15"</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star-empty: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16"</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flag: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17"</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envelop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18"</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paperclip: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19"</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inbox: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1a"</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ey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1b"</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printer: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1c"</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file-empty: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1d"</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file-add: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1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enter: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1f"</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exi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2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graduation-ha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21"</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licens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22"</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music-not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23"</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film-play: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24"</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amera-video: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25"</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amera: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26"</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pictur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27"</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book: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28"</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bookmark: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29"</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user: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2a"</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users: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2b"</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shir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2c"</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stor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2d"</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ar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2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tag: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2f"</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phone-handse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3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phon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31"</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pushpin: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32"</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map-marker: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33"</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map: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34"</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location: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35"</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alendar-full: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36"</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keyboard: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37"</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spell-check: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38"</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screen: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39"</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smartphon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3a"</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table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3b"</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laptop: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3c"</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laptop-phon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3d"</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power-switch: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3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bubbl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3f"</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heart-puls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4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onstruction: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41"</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pie-char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42"</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hart-bars: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43"</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gif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44"</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diamond: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45"</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linearicons: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46"</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dinner: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47"</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lastRenderedPageBreak/>
              <w:t>.lnr-coffee-cup: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48"</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leaf: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49"</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paw: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4a"</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rocke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4b"</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briefcas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4c"</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bus: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4d"</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ar: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4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train: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4f"</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bicycl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5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wheelchair: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51"</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selec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52"</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earth: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53"</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smil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54"</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sad: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55"</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neutral: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56"</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mustach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57"</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alarm: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58"</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bullhorn: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59"</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volume-high: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5a"</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volume-medium: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5b"</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volume-low: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5c"</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volum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5d"</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mic: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5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hourglass: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5f"</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undo: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6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redo: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61"</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sync: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62"</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history: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63"</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lock: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64"</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download: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65"</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upload: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66"</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enter-down: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67"</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exit-up: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68"</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bug: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69"</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od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6a"</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link: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6b"</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unlink: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6c"</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thumbs-up: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6d"</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thumbs-down: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6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magnifier: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6f"</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ross: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7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menu: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71"</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lis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72"</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hevron-up: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73"</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hevron-down: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74"</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hevron-lef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75"</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hevron-righ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76"</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arrow-up: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77"</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arrow-down: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78"</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arrow-lef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79"</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arrow-righ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7a"</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mov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7b"</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warning: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7c"</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question-circl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7d"</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menu-circl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7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heckmark-circl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7f"</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ross-circl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8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plus-circl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81"</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lastRenderedPageBreak/>
              <w:t>.lnr-circle-minus: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82"</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arrow-up-circl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83"</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arrow-down-circl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84"</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arrow-left-circl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85"</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arrow-right-circl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86"</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hevron-up-circl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87"</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hevron-down-circl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88"</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hevron-left-circl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89"</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hevron-right-circl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8a"</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crop: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8b"</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frame-expand: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8c"</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frame-contrac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8d"</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layers: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8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funnel: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8f"</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text-forma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9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text-format-remov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91"</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text-siz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92"</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bold: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93"</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italic: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94"</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underlin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95"</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strikethrough: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96"</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highligh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97"</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text-align-lef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98"</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text-align-center: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99"</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text-align-righ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9a"</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text-align-justify: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9b"</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line-spacing: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9c"</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indent-increas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9d"</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indent-decrease: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9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pilcrow: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9f"</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direction-ltr: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a0"</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direction-rtl: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a1"</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page-break: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a2"</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sort-alpha-asc: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a3"</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sort-amount-asc: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a4"</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hand: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a5"</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pointer-up: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a6"</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pointer-righ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a7"</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pointer-down: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a8"</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800000"/>
                <w:sz w:val="19"/>
                <w:szCs w:val="19"/>
              </w:rPr>
              <w:t>.lnr-pointer-left:befor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FF0000"/>
                <w:sz w:val="19"/>
                <w:szCs w:val="19"/>
              </w:rPr>
              <w:t>content</w:t>
            </w:r>
            <w:r>
              <w:rPr>
                <w:rFonts w:ascii="Cascadia Mono" w:hAnsi="Cascadia Mono" w:cs="Cascadia Mono"/>
                <w:color w:val="000000"/>
                <w:sz w:val="19"/>
                <w:szCs w:val="19"/>
              </w:rPr>
              <w:t xml:space="preserve">: </w:t>
            </w:r>
            <w:r>
              <w:rPr>
                <w:rFonts w:ascii="Cascadia Mono" w:hAnsi="Cascadia Mono" w:cs="Cascadia Mono"/>
                <w:color w:val="0000FF"/>
                <w:sz w:val="19"/>
                <w:szCs w:val="19"/>
              </w:rPr>
              <w:t>"\e8a9"</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App.js</w:t>
            </w:r>
          </w:p>
        </w:tc>
      </w:tr>
      <w:tr w:rsidR="0048012D" w:rsidTr="0048012D">
        <w:tc>
          <w:tcPr>
            <w:tcW w:w="9576" w:type="dxa"/>
          </w:tcPr>
          <w:p w:rsidR="00156FB3" w:rsidRDefault="00156FB3" w:rsidP="00156FB3">
            <w:r>
              <w:t>/******/ (function(modules) { // webpackBootstrap</w:t>
            </w:r>
          </w:p>
          <w:p w:rsidR="00156FB3" w:rsidRDefault="00156FB3" w:rsidP="00156FB3">
            <w:r>
              <w:t xml:space="preserve">/******/ </w:t>
            </w:r>
            <w:r>
              <w:tab/>
              <w:t>// The module cache</w:t>
            </w:r>
          </w:p>
          <w:p w:rsidR="00156FB3" w:rsidRDefault="00156FB3" w:rsidP="00156FB3">
            <w:r>
              <w:t xml:space="preserve">/******/ </w:t>
            </w:r>
            <w:r>
              <w:tab/>
              <w:t>var installedModules = {};</w:t>
            </w:r>
          </w:p>
          <w:p w:rsidR="00156FB3" w:rsidRDefault="00156FB3" w:rsidP="00156FB3">
            <w:r>
              <w:t>/******/</w:t>
            </w:r>
          </w:p>
          <w:p w:rsidR="00156FB3" w:rsidRDefault="00156FB3" w:rsidP="00156FB3">
            <w:r>
              <w:t xml:space="preserve">/******/ </w:t>
            </w:r>
            <w:r>
              <w:tab/>
              <w:t>// The require function</w:t>
            </w:r>
          </w:p>
          <w:p w:rsidR="00156FB3" w:rsidRDefault="00156FB3" w:rsidP="00156FB3">
            <w:r>
              <w:t xml:space="preserve">/******/ </w:t>
            </w:r>
            <w:r>
              <w:tab/>
              <w:t>function __webpack_require__(moduleId) {</w:t>
            </w:r>
          </w:p>
          <w:p w:rsidR="00156FB3" w:rsidRDefault="00156FB3" w:rsidP="00156FB3">
            <w:r>
              <w:t>/******/</w:t>
            </w:r>
          </w:p>
          <w:p w:rsidR="00156FB3" w:rsidRDefault="00156FB3" w:rsidP="00156FB3">
            <w:r>
              <w:t xml:space="preserve">/******/ </w:t>
            </w:r>
            <w:r>
              <w:tab/>
            </w:r>
            <w:r>
              <w:tab/>
              <w:t>// Check if module is in cache</w:t>
            </w:r>
          </w:p>
          <w:p w:rsidR="00156FB3" w:rsidRDefault="00156FB3" w:rsidP="00156FB3">
            <w:r>
              <w:t xml:space="preserve">/******/ </w:t>
            </w:r>
            <w:r>
              <w:tab/>
            </w:r>
            <w:r>
              <w:tab/>
              <w:t>if(installedModules[moduleId]) {</w:t>
            </w:r>
          </w:p>
          <w:p w:rsidR="00156FB3" w:rsidRDefault="00156FB3" w:rsidP="00156FB3">
            <w:r>
              <w:t xml:space="preserve">/******/ </w:t>
            </w:r>
            <w:r>
              <w:tab/>
            </w:r>
            <w:r>
              <w:tab/>
            </w:r>
            <w:r>
              <w:tab/>
              <w:t>return installedModules[moduleId].exports;</w:t>
            </w:r>
          </w:p>
          <w:p w:rsidR="00156FB3" w:rsidRDefault="00156FB3" w:rsidP="00156FB3">
            <w:r>
              <w:t xml:space="preserve">/******/ </w:t>
            </w:r>
            <w:r>
              <w:tab/>
            </w:r>
            <w:r>
              <w:tab/>
              <w:t>}</w:t>
            </w:r>
          </w:p>
          <w:p w:rsidR="00156FB3" w:rsidRDefault="00156FB3" w:rsidP="00156FB3">
            <w:r>
              <w:t xml:space="preserve">/******/ </w:t>
            </w:r>
            <w:r>
              <w:tab/>
            </w:r>
            <w:r>
              <w:tab/>
              <w:t>// Create a new module (and put it into the cache)</w:t>
            </w:r>
          </w:p>
          <w:p w:rsidR="00156FB3" w:rsidRDefault="00156FB3" w:rsidP="00156FB3">
            <w:r>
              <w:t xml:space="preserve">/******/ </w:t>
            </w:r>
            <w:r>
              <w:tab/>
            </w:r>
            <w:r>
              <w:tab/>
              <w:t>var module = installedModules[moduleId] = {</w:t>
            </w:r>
          </w:p>
          <w:p w:rsidR="00156FB3" w:rsidRDefault="00156FB3" w:rsidP="00156FB3">
            <w:r>
              <w:t xml:space="preserve">/******/ </w:t>
            </w:r>
            <w:r>
              <w:tab/>
            </w:r>
            <w:r>
              <w:tab/>
            </w:r>
            <w:r>
              <w:tab/>
              <w:t>i: moduleId,</w:t>
            </w:r>
          </w:p>
          <w:p w:rsidR="00156FB3" w:rsidRDefault="00156FB3" w:rsidP="00156FB3">
            <w:r>
              <w:t xml:space="preserve">/******/ </w:t>
            </w:r>
            <w:r>
              <w:tab/>
            </w:r>
            <w:r>
              <w:tab/>
            </w:r>
            <w:r>
              <w:tab/>
              <w:t>l: false,</w:t>
            </w:r>
          </w:p>
          <w:p w:rsidR="00156FB3" w:rsidRDefault="00156FB3" w:rsidP="00156FB3">
            <w:r>
              <w:t xml:space="preserve">/******/ </w:t>
            </w:r>
            <w:r>
              <w:tab/>
            </w:r>
            <w:r>
              <w:tab/>
            </w:r>
            <w:r>
              <w:tab/>
              <w:t>exports: {}</w:t>
            </w:r>
          </w:p>
          <w:p w:rsidR="00156FB3" w:rsidRDefault="00156FB3" w:rsidP="00156FB3">
            <w:r>
              <w:t xml:space="preserve">/******/ </w:t>
            </w:r>
            <w:r>
              <w:tab/>
            </w:r>
            <w:r>
              <w:tab/>
              <w:t>};</w:t>
            </w:r>
          </w:p>
          <w:p w:rsidR="00156FB3" w:rsidRDefault="00156FB3" w:rsidP="00156FB3">
            <w:r>
              <w:t>/******/</w:t>
            </w:r>
          </w:p>
          <w:p w:rsidR="00156FB3" w:rsidRDefault="00156FB3" w:rsidP="00156FB3">
            <w:r>
              <w:t xml:space="preserve">/******/ </w:t>
            </w:r>
            <w:r>
              <w:tab/>
            </w:r>
            <w:r>
              <w:tab/>
              <w:t>// Execute the module function</w:t>
            </w:r>
          </w:p>
          <w:p w:rsidR="00156FB3" w:rsidRDefault="00156FB3" w:rsidP="00156FB3">
            <w:r>
              <w:t xml:space="preserve">/******/ </w:t>
            </w:r>
            <w:r>
              <w:tab/>
            </w:r>
            <w:r>
              <w:tab/>
              <w:t>modules[moduleId].call(module.exports, module, module.exports, __webpack_require__);</w:t>
            </w:r>
          </w:p>
          <w:p w:rsidR="00156FB3" w:rsidRDefault="00156FB3" w:rsidP="00156FB3">
            <w:r>
              <w:t>/******/</w:t>
            </w:r>
          </w:p>
          <w:p w:rsidR="00156FB3" w:rsidRDefault="00156FB3" w:rsidP="00156FB3">
            <w:r>
              <w:t xml:space="preserve">/******/ </w:t>
            </w:r>
            <w:r>
              <w:tab/>
            </w:r>
            <w:r>
              <w:tab/>
              <w:t>// Flag the module as loaded</w:t>
            </w:r>
          </w:p>
          <w:p w:rsidR="00156FB3" w:rsidRDefault="00156FB3" w:rsidP="00156FB3">
            <w:r>
              <w:t xml:space="preserve">/******/ </w:t>
            </w:r>
            <w:r>
              <w:tab/>
            </w:r>
            <w:r>
              <w:tab/>
              <w:t>module.l = true;</w:t>
            </w:r>
          </w:p>
          <w:p w:rsidR="00156FB3" w:rsidRDefault="00156FB3" w:rsidP="00156FB3">
            <w:r>
              <w:t>/******/</w:t>
            </w:r>
          </w:p>
          <w:p w:rsidR="00156FB3" w:rsidRDefault="00156FB3" w:rsidP="00156FB3">
            <w:r>
              <w:t xml:space="preserve">/******/ </w:t>
            </w:r>
            <w:r>
              <w:tab/>
            </w:r>
            <w:r>
              <w:tab/>
              <w:t>// Return the exports of the module</w:t>
            </w:r>
          </w:p>
          <w:p w:rsidR="00156FB3" w:rsidRDefault="00156FB3" w:rsidP="00156FB3">
            <w:r>
              <w:t xml:space="preserve">/******/ </w:t>
            </w:r>
            <w:r>
              <w:tab/>
            </w:r>
            <w:r>
              <w:tab/>
              <w:t>return module.exports;</w:t>
            </w:r>
          </w:p>
          <w:p w:rsidR="00156FB3" w:rsidRDefault="00156FB3" w:rsidP="00156FB3">
            <w:r>
              <w:t xml:space="preserve">/******/ </w:t>
            </w:r>
            <w:r>
              <w:tab/>
              <w:t>}</w:t>
            </w:r>
          </w:p>
          <w:p w:rsidR="00156FB3" w:rsidRDefault="00156FB3" w:rsidP="00156FB3">
            <w:r>
              <w:t>/******/</w:t>
            </w:r>
          </w:p>
          <w:p w:rsidR="00156FB3" w:rsidRDefault="00156FB3" w:rsidP="00156FB3">
            <w:r>
              <w:t>/******/</w:t>
            </w:r>
          </w:p>
          <w:p w:rsidR="00156FB3" w:rsidRDefault="00156FB3" w:rsidP="00156FB3">
            <w:r>
              <w:t xml:space="preserve">/******/ </w:t>
            </w:r>
            <w:r>
              <w:tab/>
              <w:t>// expose the modules object (__webpack_modules__)</w:t>
            </w:r>
          </w:p>
          <w:p w:rsidR="00156FB3" w:rsidRDefault="00156FB3" w:rsidP="00156FB3">
            <w:r>
              <w:t xml:space="preserve">/******/ </w:t>
            </w:r>
            <w:r>
              <w:tab/>
              <w:t>__webpack_require__.m = modules;</w:t>
            </w:r>
          </w:p>
          <w:p w:rsidR="00156FB3" w:rsidRDefault="00156FB3" w:rsidP="00156FB3">
            <w:r>
              <w:t>/******/</w:t>
            </w:r>
          </w:p>
          <w:p w:rsidR="00156FB3" w:rsidRDefault="00156FB3" w:rsidP="00156FB3">
            <w:r>
              <w:t xml:space="preserve">/******/ </w:t>
            </w:r>
            <w:r>
              <w:tab/>
              <w:t>// expose the module cache</w:t>
            </w:r>
          </w:p>
          <w:p w:rsidR="00156FB3" w:rsidRDefault="00156FB3" w:rsidP="00156FB3">
            <w:r>
              <w:t xml:space="preserve">/******/ </w:t>
            </w:r>
            <w:r>
              <w:tab/>
              <w:t>__webpack_require__.c = installedModules;</w:t>
            </w:r>
          </w:p>
          <w:p w:rsidR="00156FB3" w:rsidRDefault="00156FB3" w:rsidP="00156FB3">
            <w:r>
              <w:t>/******/</w:t>
            </w:r>
          </w:p>
          <w:p w:rsidR="00156FB3" w:rsidRDefault="00156FB3" w:rsidP="00156FB3">
            <w:r>
              <w:t xml:space="preserve">/******/ </w:t>
            </w:r>
            <w:r>
              <w:tab/>
              <w:t>// define getter function for harmony exports</w:t>
            </w:r>
          </w:p>
          <w:p w:rsidR="00156FB3" w:rsidRDefault="00156FB3" w:rsidP="00156FB3">
            <w:r>
              <w:lastRenderedPageBreak/>
              <w:t xml:space="preserve">/******/ </w:t>
            </w:r>
            <w:r>
              <w:tab/>
              <w:t>__webpack_require__.d = function(exports, name, getter) {</w:t>
            </w:r>
          </w:p>
          <w:p w:rsidR="00156FB3" w:rsidRDefault="00156FB3" w:rsidP="00156FB3">
            <w:r>
              <w:t xml:space="preserve">/******/ </w:t>
            </w:r>
            <w:r>
              <w:tab/>
            </w:r>
            <w:r>
              <w:tab/>
              <w:t>if(!__webpack_require__.o(exports, name)) {</w:t>
            </w:r>
          </w:p>
          <w:p w:rsidR="00156FB3" w:rsidRDefault="00156FB3" w:rsidP="00156FB3">
            <w:r>
              <w:t xml:space="preserve">/******/ </w:t>
            </w:r>
            <w:r>
              <w:tab/>
            </w:r>
            <w:r>
              <w:tab/>
            </w:r>
            <w:r>
              <w:tab/>
              <w:t>Object.defineProperty(exports, name, { enumerable: true, get: getter });</w:t>
            </w:r>
          </w:p>
          <w:p w:rsidR="00156FB3" w:rsidRDefault="00156FB3" w:rsidP="00156FB3">
            <w:r>
              <w:t xml:space="preserve">/******/ </w:t>
            </w:r>
            <w:r>
              <w:tab/>
            </w:r>
            <w:r>
              <w:tab/>
              <w:t>}</w:t>
            </w:r>
          </w:p>
          <w:p w:rsidR="00156FB3" w:rsidRDefault="00156FB3" w:rsidP="00156FB3">
            <w:r>
              <w:t xml:space="preserve">/******/ </w:t>
            </w:r>
            <w:r>
              <w:tab/>
              <w:t>};</w:t>
            </w:r>
          </w:p>
          <w:p w:rsidR="00156FB3" w:rsidRDefault="00156FB3" w:rsidP="00156FB3">
            <w:r>
              <w:t>/******/</w:t>
            </w:r>
          </w:p>
          <w:p w:rsidR="00156FB3" w:rsidRDefault="00156FB3" w:rsidP="00156FB3">
            <w:r>
              <w:t xml:space="preserve">/******/ </w:t>
            </w:r>
            <w:r>
              <w:tab/>
              <w:t>// define __esModule on exports</w:t>
            </w:r>
          </w:p>
          <w:p w:rsidR="00156FB3" w:rsidRDefault="00156FB3" w:rsidP="00156FB3">
            <w:r>
              <w:t xml:space="preserve">/******/ </w:t>
            </w:r>
            <w:r>
              <w:tab/>
              <w:t>__webpack_require__.r = function(exports) {</w:t>
            </w:r>
          </w:p>
          <w:p w:rsidR="00156FB3" w:rsidRDefault="00156FB3" w:rsidP="00156FB3">
            <w:r>
              <w:t xml:space="preserve">/******/ </w:t>
            </w:r>
            <w:r>
              <w:tab/>
            </w:r>
            <w:r>
              <w:tab/>
              <w:t>if(typeof Symbol !== 'undefined' &amp;&amp; Symbol.toStringTag) {</w:t>
            </w:r>
          </w:p>
          <w:p w:rsidR="00156FB3" w:rsidRDefault="00156FB3" w:rsidP="00156FB3">
            <w:r>
              <w:t xml:space="preserve">/******/ </w:t>
            </w:r>
            <w:r>
              <w:tab/>
            </w:r>
            <w:r>
              <w:tab/>
            </w:r>
            <w:r>
              <w:tab/>
              <w:t>Object.defineProperty(exports, Symbol.toStringTag, { value: 'Module' });</w:t>
            </w:r>
          </w:p>
          <w:p w:rsidR="00156FB3" w:rsidRDefault="00156FB3" w:rsidP="00156FB3">
            <w:r>
              <w:t xml:space="preserve">/******/ </w:t>
            </w:r>
            <w:r>
              <w:tab/>
            </w:r>
            <w:r>
              <w:tab/>
              <w:t>}</w:t>
            </w:r>
          </w:p>
          <w:p w:rsidR="00156FB3" w:rsidRDefault="00156FB3" w:rsidP="00156FB3">
            <w:r>
              <w:t xml:space="preserve">/******/ </w:t>
            </w:r>
            <w:r>
              <w:tab/>
            </w:r>
            <w:r>
              <w:tab/>
              <w:t>Object.defineProperty(exports, '__esModule', { value: true });</w:t>
            </w:r>
          </w:p>
          <w:p w:rsidR="00156FB3" w:rsidRDefault="00156FB3" w:rsidP="00156FB3">
            <w:r>
              <w:t xml:space="preserve">/******/ </w:t>
            </w:r>
            <w:r>
              <w:tab/>
              <w:t>};</w:t>
            </w:r>
          </w:p>
          <w:p w:rsidR="00156FB3" w:rsidRDefault="00156FB3" w:rsidP="00156FB3">
            <w:r>
              <w:t>/******/</w:t>
            </w:r>
          </w:p>
          <w:p w:rsidR="00156FB3" w:rsidRDefault="00156FB3" w:rsidP="00156FB3">
            <w:r>
              <w:t xml:space="preserve">/******/ </w:t>
            </w:r>
            <w:r>
              <w:tab/>
              <w:t>// create a fake namespace object</w:t>
            </w:r>
          </w:p>
          <w:p w:rsidR="00156FB3" w:rsidRDefault="00156FB3" w:rsidP="00156FB3">
            <w:r>
              <w:t xml:space="preserve">/******/ </w:t>
            </w:r>
            <w:r>
              <w:tab/>
              <w:t>// mode &amp; 1: value is a module id, require it</w:t>
            </w:r>
          </w:p>
          <w:p w:rsidR="00156FB3" w:rsidRDefault="00156FB3" w:rsidP="00156FB3">
            <w:r>
              <w:t xml:space="preserve">/******/ </w:t>
            </w:r>
            <w:r>
              <w:tab/>
              <w:t>// mode &amp; 2: merge all properties of value into the ns</w:t>
            </w:r>
          </w:p>
          <w:p w:rsidR="00156FB3" w:rsidRDefault="00156FB3" w:rsidP="00156FB3">
            <w:r>
              <w:t xml:space="preserve">/******/ </w:t>
            </w:r>
            <w:r>
              <w:tab/>
              <w:t>// mode &amp; 4: return value when already ns object</w:t>
            </w:r>
          </w:p>
          <w:p w:rsidR="00156FB3" w:rsidRDefault="00156FB3" w:rsidP="00156FB3">
            <w:r>
              <w:t xml:space="preserve">/******/ </w:t>
            </w:r>
            <w:r>
              <w:tab/>
              <w:t>// mode &amp; 8|1: behave like require</w:t>
            </w:r>
          </w:p>
          <w:p w:rsidR="00156FB3" w:rsidRDefault="00156FB3" w:rsidP="00156FB3">
            <w:r>
              <w:t xml:space="preserve">/******/ </w:t>
            </w:r>
            <w:r>
              <w:tab/>
              <w:t>__webpack_require__.t = function(value, mode) {</w:t>
            </w:r>
          </w:p>
          <w:p w:rsidR="00156FB3" w:rsidRDefault="00156FB3" w:rsidP="00156FB3">
            <w:r>
              <w:t xml:space="preserve">/******/ </w:t>
            </w:r>
            <w:r>
              <w:tab/>
            </w:r>
            <w:r>
              <w:tab/>
              <w:t>if(mode &amp; 1) value = __webpack_require__(value);</w:t>
            </w:r>
          </w:p>
          <w:p w:rsidR="00156FB3" w:rsidRDefault="00156FB3" w:rsidP="00156FB3">
            <w:r>
              <w:t xml:space="preserve">/******/ </w:t>
            </w:r>
            <w:r>
              <w:tab/>
            </w:r>
            <w:r>
              <w:tab/>
              <w:t>if(mode &amp; 8) return value;</w:t>
            </w:r>
          </w:p>
          <w:p w:rsidR="00156FB3" w:rsidRDefault="00156FB3" w:rsidP="00156FB3">
            <w:r>
              <w:t xml:space="preserve">/******/ </w:t>
            </w:r>
            <w:r>
              <w:tab/>
            </w:r>
            <w:r>
              <w:tab/>
              <w:t>if((mode &amp; 4) &amp;&amp; typeof value === 'object' &amp;&amp; value &amp;&amp; value.__esModule) return value;</w:t>
            </w:r>
          </w:p>
          <w:p w:rsidR="00156FB3" w:rsidRDefault="00156FB3" w:rsidP="00156FB3">
            <w:r>
              <w:t xml:space="preserve">/******/ </w:t>
            </w:r>
            <w:r>
              <w:tab/>
            </w:r>
            <w:r>
              <w:tab/>
              <w:t>var ns = Object.create(null);</w:t>
            </w:r>
          </w:p>
          <w:p w:rsidR="00156FB3" w:rsidRDefault="00156FB3" w:rsidP="00156FB3">
            <w:r>
              <w:t xml:space="preserve">/******/ </w:t>
            </w:r>
            <w:r>
              <w:tab/>
            </w:r>
            <w:r>
              <w:tab/>
              <w:t>__webpack_require__.r(ns);</w:t>
            </w:r>
          </w:p>
          <w:p w:rsidR="00156FB3" w:rsidRDefault="00156FB3" w:rsidP="00156FB3">
            <w:r>
              <w:t xml:space="preserve">/******/ </w:t>
            </w:r>
            <w:r>
              <w:tab/>
            </w:r>
            <w:r>
              <w:tab/>
              <w:t>Object.defineProperty(ns, 'default', { enumerable: true, value: value });</w:t>
            </w:r>
          </w:p>
          <w:p w:rsidR="00156FB3" w:rsidRDefault="00156FB3" w:rsidP="00156FB3">
            <w:r>
              <w:t xml:space="preserve">/******/ </w:t>
            </w:r>
            <w:r>
              <w:tab/>
            </w:r>
            <w:r>
              <w:tab/>
              <w:t>if(mode &amp; 2 &amp;&amp; typeof value != 'string') for(var key in value) __webpack_require__.d(ns, key, function(key) { return value[key]; }.bind(null, key));</w:t>
            </w:r>
          </w:p>
          <w:p w:rsidR="00156FB3" w:rsidRDefault="00156FB3" w:rsidP="00156FB3">
            <w:r>
              <w:t xml:space="preserve">/******/ </w:t>
            </w:r>
            <w:r>
              <w:tab/>
            </w:r>
            <w:r>
              <w:tab/>
              <w:t>return ns;</w:t>
            </w:r>
          </w:p>
          <w:p w:rsidR="00156FB3" w:rsidRDefault="00156FB3" w:rsidP="00156FB3">
            <w:r>
              <w:t xml:space="preserve">/******/ </w:t>
            </w:r>
            <w:r>
              <w:tab/>
              <w:t>};</w:t>
            </w:r>
          </w:p>
          <w:p w:rsidR="00156FB3" w:rsidRDefault="00156FB3" w:rsidP="00156FB3">
            <w:r>
              <w:t>/******/</w:t>
            </w:r>
          </w:p>
          <w:p w:rsidR="00156FB3" w:rsidRDefault="00156FB3" w:rsidP="00156FB3">
            <w:r>
              <w:t xml:space="preserve">/******/ </w:t>
            </w:r>
            <w:r>
              <w:tab/>
              <w:t>// getDefaultExport function for compatibility with non-harmony modules</w:t>
            </w:r>
          </w:p>
          <w:p w:rsidR="00156FB3" w:rsidRDefault="00156FB3" w:rsidP="00156FB3">
            <w:r>
              <w:t xml:space="preserve">/******/ </w:t>
            </w:r>
            <w:r>
              <w:tab/>
              <w:t>__webpack_require__.n = function(module) {</w:t>
            </w:r>
          </w:p>
          <w:p w:rsidR="00156FB3" w:rsidRDefault="00156FB3" w:rsidP="00156FB3">
            <w:r>
              <w:t xml:space="preserve">/******/ </w:t>
            </w:r>
            <w:r>
              <w:tab/>
            </w:r>
            <w:r>
              <w:tab/>
              <w:t>var getter = module &amp;&amp; module.__esModule ?</w:t>
            </w:r>
          </w:p>
          <w:p w:rsidR="00156FB3" w:rsidRDefault="00156FB3" w:rsidP="00156FB3">
            <w:r>
              <w:t xml:space="preserve">/******/ </w:t>
            </w:r>
            <w:r>
              <w:tab/>
            </w:r>
            <w:r>
              <w:tab/>
            </w:r>
            <w:r>
              <w:tab/>
              <w:t>function getDefault() { return module['default']; } :</w:t>
            </w:r>
          </w:p>
          <w:p w:rsidR="00156FB3" w:rsidRDefault="00156FB3" w:rsidP="00156FB3">
            <w:r>
              <w:t xml:space="preserve">/******/ </w:t>
            </w:r>
            <w:r>
              <w:tab/>
            </w:r>
            <w:r>
              <w:tab/>
            </w:r>
            <w:r>
              <w:tab/>
              <w:t>function getModuleExports() { return module; };</w:t>
            </w:r>
          </w:p>
          <w:p w:rsidR="00156FB3" w:rsidRDefault="00156FB3" w:rsidP="00156FB3">
            <w:r>
              <w:t xml:space="preserve">/******/ </w:t>
            </w:r>
            <w:r>
              <w:tab/>
            </w:r>
            <w:r>
              <w:tab/>
              <w:t>__webpack_require__.d(getter, 'a', getter);</w:t>
            </w:r>
          </w:p>
          <w:p w:rsidR="00156FB3" w:rsidRDefault="00156FB3" w:rsidP="00156FB3">
            <w:r>
              <w:t xml:space="preserve">/******/ </w:t>
            </w:r>
            <w:r>
              <w:tab/>
            </w:r>
            <w:r>
              <w:tab/>
              <w:t>return getter;</w:t>
            </w:r>
          </w:p>
          <w:p w:rsidR="00156FB3" w:rsidRDefault="00156FB3" w:rsidP="00156FB3">
            <w:r>
              <w:t xml:space="preserve">/******/ </w:t>
            </w:r>
            <w:r>
              <w:tab/>
              <w:t>};</w:t>
            </w:r>
          </w:p>
          <w:p w:rsidR="00156FB3" w:rsidRDefault="00156FB3" w:rsidP="00156FB3">
            <w:r>
              <w:t>/******/</w:t>
            </w:r>
          </w:p>
          <w:p w:rsidR="00156FB3" w:rsidRDefault="00156FB3" w:rsidP="00156FB3">
            <w:r>
              <w:t xml:space="preserve">/******/ </w:t>
            </w:r>
            <w:r>
              <w:tab/>
              <w:t>// Object.prototype.hasOwnProperty.call</w:t>
            </w:r>
          </w:p>
          <w:p w:rsidR="00156FB3" w:rsidRDefault="00156FB3" w:rsidP="00156FB3">
            <w:r>
              <w:t xml:space="preserve">/******/ </w:t>
            </w:r>
            <w:r>
              <w:tab/>
              <w:t>__webpack_require__.o = function(object, property) { return Object.prototype.hasOwnProperty.call(object, property); };</w:t>
            </w:r>
          </w:p>
          <w:p w:rsidR="00156FB3" w:rsidRDefault="00156FB3" w:rsidP="00156FB3">
            <w:r>
              <w:t>/******/</w:t>
            </w:r>
          </w:p>
          <w:p w:rsidR="00156FB3" w:rsidRDefault="00156FB3" w:rsidP="00156FB3">
            <w:r>
              <w:t xml:space="preserve">/******/ </w:t>
            </w:r>
            <w:r>
              <w:tab/>
              <w:t>// __webpack_public_path__</w:t>
            </w:r>
          </w:p>
          <w:p w:rsidR="00156FB3" w:rsidRDefault="00156FB3" w:rsidP="00156FB3">
            <w:r>
              <w:t xml:space="preserve">/******/ </w:t>
            </w:r>
            <w:r>
              <w:tab/>
              <w:t>__webpack_require__.p = "/";</w:t>
            </w:r>
          </w:p>
          <w:p w:rsidR="00156FB3" w:rsidRDefault="00156FB3" w:rsidP="00156FB3">
            <w:r>
              <w:t>/******/</w:t>
            </w:r>
          </w:p>
          <w:p w:rsidR="00156FB3" w:rsidRDefault="00156FB3" w:rsidP="00156FB3">
            <w:r>
              <w:lastRenderedPageBreak/>
              <w:t>/******/</w:t>
            </w:r>
          </w:p>
          <w:p w:rsidR="00156FB3" w:rsidRDefault="00156FB3" w:rsidP="00156FB3">
            <w:r>
              <w:t xml:space="preserve">/******/ </w:t>
            </w:r>
            <w:r>
              <w:tab/>
              <w:t>// Load entry module and return exports</w:t>
            </w:r>
          </w:p>
          <w:p w:rsidR="00156FB3" w:rsidRDefault="00156FB3" w:rsidP="00156FB3">
            <w:r>
              <w:t xml:space="preserve">/******/ </w:t>
            </w:r>
            <w:r>
              <w:tab/>
              <w:t>return __webpack_require__(__webpack_require__.s = 0);</w:t>
            </w:r>
          </w:p>
          <w:p w:rsidR="00156FB3" w:rsidRDefault="00156FB3" w:rsidP="00156FB3">
            <w:r>
              <w:t>/******/ })</w:t>
            </w:r>
          </w:p>
          <w:p w:rsidR="00156FB3" w:rsidRDefault="00156FB3" w:rsidP="00156FB3">
            <w:r>
              <w:t>/************************************************************************/</w:t>
            </w:r>
          </w:p>
          <w:p w:rsidR="00156FB3" w:rsidRDefault="00156FB3" w:rsidP="00156FB3">
            <w:r>
              <w:t>/******/ ({</w:t>
            </w:r>
          </w:p>
          <w:p w:rsidR="00156FB3" w:rsidRDefault="00156FB3" w:rsidP="00156FB3"/>
          <w:p w:rsidR="00156FB3" w:rsidRDefault="00156FB3" w:rsidP="00156FB3">
            <w:r>
              <w:t>/***/ "./node_modules/lodash/lodash.js":</w:t>
            </w:r>
          </w:p>
          <w:p w:rsidR="00156FB3" w:rsidRDefault="00156FB3" w:rsidP="00156FB3">
            <w:r>
              <w:t>/*!***************************************!*\</w:t>
            </w:r>
          </w:p>
          <w:p w:rsidR="00156FB3" w:rsidRDefault="00156FB3" w:rsidP="00156FB3">
            <w:r>
              <w:t xml:space="preserve">  !*** ./node_modules/lodash/lodash.js ***!</w:t>
            </w:r>
          </w:p>
          <w:p w:rsidR="00156FB3" w:rsidRDefault="00156FB3" w:rsidP="00156FB3">
            <w:r>
              <w:t xml:space="preserve">  \***************************************/</w:t>
            </w:r>
          </w:p>
          <w:p w:rsidR="00156FB3" w:rsidRDefault="00156FB3" w:rsidP="00156FB3">
            <w:r>
              <w:t>/*! no static exports found */</w:t>
            </w:r>
          </w:p>
          <w:p w:rsidR="00156FB3" w:rsidRDefault="00156FB3" w:rsidP="00156FB3">
            <w:r>
              <w:t>/***/ (function(module, exports, __webpack_require__) {</w:t>
            </w:r>
          </w:p>
          <w:p w:rsidR="00156FB3" w:rsidRDefault="00156FB3" w:rsidP="00156FB3"/>
          <w:p w:rsidR="00156FB3" w:rsidRDefault="00156FB3" w:rsidP="00156FB3">
            <w:r>
              <w:t>/* WEBPACK VAR INJECTION */(function(global, module) {var __WEBPACK_AMD_DEFINE_RESULT__;/**</w:t>
            </w:r>
          </w:p>
          <w:p w:rsidR="00156FB3" w:rsidRDefault="00156FB3" w:rsidP="00156FB3">
            <w:r>
              <w:t xml:space="preserve"> * @license</w:t>
            </w:r>
          </w:p>
          <w:p w:rsidR="00156FB3" w:rsidRDefault="00156FB3" w:rsidP="00156FB3">
            <w:r>
              <w:t xml:space="preserve"> * Lodash &lt;https://lodash.com/&gt;</w:t>
            </w:r>
          </w:p>
          <w:p w:rsidR="00156FB3" w:rsidRDefault="00156FB3" w:rsidP="00156FB3">
            <w:r>
              <w:t xml:space="preserve"> * Copyright OpenJS Foundation and other contributors &lt;https://openjsf.org/&gt;</w:t>
            </w:r>
          </w:p>
          <w:p w:rsidR="00156FB3" w:rsidRDefault="00156FB3" w:rsidP="00156FB3">
            <w:r>
              <w:t xml:space="preserve"> * Released under MIT license &lt;https://lodash.com/license&gt;</w:t>
            </w:r>
          </w:p>
          <w:p w:rsidR="00156FB3" w:rsidRDefault="00156FB3" w:rsidP="00156FB3">
            <w:r>
              <w:t xml:space="preserve"> * Based on Underscore.js 1.8.3 &lt;http://underscorejs.org/LICENSE&gt;</w:t>
            </w:r>
          </w:p>
          <w:p w:rsidR="00156FB3" w:rsidRDefault="00156FB3" w:rsidP="00156FB3">
            <w:r>
              <w:t xml:space="preserve"> * Copyright Jeremy Ashkenas, DocumentCloud and Investigative Reporters &amp; Editors</w:t>
            </w:r>
          </w:p>
          <w:p w:rsidR="00156FB3" w:rsidRDefault="00156FB3" w:rsidP="00156FB3">
            <w:r>
              <w:t xml:space="preserve"> */</w:t>
            </w:r>
          </w:p>
          <w:p w:rsidR="00156FB3" w:rsidRDefault="00156FB3" w:rsidP="00156FB3">
            <w:r>
              <w:t>;(function() {</w:t>
            </w:r>
          </w:p>
          <w:p w:rsidR="00156FB3" w:rsidRDefault="00156FB3" w:rsidP="00156FB3"/>
          <w:p w:rsidR="00156FB3" w:rsidRDefault="00156FB3" w:rsidP="00156FB3">
            <w:r>
              <w:t xml:space="preserve">  /** Used as a safe reference for `undefined` in pre-ES5 environments. */</w:t>
            </w:r>
          </w:p>
          <w:p w:rsidR="00156FB3" w:rsidRDefault="00156FB3" w:rsidP="00156FB3">
            <w:r>
              <w:t xml:space="preserve">  var undefined;</w:t>
            </w:r>
          </w:p>
          <w:p w:rsidR="00156FB3" w:rsidRDefault="00156FB3" w:rsidP="00156FB3"/>
          <w:p w:rsidR="00156FB3" w:rsidRDefault="00156FB3" w:rsidP="00156FB3">
            <w:r>
              <w:t xml:space="preserve">  /** Used as the semantic version number. */</w:t>
            </w:r>
          </w:p>
          <w:p w:rsidR="00156FB3" w:rsidRDefault="00156FB3" w:rsidP="00156FB3">
            <w:r>
              <w:t xml:space="preserve">  var VERSION = '4.17.15';</w:t>
            </w:r>
          </w:p>
          <w:p w:rsidR="00156FB3" w:rsidRDefault="00156FB3" w:rsidP="00156FB3"/>
          <w:p w:rsidR="00156FB3" w:rsidRDefault="00156FB3" w:rsidP="00156FB3">
            <w:r>
              <w:t xml:space="preserve">  /** Used as the size to enable large array optimizations. */</w:t>
            </w:r>
          </w:p>
          <w:p w:rsidR="00156FB3" w:rsidRDefault="00156FB3" w:rsidP="00156FB3">
            <w:r>
              <w:t xml:space="preserve">  var LARGE_ARRAY_SIZE = 200;</w:t>
            </w:r>
          </w:p>
          <w:p w:rsidR="00156FB3" w:rsidRDefault="00156FB3" w:rsidP="00156FB3"/>
          <w:p w:rsidR="00156FB3" w:rsidRDefault="00156FB3" w:rsidP="00156FB3">
            <w:r>
              <w:t xml:space="preserve">  /** Error message constants. */</w:t>
            </w:r>
          </w:p>
          <w:p w:rsidR="00156FB3" w:rsidRDefault="00156FB3" w:rsidP="00156FB3">
            <w:r>
              <w:t xml:space="preserve">  var CORE_ERROR_TEXT = 'Unsupported core-js use. Try https://npms.io/search?q=ponyfill.',</w:t>
            </w:r>
          </w:p>
          <w:p w:rsidR="00156FB3" w:rsidRDefault="00156FB3" w:rsidP="00156FB3">
            <w:r>
              <w:t xml:space="preserve">      FUNC_ERROR_TEXT = 'Expected a function';</w:t>
            </w:r>
          </w:p>
          <w:p w:rsidR="00156FB3" w:rsidRDefault="00156FB3" w:rsidP="00156FB3"/>
          <w:p w:rsidR="00156FB3" w:rsidRDefault="00156FB3" w:rsidP="00156FB3">
            <w:r>
              <w:t xml:space="preserve">  /** Used to stand-in for `undefined` hash values. */</w:t>
            </w:r>
          </w:p>
          <w:p w:rsidR="00156FB3" w:rsidRDefault="00156FB3" w:rsidP="00156FB3">
            <w:r>
              <w:t xml:space="preserve">  var HASH_UNDEFINED = '__lodash_hash_undefined__';</w:t>
            </w:r>
          </w:p>
          <w:p w:rsidR="00156FB3" w:rsidRDefault="00156FB3" w:rsidP="00156FB3"/>
          <w:p w:rsidR="00156FB3" w:rsidRDefault="00156FB3" w:rsidP="00156FB3">
            <w:r>
              <w:t xml:space="preserve">  /** Used as the maximum memoize cache size. */</w:t>
            </w:r>
          </w:p>
          <w:p w:rsidR="00156FB3" w:rsidRDefault="00156FB3" w:rsidP="00156FB3">
            <w:r>
              <w:t xml:space="preserve">  var MAX_MEMOIZE_SIZE = 500;</w:t>
            </w:r>
          </w:p>
          <w:p w:rsidR="00156FB3" w:rsidRDefault="00156FB3" w:rsidP="00156FB3"/>
          <w:p w:rsidR="00156FB3" w:rsidRDefault="00156FB3" w:rsidP="00156FB3">
            <w:r>
              <w:t xml:space="preserve">  /** Used as the internal argument placeholder. */</w:t>
            </w:r>
          </w:p>
          <w:p w:rsidR="00156FB3" w:rsidRDefault="00156FB3" w:rsidP="00156FB3">
            <w:r>
              <w:t xml:space="preserve">  var PLACEHOLDER = '__lodash_placeholder__';</w:t>
            </w:r>
          </w:p>
          <w:p w:rsidR="00156FB3" w:rsidRDefault="00156FB3" w:rsidP="00156FB3"/>
          <w:p w:rsidR="00156FB3" w:rsidRDefault="00156FB3" w:rsidP="00156FB3">
            <w:r>
              <w:t xml:space="preserve">  /** Used to compose bitmasks for cloning. */</w:t>
            </w:r>
          </w:p>
          <w:p w:rsidR="00156FB3" w:rsidRDefault="00156FB3" w:rsidP="00156FB3">
            <w:r>
              <w:t xml:space="preserve">  var CLONE_DEEP_FLAG = 1,</w:t>
            </w:r>
          </w:p>
          <w:p w:rsidR="00156FB3" w:rsidRDefault="00156FB3" w:rsidP="00156FB3">
            <w:r>
              <w:lastRenderedPageBreak/>
              <w:t xml:space="preserve">      CLONE_FLAT_FLAG = 2,</w:t>
            </w:r>
          </w:p>
          <w:p w:rsidR="00156FB3" w:rsidRDefault="00156FB3" w:rsidP="00156FB3">
            <w:r>
              <w:t xml:space="preserve">      CLONE_SYMBOLS_FLAG = 4;</w:t>
            </w:r>
          </w:p>
          <w:p w:rsidR="00156FB3" w:rsidRDefault="00156FB3" w:rsidP="00156FB3"/>
          <w:p w:rsidR="00156FB3" w:rsidRDefault="00156FB3" w:rsidP="00156FB3">
            <w:r>
              <w:t xml:space="preserve">  /** Used to compose bitmasks for value comparisons. */</w:t>
            </w:r>
          </w:p>
          <w:p w:rsidR="00156FB3" w:rsidRDefault="00156FB3" w:rsidP="00156FB3">
            <w:r>
              <w:t xml:space="preserve">  var COMPARE_PARTIAL_FLAG = 1,</w:t>
            </w:r>
          </w:p>
          <w:p w:rsidR="00156FB3" w:rsidRDefault="00156FB3" w:rsidP="00156FB3">
            <w:r>
              <w:t xml:space="preserve">      COMPARE_UNORDERED_FLAG = 2;</w:t>
            </w:r>
          </w:p>
          <w:p w:rsidR="00156FB3" w:rsidRDefault="00156FB3" w:rsidP="00156FB3"/>
          <w:p w:rsidR="00156FB3" w:rsidRDefault="00156FB3" w:rsidP="00156FB3">
            <w:r>
              <w:t xml:space="preserve">  /** Used to compose bitmasks for function metadata. */</w:t>
            </w:r>
          </w:p>
          <w:p w:rsidR="00156FB3" w:rsidRDefault="00156FB3" w:rsidP="00156FB3">
            <w:r>
              <w:t xml:space="preserve">  var WRAP_BIND_FLAG = 1,</w:t>
            </w:r>
          </w:p>
          <w:p w:rsidR="00156FB3" w:rsidRDefault="00156FB3" w:rsidP="00156FB3">
            <w:r>
              <w:t xml:space="preserve">      WRAP_BIND_KEY_FLAG = 2,</w:t>
            </w:r>
          </w:p>
          <w:p w:rsidR="00156FB3" w:rsidRDefault="00156FB3" w:rsidP="00156FB3">
            <w:r>
              <w:t xml:space="preserve">      WRAP_CURRY_BOUND_FLAG = 4,</w:t>
            </w:r>
          </w:p>
          <w:p w:rsidR="00156FB3" w:rsidRDefault="00156FB3" w:rsidP="00156FB3">
            <w:r>
              <w:t xml:space="preserve">      WRAP_CURRY_FLAG = 8,</w:t>
            </w:r>
          </w:p>
          <w:p w:rsidR="00156FB3" w:rsidRDefault="00156FB3" w:rsidP="00156FB3">
            <w:r>
              <w:t xml:space="preserve">      WRAP_CURRY_RIGHT_FLAG = 16,</w:t>
            </w:r>
          </w:p>
          <w:p w:rsidR="00156FB3" w:rsidRDefault="00156FB3" w:rsidP="00156FB3">
            <w:r>
              <w:t xml:space="preserve">      WRAP_PARTIAL_FLAG = 32,</w:t>
            </w:r>
          </w:p>
          <w:p w:rsidR="00156FB3" w:rsidRDefault="00156FB3" w:rsidP="00156FB3">
            <w:r>
              <w:t xml:space="preserve">      WRAP_PARTIAL_RIGHT_FLAG = 64,</w:t>
            </w:r>
          </w:p>
          <w:p w:rsidR="00156FB3" w:rsidRDefault="00156FB3" w:rsidP="00156FB3">
            <w:r>
              <w:t xml:space="preserve">      WRAP_ARY_FLAG = 128,</w:t>
            </w:r>
          </w:p>
          <w:p w:rsidR="00156FB3" w:rsidRDefault="00156FB3" w:rsidP="00156FB3">
            <w:r>
              <w:t xml:space="preserve">      WRAP_REARG_FLAG = 256,</w:t>
            </w:r>
          </w:p>
          <w:p w:rsidR="00156FB3" w:rsidRDefault="00156FB3" w:rsidP="00156FB3">
            <w:r>
              <w:t xml:space="preserve">      WRAP_FLIP_FLAG = 512;</w:t>
            </w:r>
          </w:p>
          <w:p w:rsidR="00156FB3" w:rsidRDefault="00156FB3" w:rsidP="00156FB3"/>
          <w:p w:rsidR="00156FB3" w:rsidRDefault="00156FB3" w:rsidP="00156FB3">
            <w:r>
              <w:t xml:space="preserve">  /** Used as default options for `_.truncate`. */</w:t>
            </w:r>
          </w:p>
          <w:p w:rsidR="00156FB3" w:rsidRDefault="00156FB3" w:rsidP="00156FB3">
            <w:r>
              <w:t xml:space="preserve">  var DEFAULT_TRUNC_LENGTH = 30,</w:t>
            </w:r>
          </w:p>
          <w:p w:rsidR="00156FB3" w:rsidRDefault="00156FB3" w:rsidP="00156FB3">
            <w:r>
              <w:t xml:space="preserve">      DEFAULT_TRUNC_OMISSION = '...';</w:t>
            </w:r>
          </w:p>
          <w:p w:rsidR="00156FB3" w:rsidRDefault="00156FB3" w:rsidP="00156FB3"/>
          <w:p w:rsidR="00156FB3" w:rsidRDefault="00156FB3" w:rsidP="00156FB3">
            <w:r>
              <w:t xml:space="preserve">  /** Used to detect hot functions by number of calls within a span of milliseconds. */</w:t>
            </w:r>
          </w:p>
          <w:p w:rsidR="00156FB3" w:rsidRDefault="00156FB3" w:rsidP="00156FB3">
            <w:r>
              <w:t xml:space="preserve">  var HOT_COUNT = 800,</w:t>
            </w:r>
          </w:p>
          <w:p w:rsidR="00156FB3" w:rsidRDefault="00156FB3" w:rsidP="00156FB3">
            <w:r>
              <w:t xml:space="preserve">      HOT_SPAN = 16;</w:t>
            </w:r>
          </w:p>
          <w:p w:rsidR="00156FB3" w:rsidRDefault="00156FB3" w:rsidP="00156FB3"/>
          <w:p w:rsidR="00156FB3" w:rsidRDefault="00156FB3" w:rsidP="00156FB3">
            <w:r>
              <w:t xml:space="preserve">  /** Used to indicate the type of lazy iteratees. */</w:t>
            </w:r>
          </w:p>
          <w:p w:rsidR="00156FB3" w:rsidRDefault="00156FB3" w:rsidP="00156FB3">
            <w:r>
              <w:t xml:space="preserve">  var LAZY_FILTER_FLAG = 1,</w:t>
            </w:r>
          </w:p>
          <w:p w:rsidR="00156FB3" w:rsidRDefault="00156FB3" w:rsidP="00156FB3">
            <w:r>
              <w:t xml:space="preserve">      LAZY_MAP_FLAG = 2,</w:t>
            </w:r>
          </w:p>
          <w:p w:rsidR="00156FB3" w:rsidRDefault="00156FB3" w:rsidP="00156FB3">
            <w:r>
              <w:t xml:space="preserve">      LAZY_WHILE_FLAG = 3;</w:t>
            </w:r>
          </w:p>
          <w:p w:rsidR="00156FB3" w:rsidRDefault="00156FB3" w:rsidP="00156FB3"/>
          <w:p w:rsidR="00156FB3" w:rsidRDefault="00156FB3" w:rsidP="00156FB3">
            <w:r>
              <w:t xml:space="preserve">  /** Used as references for various `Number` constants. */</w:t>
            </w:r>
          </w:p>
          <w:p w:rsidR="00156FB3" w:rsidRDefault="00156FB3" w:rsidP="00156FB3">
            <w:r>
              <w:t xml:space="preserve">  var INFINITY = 1 / 0,</w:t>
            </w:r>
          </w:p>
          <w:p w:rsidR="00156FB3" w:rsidRDefault="00156FB3" w:rsidP="00156FB3">
            <w:r>
              <w:t xml:space="preserve">      MAX_SAFE_INTEGER = 9007199254740991,</w:t>
            </w:r>
          </w:p>
          <w:p w:rsidR="00156FB3" w:rsidRDefault="00156FB3" w:rsidP="00156FB3">
            <w:r>
              <w:t xml:space="preserve">      MAX_INTEGER = 1.7976931348623157e+308,</w:t>
            </w:r>
          </w:p>
          <w:p w:rsidR="00156FB3" w:rsidRDefault="00156FB3" w:rsidP="00156FB3">
            <w:r>
              <w:t xml:space="preserve">      NAN = 0 / 0;</w:t>
            </w:r>
          </w:p>
          <w:p w:rsidR="00156FB3" w:rsidRDefault="00156FB3" w:rsidP="00156FB3"/>
          <w:p w:rsidR="00156FB3" w:rsidRDefault="00156FB3" w:rsidP="00156FB3">
            <w:r>
              <w:t xml:space="preserve">  /** Used as references for the maximum length and index of an array. */</w:t>
            </w:r>
          </w:p>
          <w:p w:rsidR="00156FB3" w:rsidRDefault="00156FB3" w:rsidP="00156FB3">
            <w:r>
              <w:t xml:space="preserve">  var MAX_ARRAY_LENGTH = 4294967295,</w:t>
            </w:r>
          </w:p>
          <w:p w:rsidR="00156FB3" w:rsidRDefault="00156FB3" w:rsidP="00156FB3">
            <w:r>
              <w:t xml:space="preserve">      MAX_ARRAY_INDEX = MAX_ARRAY_LENGTH - 1,</w:t>
            </w:r>
          </w:p>
          <w:p w:rsidR="00156FB3" w:rsidRDefault="00156FB3" w:rsidP="00156FB3">
            <w:r>
              <w:t xml:space="preserve">      HALF_MAX_ARRAY_LENGTH = MAX_ARRAY_LENGTH &gt;&gt;&gt; 1;</w:t>
            </w:r>
          </w:p>
          <w:p w:rsidR="00156FB3" w:rsidRDefault="00156FB3" w:rsidP="00156FB3"/>
          <w:p w:rsidR="00156FB3" w:rsidRDefault="00156FB3" w:rsidP="00156FB3">
            <w:r>
              <w:t xml:space="preserve">  /** Used to associate wrap methods with their bit flags. */</w:t>
            </w:r>
          </w:p>
          <w:p w:rsidR="00156FB3" w:rsidRDefault="00156FB3" w:rsidP="00156FB3">
            <w:r>
              <w:t xml:space="preserve">  var wrapFlags = [</w:t>
            </w:r>
          </w:p>
          <w:p w:rsidR="00156FB3" w:rsidRDefault="00156FB3" w:rsidP="00156FB3">
            <w:r>
              <w:t xml:space="preserve">    ['ary', WRAP_ARY_FLAG],</w:t>
            </w:r>
          </w:p>
          <w:p w:rsidR="00156FB3" w:rsidRDefault="00156FB3" w:rsidP="00156FB3">
            <w:r>
              <w:t xml:space="preserve">    ['bind', WRAP_BIND_FLAG],</w:t>
            </w:r>
          </w:p>
          <w:p w:rsidR="00156FB3" w:rsidRDefault="00156FB3" w:rsidP="00156FB3">
            <w:r>
              <w:t xml:space="preserve">    ['bindKey', WRAP_BIND_KEY_FLAG],</w:t>
            </w:r>
          </w:p>
          <w:p w:rsidR="00156FB3" w:rsidRDefault="00156FB3" w:rsidP="00156FB3">
            <w:r>
              <w:lastRenderedPageBreak/>
              <w:t xml:space="preserve">    ['curry', WRAP_CURRY_FLAG],</w:t>
            </w:r>
          </w:p>
          <w:p w:rsidR="00156FB3" w:rsidRDefault="00156FB3" w:rsidP="00156FB3">
            <w:r>
              <w:t xml:space="preserve">    ['curryRight', WRAP_CURRY_RIGHT_FLAG],</w:t>
            </w:r>
          </w:p>
          <w:p w:rsidR="00156FB3" w:rsidRDefault="00156FB3" w:rsidP="00156FB3">
            <w:r>
              <w:t xml:space="preserve">    ['flip', WRAP_FLIP_FLAG],</w:t>
            </w:r>
          </w:p>
          <w:p w:rsidR="00156FB3" w:rsidRDefault="00156FB3" w:rsidP="00156FB3">
            <w:r>
              <w:t xml:space="preserve">    ['partial', WRAP_PARTIAL_FLAG],</w:t>
            </w:r>
          </w:p>
          <w:p w:rsidR="00156FB3" w:rsidRDefault="00156FB3" w:rsidP="00156FB3">
            <w:r>
              <w:t xml:space="preserve">    ['partialRight', WRAP_PARTIAL_RIGHT_FLAG],</w:t>
            </w:r>
          </w:p>
          <w:p w:rsidR="00156FB3" w:rsidRDefault="00156FB3" w:rsidP="00156FB3">
            <w:r>
              <w:t xml:space="preserve">    ['rearg', WRAP_REARG_FLAG]</w:t>
            </w:r>
          </w:p>
          <w:p w:rsidR="00156FB3" w:rsidRDefault="00156FB3" w:rsidP="00156FB3">
            <w:r>
              <w:t xml:space="preserve">  ];</w:t>
            </w:r>
          </w:p>
          <w:p w:rsidR="00156FB3" w:rsidRDefault="00156FB3" w:rsidP="00156FB3"/>
          <w:p w:rsidR="00156FB3" w:rsidRDefault="00156FB3" w:rsidP="00156FB3">
            <w:r>
              <w:t xml:space="preserve">  /** `Object#toString` result references. */</w:t>
            </w:r>
          </w:p>
          <w:p w:rsidR="00156FB3" w:rsidRDefault="00156FB3" w:rsidP="00156FB3">
            <w:r>
              <w:t xml:space="preserve">  var argsTag = '[object Arguments]',</w:t>
            </w:r>
          </w:p>
          <w:p w:rsidR="00156FB3" w:rsidRDefault="00156FB3" w:rsidP="00156FB3">
            <w:r>
              <w:t xml:space="preserve">      arrayTag = '[object Array]',</w:t>
            </w:r>
          </w:p>
          <w:p w:rsidR="00156FB3" w:rsidRDefault="00156FB3" w:rsidP="00156FB3">
            <w:r>
              <w:t xml:space="preserve">      asyncTag = '[object AsyncFunction]',</w:t>
            </w:r>
          </w:p>
          <w:p w:rsidR="00156FB3" w:rsidRDefault="00156FB3" w:rsidP="00156FB3">
            <w:r>
              <w:t xml:space="preserve">      boolTag = '[object Boolean]',</w:t>
            </w:r>
          </w:p>
          <w:p w:rsidR="00156FB3" w:rsidRDefault="00156FB3" w:rsidP="00156FB3">
            <w:r>
              <w:t xml:space="preserve">      dateTag = '[object Date]',</w:t>
            </w:r>
          </w:p>
          <w:p w:rsidR="00156FB3" w:rsidRDefault="00156FB3" w:rsidP="00156FB3">
            <w:r>
              <w:t xml:space="preserve">      domExcTag = '[object DOMException]',</w:t>
            </w:r>
          </w:p>
          <w:p w:rsidR="00156FB3" w:rsidRDefault="00156FB3" w:rsidP="00156FB3">
            <w:r>
              <w:t xml:space="preserve">      errorTag = '[object Error]',</w:t>
            </w:r>
          </w:p>
          <w:p w:rsidR="00156FB3" w:rsidRDefault="00156FB3" w:rsidP="00156FB3">
            <w:r>
              <w:t xml:space="preserve">      funcTag = '[object Function]',</w:t>
            </w:r>
          </w:p>
          <w:p w:rsidR="00156FB3" w:rsidRDefault="00156FB3" w:rsidP="00156FB3">
            <w:r>
              <w:t xml:space="preserve">      genTag = '[object GeneratorFunction]',</w:t>
            </w:r>
          </w:p>
          <w:p w:rsidR="00156FB3" w:rsidRDefault="00156FB3" w:rsidP="00156FB3">
            <w:r>
              <w:t xml:space="preserve">      mapTag = '[object Map]',</w:t>
            </w:r>
          </w:p>
          <w:p w:rsidR="00156FB3" w:rsidRDefault="00156FB3" w:rsidP="00156FB3">
            <w:r>
              <w:t xml:space="preserve">      numberTag = '[object Number]',</w:t>
            </w:r>
          </w:p>
          <w:p w:rsidR="00156FB3" w:rsidRDefault="00156FB3" w:rsidP="00156FB3">
            <w:r>
              <w:t xml:space="preserve">      nullTag = '[object Null]',</w:t>
            </w:r>
          </w:p>
          <w:p w:rsidR="00156FB3" w:rsidRDefault="00156FB3" w:rsidP="00156FB3">
            <w:r>
              <w:t xml:space="preserve">      objectTag = '[object Object]',</w:t>
            </w:r>
          </w:p>
          <w:p w:rsidR="00156FB3" w:rsidRDefault="00156FB3" w:rsidP="00156FB3">
            <w:r>
              <w:t xml:space="preserve">      promiseTag = '[object Promise]',</w:t>
            </w:r>
          </w:p>
          <w:p w:rsidR="00156FB3" w:rsidRDefault="00156FB3" w:rsidP="00156FB3">
            <w:r>
              <w:t xml:space="preserve">      proxyTag = '[object Proxy]',</w:t>
            </w:r>
          </w:p>
          <w:p w:rsidR="00156FB3" w:rsidRDefault="00156FB3" w:rsidP="00156FB3">
            <w:r>
              <w:t xml:space="preserve">      regexpTag = '[object RegExp]',</w:t>
            </w:r>
          </w:p>
          <w:p w:rsidR="00156FB3" w:rsidRDefault="00156FB3" w:rsidP="00156FB3">
            <w:r>
              <w:t xml:space="preserve">      setTag = '[object Set]',</w:t>
            </w:r>
          </w:p>
          <w:p w:rsidR="00156FB3" w:rsidRDefault="00156FB3" w:rsidP="00156FB3">
            <w:r>
              <w:t xml:space="preserve">      stringTag = '[object String]',</w:t>
            </w:r>
          </w:p>
          <w:p w:rsidR="00156FB3" w:rsidRDefault="00156FB3" w:rsidP="00156FB3">
            <w:r>
              <w:t xml:space="preserve">      symbolTag = '[object Symbol]',</w:t>
            </w:r>
          </w:p>
          <w:p w:rsidR="00156FB3" w:rsidRDefault="00156FB3" w:rsidP="00156FB3">
            <w:r>
              <w:t xml:space="preserve">      undefinedTag = '[object Undefined]',</w:t>
            </w:r>
          </w:p>
          <w:p w:rsidR="00156FB3" w:rsidRDefault="00156FB3" w:rsidP="00156FB3">
            <w:r>
              <w:t xml:space="preserve">      weakMapTag = '[object WeakMap]',</w:t>
            </w:r>
          </w:p>
          <w:p w:rsidR="00156FB3" w:rsidRDefault="00156FB3" w:rsidP="00156FB3">
            <w:r>
              <w:t xml:space="preserve">      weakSetTag = '[object WeakSet]';</w:t>
            </w:r>
          </w:p>
          <w:p w:rsidR="00156FB3" w:rsidRDefault="00156FB3" w:rsidP="00156FB3"/>
          <w:p w:rsidR="00156FB3" w:rsidRDefault="00156FB3" w:rsidP="00156FB3">
            <w:r>
              <w:t xml:space="preserve">  var arrayBufferTag = '[object ArrayBuffer]',</w:t>
            </w:r>
          </w:p>
          <w:p w:rsidR="00156FB3" w:rsidRDefault="00156FB3" w:rsidP="00156FB3">
            <w:r>
              <w:t xml:space="preserve">      dataViewTag = '[object DataView]',</w:t>
            </w:r>
          </w:p>
          <w:p w:rsidR="00156FB3" w:rsidRDefault="00156FB3" w:rsidP="00156FB3">
            <w:r>
              <w:t xml:space="preserve">      float32Tag = '[object Float32Array]',</w:t>
            </w:r>
          </w:p>
          <w:p w:rsidR="00156FB3" w:rsidRDefault="00156FB3" w:rsidP="00156FB3">
            <w:r>
              <w:t xml:space="preserve">      float64Tag = '[object Float64Array]',</w:t>
            </w:r>
          </w:p>
          <w:p w:rsidR="00156FB3" w:rsidRDefault="00156FB3" w:rsidP="00156FB3">
            <w:r>
              <w:t xml:space="preserve">      int8Tag = '[object Int8Array]',</w:t>
            </w:r>
          </w:p>
          <w:p w:rsidR="00156FB3" w:rsidRDefault="00156FB3" w:rsidP="00156FB3">
            <w:r>
              <w:t xml:space="preserve">      int16Tag = '[object Int16Array]',</w:t>
            </w:r>
          </w:p>
          <w:p w:rsidR="00156FB3" w:rsidRDefault="00156FB3" w:rsidP="00156FB3">
            <w:r>
              <w:t xml:space="preserve">      int32Tag = '[object Int32Array]',</w:t>
            </w:r>
          </w:p>
          <w:p w:rsidR="00156FB3" w:rsidRDefault="00156FB3" w:rsidP="00156FB3">
            <w:r>
              <w:t xml:space="preserve">      uint8Tag = '[object Uint8Array]',</w:t>
            </w:r>
          </w:p>
          <w:p w:rsidR="00156FB3" w:rsidRDefault="00156FB3" w:rsidP="00156FB3">
            <w:r>
              <w:t xml:space="preserve">      uint8ClampedTag = '[object Uint8ClampedArray]',</w:t>
            </w:r>
          </w:p>
          <w:p w:rsidR="00156FB3" w:rsidRDefault="00156FB3" w:rsidP="00156FB3">
            <w:r>
              <w:t xml:space="preserve">      uint16Tag = '[object Uint16Array]',</w:t>
            </w:r>
          </w:p>
          <w:p w:rsidR="00156FB3" w:rsidRDefault="00156FB3" w:rsidP="00156FB3">
            <w:r>
              <w:t xml:space="preserve">      uint32Tag = '[object Uint32Array]';</w:t>
            </w:r>
          </w:p>
          <w:p w:rsidR="00156FB3" w:rsidRDefault="00156FB3" w:rsidP="00156FB3"/>
          <w:p w:rsidR="00156FB3" w:rsidRDefault="00156FB3" w:rsidP="00156FB3">
            <w:r>
              <w:t xml:space="preserve">  /** Used to match empty string literals in compiled template source. */</w:t>
            </w:r>
          </w:p>
          <w:p w:rsidR="00156FB3" w:rsidRDefault="00156FB3" w:rsidP="00156FB3">
            <w:r>
              <w:t xml:space="preserve">  var reEmptyStringLeading = /\b__p \+= '';/g,</w:t>
            </w:r>
          </w:p>
          <w:p w:rsidR="00156FB3" w:rsidRDefault="00156FB3" w:rsidP="00156FB3">
            <w:r>
              <w:t xml:space="preserve">      reEmptyStringMiddle = /\b(__p \+=) '' \+/g,</w:t>
            </w:r>
          </w:p>
          <w:p w:rsidR="00156FB3" w:rsidRDefault="00156FB3" w:rsidP="00156FB3">
            <w:r>
              <w:t xml:space="preserve">      reEmptyStringTrailing = /(__e\(.*?\)|\b__t\)) \+\n'';/g;</w:t>
            </w:r>
          </w:p>
          <w:p w:rsidR="00156FB3" w:rsidRDefault="00156FB3" w:rsidP="00156FB3"/>
          <w:p w:rsidR="00156FB3" w:rsidRDefault="00156FB3" w:rsidP="00156FB3">
            <w:r>
              <w:t xml:space="preserve">  /** Used to match HTML entities and HTML characters. */</w:t>
            </w:r>
          </w:p>
          <w:p w:rsidR="00156FB3" w:rsidRDefault="00156FB3" w:rsidP="00156FB3">
            <w:r>
              <w:t xml:space="preserve">  var reEscapedHtml = /&amp;(?:amp|lt|gt|quot|#39);/g,</w:t>
            </w:r>
          </w:p>
          <w:p w:rsidR="00156FB3" w:rsidRDefault="00156FB3" w:rsidP="00156FB3">
            <w:r>
              <w:t xml:space="preserve">      reUnescapedHtml = /[&amp;&lt;&gt;"']/g,</w:t>
            </w:r>
          </w:p>
          <w:p w:rsidR="00156FB3" w:rsidRDefault="00156FB3" w:rsidP="00156FB3">
            <w:r>
              <w:t xml:space="preserve">      reHasEscapedHtml = RegExp(reEscapedHtml.source),</w:t>
            </w:r>
          </w:p>
          <w:p w:rsidR="00156FB3" w:rsidRDefault="00156FB3" w:rsidP="00156FB3">
            <w:r>
              <w:t xml:space="preserve">      reHasUnescapedHtml = RegExp(reUnescapedHtml.source);</w:t>
            </w:r>
          </w:p>
          <w:p w:rsidR="00156FB3" w:rsidRDefault="00156FB3" w:rsidP="00156FB3"/>
          <w:p w:rsidR="00156FB3" w:rsidRDefault="00156FB3" w:rsidP="00156FB3">
            <w:r>
              <w:t xml:space="preserve">  /** Used to match template delimiters. */</w:t>
            </w:r>
          </w:p>
          <w:p w:rsidR="00156FB3" w:rsidRDefault="00156FB3" w:rsidP="00156FB3">
            <w:r>
              <w:t xml:space="preserve">  var reEscape = /&lt;%-([\s\S]+?)%&gt;/g,</w:t>
            </w:r>
          </w:p>
          <w:p w:rsidR="00156FB3" w:rsidRDefault="00156FB3" w:rsidP="00156FB3">
            <w:r>
              <w:t xml:space="preserve">      reEvaluate = /&lt;%([\s\S]+?)%&gt;/g,</w:t>
            </w:r>
          </w:p>
          <w:p w:rsidR="00156FB3" w:rsidRDefault="00156FB3" w:rsidP="00156FB3">
            <w:r>
              <w:t xml:space="preserve">      reInterpolate = /&lt;%=([\s\S]+?)%&gt;/g;</w:t>
            </w:r>
          </w:p>
          <w:p w:rsidR="00156FB3" w:rsidRDefault="00156FB3" w:rsidP="00156FB3"/>
          <w:p w:rsidR="00156FB3" w:rsidRDefault="00156FB3" w:rsidP="00156FB3">
            <w:r>
              <w:t xml:space="preserve">  /** Used to match property names within property paths. */</w:t>
            </w:r>
          </w:p>
          <w:p w:rsidR="00156FB3" w:rsidRDefault="00156FB3" w:rsidP="00156FB3">
            <w:r>
              <w:t xml:space="preserve">  var reIsDeepProp = /\.|\[(?:[^[\]]*|(["'])(?:(?!\1)[^\\]|\\.)*?\1)\]/,</w:t>
            </w:r>
          </w:p>
          <w:p w:rsidR="00156FB3" w:rsidRDefault="00156FB3" w:rsidP="00156FB3">
            <w:r>
              <w:t xml:space="preserve">      reIsPlainProp = /^\w*$/,</w:t>
            </w:r>
          </w:p>
          <w:p w:rsidR="00156FB3" w:rsidRDefault="00156FB3" w:rsidP="00156FB3">
            <w:r>
              <w:t xml:space="preserve">      rePropName = /[^.[\]]+|\[(?:(-?\d+(?:\.\d+)?)|(["'])((?:(?!\2)[^\\]|\\.)*?)\2)\]|(?=(?:\.|\[\])(?:\.|\[\]|$))/g;</w:t>
            </w:r>
          </w:p>
          <w:p w:rsidR="00156FB3" w:rsidRDefault="00156FB3" w:rsidP="00156FB3"/>
          <w:p w:rsidR="00156FB3" w:rsidRDefault="00156FB3" w:rsidP="00156FB3">
            <w:r>
              <w:t xml:space="preserve">  /**</w:t>
            </w:r>
          </w:p>
          <w:p w:rsidR="00156FB3" w:rsidRDefault="00156FB3" w:rsidP="00156FB3">
            <w:r>
              <w:t xml:space="preserve">   * Used to match `RegExp`</w:t>
            </w:r>
          </w:p>
          <w:p w:rsidR="00156FB3" w:rsidRDefault="00156FB3" w:rsidP="00156FB3">
            <w:r>
              <w:t xml:space="preserve">   * [syntax characters](http://ecma-international.org/ecma-262/7.0/#sec-patterns).</w:t>
            </w:r>
          </w:p>
          <w:p w:rsidR="00156FB3" w:rsidRDefault="00156FB3" w:rsidP="00156FB3">
            <w:r>
              <w:t xml:space="preserve">   */</w:t>
            </w:r>
          </w:p>
          <w:p w:rsidR="00156FB3" w:rsidRDefault="00156FB3" w:rsidP="00156FB3">
            <w:r>
              <w:t xml:space="preserve">  var reRegExpChar = /[\\^$.*+?()[\]{}|]/g,</w:t>
            </w:r>
          </w:p>
          <w:p w:rsidR="00156FB3" w:rsidRDefault="00156FB3" w:rsidP="00156FB3">
            <w:r>
              <w:t xml:space="preserve">      reHasRegExpChar = RegExp(reRegExpChar.source);</w:t>
            </w:r>
          </w:p>
          <w:p w:rsidR="00156FB3" w:rsidRDefault="00156FB3" w:rsidP="00156FB3"/>
          <w:p w:rsidR="00156FB3" w:rsidRDefault="00156FB3" w:rsidP="00156FB3">
            <w:r>
              <w:t xml:space="preserve">  /** Used to match leading and trailing whitespace. */</w:t>
            </w:r>
          </w:p>
          <w:p w:rsidR="00156FB3" w:rsidRDefault="00156FB3" w:rsidP="00156FB3">
            <w:r>
              <w:t xml:space="preserve">  var reTrim = /^\s+|\s+$/g,</w:t>
            </w:r>
          </w:p>
          <w:p w:rsidR="00156FB3" w:rsidRDefault="00156FB3" w:rsidP="00156FB3">
            <w:r>
              <w:t xml:space="preserve">      reTrimStart = /^\s+/,</w:t>
            </w:r>
          </w:p>
          <w:p w:rsidR="00156FB3" w:rsidRDefault="00156FB3" w:rsidP="00156FB3">
            <w:r>
              <w:t xml:space="preserve">      reTrimEnd = /\s+$/;</w:t>
            </w:r>
          </w:p>
          <w:p w:rsidR="00156FB3" w:rsidRDefault="00156FB3" w:rsidP="00156FB3"/>
          <w:p w:rsidR="00156FB3" w:rsidRDefault="00156FB3" w:rsidP="00156FB3">
            <w:r>
              <w:t xml:space="preserve">  /** Used to match wrap detail comments. */</w:t>
            </w:r>
          </w:p>
          <w:p w:rsidR="00156FB3" w:rsidRDefault="00156FB3" w:rsidP="00156FB3">
            <w:r>
              <w:t xml:space="preserve">  var reWrapComment = /\{(?:\n\/\* \[wrapped with .+\] \*\/)?\n?/,</w:t>
            </w:r>
          </w:p>
          <w:p w:rsidR="00156FB3" w:rsidRDefault="00156FB3" w:rsidP="00156FB3">
            <w:r>
              <w:t xml:space="preserve">      reWrapDetails = /\{\n\/\* \[wrapped with (.+)\] \*/,</w:t>
            </w:r>
          </w:p>
          <w:p w:rsidR="00156FB3" w:rsidRDefault="00156FB3" w:rsidP="00156FB3">
            <w:r>
              <w:t xml:space="preserve">      reSplitDetails = /,? &amp; /;</w:t>
            </w:r>
          </w:p>
          <w:p w:rsidR="00156FB3" w:rsidRDefault="00156FB3" w:rsidP="00156FB3"/>
          <w:p w:rsidR="00156FB3" w:rsidRDefault="00156FB3" w:rsidP="00156FB3">
            <w:r>
              <w:t xml:space="preserve">  /** Used to match words composed of alphanumeric characters. */</w:t>
            </w:r>
          </w:p>
          <w:p w:rsidR="00156FB3" w:rsidRDefault="00156FB3" w:rsidP="00156FB3">
            <w:r>
              <w:t xml:space="preserve">  var reAsciiWord = /[^\x00-\x2f\x3a-\x40\x5b-\x60\x7b-\x7f]+/g;</w:t>
            </w:r>
          </w:p>
          <w:p w:rsidR="00156FB3" w:rsidRDefault="00156FB3" w:rsidP="00156FB3"/>
          <w:p w:rsidR="00156FB3" w:rsidRDefault="00156FB3" w:rsidP="00156FB3">
            <w:r>
              <w:t xml:space="preserve">  /** Used to match backslashes in property paths. */</w:t>
            </w:r>
          </w:p>
          <w:p w:rsidR="00156FB3" w:rsidRDefault="00156FB3" w:rsidP="00156FB3">
            <w:r>
              <w:t xml:space="preserve">  var reEscapeChar = /\\(\\)?/g;</w:t>
            </w:r>
          </w:p>
          <w:p w:rsidR="00156FB3" w:rsidRDefault="00156FB3" w:rsidP="00156FB3"/>
          <w:p w:rsidR="00156FB3" w:rsidRDefault="00156FB3" w:rsidP="00156FB3">
            <w:r>
              <w:t xml:space="preserve">  /**</w:t>
            </w:r>
          </w:p>
          <w:p w:rsidR="00156FB3" w:rsidRDefault="00156FB3" w:rsidP="00156FB3">
            <w:r>
              <w:t xml:space="preserve">   * Used to match</w:t>
            </w:r>
          </w:p>
          <w:p w:rsidR="00156FB3" w:rsidRDefault="00156FB3" w:rsidP="00156FB3">
            <w:r>
              <w:t xml:space="preserve">   * [ES template delimiters](http://ecma-international.org/ecma-262/7.0/#sec-template-literal-lexical-components).</w:t>
            </w:r>
          </w:p>
          <w:p w:rsidR="00156FB3" w:rsidRDefault="00156FB3" w:rsidP="00156FB3">
            <w:r>
              <w:t xml:space="preserve">   */</w:t>
            </w:r>
          </w:p>
          <w:p w:rsidR="00156FB3" w:rsidRDefault="00156FB3" w:rsidP="00156FB3">
            <w:r>
              <w:t xml:space="preserve">  var reEsTemplate = /\$\{([^\\}]*(?:\\.[^\\}]*)*)\}/g;</w:t>
            </w:r>
          </w:p>
          <w:p w:rsidR="00156FB3" w:rsidRDefault="00156FB3" w:rsidP="00156FB3"/>
          <w:p w:rsidR="00156FB3" w:rsidRDefault="00156FB3" w:rsidP="00156FB3">
            <w:r>
              <w:lastRenderedPageBreak/>
              <w:t xml:space="preserve">  /** Used to match `RegExp` flags from their coerced string values. */</w:t>
            </w:r>
          </w:p>
          <w:p w:rsidR="00156FB3" w:rsidRDefault="00156FB3" w:rsidP="00156FB3">
            <w:r>
              <w:t xml:space="preserve">  var reFlags = /\w*$/;</w:t>
            </w:r>
          </w:p>
          <w:p w:rsidR="00156FB3" w:rsidRDefault="00156FB3" w:rsidP="00156FB3"/>
          <w:p w:rsidR="00156FB3" w:rsidRDefault="00156FB3" w:rsidP="00156FB3">
            <w:r>
              <w:t xml:space="preserve">  /** Used to detect bad signed hexadecimal string values. */</w:t>
            </w:r>
          </w:p>
          <w:p w:rsidR="00156FB3" w:rsidRDefault="00156FB3" w:rsidP="00156FB3">
            <w:r>
              <w:t xml:space="preserve">  var reIsBadHex = /^[-+]0x[0-9a-f]+$/i;</w:t>
            </w:r>
          </w:p>
          <w:p w:rsidR="00156FB3" w:rsidRDefault="00156FB3" w:rsidP="00156FB3"/>
          <w:p w:rsidR="00156FB3" w:rsidRDefault="00156FB3" w:rsidP="00156FB3">
            <w:r>
              <w:t xml:space="preserve">  /** Used to detect binary string values. */</w:t>
            </w:r>
          </w:p>
          <w:p w:rsidR="00156FB3" w:rsidRDefault="00156FB3" w:rsidP="00156FB3">
            <w:r>
              <w:t xml:space="preserve">  var reIsBinary = /^0b[01]+$/i;</w:t>
            </w:r>
          </w:p>
          <w:p w:rsidR="00156FB3" w:rsidRDefault="00156FB3" w:rsidP="00156FB3"/>
          <w:p w:rsidR="00156FB3" w:rsidRDefault="00156FB3" w:rsidP="00156FB3">
            <w:r>
              <w:t xml:space="preserve">  /** Used to detect host constructors (Safari). */</w:t>
            </w:r>
          </w:p>
          <w:p w:rsidR="00156FB3" w:rsidRDefault="00156FB3" w:rsidP="00156FB3">
            <w:r>
              <w:t xml:space="preserve">  var reIsHostCtor = /^\[object .+?Constructor\]$/;</w:t>
            </w:r>
          </w:p>
          <w:p w:rsidR="00156FB3" w:rsidRDefault="00156FB3" w:rsidP="00156FB3"/>
          <w:p w:rsidR="00156FB3" w:rsidRDefault="00156FB3" w:rsidP="00156FB3">
            <w:r>
              <w:t xml:space="preserve">  /** Used to detect octal string values. */</w:t>
            </w:r>
          </w:p>
          <w:p w:rsidR="00156FB3" w:rsidRDefault="00156FB3" w:rsidP="00156FB3">
            <w:r>
              <w:t xml:space="preserve">  var reIsOctal = /^0o[0-7]+$/i;</w:t>
            </w:r>
          </w:p>
          <w:p w:rsidR="00156FB3" w:rsidRDefault="00156FB3" w:rsidP="00156FB3"/>
          <w:p w:rsidR="00156FB3" w:rsidRDefault="00156FB3" w:rsidP="00156FB3">
            <w:r>
              <w:t xml:space="preserve">  /** Used to detect unsigned integer values. */</w:t>
            </w:r>
          </w:p>
          <w:p w:rsidR="00156FB3" w:rsidRDefault="00156FB3" w:rsidP="00156FB3">
            <w:r>
              <w:t xml:space="preserve">  var reIsUint = /^(?:0|[1-9]\d*)$/;</w:t>
            </w:r>
          </w:p>
          <w:p w:rsidR="00156FB3" w:rsidRDefault="00156FB3" w:rsidP="00156FB3"/>
          <w:p w:rsidR="00156FB3" w:rsidRDefault="00156FB3" w:rsidP="00156FB3">
            <w:r>
              <w:t xml:space="preserve">  /** Used to match Latin Unicode letters (excluding mathematical operators). */</w:t>
            </w:r>
          </w:p>
          <w:p w:rsidR="00156FB3" w:rsidRDefault="00156FB3" w:rsidP="00156FB3">
            <w:r>
              <w:t xml:space="preserve">  var reLatin = /[\xc0-\xd6\xd8-\xf6\xf8-\xff\u0100-\u017f]/g;</w:t>
            </w:r>
          </w:p>
          <w:p w:rsidR="00156FB3" w:rsidRDefault="00156FB3" w:rsidP="00156FB3"/>
          <w:p w:rsidR="00156FB3" w:rsidRDefault="00156FB3" w:rsidP="00156FB3">
            <w:r>
              <w:t xml:space="preserve">  /** Used to ensure capturing order of template delimiters. */</w:t>
            </w:r>
          </w:p>
          <w:p w:rsidR="00156FB3" w:rsidRDefault="00156FB3" w:rsidP="00156FB3">
            <w:r>
              <w:t xml:space="preserve">  var reNoMatch = /($^)/;</w:t>
            </w:r>
          </w:p>
          <w:p w:rsidR="00156FB3" w:rsidRDefault="00156FB3" w:rsidP="00156FB3"/>
          <w:p w:rsidR="00156FB3" w:rsidRDefault="00156FB3" w:rsidP="00156FB3">
            <w:r>
              <w:t xml:space="preserve">  /** Used to match unescaped characters in compiled string literals. */</w:t>
            </w:r>
          </w:p>
          <w:p w:rsidR="00156FB3" w:rsidRDefault="00156FB3" w:rsidP="00156FB3">
            <w:r>
              <w:t xml:space="preserve">  var reUnescapedString = /['\n\r\u2028\u2029\\]/g;</w:t>
            </w:r>
          </w:p>
          <w:p w:rsidR="00156FB3" w:rsidRDefault="00156FB3" w:rsidP="00156FB3"/>
          <w:p w:rsidR="00156FB3" w:rsidRDefault="00156FB3" w:rsidP="00156FB3">
            <w:r>
              <w:t xml:space="preserve">  /** Used to compose unicode character classes. */</w:t>
            </w:r>
          </w:p>
          <w:p w:rsidR="00156FB3" w:rsidRDefault="00156FB3" w:rsidP="00156FB3">
            <w:r>
              <w:t xml:space="preserve">  var rsAstralRange = '\\ud800-\\udfff',</w:t>
            </w:r>
          </w:p>
          <w:p w:rsidR="00156FB3" w:rsidRDefault="00156FB3" w:rsidP="00156FB3">
            <w:r>
              <w:t xml:space="preserve">      rsComboMarksRange = '\\u0300-\\u036f',</w:t>
            </w:r>
          </w:p>
          <w:p w:rsidR="00156FB3" w:rsidRDefault="00156FB3" w:rsidP="00156FB3">
            <w:r>
              <w:t xml:space="preserve">      reComboHalfMarksRange = '\\ufe20-\\ufe2f',</w:t>
            </w:r>
          </w:p>
          <w:p w:rsidR="00156FB3" w:rsidRDefault="00156FB3" w:rsidP="00156FB3">
            <w:r>
              <w:t xml:space="preserve">      rsComboSymbolsRange = '\\u20d0-\\u20ff',</w:t>
            </w:r>
          </w:p>
          <w:p w:rsidR="00156FB3" w:rsidRDefault="00156FB3" w:rsidP="00156FB3">
            <w:r>
              <w:t xml:space="preserve">      rsComboRange = rsComboMarksRange + reComboHalfMarksRange + rsComboSymbolsRange,</w:t>
            </w:r>
          </w:p>
          <w:p w:rsidR="00156FB3" w:rsidRDefault="00156FB3" w:rsidP="00156FB3">
            <w:r>
              <w:t xml:space="preserve">      rsDingbatRange = '\\u2700-\\u27bf',</w:t>
            </w:r>
          </w:p>
          <w:p w:rsidR="00156FB3" w:rsidRDefault="00156FB3" w:rsidP="00156FB3">
            <w:r>
              <w:t xml:space="preserve">      rsLowerRange = 'a-z\\xdf-\\xf6\\xf8-\\xff',</w:t>
            </w:r>
          </w:p>
          <w:p w:rsidR="00156FB3" w:rsidRDefault="00156FB3" w:rsidP="00156FB3">
            <w:r>
              <w:t xml:space="preserve">      rsMathOpRange = '\\xac\\xb1\\xd7\\xf7',</w:t>
            </w:r>
          </w:p>
          <w:p w:rsidR="00156FB3" w:rsidRDefault="00156FB3" w:rsidP="00156FB3">
            <w:r>
              <w:t xml:space="preserve">      rsNonCharRange = '\\x00-\\x2f\\x3a-\\x40\\x5b-\\x60\\x7b-\\xbf',</w:t>
            </w:r>
          </w:p>
          <w:p w:rsidR="00156FB3" w:rsidRDefault="00156FB3" w:rsidP="00156FB3">
            <w:r>
              <w:t xml:space="preserve">      rsPunctuationRange = '\\u2000-\\u206f',</w:t>
            </w:r>
          </w:p>
          <w:p w:rsidR="00156FB3" w:rsidRDefault="00156FB3" w:rsidP="00156FB3">
            <w:r>
              <w:t xml:space="preserve">      rsSpaceRange = ' \\t\\x0b\\f\\xa0\\ufeff\\n\\r\\u2028\\u2029\\u1680\\u180e\\u2000\\u2001\\u2002\\u2003\\u2004\\u2005\\u2006\\u2007\\u2008\\u2009\\u200a\\u202f\\u205f\\u3000',</w:t>
            </w:r>
          </w:p>
          <w:p w:rsidR="00156FB3" w:rsidRDefault="00156FB3" w:rsidP="00156FB3">
            <w:r>
              <w:t xml:space="preserve">      rsUpperRange = 'A-Z\\xc0-\\xd6\\xd8-\\xde',</w:t>
            </w:r>
          </w:p>
          <w:p w:rsidR="00156FB3" w:rsidRDefault="00156FB3" w:rsidP="00156FB3">
            <w:r>
              <w:t xml:space="preserve">      rsVarRange = '\\ufe0e\\ufe0f',</w:t>
            </w:r>
          </w:p>
          <w:p w:rsidR="00156FB3" w:rsidRDefault="00156FB3" w:rsidP="00156FB3">
            <w:r>
              <w:t xml:space="preserve">      rsBreakRange = rsMathOpRange + rsNonCharRange + rsPunctuationRange + rsSpaceRange;</w:t>
            </w:r>
          </w:p>
          <w:p w:rsidR="00156FB3" w:rsidRDefault="00156FB3" w:rsidP="00156FB3"/>
          <w:p w:rsidR="00156FB3" w:rsidRDefault="00156FB3" w:rsidP="00156FB3">
            <w:r>
              <w:t xml:space="preserve">  /** Used to compose unicode capture groups. */</w:t>
            </w:r>
          </w:p>
          <w:p w:rsidR="00156FB3" w:rsidRDefault="00156FB3" w:rsidP="00156FB3">
            <w:r>
              <w:t xml:space="preserve">  var rsApos = "['\u2019]",</w:t>
            </w:r>
          </w:p>
          <w:p w:rsidR="00156FB3" w:rsidRDefault="00156FB3" w:rsidP="00156FB3">
            <w:r>
              <w:t xml:space="preserve">      rsAstral = '[' + rsAstralRange + ']',</w:t>
            </w:r>
          </w:p>
          <w:p w:rsidR="00156FB3" w:rsidRDefault="00156FB3" w:rsidP="00156FB3">
            <w:r>
              <w:lastRenderedPageBreak/>
              <w:t xml:space="preserve">      rsBreak = '[' + rsBreakRange + ']',</w:t>
            </w:r>
          </w:p>
          <w:p w:rsidR="00156FB3" w:rsidRDefault="00156FB3" w:rsidP="00156FB3">
            <w:r>
              <w:t xml:space="preserve">      rsCombo = '[' + rsComboRange + ']',</w:t>
            </w:r>
          </w:p>
          <w:p w:rsidR="00156FB3" w:rsidRDefault="00156FB3" w:rsidP="00156FB3">
            <w:r>
              <w:t xml:space="preserve">      rsDigits = '\\d+',</w:t>
            </w:r>
          </w:p>
          <w:p w:rsidR="00156FB3" w:rsidRDefault="00156FB3" w:rsidP="00156FB3">
            <w:r>
              <w:t xml:space="preserve">      rsDingbat = '[' + rsDingbatRange + ']',</w:t>
            </w:r>
          </w:p>
          <w:p w:rsidR="00156FB3" w:rsidRDefault="00156FB3" w:rsidP="00156FB3">
            <w:r>
              <w:t xml:space="preserve">      rsLower = '[' + rsLowerRange + ']',</w:t>
            </w:r>
          </w:p>
          <w:p w:rsidR="00156FB3" w:rsidRDefault="00156FB3" w:rsidP="00156FB3">
            <w:r>
              <w:t xml:space="preserve">      rsMisc = '[^' + rsAstralRange + rsBreakRange + rsDigits + rsDingbatRange + rsLowerRange + rsUpperRange + ']',</w:t>
            </w:r>
          </w:p>
          <w:p w:rsidR="00156FB3" w:rsidRDefault="00156FB3" w:rsidP="00156FB3">
            <w:r>
              <w:t xml:space="preserve">      rsFitz = '\\ud83c[\\udffb-\\udfff]',</w:t>
            </w:r>
          </w:p>
          <w:p w:rsidR="00156FB3" w:rsidRDefault="00156FB3" w:rsidP="00156FB3">
            <w:r>
              <w:t xml:space="preserve">      rsModifier = '(?:' + rsCombo + '|' + rsFitz + ')',</w:t>
            </w:r>
          </w:p>
          <w:p w:rsidR="00156FB3" w:rsidRDefault="00156FB3" w:rsidP="00156FB3">
            <w:r>
              <w:t xml:space="preserve">      rsNonAstral = '[^' + rsAstralRange + ']',</w:t>
            </w:r>
          </w:p>
          <w:p w:rsidR="00156FB3" w:rsidRDefault="00156FB3" w:rsidP="00156FB3">
            <w:r>
              <w:t xml:space="preserve">      rsRegional = '(?:\\ud83c[\\udde6-\\uddff]){2}',</w:t>
            </w:r>
          </w:p>
          <w:p w:rsidR="00156FB3" w:rsidRDefault="00156FB3" w:rsidP="00156FB3">
            <w:r>
              <w:t xml:space="preserve">      rsSurrPair = '[\\ud800-\\udbff][\\udc00-\\udfff]',</w:t>
            </w:r>
          </w:p>
          <w:p w:rsidR="00156FB3" w:rsidRDefault="00156FB3" w:rsidP="00156FB3">
            <w:r>
              <w:t xml:space="preserve">      rsUpper = '[' + rsUpperRange + ']',</w:t>
            </w:r>
          </w:p>
          <w:p w:rsidR="00156FB3" w:rsidRDefault="00156FB3" w:rsidP="00156FB3">
            <w:r>
              <w:t xml:space="preserve">      rsZWJ = '\\u200d';</w:t>
            </w:r>
          </w:p>
          <w:p w:rsidR="00156FB3" w:rsidRDefault="00156FB3" w:rsidP="00156FB3"/>
          <w:p w:rsidR="00156FB3" w:rsidRDefault="00156FB3" w:rsidP="00156FB3">
            <w:r>
              <w:t xml:space="preserve">  /** Used to compose unicode regexes. */</w:t>
            </w:r>
          </w:p>
          <w:p w:rsidR="00156FB3" w:rsidRDefault="00156FB3" w:rsidP="00156FB3">
            <w:r>
              <w:t xml:space="preserve">  var rsMiscLower = '(?:' + rsLower + '|' + rsMisc + ')',</w:t>
            </w:r>
          </w:p>
          <w:p w:rsidR="00156FB3" w:rsidRDefault="00156FB3" w:rsidP="00156FB3">
            <w:r>
              <w:t xml:space="preserve">      rsMiscUpper = '(?:' + rsUpper + '|' + rsMisc + ')',</w:t>
            </w:r>
          </w:p>
          <w:p w:rsidR="00156FB3" w:rsidRDefault="00156FB3" w:rsidP="00156FB3">
            <w:r>
              <w:t xml:space="preserve">      rsOptContrLower = '(?:' + rsApos + '(?:d|ll|m|re|s|t|ve))?',</w:t>
            </w:r>
          </w:p>
          <w:p w:rsidR="00156FB3" w:rsidRDefault="00156FB3" w:rsidP="00156FB3">
            <w:r>
              <w:t xml:space="preserve">      rsOptContrUpper = '(?:' + rsApos + '(?:D|LL|M|RE|S|T|VE))?',</w:t>
            </w:r>
          </w:p>
          <w:p w:rsidR="00156FB3" w:rsidRDefault="00156FB3" w:rsidP="00156FB3">
            <w:r>
              <w:t xml:space="preserve">      reOptMod = rsModifier + '?',</w:t>
            </w:r>
          </w:p>
          <w:p w:rsidR="00156FB3" w:rsidRDefault="00156FB3" w:rsidP="00156FB3">
            <w:r>
              <w:t xml:space="preserve">      rsOptVar = '[' + rsVarRange + ']?',</w:t>
            </w:r>
          </w:p>
          <w:p w:rsidR="00156FB3" w:rsidRDefault="00156FB3" w:rsidP="00156FB3">
            <w:r>
              <w:t xml:space="preserve">      rsOptJoin = '(?:' + rsZWJ + '(?:' + [rsNonAstral, rsRegional, rsSurrPair].join('|') + ')' + rsOptVar + reOptMod + ')*',</w:t>
            </w:r>
          </w:p>
          <w:p w:rsidR="00156FB3" w:rsidRDefault="00156FB3" w:rsidP="00156FB3">
            <w:r>
              <w:t xml:space="preserve">      rsOrdLower = '\\d*(?:1st|2nd|3rd|(?![123])\\dth)(?=\\b|[A-Z_])',</w:t>
            </w:r>
          </w:p>
          <w:p w:rsidR="00156FB3" w:rsidRDefault="00156FB3" w:rsidP="00156FB3">
            <w:r>
              <w:t xml:space="preserve">      rsOrdUpper = '\\d*(?:1ST|2ND|3RD|(?![123])\\dTH)(?=\\b|[a-z_])',</w:t>
            </w:r>
          </w:p>
          <w:p w:rsidR="00156FB3" w:rsidRDefault="00156FB3" w:rsidP="00156FB3">
            <w:r>
              <w:t xml:space="preserve">      rsSeq = rsOptVar + reOptMod + rsOptJoin,</w:t>
            </w:r>
          </w:p>
          <w:p w:rsidR="00156FB3" w:rsidRDefault="00156FB3" w:rsidP="00156FB3">
            <w:r>
              <w:t xml:space="preserve">      rsEmoji = '(?:' + [rsDingbat, rsRegional, rsSurrPair].join('|') + ')' + rsSeq,</w:t>
            </w:r>
          </w:p>
          <w:p w:rsidR="00156FB3" w:rsidRDefault="00156FB3" w:rsidP="00156FB3">
            <w:r>
              <w:t xml:space="preserve">      rsSymbol = '(?:' + [rsNonAstral + rsCombo + '?', rsCombo, rsRegional, rsSurrPair, rsAstral].join('|') + ')';</w:t>
            </w:r>
          </w:p>
          <w:p w:rsidR="00156FB3" w:rsidRDefault="00156FB3" w:rsidP="00156FB3"/>
          <w:p w:rsidR="00156FB3" w:rsidRDefault="00156FB3" w:rsidP="00156FB3">
            <w:r>
              <w:t xml:space="preserve">  /** Used to match apostrophes. */</w:t>
            </w:r>
          </w:p>
          <w:p w:rsidR="00156FB3" w:rsidRDefault="00156FB3" w:rsidP="00156FB3">
            <w:r>
              <w:t xml:space="preserve">  var reApos = RegExp(rsApos, 'g');</w:t>
            </w:r>
          </w:p>
          <w:p w:rsidR="00156FB3" w:rsidRDefault="00156FB3" w:rsidP="00156FB3"/>
          <w:p w:rsidR="00156FB3" w:rsidRDefault="00156FB3" w:rsidP="00156FB3">
            <w:r>
              <w:t xml:space="preserve">  /**</w:t>
            </w:r>
          </w:p>
          <w:p w:rsidR="00156FB3" w:rsidRDefault="00156FB3" w:rsidP="00156FB3">
            <w:r>
              <w:t xml:space="preserve">   * Used to match [combining diacritical marks](https://en.wikipedia.org/wiki/Combining_Diacritical_Marks) and</w:t>
            </w:r>
          </w:p>
          <w:p w:rsidR="00156FB3" w:rsidRDefault="00156FB3" w:rsidP="00156FB3">
            <w:r>
              <w:t xml:space="preserve">   * [combining diacritical marks for symbols](https://en.wikipedia.org/wiki/Combining_Diacritical_Marks_for_Symbols).</w:t>
            </w:r>
          </w:p>
          <w:p w:rsidR="00156FB3" w:rsidRDefault="00156FB3" w:rsidP="00156FB3">
            <w:r>
              <w:t xml:space="preserve">   */</w:t>
            </w:r>
          </w:p>
          <w:p w:rsidR="00156FB3" w:rsidRDefault="00156FB3" w:rsidP="00156FB3">
            <w:r>
              <w:t xml:space="preserve">  var reComboMark = RegExp(rsCombo, 'g');</w:t>
            </w:r>
          </w:p>
          <w:p w:rsidR="00156FB3" w:rsidRDefault="00156FB3" w:rsidP="00156FB3"/>
          <w:p w:rsidR="00156FB3" w:rsidRDefault="00156FB3" w:rsidP="00156FB3">
            <w:r>
              <w:t xml:space="preserve">  /** Used to match [string symbols](https://mathiasbynens.be/notes/javascript-unicode). */</w:t>
            </w:r>
          </w:p>
          <w:p w:rsidR="00156FB3" w:rsidRDefault="00156FB3" w:rsidP="00156FB3">
            <w:r>
              <w:t xml:space="preserve">  var reUnicode = RegExp(rsFitz + '(?=' + rsFitz + ')|' + rsSymbol + rsSeq, 'g');</w:t>
            </w:r>
          </w:p>
          <w:p w:rsidR="00156FB3" w:rsidRDefault="00156FB3" w:rsidP="00156FB3"/>
          <w:p w:rsidR="00156FB3" w:rsidRDefault="00156FB3" w:rsidP="00156FB3">
            <w:r>
              <w:t xml:space="preserve">  /** Used to match complex or compound words. */</w:t>
            </w:r>
          </w:p>
          <w:p w:rsidR="00156FB3" w:rsidRDefault="00156FB3" w:rsidP="00156FB3">
            <w:r>
              <w:t xml:space="preserve">  var reUnicodeWord = RegExp([</w:t>
            </w:r>
          </w:p>
          <w:p w:rsidR="00156FB3" w:rsidRDefault="00156FB3" w:rsidP="00156FB3">
            <w:r>
              <w:t xml:space="preserve">    rsUpper + '?' + rsLower + '+' + rsOptContrLower + '(?=' + [rsBreak, rsUpper, '$'].join('|') + ')',</w:t>
            </w:r>
          </w:p>
          <w:p w:rsidR="00156FB3" w:rsidRDefault="00156FB3" w:rsidP="00156FB3">
            <w:r>
              <w:t xml:space="preserve">    rsMiscUpper + '+' + rsOptContrUpper + '(?=' + [rsBreak, rsUpper + rsMiscLower, '$'].join('|') + ')',</w:t>
            </w:r>
          </w:p>
          <w:p w:rsidR="00156FB3" w:rsidRDefault="00156FB3" w:rsidP="00156FB3">
            <w:r>
              <w:lastRenderedPageBreak/>
              <w:t xml:space="preserve">    rsUpper + '?' + rsMiscLower + '+' + rsOptContrLower,</w:t>
            </w:r>
          </w:p>
          <w:p w:rsidR="00156FB3" w:rsidRDefault="00156FB3" w:rsidP="00156FB3">
            <w:r>
              <w:t xml:space="preserve">    rsUpper + '+' + rsOptContrUpper,</w:t>
            </w:r>
          </w:p>
          <w:p w:rsidR="00156FB3" w:rsidRDefault="00156FB3" w:rsidP="00156FB3">
            <w:r>
              <w:t xml:space="preserve">    rsOrdUpper,</w:t>
            </w:r>
          </w:p>
          <w:p w:rsidR="00156FB3" w:rsidRDefault="00156FB3" w:rsidP="00156FB3">
            <w:r>
              <w:t xml:space="preserve">    rsOrdLower,</w:t>
            </w:r>
          </w:p>
          <w:p w:rsidR="00156FB3" w:rsidRDefault="00156FB3" w:rsidP="00156FB3">
            <w:r>
              <w:t xml:space="preserve">    rsDigits,</w:t>
            </w:r>
          </w:p>
          <w:p w:rsidR="00156FB3" w:rsidRDefault="00156FB3" w:rsidP="00156FB3">
            <w:r>
              <w:t xml:space="preserve">    rsEmoji</w:t>
            </w:r>
          </w:p>
          <w:p w:rsidR="00156FB3" w:rsidRDefault="00156FB3" w:rsidP="00156FB3">
            <w:r>
              <w:t xml:space="preserve">  ].join('|'), 'g');</w:t>
            </w:r>
          </w:p>
          <w:p w:rsidR="00156FB3" w:rsidRDefault="00156FB3" w:rsidP="00156FB3"/>
          <w:p w:rsidR="00156FB3" w:rsidRDefault="00156FB3" w:rsidP="00156FB3">
            <w:r>
              <w:t xml:space="preserve">  /** Used to detect strings with [zero-width joiners or code points from the astral planes](http://eev.ee/blog/2015/09/12/dark-corners-of-unicode/). */</w:t>
            </w:r>
          </w:p>
          <w:p w:rsidR="00156FB3" w:rsidRDefault="00156FB3" w:rsidP="00156FB3">
            <w:r>
              <w:t xml:space="preserve">  var reHasUnicode = RegExp('[' + rsZWJ + rsAstralRange  + rsComboRange + rsVarRange + ']');</w:t>
            </w:r>
          </w:p>
          <w:p w:rsidR="00156FB3" w:rsidRDefault="00156FB3" w:rsidP="00156FB3"/>
          <w:p w:rsidR="00156FB3" w:rsidRDefault="00156FB3" w:rsidP="00156FB3">
            <w:r>
              <w:t xml:space="preserve">  /** Used to detect strings that need a more robust regexp to match words. */</w:t>
            </w:r>
          </w:p>
          <w:p w:rsidR="00156FB3" w:rsidRDefault="00156FB3" w:rsidP="00156FB3">
            <w:r>
              <w:t xml:space="preserve">  var reHasUnicodeWord = /[a-z][A-Z]|[A-Z]{2}[a-z]|[0-9][a-zA-Z]|[a-zA-Z][0-9]|[^a-zA-Z0-9 ]/;</w:t>
            </w:r>
          </w:p>
          <w:p w:rsidR="00156FB3" w:rsidRDefault="00156FB3" w:rsidP="00156FB3"/>
          <w:p w:rsidR="00156FB3" w:rsidRDefault="00156FB3" w:rsidP="00156FB3">
            <w:r>
              <w:t xml:space="preserve">  /** Used to assign default `context` object properties. */</w:t>
            </w:r>
          </w:p>
          <w:p w:rsidR="00156FB3" w:rsidRDefault="00156FB3" w:rsidP="00156FB3">
            <w:r>
              <w:t xml:space="preserve">  var contextProps = [</w:t>
            </w:r>
          </w:p>
          <w:p w:rsidR="00156FB3" w:rsidRDefault="00156FB3" w:rsidP="00156FB3">
            <w:r>
              <w:t xml:space="preserve">    'Array', 'Buffer', 'DataView', 'Date', 'Error', 'Float32Array', 'Float64Array',</w:t>
            </w:r>
          </w:p>
          <w:p w:rsidR="00156FB3" w:rsidRDefault="00156FB3" w:rsidP="00156FB3">
            <w:r>
              <w:t xml:space="preserve">    'Function', 'Int8Array', 'Int16Array', 'Int32Array', 'Map', 'Math', 'Object',</w:t>
            </w:r>
          </w:p>
          <w:p w:rsidR="00156FB3" w:rsidRDefault="00156FB3" w:rsidP="00156FB3">
            <w:r>
              <w:t xml:space="preserve">    'Promise', 'RegExp', 'Set', 'String', 'Symbol', 'TypeError', 'Uint8Array',</w:t>
            </w:r>
          </w:p>
          <w:p w:rsidR="00156FB3" w:rsidRDefault="00156FB3" w:rsidP="00156FB3">
            <w:r>
              <w:t xml:space="preserve">    'Uint8ClampedArray', 'Uint16Array', 'Uint32Array', 'WeakMap',</w:t>
            </w:r>
          </w:p>
          <w:p w:rsidR="00156FB3" w:rsidRDefault="00156FB3" w:rsidP="00156FB3">
            <w:r>
              <w:t xml:space="preserve">    '_', 'clearTimeout', 'isFinite', 'parseInt', 'setTimeout'</w:t>
            </w:r>
          </w:p>
          <w:p w:rsidR="00156FB3" w:rsidRDefault="00156FB3" w:rsidP="00156FB3">
            <w:r>
              <w:t xml:space="preserve">  ];</w:t>
            </w:r>
          </w:p>
          <w:p w:rsidR="00156FB3" w:rsidRDefault="00156FB3" w:rsidP="00156FB3"/>
          <w:p w:rsidR="00156FB3" w:rsidRDefault="00156FB3" w:rsidP="00156FB3">
            <w:r>
              <w:t xml:space="preserve">  /** Used to make template sourceURLs easier to identify. */</w:t>
            </w:r>
          </w:p>
          <w:p w:rsidR="00156FB3" w:rsidRDefault="00156FB3" w:rsidP="00156FB3">
            <w:r>
              <w:t xml:space="preserve">  var templateCounter = -1;</w:t>
            </w:r>
          </w:p>
          <w:p w:rsidR="00156FB3" w:rsidRDefault="00156FB3" w:rsidP="00156FB3"/>
          <w:p w:rsidR="00156FB3" w:rsidRDefault="00156FB3" w:rsidP="00156FB3">
            <w:r>
              <w:t xml:space="preserve">  /** Used to identify `toStringTag` values of typed arrays. */</w:t>
            </w:r>
          </w:p>
          <w:p w:rsidR="00156FB3" w:rsidRDefault="00156FB3" w:rsidP="00156FB3">
            <w:r>
              <w:t xml:space="preserve">  var typedArrayTags = {};</w:t>
            </w:r>
          </w:p>
          <w:p w:rsidR="00156FB3" w:rsidRDefault="00156FB3" w:rsidP="00156FB3">
            <w:r>
              <w:t xml:space="preserve">  typedArrayTags[float32Tag] = typedArrayTags[float64Tag] =</w:t>
            </w:r>
          </w:p>
          <w:p w:rsidR="00156FB3" w:rsidRDefault="00156FB3" w:rsidP="00156FB3">
            <w:r>
              <w:t xml:space="preserve">  typedArrayTags[int8Tag] = typedArrayTags[int16Tag] =</w:t>
            </w:r>
          </w:p>
          <w:p w:rsidR="00156FB3" w:rsidRDefault="00156FB3" w:rsidP="00156FB3">
            <w:r>
              <w:t xml:space="preserve">  typedArrayTags[int32Tag] = typedArrayTags[uint8Tag] =</w:t>
            </w:r>
          </w:p>
          <w:p w:rsidR="00156FB3" w:rsidRDefault="00156FB3" w:rsidP="00156FB3">
            <w:r>
              <w:t xml:space="preserve">  typedArrayTags[uint8ClampedTag] = typedArrayTags[uint16Tag] =</w:t>
            </w:r>
          </w:p>
          <w:p w:rsidR="00156FB3" w:rsidRDefault="00156FB3" w:rsidP="00156FB3">
            <w:r>
              <w:t xml:space="preserve">  typedArrayTags[uint32Tag] = true;</w:t>
            </w:r>
          </w:p>
          <w:p w:rsidR="00156FB3" w:rsidRDefault="00156FB3" w:rsidP="00156FB3">
            <w:r>
              <w:t xml:space="preserve">  typedArrayTags[argsTag] = typedArrayTags[arrayTag] =</w:t>
            </w:r>
          </w:p>
          <w:p w:rsidR="00156FB3" w:rsidRDefault="00156FB3" w:rsidP="00156FB3">
            <w:r>
              <w:t xml:space="preserve">  typedArrayTags[arrayBufferTag] = typedArrayTags[boolTag] =</w:t>
            </w:r>
          </w:p>
          <w:p w:rsidR="00156FB3" w:rsidRDefault="00156FB3" w:rsidP="00156FB3">
            <w:r>
              <w:t xml:space="preserve">  typedArrayTags[dataViewTag] = typedArrayTags[dateTag] =</w:t>
            </w:r>
          </w:p>
          <w:p w:rsidR="00156FB3" w:rsidRDefault="00156FB3" w:rsidP="00156FB3">
            <w:r>
              <w:t xml:space="preserve">  typedArrayTags[errorTag] = typedArrayTags[funcTag] =</w:t>
            </w:r>
          </w:p>
          <w:p w:rsidR="00156FB3" w:rsidRDefault="00156FB3" w:rsidP="00156FB3">
            <w:r>
              <w:t xml:space="preserve">  typedArrayTags[mapTag] = typedArrayTags[numberTag] =</w:t>
            </w:r>
          </w:p>
          <w:p w:rsidR="00156FB3" w:rsidRDefault="00156FB3" w:rsidP="00156FB3">
            <w:r>
              <w:t xml:space="preserve">  typedArrayTags[objectTag] = typedArrayTags[regexpTag] =</w:t>
            </w:r>
          </w:p>
          <w:p w:rsidR="00156FB3" w:rsidRDefault="00156FB3" w:rsidP="00156FB3">
            <w:r>
              <w:t xml:space="preserve">  typedArrayTags[setTag] = typedArrayTags[stringTag] =</w:t>
            </w:r>
          </w:p>
          <w:p w:rsidR="00156FB3" w:rsidRDefault="00156FB3" w:rsidP="00156FB3">
            <w:r>
              <w:t xml:space="preserve">  typedArrayTags[weakMapTag] = false;</w:t>
            </w:r>
          </w:p>
          <w:p w:rsidR="00156FB3" w:rsidRDefault="00156FB3" w:rsidP="00156FB3"/>
          <w:p w:rsidR="00156FB3" w:rsidRDefault="00156FB3" w:rsidP="00156FB3">
            <w:r>
              <w:t xml:space="preserve">  /** Used to identify `toStringTag` values supported by `_.clone`. */</w:t>
            </w:r>
          </w:p>
          <w:p w:rsidR="00156FB3" w:rsidRDefault="00156FB3" w:rsidP="00156FB3">
            <w:r>
              <w:t xml:space="preserve">  var cloneableTags = {};</w:t>
            </w:r>
          </w:p>
          <w:p w:rsidR="00156FB3" w:rsidRDefault="00156FB3" w:rsidP="00156FB3">
            <w:r>
              <w:t xml:space="preserve">  cloneableTags[argsTag] = cloneableTags[arrayTag] =</w:t>
            </w:r>
          </w:p>
          <w:p w:rsidR="00156FB3" w:rsidRDefault="00156FB3" w:rsidP="00156FB3">
            <w:r>
              <w:t xml:space="preserve">  cloneableTags[arrayBufferTag] = cloneableTags[dataViewTag] =</w:t>
            </w:r>
          </w:p>
          <w:p w:rsidR="00156FB3" w:rsidRDefault="00156FB3" w:rsidP="00156FB3">
            <w:r>
              <w:t xml:space="preserve">  cloneableTags[boolTag] = cloneableTags[dateTag] =</w:t>
            </w:r>
          </w:p>
          <w:p w:rsidR="00156FB3" w:rsidRDefault="00156FB3" w:rsidP="00156FB3">
            <w:r>
              <w:lastRenderedPageBreak/>
              <w:t xml:space="preserve">  cloneableTags[float32Tag] = cloneableTags[float64Tag] =</w:t>
            </w:r>
          </w:p>
          <w:p w:rsidR="00156FB3" w:rsidRDefault="00156FB3" w:rsidP="00156FB3">
            <w:r>
              <w:t xml:space="preserve">  cloneableTags[int8Tag] = cloneableTags[int16Tag] =</w:t>
            </w:r>
          </w:p>
          <w:p w:rsidR="00156FB3" w:rsidRDefault="00156FB3" w:rsidP="00156FB3">
            <w:r>
              <w:t xml:space="preserve">  cloneableTags[int32Tag] = cloneableTags[mapTag] =</w:t>
            </w:r>
          </w:p>
          <w:p w:rsidR="00156FB3" w:rsidRDefault="00156FB3" w:rsidP="00156FB3">
            <w:r>
              <w:t xml:space="preserve">  cloneableTags[numberTag] = cloneableTags[objectTag] =</w:t>
            </w:r>
          </w:p>
          <w:p w:rsidR="00156FB3" w:rsidRDefault="00156FB3" w:rsidP="00156FB3">
            <w:r>
              <w:t xml:space="preserve">  cloneableTags[regexpTag] = cloneableTags[setTag] =</w:t>
            </w:r>
          </w:p>
          <w:p w:rsidR="00156FB3" w:rsidRDefault="00156FB3" w:rsidP="00156FB3">
            <w:r>
              <w:t xml:space="preserve">  cloneableTags[stringTag] = cloneableTags[symbolTag] =</w:t>
            </w:r>
          </w:p>
          <w:p w:rsidR="00156FB3" w:rsidRDefault="00156FB3" w:rsidP="00156FB3">
            <w:r>
              <w:t xml:space="preserve">  cloneableTags[uint8Tag] = cloneableTags[uint8ClampedTag] =</w:t>
            </w:r>
          </w:p>
          <w:p w:rsidR="00156FB3" w:rsidRDefault="00156FB3" w:rsidP="00156FB3">
            <w:r>
              <w:t xml:space="preserve">  cloneableTags[uint16Tag] = cloneableTags[uint32Tag] = true;</w:t>
            </w:r>
          </w:p>
          <w:p w:rsidR="00156FB3" w:rsidRDefault="00156FB3" w:rsidP="00156FB3">
            <w:r>
              <w:t xml:space="preserve">  cloneableTags[errorTag] = cloneableTags[funcTag] =</w:t>
            </w:r>
          </w:p>
          <w:p w:rsidR="00156FB3" w:rsidRDefault="00156FB3" w:rsidP="00156FB3">
            <w:r>
              <w:t xml:space="preserve">  cloneableTags[weakMapTag] = false;</w:t>
            </w:r>
          </w:p>
          <w:p w:rsidR="00156FB3" w:rsidRDefault="00156FB3" w:rsidP="00156FB3"/>
          <w:p w:rsidR="00156FB3" w:rsidRDefault="00156FB3" w:rsidP="00156FB3">
            <w:r>
              <w:t xml:space="preserve">  /** Used to map Latin Unicode letters to basic Latin letters. */</w:t>
            </w:r>
          </w:p>
          <w:p w:rsidR="00156FB3" w:rsidRDefault="00156FB3" w:rsidP="00156FB3">
            <w:r>
              <w:t xml:space="preserve">  var deburredLetters = {</w:t>
            </w:r>
          </w:p>
          <w:p w:rsidR="00156FB3" w:rsidRDefault="00156FB3" w:rsidP="00156FB3">
            <w:r>
              <w:t xml:space="preserve">    // Latin-1 Supplement block.</w:t>
            </w:r>
          </w:p>
          <w:p w:rsidR="00156FB3" w:rsidRDefault="00156FB3" w:rsidP="00156FB3">
            <w:r>
              <w:t xml:space="preserve">    '\xc0': 'A',  '\xc1': 'A', '\xc2': 'A', '\xc3': 'A', '\xc4': 'A', '\xc5': 'A',</w:t>
            </w:r>
          </w:p>
          <w:p w:rsidR="00156FB3" w:rsidRDefault="00156FB3" w:rsidP="00156FB3">
            <w:r>
              <w:t xml:space="preserve">    '\xe0': 'a',  '\xe1': 'a', '\xe2': 'a', '\xe3': 'a', '\xe4': 'a', '\xe5': 'a',</w:t>
            </w:r>
          </w:p>
          <w:p w:rsidR="00156FB3" w:rsidRDefault="00156FB3" w:rsidP="00156FB3">
            <w:r>
              <w:t xml:space="preserve">    '\xc7': 'C',  '\xe7': 'c',</w:t>
            </w:r>
          </w:p>
          <w:p w:rsidR="00156FB3" w:rsidRDefault="00156FB3" w:rsidP="00156FB3">
            <w:r>
              <w:t xml:space="preserve">    '\xd0': 'D',  '\xf0': 'd',</w:t>
            </w:r>
          </w:p>
          <w:p w:rsidR="00156FB3" w:rsidRDefault="00156FB3" w:rsidP="00156FB3">
            <w:r>
              <w:t xml:space="preserve">    '\xc8': 'E',  '\xc9': 'E', '\xca': 'E', '\xcb': 'E',</w:t>
            </w:r>
          </w:p>
          <w:p w:rsidR="00156FB3" w:rsidRDefault="00156FB3" w:rsidP="00156FB3">
            <w:r>
              <w:t xml:space="preserve">    '\xe8': 'e',  '\xe9': 'e', '\xea': 'e', '\xeb': 'e',</w:t>
            </w:r>
          </w:p>
          <w:p w:rsidR="00156FB3" w:rsidRDefault="00156FB3" w:rsidP="00156FB3">
            <w:r>
              <w:t xml:space="preserve">    '\xcc': 'I',  '\xcd': 'I', '\xce': 'I', '\xcf': 'I',</w:t>
            </w:r>
          </w:p>
          <w:p w:rsidR="00156FB3" w:rsidRDefault="00156FB3" w:rsidP="00156FB3">
            <w:r>
              <w:t xml:space="preserve">    '\xec': 'i',  '\xed': 'i', '\xee': 'i', '\xef': 'i',</w:t>
            </w:r>
          </w:p>
          <w:p w:rsidR="00156FB3" w:rsidRDefault="00156FB3" w:rsidP="00156FB3">
            <w:r>
              <w:t xml:space="preserve">    '\xd1': 'N',  '\xf1': 'n',</w:t>
            </w:r>
          </w:p>
          <w:p w:rsidR="00156FB3" w:rsidRDefault="00156FB3" w:rsidP="00156FB3">
            <w:r>
              <w:t xml:space="preserve">    '\xd2': 'O',  '\xd3': 'O', '\xd4': 'O', '\xd5': 'O', '\xd6': 'O', '\xd8': 'O',</w:t>
            </w:r>
          </w:p>
          <w:p w:rsidR="00156FB3" w:rsidRDefault="00156FB3" w:rsidP="00156FB3">
            <w:r>
              <w:t xml:space="preserve">    '\xf2': 'o',  '\xf3': 'o', '\xf4': 'o', '\xf5': 'o', '\xf6': 'o', '\xf8': 'o',</w:t>
            </w:r>
          </w:p>
          <w:p w:rsidR="00156FB3" w:rsidRDefault="00156FB3" w:rsidP="00156FB3">
            <w:r>
              <w:t xml:space="preserve">    '\xd9': 'U',  '\xda': 'U', '\xdb': 'U', '\xdc': 'U',</w:t>
            </w:r>
          </w:p>
          <w:p w:rsidR="00156FB3" w:rsidRDefault="00156FB3" w:rsidP="00156FB3">
            <w:r>
              <w:t xml:space="preserve">    '\xf9': 'u',  '\xfa': 'u', '\xfb': 'u', '\xfc': 'u',</w:t>
            </w:r>
          </w:p>
          <w:p w:rsidR="00156FB3" w:rsidRDefault="00156FB3" w:rsidP="00156FB3">
            <w:r>
              <w:t xml:space="preserve">    '\xdd': 'Y',  '\xfd': 'y', '\xff': 'y',</w:t>
            </w:r>
          </w:p>
          <w:p w:rsidR="00156FB3" w:rsidRDefault="00156FB3" w:rsidP="00156FB3">
            <w:r>
              <w:t xml:space="preserve">    '\xc6': 'Ae', '\xe6': 'ae',</w:t>
            </w:r>
          </w:p>
          <w:p w:rsidR="00156FB3" w:rsidRDefault="00156FB3" w:rsidP="00156FB3">
            <w:r>
              <w:t xml:space="preserve">    '\xde': 'Th', '\xfe': 'th',</w:t>
            </w:r>
          </w:p>
          <w:p w:rsidR="00156FB3" w:rsidRDefault="00156FB3" w:rsidP="00156FB3">
            <w:r>
              <w:t xml:space="preserve">    '\xdf': 'ss',</w:t>
            </w:r>
          </w:p>
          <w:p w:rsidR="00156FB3" w:rsidRDefault="00156FB3" w:rsidP="00156FB3">
            <w:r>
              <w:t xml:space="preserve">    // Latin Extended-A block.</w:t>
            </w:r>
          </w:p>
          <w:p w:rsidR="00156FB3" w:rsidRDefault="00156FB3" w:rsidP="00156FB3">
            <w:r>
              <w:t xml:space="preserve">    '\u0100': 'A',  '\u0102': 'A', '\u0104': 'A',</w:t>
            </w:r>
          </w:p>
          <w:p w:rsidR="00156FB3" w:rsidRDefault="00156FB3" w:rsidP="00156FB3">
            <w:r>
              <w:t xml:space="preserve">    '\u0101': 'a',  '\u0103': 'a', '\u0105': 'a',</w:t>
            </w:r>
          </w:p>
          <w:p w:rsidR="00156FB3" w:rsidRDefault="00156FB3" w:rsidP="00156FB3">
            <w:r>
              <w:t xml:space="preserve">    '\u0106': 'C',  '\u0108': 'C', '\u010a': 'C', '\u010c': 'C',</w:t>
            </w:r>
          </w:p>
          <w:p w:rsidR="00156FB3" w:rsidRDefault="00156FB3" w:rsidP="00156FB3">
            <w:r>
              <w:t xml:space="preserve">    '\u0107': 'c',  '\u0109': 'c', '\u010b': 'c', '\u010d': 'c',</w:t>
            </w:r>
          </w:p>
          <w:p w:rsidR="00156FB3" w:rsidRDefault="00156FB3" w:rsidP="00156FB3">
            <w:r>
              <w:t xml:space="preserve">    '\u010e': 'D',  '\u0110': 'D', '\u010f': 'd', '\u0111': 'd',</w:t>
            </w:r>
          </w:p>
          <w:p w:rsidR="00156FB3" w:rsidRDefault="00156FB3" w:rsidP="00156FB3">
            <w:r>
              <w:t xml:space="preserve">    '\u0112': 'E',  '\u0114': 'E', '\u0116': 'E', '\u0118': 'E', '\u011a': 'E',</w:t>
            </w:r>
          </w:p>
          <w:p w:rsidR="00156FB3" w:rsidRDefault="00156FB3" w:rsidP="00156FB3">
            <w:r>
              <w:t xml:space="preserve">    '\u0113': 'e',  '\u0115': 'e', '\u0117': 'e', '\u0119': 'e', '\u011b': 'e',</w:t>
            </w:r>
          </w:p>
          <w:p w:rsidR="00156FB3" w:rsidRDefault="00156FB3" w:rsidP="00156FB3">
            <w:r>
              <w:t xml:space="preserve">    '\u011c': 'G',  '\u011e': 'G', '\u0120': 'G', '\u0122': 'G',</w:t>
            </w:r>
          </w:p>
          <w:p w:rsidR="00156FB3" w:rsidRDefault="00156FB3" w:rsidP="00156FB3">
            <w:r>
              <w:t xml:space="preserve">    '\u011d': 'g',  '\u011f': 'g', '\u0121': 'g', '\u0123': 'g',</w:t>
            </w:r>
          </w:p>
          <w:p w:rsidR="00156FB3" w:rsidRDefault="00156FB3" w:rsidP="00156FB3">
            <w:r>
              <w:t xml:space="preserve">    '\u0124': 'H',  '\u0126': 'H', '\u0125': 'h', '\u0127': 'h',</w:t>
            </w:r>
          </w:p>
          <w:p w:rsidR="00156FB3" w:rsidRDefault="00156FB3" w:rsidP="00156FB3">
            <w:r>
              <w:t xml:space="preserve">    '\u0128': 'I',  '\u012a': 'I', '\u012c': 'I', '\u012e': 'I', '\u0130': 'I',</w:t>
            </w:r>
          </w:p>
          <w:p w:rsidR="00156FB3" w:rsidRDefault="00156FB3" w:rsidP="00156FB3">
            <w:r>
              <w:t xml:space="preserve">    '\u0129': 'i',  '\u012b': 'i', '\u012d': 'i', '\u012f': 'i', '\u0131': 'i',</w:t>
            </w:r>
          </w:p>
          <w:p w:rsidR="00156FB3" w:rsidRDefault="00156FB3" w:rsidP="00156FB3">
            <w:r>
              <w:t xml:space="preserve">    '\u0134': 'J',  '\u0135': 'j',</w:t>
            </w:r>
          </w:p>
          <w:p w:rsidR="00156FB3" w:rsidRDefault="00156FB3" w:rsidP="00156FB3">
            <w:r>
              <w:t xml:space="preserve">    '\u0136': 'K',  '\u0137': 'k', '\u0138': 'k',</w:t>
            </w:r>
          </w:p>
          <w:p w:rsidR="00156FB3" w:rsidRDefault="00156FB3" w:rsidP="00156FB3">
            <w:r>
              <w:t xml:space="preserve">    '\u0139': 'L',  '\u013b': 'L', '\u013d': 'L', '\u013f': 'L', '\u0141': 'L',</w:t>
            </w:r>
          </w:p>
          <w:p w:rsidR="00156FB3" w:rsidRDefault="00156FB3" w:rsidP="00156FB3">
            <w:r>
              <w:t xml:space="preserve">    '\u013a': 'l',  '\u013c': 'l', '\u013e': 'l', '\u0140': 'l', '\u0142': 'l',</w:t>
            </w:r>
          </w:p>
          <w:p w:rsidR="00156FB3" w:rsidRDefault="00156FB3" w:rsidP="00156FB3">
            <w:r>
              <w:lastRenderedPageBreak/>
              <w:t xml:space="preserve">    '\u0143': 'N',  '\u0145': 'N', '\u0147': 'N', '\u014a': 'N',</w:t>
            </w:r>
          </w:p>
          <w:p w:rsidR="00156FB3" w:rsidRDefault="00156FB3" w:rsidP="00156FB3">
            <w:r>
              <w:t xml:space="preserve">    '\u0144': 'n',  '\u0146': 'n', '\u0148': 'n', '\u014b': 'n',</w:t>
            </w:r>
          </w:p>
          <w:p w:rsidR="00156FB3" w:rsidRDefault="00156FB3" w:rsidP="00156FB3">
            <w:r>
              <w:t xml:space="preserve">    '\u014c': 'O',  '\u014e': 'O', '\u0150': 'O',</w:t>
            </w:r>
          </w:p>
          <w:p w:rsidR="00156FB3" w:rsidRDefault="00156FB3" w:rsidP="00156FB3">
            <w:r>
              <w:t xml:space="preserve">    '\u014d': 'o',  '\u014f': 'o', '\u0151': 'o',</w:t>
            </w:r>
          </w:p>
          <w:p w:rsidR="00156FB3" w:rsidRDefault="00156FB3" w:rsidP="00156FB3">
            <w:r>
              <w:t xml:space="preserve">    '\u0154': 'R',  '\u0156': 'R', '\u0158': 'R',</w:t>
            </w:r>
          </w:p>
          <w:p w:rsidR="00156FB3" w:rsidRDefault="00156FB3" w:rsidP="00156FB3">
            <w:r>
              <w:t xml:space="preserve">    '\u0155': 'r',  '\u0157': 'r', '\u0159': 'r',</w:t>
            </w:r>
          </w:p>
          <w:p w:rsidR="00156FB3" w:rsidRDefault="00156FB3" w:rsidP="00156FB3">
            <w:r>
              <w:t xml:space="preserve">    '\u015a': 'S',  '\u015c': 'S', '\u015e': 'S', '\u0160': 'S',</w:t>
            </w:r>
          </w:p>
          <w:p w:rsidR="00156FB3" w:rsidRDefault="00156FB3" w:rsidP="00156FB3">
            <w:r>
              <w:t xml:space="preserve">    '\u015b': 's',  '\u015d': 's', '\u015f': 's', '\u0161': 's',</w:t>
            </w:r>
          </w:p>
          <w:p w:rsidR="00156FB3" w:rsidRDefault="00156FB3" w:rsidP="00156FB3">
            <w:r>
              <w:t xml:space="preserve">    '\u0162': 'T',  '\u0164': 'T', '\u0166': 'T',</w:t>
            </w:r>
          </w:p>
          <w:p w:rsidR="00156FB3" w:rsidRDefault="00156FB3" w:rsidP="00156FB3">
            <w:r>
              <w:t xml:space="preserve">    '\u0163': 't',  '\u0165': 't', '\u0167': 't',</w:t>
            </w:r>
          </w:p>
          <w:p w:rsidR="00156FB3" w:rsidRDefault="00156FB3" w:rsidP="00156FB3">
            <w:r>
              <w:t xml:space="preserve">    '\u0168': 'U',  '\u016a': 'U', '\u016c': 'U', '\u016e': 'U', '\u0170': 'U', '\u0172': 'U',</w:t>
            </w:r>
          </w:p>
          <w:p w:rsidR="00156FB3" w:rsidRDefault="00156FB3" w:rsidP="00156FB3">
            <w:r>
              <w:t xml:space="preserve">    '\u0169': 'u',  '\u016b': 'u', '\u016d': 'u', '\u016f': 'u', '\u0171': 'u', '\u0173': 'u',</w:t>
            </w:r>
          </w:p>
          <w:p w:rsidR="00156FB3" w:rsidRDefault="00156FB3" w:rsidP="00156FB3">
            <w:r>
              <w:t xml:space="preserve">    '\u0174': 'W',  '\u0175': 'w',</w:t>
            </w:r>
          </w:p>
          <w:p w:rsidR="00156FB3" w:rsidRDefault="00156FB3" w:rsidP="00156FB3">
            <w:r>
              <w:t xml:space="preserve">    '\u0176': 'Y',  '\u0177': 'y', '\u0178': 'Y',</w:t>
            </w:r>
          </w:p>
          <w:p w:rsidR="00156FB3" w:rsidRDefault="00156FB3" w:rsidP="00156FB3">
            <w:r>
              <w:t xml:space="preserve">    '\u0179': 'Z',  '\u017b': 'Z', '\u017d': 'Z',</w:t>
            </w:r>
          </w:p>
          <w:p w:rsidR="00156FB3" w:rsidRDefault="00156FB3" w:rsidP="00156FB3">
            <w:r>
              <w:t xml:space="preserve">    '\u017a': 'z',  '\u017c': 'z', '\u017e': 'z',</w:t>
            </w:r>
          </w:p>
          <w:p w:rsidR="00156FB3" w:rsidRDefault="00156FB3" w:rsidP="00156FB3">
            <w:r>
              <w:t xml:space="preserve">    '\u0132': 'IJ', '\u0133': 'ij',</w:t>
            </w:r>
          </w:p>
          <w:p w:rsidR="00156FB3" w:rsidRDefault="00156FB3" w:rsidP="00156FB3">
            <w:r>
              <w:t xml:space="preserve">    '\u0152': 'Oe', '\u0153': 'oe',</w:t>
            </w:r>
          </w:p>
          <w:p w:rsidR="00156FB3" w:rsidRDefault="00156FB3" w:rsidP="00156FB3">
            <w:r>
              <w:t xml:space="preserve">    '\u0149': "'n", '\u017f': 's'</w:t>
            </w:r>
          </w:p>
          <w:p w:rsidR="00156FB3" w:rsidRDefault="00156FB3" w:rsidP="00156FB3">
            <w:r>
              <w:t xml:space="preserve">  };</w:t>
            </w:r>
          </w:p>
          <w:p w:rsidR="00156FB3" w:rsidRDefault="00156FB3" w:rsidP="00156FB3"/>
          <w:p w:rsidR="00156FB3" w:rsidRDefault="00156FB3" w:rsidP="00156FB3">
            <w:r>
              <w:t xml:space="preserve">  /** Used to map characters to HTML entities. */</w:t>
            </w:r>
          </w:p>
          <w:p w:rsidR="00156FB3" w:rsidRDefault="00156FB3" w:rsidP="00156FB3">
            <w:r>
              <w:t xml:space="preserve">  var htmlEscapes = {</w:t>
            </w:r>
          </w:p>
          <w:p w:rsidR="00156FB3" w:rsidRDefault="00156FB3" w:rsidP="00156FB3">
            <w:r>
              <w:t xml:space="preserve">    '&amp;': '&amp;amp;',</w:t>
            </w:r>
          </w:p>
          <w:p w:rsidR="00156FB3" w:rsidRDefault="00156FB3" w:rsidP="00156FB3">
            <w:r>
              <w:t xml:space="preserve">    '&lt;': '&amp;lt;',</w:t>
            </w:r>
          </w:p>
          <w:p w:rsidR="00156FB3" w:rsidRDefault="00156FB3" w:rsidP="00156FB3">
            <w:r>
              <w:t xml:space="preserve">    '&gt;': '&amp;gt;',</w:t>
            </w:r>
          </w:p>
          <w:p w:rsidR="00156FB3" w:rsidRDefault="00156FB3" w:rsidP="00156FB3">
            <w:r>
              <w:t xml:space="preserve">    '"': '&amp;quot;',</w:t>
            </w:r>
          </w:p>
          <w:p w:rsidR="00156FB3" w:rsidRDefault="00156FB3" w:rsidP="00156FB3">
            <w:r>
              <w:t xml:space="preserve">    "'": '&amp;#39;'</w:t>
            </w:r>
          </w:p>
          <w:p w:rsidR="00156FB3" w:rsidRDefault="00156FB3" w:rsidP="00156FB3">
            <w:r>
              <w:t xml:space="preserve">  };</w:t>
            </w:r>
          </w:p>
          <w:p w:rsidR="00156FB3" w:rsidRDefault="00156FB3" w:rsidP="00156FB3"/>
          <w:p w:rsidR="00156FB3" w:rsidRDefault="00156FB3" w:rsidP="00156FB3">
            <w:r>
              <w:t xml:space="preserve">  /** Used to map HTML entities to characters. */</w:t>
            </w:r>
          </w:p>
          <w:p w:rsidR="00156FB3" w:rsidRDefault="00156FB3" w:rsidP="00156FB3">
            <w:r>
              <w:t xml:space="preserve">  var htmlUnescapes = {</w:t>
            </w:r>
          </w:p>
          <w:p w:rsidR="00156FB3" w:rsidRDefault="00156FB3" w:rsidP="00156FB3">
            <w:r>
              <w:t xml:space="preserve">    '&amp;amp;': '&amp;',</w:t>
            </w:r>
          </w:p>
          <w:p w:rsidR="00156FB3" w:rsidRDefault="00156FB3" w:rsidP="00156FB3">
            <w:r>
              <w:t xml:space="preserve">    '&amp;lt;': '&lt;',</w:t>
            </w:r>
          </w:p>
          <w:p w:rsidR="00156FB3" w:rsidRDefault="00156FB3" w:rsidP="00156FB3">
            <w:r>
              <w:t xml:space="preserve">    '&amp;gt;': '&gt;',</w:t>
            </w:r>
          </w:p>
          <w:p w:rsidR="00156FB3" w:rsidRDefault="00156FB3" w:rsidP="00156FB3">
            <w:r>
              <w:t xml:space="preserve">    '&amp;quot;': '"',</w:t>
            </w:r>
          </w:p>
          <w:p w:rsidR="00156FB3" w:rsidRDefault="00156FB3" w:rsidP="00156FB3">
            <w:r>
              <w:t xml:space="preserve">    '&amp;#39;': "'"</w:t>
            </w:r>
          </w:p>
          <w:p w:rsidR="00156FB3" w:rsidRDefault="00156FB3" w:rsidP="00156FB3">
            <w:r>
              <w:t xml:space="preserve">  };</w:t>
            </w:r>
          </w:p>
          <w:p w:rsidR="00156FB3" w:rsidRDefault="00156FB3" w:rsidP="00156FB3"/>
          <w:p w:rsidR="00156FB3" w:rsidRDefault="00156FB3" w:rsidP="00156FB3">
            <w:r>
              <w:t xml:space="preserve">  /** Used to escape characters for inclusion in compiled string literals. */</w:t>
            </w:r>
          </w:p>
          <w:p w:rsidR="00156FB3" w:rsidRDefault="00156FB3" w:rsidP="00156FB3">
            <w:r>
              <w:t xml:space="preserve">  var stringEscapes = {</w:t>
            </w:r>
          </w:p>
          <w:p w:rsidR="00156FB3" w:rsidRDefault="00156FB3" w:rsidP="00156FB3">
            <w:r>
              <w:t xml:space="preserve">    '\\': '\\',</w:t>
            </w:r>
          </w:p>
          <w:p w:rsidR="00156FB3" w:rsidRDefault="00156FB3" w:rsidP="00156FB3">
            <w:r>
              <w:t xml:space="preserve">    "'": "'",</w:t>
            </w:r>
          </w:p>
          <w:p w:rsidR="00156FB3" w:rsidRDefault="00156FB3" w:rsidP="00156FB3">
            <w:r>
              <w:t xml:space="preserve">    '\n': 'n',</w:t>
            </w:r>
          </w:p>
          <w:p w:rsidR="00156FB3" w:rsidRDefault="00156FB3" w:rsidP="00156FB3">
            <w:r>
              <w:t xml:space="preserve">    '\r': 'r',</w:t>
            </w:r>
          </w:p>
          <w:p w:rsidR="00156FB3" w:rsidRDefault="00156FB3" w:rsidP="00156FB3">
            <w:r>
              <w:t xml:space="preserve">    '\u2028': 'u2028',</w:t>
            </w:r>
          </w:p>
          <w:p w:rsidR="00156FB3" w:rsidRDefault="00156FB3" w:rsidP="00156FB3">
            <w:r>
              <w:t xml:space="preserve">    '\u2029': 'u2029'</w:t>
            </w:r>
          </w:p>
          <w:p w:rsidR="00156FB3" w:rsidRDefault="00156FB3" w:rsidP="00156FB3">
            <w:r>
              <w:t xml:space="preserve">  };</w:t>
            </w:r>
          </w:p>
          <w:p w:rsidR="00156FB3" w:rsidRDefault="00156FB3" w:rsidP="00156FB3"/>
          <w:p w:rsidR="00156FB3" w:rsidRDefault="00156FB3" w:rsidP="00156FB3">
            <w:r>
              <w:t xml:space="preserve">  /** Built-in method references without a dependency on `root`. */</w:t>
            </w:r>
          </w:p>
          <w:p w:rsidR="00156FB3" w:rsidRDefault="00156FB3" w:rsidP="00156FB3">
            <w:r>
              <w:t xml:space="preserve">  var freeParseFloat = parseFloat,</w:t>
            </w:r>
          </w:p>
          <w:p w:rsidR="00156FB3" w:rsidRDefault="00156FB3" w:rsidP="00156FB3">
            <w:r>
              <w:t xml:space="preserve">      freeParseInt = parseInt;</w:t>
            </w:r>
          </w:p>
          <w:p w:rsidR="00156FB3" w:rsidRDefault="00156FB3" w:rsidP="00156FB3"/>
          <w:p w:rsidR="00156FB3" w:rsidRDefault="00156FB3" w:rsidP="00156FB3">
            <w:r>
              <w:t xml:space="preserve">  /** Detect free variable `global` from Node.js. */</w:t>
            </w:r>
          </w:p>
          <w:p w:rsidR="00156FB3" w:rsidRDefault="00156FB3" w:rsidP="00156FB3">
            <w:r>
              <w:t xml:space="preserve">  var freeGlobal = typeof global == 'object' &amp;&amp; global &amp;&amp; global.Object === Object &amp;&amp; global;</w:t>
            </w:r>
          </w:p>
          <w:p w:rsidR="00156FB3" w:rsidRDefault="00156FB3" w:rsidP="00156FB3"/>
          <w:p w:rsidR="00156FB3" w:rsidRDefault="00156FB3" w:rsidP="00156FB3">
            <w:r>
              <w:t xml:space="preserve">  /** Detect free variable `self`. */</w:t>
            </w:r>
          </w:p>
          <w:p w:rsidR="00156FB3" w:rsidRDefault="00156FB3" w:rsidP="00156FB3">
            <w:r>
              <w:t xml:space="preserve">  var freeSelf = typeof self == 'object' &amp;&amp; self &amp;&amp; self.Object === Object &amp;&amp; self;</w:t>
            </w:r>
          </w:p>
          <w:p w:rsidR="00156FB3" w:rsidRDefault="00156FB3" w:rsidP="00156FB3"/>
          <w:p w:rsidR="00156FB3" w:rsidRDefault="00156FB3" w:rsidP="00156FB3">
            <w:r>
              <w:t xml:space="preserve">  /** Used as a reference to the global object. */</w:t>
            </w:r>
          </w:p>
          <w:p w:rsidR="00156FB3" w:rsidRDefault="00156FB3" w:rsidP="00156FB3">
            <w:r>
              <w:t xml:space="preserve">  var root = freeGlobal || freeSelf || Function('return this')();</w:t>
            </w:r>
          </w:p>
          <w:p w:rsidR="00156FB3" w:rsidRDefault="00156FB3" w:rsidP="00156FB3"/>
          <w:p w:rsidR="00156FB3" w:rsidRDefault="00156FB3" w:rsidP="00156FB3">
            <w:r>
              <w:t xml:space="preserve">  /** Detect free variable `exports`. */</w:t>
            </w:r>
          </w:p>
          <w:p w:rsidR="00156FB3" w:rsidRDefault="00156FB3" w:rsidP="00156FB3">
            <w:r>
              <w:t xml:space="preserve">  var freeExports =  true &amp;&amp; exports &amp;&amp; !exports.nodeType &amp;&amp; exports;</w:t>
            </w:r>
          </w:p>
          <w:p w:rsidR="00156FB3" w:rsidRDefault="00156FB3" w:rsidP="00156FB3"/>
          <w:p w:rsidR="00156FB3" w:rsidRDefault="00156FB3" w:rsidP="00156FB3">
            <w:r>
              <w:t xml:space="preserve">  /** Detect free variable `module`. */</w:t>
            </w:r>
          </w:p>
          <w:p w:rsidR="00156FB3" w:rsidRDefault="00156FB3" w:rsidP="00156FB3">
            <w:r>
              <w:t xml:space="preserve">  var freeModule = freeExports &amp;&amp; typeof module == 'object' &amp;&amp; module &amp;&amp; !module.nodeType &amp;&amp; module;</w:t>
            </w:r>
          </w:p>
          <w:p w:rsidR="00156FB3" w:rsidRDefault="00156FB3" w:rsidP="00156FB3"/>
          <w:p w:rsidR="00156FB3" w:rsidRDefault="00156FB3" w:rsidP="00156FB3">
            <w:r>
              <w:t xml:space="preserve">  /** Detect the popular CommonJS extension `module.exports`. */</w:t>
            </w:r>
          </w:p>
          <w:p w:rsidR="00156FB3" w:rsidRDefault="00156FB3" w:rsidP="00156FB3">
            <w:r>
              <w:t xml:space="preserve">  var moduleExports = freeModule &amp;&amp; freeModule.exports === freeExports;</w:t>
            </w:r>
          </w:p>
          <w:p w:rsidR="00156FB3" w:rsidRDefault="00156FB3" w:rsidP="00156FB3"/>
          <w:p w:rsidR="00156FB3" w:rsidRDefault="00156FB3" w:rsidP="00156FB3">
            <w:r>
              <w:t xml:space="preserve">  /** Detect free variable `process` from Node.js. */</w:t>
            </w:r>
          </w:p>
          <w:p w:rsidR="00156FB3" w:rsidRDefault="00156FB3" w:rsidP="00156FB3">
            <w:r>
              <w:t xml:space="preserve">  var freeProcess = moduleExports &amp;&amp; freeGlobal.process;</w:t>
            </w:r>
          </w:p>
          <w:p w:rsidR="00156FB3" w:rsidRDefault="00156FB3" w:rsidP="00156FB3"/>
          <w:p w:rsidR="00156FB3" w:rsidRDefault="00156FB3" w:rsidP="00156FB3">
            <w:r>
              <w:t xml:space="preserve">  /** Used to access faster Node.js helpers. */</w:t>
            </w:r>
          </w:p>
          <w:p w:rsidR="00156FB3" w:rsidRDefault="00156FB3" w:rsidP="00156FB3">
            <w:r>
              <w:t xml:space="preserve">  var nodeUtil = (function() {</w:t>
            </w:r>
          </w:p>
          <w:p w:rsidR="00156FB3" w:rsidRDefault="00156FB3" w:rsidP="00156FB3">
            <w:r>
              <w:t xml:space="preserve">    try {</w:t>
            </w:r>
          </w:p>
          <w:p w:rsidR="00156FB3" w:rsidRDefault="00156FB3" w:rsidP="00156FB3">
            <w:r>
              <w:t xml:space="preserve">      // Use `util.types` for Node.js 10+.</w:t>
            </w:r>
          </w:p>
          <w:p w:rsidR="00156FB3" w:rsidRDefault="00156FB3" w:rsidP="00156FB3">
            <w:r>
              <w:t xml:space="preserve">      var types = freeModule &amp;&amp; freeModule.require &amp;&amp; freeModule.require('util').types;</w:t>
            </w:r>
          </w:p>
          <w:p w:rsidR="00156FB3" w:rsidRDefault="00156FB3" w:rsidP="00156FB3"/>
          <w:p w:rsidR="00156FB3" w:rsidRDefault="00156FB3" w:rsidP="00156FB3">
            <w:r>
              <w:t xml:space="preserve">      if (types) {</w:t>
            </w:r>
          </w:p>
          <w:p w:rsidR="00156FB3" w:rsidRDefault="00156FB3" w:rsidP="00156FB3">
            <w:r>
              <w:t xml:space="preserve">        return types;</w:t>
            </w:r>
          </w:p>
          <w:p w:rsidR="00156FB3" w:rsidRDefault="00156FB3" w:rsidP="00156FB3">
            <w:r>
              <w:t xml:space="preserve">      }</w:t>
            </w:r>
          </w:p>
          <w:p w:rsidR="00156FB3" w:rsidRDefault="00156FB3" w:rsidP="00156FB3"/>
          <w:p w:rsidR="00156FB3" w:rsidRDefault="00156FB3" w:rsidP="00156FB3">
            <w:r>
              <w:t xml:space="preserve">      // Legacy `process.binding('util')` for Node.js &lt; 10.</w:t>
            </w:r>
          </w:p>
          <w:p w:rsidR="00156FB3" w:rsidRDefault="00156FB3" w:rsidP="00156FB3">
            <w:r>
              <w:t xml:space="preserve">      return freeProcess &amp;&amp; freeProcess.binding &amp;&amp; freeProcess.binding('util');</w:t>
            </w:r>
          </w:p>
          <w:p w:rsidR="00156FB3" w:rsidRDefault="00156FB3" w:rsidP="00156FB3">
            <w:r>
              <w:t xml:space="preserve">    } catch (e) {}</w:t>
            </w:r>
          </w:p>
          <w:p w:rsidR="00156FB3" w:rsidRDefault="00156FB3" w:rsidP="00156FB3">
            <w:r>
              <w:t xml:space="preserve">  }());</w:t>
            </w:r>
          </w:p>
          <w:p w:rsidR="00156FB3" w:rsidRDefault="00156FB3" w:rsidP="00156FB3"/>
          <w:p w:rsidR="00156FB3" w:rsidRDefault="00156FB3" w:rsidP="00156FB3">
            <w:r>
              <w:t xml:space="preserve">  /* Node.js helper references. */</w:t>
            </w:r>
          </w:p>
          <w:p w:rsidR="00156FB3" w:rsidRDefault="00156FB3" w:rsidP="00156FB3">
            <w:r>
              <w:t xml:space="preserve">  var nodeIsArrayBuffer = nodeUtil &amp;&amp; nodeUtil.isArrayBuffer,</w:t>
            </w:r>
          </w:p>
          <w:p w:rsidR="00156FB3" w:rsidRDefault="00156FB3" w:rsidP="00156FB3">
            <w:r>
              <w:t xml:space="preserve">      nodeIsDate = nodeUtil &amp;&amp; nodeUtil.isDate,</w:t>
            </w:r>
          </w:p>
          <w:p w:rsidR="00156FB3" w:rsidRDefault="00156FB3" w:rsidP="00156FB3">
            <w:r>
              <w:t xml:space="preserve">      nodeIsMap = nodeUtil &amp;&amp; nodeUtil.isMap,</w:t>
            </w:r>
          </w:p>
          <w:p w:rsidR="00156FB3" w:rsidRDefault="00156FB3" w:rsidP="00156FB3">
            <w:r>
              <w:t xml:space="preserve">      nodeIsRegExp = nodeUtil &amp;&amp; nodeUtil.isRegExp,</w:t>
            </w:r>
          </w:p>
          <w:p w:rsidR="00156FB3" w:rsidRDefault="00156FB3" w:rsidP="00156FB3">
            <w:r>
              <w:t xml:space="preserve">      nodeIsSet = nodeUtil &amp;&amp; nodeUtil.isSet,</w:t>
            </w:r>
          </w:p>
          <w:p w:rsidR="00156FB3" w:rsidRDefault="00156FB3" w:rsidP="00156FB3">
            <w:r>
              <w:lastRenderedPageBreak/>
              <w:t xml:space="preserve">      nodeIsTypedArray = nodeUtil &amp;&amp; nodeUtil.isTypedArray;</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faster alternative to `Function#apply`, this function invokes `func`</w:t>
            </w:r>
          </w:p>
          <w:p w:rsidR="00156FB3" w:rsidRDefault="00156FB3" w:rsidP="00156FB3">
            <w:r>
              <w:t xml:space="preserve">   * with the `this` binding of `thisArg` and the arguments of `args`.</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unc The function to invoke.</w:t>
            </w:r>
          </w:p>
          <w:p w:rsidR="00156FB3" w:rsidRDefault="00156FB3" w:rsidP="00156FB3">
            <w:r>
              <w:t xml:space="preserve">   * @param {*} thisArg The `this` binding of `func`.</w:t>
            </w:r>
          </w:p>
          <w:p w:rsidR="00156FB3" w:rsidRDefault="00156FB3" w:rsidP="00156FB3">
            <w:r>
              <w:t xml:space="preserve">   * @param {Array} args The arguments to invoke `func` with.</w:t>
            </w:r>
          </w:p>
          <w:p w:rsidR="00156FB3" w:rsidRDefault="00156FB3" w:rsidP="00156FB3">
            <w:r>
              <w:t xml:space="preserve">   * @returns {*} Returns the result of `func`.</w:t>
            </w:r>
          </w:p>
          <w:p w:rsidR="00156FB3" w:rsidRDefault="00156FB3" w:rsidP="00156FB3">
            <w:r>
              <w:t xml:space="preserve">   */</w:t>
            </w:r>
          </w:p>
          <w:p w:rsidR="00156FB3" w:rsidRDefault="00156FB3" w:rsidP="00156FB3">
            <w:r>
              <w:t xml:space="preserve">  function apply(func, thisArg, args) {</w:t>
            </w:r>
          </w:p>
          <w:p w:rsidR="00156FB3" w:rsidRDefault="00156FB3" w:rsidP="00156FB3">
            <w:r>
              <w:t xml:space="preserve">    switch (args.length) {</w:t>
            </w:r>
          </w:p>
          <w:p w:rsidR="00156FB3" w:rsidRDefault="00156FB3" w:rsidP="00156FB3">
            <w:r>
              <w:t xml:space="preserve">      case 0: return func.call(thisArg);</w:t>
            </w:r>
          </w:p>
          <w:p w:rsidR="00156FB3" w:rsidRDefault="00156FB3" w:rsidP="00156FB3">
            <w:r>
              <w:t xml:space="preserve">      case 1: return func.call(thisArg, args[0]);</w:t>
            </w:r>
          </w:p>
          <w:p w:rsidR="00156FB3" w:rsidRDefault="00156FB3" w:rsidP="00156FB3">
            <w:r>
              <w:t xml:space="preserve">      case 2: return func.call(thisArg, args[0], args[1]);</w:t>
            </w:r>
          </w:p>
          <w:p w:rsidR="00156FB3" w:rsidRDefault="00156FB3" w:rsidP="00156FB3">
            <w:r>
              <w:t xml:space="preserve">      case 3: return func.call(thisArg, args[0], args[1], args[2]);</w:t>
            </w:r>
          </w:p>
          <w:p w:rsidR="00156FB3" w:rsidRDefault="00156FB3" w:rsidP="00156FB3">
            <w:r>
              <w:t xml:space="preserve">    }</w:t>
            </w:r>
          </w:p>
          <w:p w:rsidR="00156FB3" w:rsidRDefault="00156FB3" w:rsidP="00156FB3">
            <w:r>
              <w:t xml:space="preserve">    return func.apply(thisArg, arg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baseAggregator` for array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terate over.</w:t>
            </w:r>
          </w:p>
          <w:p w:rsidR="00156FB3" w:rsidRDefault="00156FB3" w:rsidP="00156FB3">
            <w:r>
              <w:t xml:space="preserve">   * @param {Function} setter The function to set `accumulator` values.</w:t>
            </w:r>
          </w:p>
          <w:p w:rsidR="00156FB3" w:rsidRDefault="00156FB3" w:rsidP="00156FB3">
            <w:r>
              <w:t xml:space="preserve">   * @param {Function} iteratee The iteratee to transform keys.</w:t>
            </w:r>
          </w:p>
          <w:p w:rsidR="00156FB3" w:rsidRDefault="00156FB3" w:rsidP="00156FB3">
            <w:r>
              <w:t xml:space="preserve">   * @param {Object} accumulator The initial aggregated object.</w:t>
            </w:r>
          </w:p>
          <w:p w:rsidR="00156FB3" w:rsidRDefault="00156FB3" w:rsidP="00156FB3">
            <w:r>
              <w:t xml:space="preserve">   * @returns {Function} Returns `accumulator`.</w:t>
            </w:r>
          </w:p>
          <w:p w:rsidR="00156FB3" w:rsidRDefault="00156FB3" w:rsidP="00156FB3">
            <w:r>
              <w:t xml:space="preserve">   */</w:t>
            </w:r>
          </w:p>
          <w:p w:rsidR="00156FB3" w:rsidRDefault="00156FB3" w:rsidP="00156FB3">
            <w:r>
              <w:t xml:space="preserve">  function arrayAggregator(array, setter, iteratee, accumulator) {</w:t>
            </w:r>
          </w:p>
          <w:p w:rsidR="00156FB3" w:rsidRDefault="00156FB3" w:rsidP="00156FB3">
            <w:r>
              <w:t xml:space="preserve">    var index = -1,</w:t>
            </w:r>
          </w:p>
          <w:p w:rsidR="00156FB3" w:rsidRDefault="00156FB3" w:rsidP="00156FB3">
            <w:r>
              <w:t xml:space="preserve">        length = array == null ? 0 : array.length;</w:t>
            </w:r>
          </w:p>
          <w:p w:rsidR="00156FB3" w:rsidRDefault="00156FB3" w:rsidP="00156FB3"/>
          <w:p w:rsidR="00156FB3" w:rsidRDefault="00156FB3" w:rsidP="00156FB3">
            <w:r>
              <w:t xml:space="preserve">    while (++index &lt; length) {</w:t>
            </w:r>
          </w:p>
          <w:p w:rsidR="00156FB3" w:rsidRDefault="00156FB3" w:rsidP="00156FB3">
            <w:r>
              <w:t xml:space="preserve">      var value = array[index];</w:t>
            </w:r>
          </w:p>
          <w:p w:rsidR="00156FB3" w:rsidRDefault="00156FB3" w:rsidP="00156FB3">
            <w:r>
              <w:t xml:space="preserve">      setter(accumulator, value, iteratee(value), array);</w:t>
            </w:r>
          </w:p>
          <w:p w:rsidR="00156FB3" w:rsidRDefault="00156FB3" w:rsidP="00156FB3">
            <w:r>
              <w:t xml:space="preserve">    }</w:t>
            </w:r>
          </w:p>
          <w:p w:rsidR="00156FB3" w:rsidRDefault="00156FB3" w:rsidP="00156FB3">
            <w:r>
              <w:t xml:space="preserve">    return accumulato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_.forEach` for arrays without support for</w:t>
            </w:r>
          </w:p>
          <w:p w:rsidR="00156FB3" w:rsidRDefault="00156FB3" w:rsidP="00156FB3">
            <w:r>
              <w:t xml:space="preserve">   * iteratee shorthands.</w:t>
            </w:r>
          </w:p>
          <w:p w:rsidR="00156FB3" w:rsidRDefault="00156FB3" w:rsidP="00156FB3">
            <w:r>
              <w:lastRenderedPageBreak/>
              <w:t xml:space="preserve">   *</w:t>
            </w:r>
          </w:p>
          <w:p w:rsidR="00156FB3" w:rsidRDefault="00156FB3" w:rsidP="00156FB3">
            <w:r>
              <w:t xml:space="preserve">   * @private</w:t>
            </w:r>
          </w:p>
          <w:p w:rsidR="00156FB3" w:rsidRDefault="00156FB3" w:rsidP="00156FB3">
            <w:r>
              <w:t xml:space="preserve">   * @param {Array} [array] The array to iterate over.</w:t>
            </w:r>
          </w:p>
          <w:p w:rsidR="00156FB3" w:rsidRDefault="00156FB3" w:rsidP="00156FB3">
            <w:r>
              <w:t xml:space="preserve">   * @param {Function} iteratee The function invoked per iteration.</w:t>
            </w:r>
          </w:p>
          <w:p w:rsidR="00156FB3" w:rsidRDefault="00156FB3" w:rsidP="00156FB3">
            <w:r>
              <w:t xml:space="preserve">   * @returns {Array} Returns `array`.</w:t>
            </w:r>
          </w:p>
          <w:p w:rsidR="00156FB3" w:rsidRDefault="00156FB3" w:rsidP="00156FB3">
            <w:r>
              <w:t xml:space="preserve">   */</w:t>
            </w:r>
          </w:p>
          <w:p w:rsidR="00156FB3" w:rsidRDefault="00156FB3" w:rsidP="00156FB3">
            <w:r>
              <w:t xml:space="preserve">  function arrayEach(array, iteratee) {</w:t>
            </w:r>
          </w:p>
          <w:p w:rsidR="00156FB3" w:rsidRDefault="00156FB3" w:rsidP="00156FB3">
            <w:r>
              <w:t xml:space="preserve">    var index = -1,</w:t>
            </w:r>
          </w:p>
          <w:p w:rsidR="00156FB3" w:rsidRDefault="00156FB3" w:rsidP="00156FB3">
            <w:r>
              <w:t xml:space="preserve">        length = array == null ? 0 : array.length;</w:t>
            </w:r>
          </w:p>
          <w:p w:rsidR="00156FB3" w:rsidRDefault="00156FB3" w:rsidP="00156FB3"/>
          <w:p w:rsidR="00156FB3" w:rsidRDefault="00156FB3" w:rsidP="00156FB3">
            <w:r>
              <w:t xml:space="preserve">    while (++index &lt; length) {</w:t>
            </w:r>
          </w:p>
          <w:p w:rsidR="00156FB3" w:rsidRDefault="00156FB3" w:rsidP="00156FB3">
            <w:r>
              <w:t xml:space="preserve">      if (iteratee(array[index], index, array) === false) {</w:t>
            </w:r>
          </w:p>
          <w:p w:rsidR="00156FB3" w:rsidRDefault="00156FB3" w:rsidP="00156FB3">
            <w:r>
              <w:t xml:space="preserve">        break;</w:t>
            </w:r>
          </w:p>
          <w:p w:rsidR="00156FB3" w:rsidRDefault="00156FB3" w:rsidP="00156FB3">
            <w:r>
              <w:t xml:space="preserve">      }</w:t>
            </w:r>
          </w:p>
          <w:p w:rsidR="00156FB3" w:rsidRDefault="00156FB3" w:rsidP="00156FB3">
            <w:r>
              <w:t xml:space="preserve">    }</w:t>
            </w:r>
          </w:p>
          <w:p w:rsidR="00156FB3" w:rsidRDefault="00156FB3" w:rsidP="00156FB3">
            <w:r>
              <w:t xml:space="preserve">    return arra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_.forEachRight` for arrays without support for</w:t>
            </w:r>
          </w:p>
          <w:p w:rsidR="00156FB3" w:rsidRDefault="00156FB3" w:rsidP="00156FB3">
            <w:r>
              <w:t xml:space="preserve">   * iteratee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terate over.</w:t>
            </w:r>
          </w:p>
          <w:p w:rsidR="00156FB3" w:rsidRDefault="00156FB3" w:rsidP="00156FB3">
            <w:r>
              <w:t xml:space="preserve">   * @param {Function} iteratee The function invoked per iteration.</w:t>
            </w:r>
          </w:p>
          <w:p w:rsidR="00156FB3" w:rsidRDefault="00156FB3" w:rsidP="00156FB3">
            <w:r>
              <w:t xml:space="preserve">   * @returns {Array} Returns `array`.</w:t>
            </w:r>
          </w:p>
          <w:p w:rsidR="00156FB3" w:rsidRDefault="00156FB3" w:rsidP="00156FB3">
            <w:r>
              <w:t xml:space="preserve">   */</w:t>
            </w:r>
          </w:p>
          <w:p w:rsidR="00156FB3" w:rsidRDefault="00156FB3" w:rsidP="00156FB3">
            <w:r>
              <w:t xml:space="preserve">  function arrayEachRight(array, iteratee) {</w:t>
            </w:r>
          </w:p>
          <w:p w:rsidR="00156FB3" w:rsidRDefault="00156FB3" w:rsidP="00156FB3">
            <w:r>
              <w:t xml:space="preserve">    var length = array == null ? 0 : array.length;</w:t>
            </w:r>
          </w:p>
          <w:p w:rsidR="00156FB3" w:rsidRDefault="00156FB3" w:rsidP="00156FB3"/>
          <w:p w:rsidR="00156FB3" w:rsidRDefault="00156FB3" w:rsidP="00156FB3">
            <w:r>
              <w:t xml:space="preserve">    while (length--) {</w:t>
            </w:r>
          </w:p>
          <w:p w:rsidR="00156FB3" w:rsidRDefault="00156FB3" w:rsidP="00156FB3">
            <w:r>
              <w:t xml:space="preserve">      if (iteratee(array[length], length, array) === false) {</w:t>
            </w:r>
          </w:p>
          <w:p w:rsidR="00156FB3" w:rsidRDefault="00156FB3" w:rsidP="00156FB3">
            <w:r>
              <w:t xml:space="preserve">        break;</w:t>
            </w:r>
          </w:p>
          <w:p w:rsidR="00156FB3" w:rsidRDefault="00156FB3" w:rsidP="00156FB3">
            <w:r>
              <w:t xml:space="preserve">      }</w:t>
            </w:r>
          </w:p>
          <w:p w:rsidR="00156FB3" w:rsidRDefault="00156FB3" w:rsidP="00156FB3">
            <w:r>
              <w:t xml:space="preserve">    }</w:t>
            </w:r>
          </w:p>
          <w:p w:rsidR="00156FB3" w:rsidRDefault="00156FB3" w:rsidP="00156FB3">
            <w:r>
              <w:t xml:space="preserve">    return arra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_.every` for arrays without support for</w:t>
            </w:r>
          </w:p>
          <w:p w:rsidR="00156FB3" w:rsidRDefault="00156FB3" w:rsidP="00156FB3">
            <w:r>
              <w:t xml:space="preserve">   * iteratee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terate over.</w:t>
            </w:r>
          </w:p>
          <w:p w:rsidR="00156FB3" w:rsidRDefault="00156FB3" w:rsidP="00156FB3">
            <w:r>
              <w:t xml:space="preserve">   * @param {Function} predicate The function invoked per iteration.</w:t>
            </w:r>
          </w:p>
          <w:p w:rsidR="00156FB3" w:rsidRDefault="00156FB3" w:rsidP="00156FB3">
            <w:r>
              <w:t xml:space="preserve">   * @returns {boolean} Returns `true` if all elements pass the predicate check,</w:t>
            </w:r>
          </w:p>
          <w:p w:rsidR="00156FB3" w:rsidRDefault="00156FB3" w:rsidP="00156FB3">
            <w:r>
              <w:t xml:space="preserve">   *  else `false`.</w:t>
            </w:r>
          </w:p>
          <w:p w:rsidR="00156FB3" w:rsidRDefault="00156FB3" w:rsidP="00156FB3">
            <w:r>
              <w:t xml:space="preserve">   */</w:t>
            </w:r>
          </w:p>
          <w:p w:rsidR="00156FB3" w:rsidRDefault="00156FB3" w:rsidP="00156FB3">
            <w:r>
              <w:lastRenderedPageBreak/>
              <w:t xml:space="preserve">  function arrayEvery(array, predicate) {</w:t>
            </w:r>
          </w:p>
          <w:p w:rsidR="00156FB3" w:rsidRDefault="00156FB3" w:rsidP="00156FB3">
            <w:r>
              <w:t xml:space="preserve">    var index = -1,</w:t>
            </w:r>
          </w:p>
          <w:p w:rsidR="00156FB3" w:rsidRDefault="00156FB3" w:rsidP="00156FB3">
            <w:r>
              <w:t xml:space="preserve">        length = array == null ? 0 : array.length;</w:t>
            </w:r>
          </w:p>
          <w:p w:rsidR="00156FB3" w:rsidRDefault="00156FB3" w:rsidP="00156FB3"/>
          <w:p w:rsidR="00156FB3" w:rsidRDefault="00156FB3" w:rsidP="00156FB3">
            <w:r>
              <w:t xml:space="preserve">    while (++index &lt; length) {</w:t>
            </w:r>
          </w:p>
          <w:p w:rsidR="00156FB3" w:rsidRDefault="00156FB3" w:rsidP="00156FB3">
            <w:r>
              <w:t xml:space="preserve">      if (!predicate(array[index], index, array)) {</w:t>
            </w:r>
          </w:p>
          <w:p w:rsidR="00156FB3" w:rsidRDefault="00156FB3" w:rsidP="00156FB3">
            <w:r>
              <w:t xml:space="preserve">        return false;</w:t>
            </w:r>
          </w:p>
          <w:p w:rsidR="00156FB3" w:rsidRDefault="00156FB3" w:rsidP="00156FB3">
            <w:r>
              <w:t xml:space="preserve">      }</w:t>
            </w:r>
          </w:p>
          <w:p w:rsidR="00156FB3" w:rsidRDefault="00156FB3" w:rsidP="00156FB3">
            <w:r>
              <w:t xml:space="preserve">    }</w:t>
            </w:r>
          </w:p>
          <w:p w:rsidR="00156FB3" w:rsidRDefault="00156FB3" w:rsidP="00156FB3">
            <w:r>
              <w:t xml:space="preserve">    return tr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_.filter` for arrays without support for</w:t>
            </w:r>
          </w:p>
          <w:p w:rsidR="00156FB3" w:rsidRDefault="00156FB3" w:rsidP="00156FB3">
            <w:r>
              <w:t xml:space="preserve">   * iteratee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terate over.</w:t>
            </w:r>
          </w:p>
          <w:p w:rsidR="00156FB3" w:rsidRDefault="00156FB3" w:rsidP="00156FB3">
            <w:r>
              <w:t xml:space="preserve">   * @param {Function} predicate The function invoked per iteration.</w:t>
            </w:r>
          </w:p>
          <w:p w:rsidR="00156FB3" w:rsidRDefault="00156FB3" w:rsidP="00156FB3">
            <w:r>
              <w:t xml:space="preserve">   * @returns {Array} Returns the new filtered array.</w:t>
            </w:r>
          </w:p>
          <w:p w:rsidR="00156FB3" w:rsidRDefault="00156FB3" w:rsidP="00156FB3">
            <w:r>
              <w:t xml:space="preserve">   */</w:t>
            </w:r>
          </w:p>
          <w:p w:rsidR="00156FB3" w:rsidRDefault="00156FB3" w:rsidP="00156FB3">
            <w:r>
              <w:t xml:space="preserve">  function arrayFilter(array, predicate) {</w:t>
            </w:r>
          </w:p>
          <w:p w:rsidR="00156FB3" w:rsidRDefault="00156FB3" w:rsidP="00156FB3">
            <w:r>
              <w:t xml:space="preserve">    var index = -1,</w:t>
            </w:r>
          </w:p>
          <w:p w:rsidR="00156FB3" w:rsidRDefault="00156FB3" w:rsidP="00156FB3">
            <w:r>
              <w:t xml:space="preserve">        length = array == null ? 0 : array.length,</w:t>
            </w:r>
          </w:p>
          <w:p w:rsidR="00156FB3" w:rsidRDefault="00156FB3" w:rsidP="00156FB3">
            <w:r>
              <w:t xml:space="preserve">        resIndex = 0,</w:t>
            </w:r>
          </w:p>
          <w:p w:rsidR="00156FB3" w:rsidRDefault="00156FB3" w:rsidP="00156FB3">
            <w:r>
              <w:t xml:space="preserve">        result = [];</w:t>
            </w:r>
          </w:p>
          <w:p w:rsidR="00156FB3" w:rsidRDefault="00156FB3" w:rsidP="00156FB3"/>
          <w:p w:rsidR="00156FB3" w:rsidRDefault="00156FB3" w:rsidP="00156FB3">
            <w:r>
              <w:t xml:space="preserve">    while (++index &lt; length) {</w:t>
            </w:r>
          </w:p>
          <w:p w:rsidR="00156FB3" w:rsidRDefault="00156FB3" w:rsidP="00156FB3">
            <w:r>
              <w:t xml:space="preserve">      var value = array[index];</w:t>
            </w:r>
          </w:p>
          <w:p w:rsidR="00156FB3" w:rsidRDefault="00156FB3" w:rsidP="00156FB3">
            <w:r>
              <w:t xml:space="preserve">      if (predicate(value, index, array)) {</w:t>
            </w:r>
          </w:p>
          <w:p w:rsidR="00156FB3" w:rsidRDefault="00156FB3" w:rsidP="00156FB3">
            <w:r>
              <w:t xml:space="preserve">        result[resIndex++] = value;</w:t>
            </w:r>
          </w:p>
          <w:p w:rsidR="00156FB3" w:rsidRDefault="00156FB3" w:rsidP="00156FB3">
            <w:r>
              <w:t xml:space="preserve">      }</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_.includes` for arrays without support for</w:t>
            </w:r>
          </w:p>
          <w:p w:rsidR="00156FB3" w:rsidRDefault="00156FB3" w:rsidP="00156FB3">
            <w:r>
              <w:t xml:space="preserve">   * specifying an index to search from.</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nspect.</w:t>
            </w:r>
          </w:p>
          <w:p w:rsidR="00156FB3" w:rsidRDefault="00156FB3" w:rsidP="00156FB3">
            <w:r>
              <w:t xml:space="preserve">   * @param {*} target The value to search for.</w:t>
            </w:r>
          </w:p>
          <w:p w:rsidR="00156FB3" w:rsidRDefault="00156FB3" w:rsidP="00156FB3">
            <w:r>
              <w:t xml:space="preserve">   * @returns {boolean} Returns `true` if `target` is found, else `false`.</w:t>
            </w:r>
          </w:p>
          <w:p w:rsidR="00156FB3" w:rsidRDefault="00156FB3" w:rsidP="00156FB3">
            <w:r>
              <w:t xml:space="preserve">   */</w:t>
            </w:r>
          </w:p>
          <w:p w:rsidR="00156FB3" w:rsidRDefault="00156FB3" w:rsidP="00156FB3">
            <w:r>
              <w:t xml:space="preserve">  function arrayIncludes(array, value) {</w:t>
            </w:r>
          </w:p>
          <w:p w:rsidR="00156FB3" w:rsidRDefault="00156FB3" w:rsidP="00156FB3">
            <w:r>
              <w:t xml:space="preserve">    var length = array == null ? 0 : array.length;</w:t>
            </w:r>
          </w:p>
          <w:p w:rsidR="00156FB3" w:rsidRDefault="00156FB3" w:rsidP="00156FB3">
            <w:r>
              <w:t xml:space="preserve">    return !!length &amp;&amp; baseIndexOf(array, value, 0) &gt; -1;</w:t>
            </w:r>
          </w:p>
          <w:p w:rsidR="00156FB3" w:rsidRDefault="00156FB3" w:rsidP="00156FB3">
            <w:r>
              <w:lastRenderedPageBreak/>
              <w:t xml:space="preserve">  }</w:t>
            </w:r>
          </w:p>
          <w:p w:rsidR="00156FB3" w:rsidRDefault="00156FB3" w:rsidP="00156FB3"/>
          <w:p w:rsidR="00156FB3" w:rsidRDefault="00156FB3" w:rsidP="00156FB3">
            <w:r>
              <w:t xml:space="preserve">  /**</w:t>
            </w:r>
          </w:p>
          <w:p w:rsidR="00156FB3" w:rsidRDefault="00156FB3" w:rsidP="00156FB3">
            <w:r>
              <w:t xml:space="preserve">   * This function is like `arrayIncludes` except that it accepts a comparator.</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nspect.</w:t>
            </w:r>
          </w:p>
          <w:p w:rsidR="00156FB3" w:rsidRDefault="00156FB3" w:rsidP="00156FB3">
            <w:r>
              <w:t xml:space="preserve">   * @param {*} target The value to search for.</w:t>
            </w:r>
          </w:p>
          <w:p w:rsidR="00156FB3" w:rsidRDefault="00156FB3" w:rsidP="00156FB3">
            <w:r>
              <w:t xml:space="preserve">   * @param {Function} comparator The comparator invoked per element.</w:t>
            </w:r>
          </w:p>
          <w:p w:rsidR="00156FB3" w:rsidRDefault="00156FB3" w:rsidP="00156FB3">
            <w:r>
              <w:t xml:space="preserve">   * @returns {boolean} Returns `true` if `target` is found, else `false`.</w:t>
            </w:r>
          </w:p>
          <w:p w:rsidR="00156FB3" w:rsidRDefault="00156FB3" w:rsidP="00156FB3">
            <w:r>
              <w:t xml:space="preserve">   */</w:t>
            </w:r>
          </w:p>
          <w:p w:rsidR="00156FB3" w:rsidRDefault="00156FB3" w:rsidP="00156FB3">
            <w:r>
              <w:t xml:space="preserve">  function arrayIncludesWith(array, value, comparator) {</w:t>
            </w:r>
          </w:p>
          <w:p w:rsidR="00156FB3" w:rsidRDefault="00156FB3" w:rsidP="00156FB3">
            <w:r>
              <w:t xml:space="preserve">    var index = -1,</w:t>
            </w:r>
          </w:p>
          <w:p w:rsidR="00156FB3" w:rsidRDefault="00156FB3" w:rsidP="00156FB3">
            <w:r>
              <w:t xml:space="preserve">        length = array == null ? 0 : array.length;</w:t>
            </w:r>
          </w:p>
          <w:p w:rsidR="00156FB3" w:rsidRDefault="00156FB3" w:rsidP="00156FB3"/>
          <w:p w:rsidR="00156FB3" w:rsidRDefault="00156FB3" w:rsidP="00156FB3">
            <w:r>
              <w:t xml:space="preserve">    while (++index &lt; length) {</w:t>
            </w:r>
          </w:p>
          <w:p w:rsidR="00156FB3" w:rsidRDefault="00156FB3" w:rsidP="00156FB3">
            <w:r>
              <w:t xml:space="preserve">      if (comparator(value, array[index])) {</w:t>
            </w:r>
          </w:p>
          <w:p w:rsidR="00156FB3" w:rsidRDefault="00156FB3" w:rsidP="00156FB3">
            <w:r>
              <w:t xml:space="preserve">        return true;</w:t>
            </w:r>
          </w:p>
          <w:p w:rsidR="00156FB3" w:rsidRDefault="00156FB3" w:rsidP="00156FB3">
            <w:r>
              <w:t xml:space="preserve">      }</w:t>
            </w:r>
          </w:p>
          <w:p w:rsidR="00156FB3" w:rsidRDefault="00156FB3" w:rsidP="00156FB3">
            <w:r>
              <w:t xml:space="preserve">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_.map` for arrays without support for iteratee</w:t>
            </w:r>
          </w:p>
          <w:p w:rsidR="00156FB3" w:rsidRDefault="00156FB3" w:rsidP="00156FB3">
            <w:r>
              <w:t xml:space="preserve">   *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terate over.</w:t>
            </w:r>
          </w:p>
          <w:p w:rsidR="00156FB3" w:rsidRDefault="00156FB3" w:rsidP="00156FB3">
            <w:r>
              <w:t xml:space="preserve">   * @param {Function} iteratee The function invoked per iteration.</w:t>
            </w:r>
          </w:p>
          <w:p w:rsidR="00156FB3" w:rsidRDefault="00156FB3" w:rsidP="00156FB3">
            <w:r>
              <w:t xml:space="preserve">   * @returns {Array} Returns the new mapped array.</w:t>
            </w:r>
          </w:p>
          <w:p w:rsidR="00156FB3" w:rsidRDefault="00156FB3" w:rsidP="00156FB3">
            <w:r>
              <w:t xml:space="preserve">   */</w:t>
            </w:r>
          </w:p>
          <w:p w:rsidR="00156FB3" w:rsidRDefault="00156FB3" w:rsidP="00156FB3">
            <w:r>
              <w:t xml:space="preserve">  function arrayMap(array, iteratee) {</w:t>
            </w:r>
          </w:p>
          <w:p w:rsidR="00156FB3" w:rsidRDefault="00156FB3" w:rsidP="00156FB3">
            <w:r>
              <w:t xml:space="preserve">    var index = -1,</w:t>
            </w:r>
          </w:p>
          <w:p w:rsidR="00156FB3" w:rsidRDefault="00156FB3" w:rsidP="00156FB3">
            <w:r>
              <w:t xml:space="preserve">        length = array == null ? 0 : array.length,</w:t>
            </w:r>
          </w:p>
          <w:p w:rsidR="00156FB3" w:rsidRDefault="00156FB3" w:rsidP="00156FB3">
            <w:r>
              <w:t xml:space="preserve">        result = Array(length);</w:t>
            </w:r>
          </w:p>
          <w:p w:rsidR="00156FB3" w:rsidRDefault="00156FB3" w:rsidP="00156FB3"/>
          <w:p w:rsidR="00156FB3" w:rsidRDefault="00156FB3" w:rsidP="00156FB3">
            <w:r>
              <w:t xml:space="preserve">    while (++index &lt; length) {</w:t>
            </w:r>
          </w:p>
          <w:p w:rsidR="00156FB3" w:rsidRDefault="00156FB3" w:rsidP="00156FB3">
            <w:r>
              <w:t xml:space="preserve">      result[index] = iteratee(array[index], index, array);</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ppends the elements of `values` to `array`.</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modify.</w:t>
            </w:r>
          </w:p>
          <w:p w:rsidR="00156FB3" w:rsidRDefault="00156FB3" w:rsidP="00156FB3">
            <w:r>
              <w:lastRenderedPageBreak/>
              <w:t xml:space="preserve">   * @param {Array} values The values to append.</w:t>
            </w:r>
          </w:p>
          <w:p w:rsidR="00156FB3" w:rsidRDefault="00156FB3" w:rsidP="00156FB3">
            <w:r>
              <w:t xml:space="preserve">   * @returns {Array} Returns `array`.</w:t>
            </w:r>
          </w:p>
          <w:p w:rsidR="00156FB3" w:rsidRDefault="00156FB3" w:rsidP="00156FB3">
            <w:r>
              <w:t xml:space="preserve">   */</w:t>
            </w:r>
          </w:p>
          <w:p w:rsidR="00156FB3" w:rsidRDefault="00156FB3" w:rsidP="00156FB3">
            <w:r>
              <w:t xml:space="preserve">  function arrayPush(array, values) {</w:t>
            </w:r>
          </w:p>
          <w:p w:rsidR="00156FB3" w:rsidRDefault="00156FB3" w:rsidP="00156FB3">
            <w:r>
              <w:t xml:space="preserve">    var index = -1,</w:t>
            </w:r>
          </w:p>
          <w:p w:rsidR="00156FB3" w:rsidRDefault="00156FB3" w:rsidP="00156FB3">
            <w:r>
              <w:t xml:space="preserve">        length = values.length,</w:t>
            </w:r>
          </w:p>
          <w:p w:rsidR="00156FB3" w:rsidRDefault="00156FB3" w:rsidP="00156FB3">
            <w:r>
              <w:t xml:space="preserve">        offset = array.length;</w:t>
            </w:r>
          </w:p>
          <w:p w:rsidR="00156FB3" w:rsidRDefault="00156FB3" w:rsidP="00156FB3"/>
          <w:p w:rsidR="00156FB3" w:rsidRDefault="00156FB3" w:rsidP="00156FB3">
            <w:r>
              <w:t xml:space="preserve">    while (++index &lt; length) {</w:t>
            </w:r>
          </w:p>
          <w:p w:rsidR="00156FB3" w:rsidRDefault="00156FB3" w:rsidP="00156FB3">
            <w:r>
              <w:t xml:space="preserve">      array[offset + index] = values[index];</w:t>
            </w:r>
          </w:p>
          <w:p w:rsidR="00156FB3" w:rsidRDefault="00156FB3" w:rsidP="00156FB3">
            <w:r>
              <w:t xml:space="preserve">    }</w:t>
            </w:r>
          </w:p>
          <w:p w:rsidR="00156FB3" w:rsidRDefault="00156FB3" w:rsidP="00156FB3">
            <w:r>
              <w:t xml:space="preserve">    return arra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_.reduce` for arrays without support for</w:t>
            </w:r>
          </w:p>
          <w:p w:rsidR="00156FB3" w:rsidRDefault="00156FB3" w:rsidP="00156FB3">
            <w:r>
              <w:t xml:space="preserve">   * iteratee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terate over.</w:t>
            </w:r>
          </w:p>
          <w:p w:rsidR="00156FB3" w:rsidRDefault="00156FB3" w:rsidP="00156FB3">
            <w:r>
              <w:t xml:space="preserve">   * @param {Function} iteratee The function invoked per iteration.</w:t>
            </w:r>
          </w:p>
          <w:p w:rsidR="00156FB3" w:rsidRDefault="00156FB3" w:rsidP="00156FB3">
            <w:r>
              <w:t xml:space="preserve">   * @param {*} [accumulator] The initial value.</w:t>
            </w:r>
          </w:p>
          <w:p w:rsidR="00156FB3" w:rsidRDefault="00156FB3" w:rsidP="00156FB3">
            <w:r>
              <w:t xml:space="preserve">   * @param {boolean} [initAccum] Specify using the first element of `array` as</w:t>
            </w:r>
          </w:p>
          <w:p w:rsidR="00156FB3" w:rsidRDefault="00156FB3" w:rsidP="00156FB3">
            <w:r>
              <w:t xml:space="preserve">   *  the initial value.</w:t>
            </w:r>
          </w:p>
          <w:p w:rsidR="00156FB3" w:rsidRDefault="00156FB3" w:rsidP="00156FB3">
            <w:r>
              <w:t xml:space="preserve">   * @returns {*} Returns the accumulated value.</w:t>
            </w:r>
          </w:p>
          <w:p w:rsidR="00156FB3" w:rsidRDefault="00156FB3" w:rsidP="00156FB3">
            <w:r>
              <w:t xml:space="preserve">   */</w:t>
            </w:r>
          </w:p>
          <w:p w:rsidR="00156FB3" w:rsidRDefault="00156FB3" w:rsidP="00156FB3">
            <w:r>
              <w:t xml:space="preserve">  function arrayReduce(array, iteratee, accumulator, initAccum) {</w:t>
            </w:r>
          </w:p>
          <w:p w:rsidR="00156FB3" w:rsidRDefault="00156FB3" w:rsidP="00156FB3">
            <w:r>
              <w:t xml:space="preserve">    var index = -1,</w:t>
            </w:r>
          </w:p>
          <w:p w:rsidR="00156FB3" w:rsidRDefault="00156FB3" w:rsidP="00156FB3">
            <w:r>
              <w:t xml:space="preserve">        length = array == null ? 0 : array.length;</w:t>
            </w:r>
          </w:p>
          <w:p w:rsidR="00156FB3" w:rsidRDefault="00156FB3" w:rsidP="00156FB3"/>
          <w:p w:rsidR="00156FB3" w:rsidRDefault="00156FB3" w:rsidP="00156FB3">
            <w:r>
              <w:t xml:space="preserve">    if (initAccum &amp;&amp; length) {</w:t>
            </w:r>
          </w:p>
          <w:p w:rsidR="00156FB3" w:rsidRDefault="00156FB3" w:rsidP="00156FB3">
            <w:r>
              <w:t xml:space="preserve">      accumulator = array[++index];</w:t>
            </w:r>
          </w:p>
          <w:p w:rsidR="00156FB3" w:rsidRDefault="00156FB3" w:rsidP="00156FB3">
            <w:r>
              <w:t xml:space="preserve">    }</w:t>
            </w:r>
          </w:p>
          <w:p w:rsidR="00156FB3" w:rsidRDefault="00156FB3" w:rsidP="00156FB3">
            <w:r>
              <w:t xml:space="preserve">    while (++index &lt; length) {</w:t>
            </w:r>
          </w:p>
          <w:p w:rsidR="00156FB3" w:rsidRDefault="00156FB3" w:rsidP="00156FB3">
            <w:r>
              <w:t xml:space="preserve">      accumulator = iteratee(accumulator, array[index], index, array);</w:t>
            </w:r>
          </w:p>
          <w:p w:rsidR="00156FB3" w:rsidRDefault="00156FB3" w:rsidP="00156FB3">
            <w:r>
              <w:t xml:space="preserve">    }</w:t>
            </w:r>
          </w:p>
          <w:p w:rsidR="00156FB3" w:rsidRDefault="00156FB3" w:rsidP="00156FB3">
            <w:r>
              <w:t xml:space="preserve">    return accumulato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_.reduceRight` for arrays without support for</w:t>
            </w:r>
          </w:p>
          <w:p w:rsidR="00156FB3" w:rsidRDefault="00156FB3" w:rsidP="00156FB3">
            <w:r>
              <w:t xml:space="preserve">   * iteratee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terate over.</w:t>
            </w:r>
          </w:p>
          <w:p w:rsidR="00156FB3" w:rsidRDefault="00156FB3" w:rsidP="00156FB3">
            <w:r>
              <w:t xml:space="preserve">   * @param {Function} iteratee The function invoked per iteration.</w:t>
            </w:r>
          </w:p>
          <w:p w:rsidR="00156FB3" w:rsidRDefault="00156FB3" w:rsidP="00156FB3">
            <w:r>
              <w:t xml:space="preserve">   * @param {*} [accumulator] The initial value.</w:t>
            </w:r>
          </w:p>
          <w:p w:rsidR="00156FB3" w:rsidRDefault="00156FB3" w:rsidP="00156FB3">
            <w:r>
              <w:t xml:space="preserve">   * @param {boolean} [initAccum] Specify using the last element of `array` as</w:t>
            </w:r>
          </w:p>
          <w:p w:rsidR="00156FB3" w:rsidRDefault="00156FB3" w:rsidP="00156FB3">
            <w:r>
              <w:lastRenderedPageBreak/>
              <w:t xml:space="preserve">   *  the initial value.</w:t>
            </w:r>
          </w:p>
          <w:p w:rsidR="00156FB3" w:rsidRDefault="00156FB3" w:rsidP="00156FB3">
            <w:r>
              <w:t xml:space="preserve">   * @returns {*} Returns the accumulated value.</w:t>
            </w:r>
          </w:p>
          <w:p w:rsidR="00156FB3" w:rsidRDefault="00156FB3" w:rsidP="00156FB3">
            <w:r>
              <w:t xml:space="preserve">   */</w:t>
            </w:r>
          </w:p>
          <w:p w:rsidR="00156FB3" w:rsidRDefault="00156FB3" w:rsidP="00156FB3">
            <w:r>
              <w:t xml:space="preserve">  function arrayReduceRight(array, iteratee, accumulator, initAccum) {</w:t>
            </w:r>
          </w:p>
          <w:p w:rsidR="00156FB3" w:rsidRDefault="00156FB3" w:rsidP="00156FB3">
            <w:r>
              <w:t xml:space="preserve">    var length = array == null ? 0 : array.length;</w:t>
            </w:r>
          </w:p>
          <w:p w:rsidR="00156FB3" w:rsidRDefault="00156FB3" w:rsidP="00156FB3">
            <w:r>
              <w:t xml:space="preserve">    if (initAccum &amp;&amp; length) {</w:t>
            </w:r>
          </w:p>
          <w:p w:rsidR="00156FB3" w:rsidRDefault="00156FB3" w:rsidP="00156FB3">
            <w:r>
              <w:t xml:space="preserve">      accumulator = array[--length];</w:t>
            </w:r>
          </w:p>
          <w:p w:rsidR="00156FB3" w:rsidRDefault="00156FB3" w:rsidP="00156FB3">
            <w:r>
              <w:t xml:space="preserve">    }</w:t>
            </w:r>
          </w:p>
          <w:p w:rsidR="00156FB3" w:rsidRDefault="00156FB3" w:rsidP="00156FB3">
            <w:r>
              <w:t xml:space="preserve">    while (length--) {</w:t>
            </w:r>
          </w:p>
          <w:p w:rsidR="00156FB3" w:rsidRDefault="00156FB3" w:rsidP="00156FB3">
            <w:r>
              <w:t xml:space="preserve">      accumulator = iteratee(accumulator, array[length], length, array);</w:t>
            </w:r>
          </w:p>
          <w:p w:rsidR="00156FB3" w:rsidRDefault="00156FB3" w:rsidP="00156FB3">
            <w:r>
              <w:t xml:space="preserve">    }</w:t>
            </w:r>
          </w:p>
          <w:p w:rsidR="00156FB3" w:rsidRDefault="00156FB3" w:rsidP="00156FB3">
            <w:r>
              <w:t xml:space="preserve">    return accumulato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_.some` for arrays without support for iteratee</w:t>
            </w:r>
          </w:p>
          <w:p w:rsidR="00156FB3" w:rsidRDefault="00156FB3" w:rsidP="00156FB3">
            <w:r>
              <w:t xml:space="preserve">   *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terate over.</w:t>
            </w:r>
          </w:p>
          <w:p w:rsidR="00156FB3" w:rsidRDefault="00156FB3" w:rsidP="00156FB3">
            <w:r>
              <w:t xml:space="preserve">   * @param {Function} predicate The function invoked per iteration.</w:t>
            </w:r>
          </w:p>
          <w:p w:rsidR="00156FB3" w:rsidRDefault="00156FB3" w:rsidP="00156FB3">
            <w:r>
              <w:t xml:space="preserve">   * @returns {boolean} Returns `true` if any element passes the predicate check,</w:t>
            </w:r>
          </w:p>
          <w:p w:rsidR="00156FB3" w:rsidRDefault="00156FB3" w:rsidP="00156FB3">
            <w:r>
              <w:t xml:space="preserve">   *  else `false`.</w:t>
            </w:r>
          </w:p>
          <w:p w:rsidR="00156FB3" w:rsidRDefault="00156FB3" w:rsidP="00156FB3">
            <w:r>
              <w:t xml:space="preserve">   */</w:t>
            </w:r>
          </w:p>
          <w:p w:rsidR="00156FB3" w:rsidRDefault="00156FB3" w:rsidP="00156FB3">
            <w:r>
              <w:t xml:space="preserve">  function arraySome(array, predicate) {</w:t>
            </w:r>
          </w:p>
          <w:p w:rsidR="00156FB3" w:rsidRDefault="00156FB3" w:rsidP="00156FB3">
            <w:r>
              <w:t xml:space="preserve">    var index = -1,</w:t>
            </w:r>
          </w:p>
          <w:p w:rsidR="00156FB3" w:rsidRDefault="00156FB3" w:rsidP="00156FB3">
            <w:r>
              <w:t xml:space="preserve">        length = array == null ? 0 : array.length;</w:t>
            </w:r>
          </w:p>
          <w:p w:rsidR="00156FB3" w:rsidRDefault="00156FB3" w:rsidP="00156FB3"/>
          <w:p w:rsidR="00156FB3" w:rsidRDefault="00156FB3" w:rsidP="00156FB3">
            <w:r>
              <w:t xml:space="preserve">    while (++index &lt; length) {</w:t>
            </w:r>
          </w:p>
          <w:p w:rsidR="00156FB3" w:rsidRDefault="00156FB3" w:rsidP="00156FB3">
            <w:r>
              <w:t xml:space="preserve">      if (predicate(array[index], index, array)) {</w:t>
            </w:r>
          </w:p>
          <w:p w:rsidR="00156FB3" w:rsidRDefault="00156FB3" w:rsidP="00156FB3">
            <w:r>
              <w:t xml:space="preserve">        return true;</w:t>
            </w:r>
          </w:p>
          <w:p w:rsidR="00156FB3" w:rsidRDefault="00156FB3" w:rsidP="00156FB3">
            <w:r>
              <w:t xml:space="preserve">      }</w:t>
            </w:r>
          </w:p>
          <w:p w:rsidR="00156FB3" w:rsidRDefault="00156FB3" w:rsidP="00156FB3">
            <w:r>
              <w:t xml:space="preserve">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size of an ASCII `string`.</w:t>
            </w:r>
          </w:p>
          <w:p w:rsidR="00156FB3" w:rsidRDefault="00156FB3" w:rsidP="00156FB3">
            <w:r>
              <w:t xml:space="preserve">   *</w:t>
            </w:r>
          </w:p>
          <w:p w:rsidR="00156FB3" w:rsidRDefault="00156FB3" w:rsidP="00156FB3">
            <w:r>
              <w:t xml:space="preserve">   * @private</w:t>
            </w:r>
          </w:p>
          <w:p w:rsidR="00156FB3" w:rsidRDefault="00156FB3" w:rsidP="00156FB3">
            <w:r>
              <w:t xml:space="preserve">   * @param {string} string The string inspect.</w:t>
            </w:r>
          </w:p>
          <w:p w:rsidR="00156FB3" w:rsidRDefault="00156FB3" w:rsidP="00156FB3">
            <w:r>
              <w:t xml:space="preserve">   * @returns {number} Returns the string size.</w:t>
            </w:r>
          </w:p>
          <w:p w:rsidR="00156FB3" w:rsidRDefault="00156FB3" w:rsidP="00156FB3">
            <w:r>
              <w:t xml:space="preserve">   */</w:t>
            </w:r>
          </w:p>
          <w:p w:rsidR="00156FB3" w:rsidRDefault="00156FB3" w:rsidP="00156FB3">
            <w:r>
              <w:t xml:space="preserve">  var asciiSize = baseProperty('length');</w:t>
            </w:r>
          </w:p>
          <w:p w:rsidR="00156FB3" w:rsidRDefault="00156FB3" w:rsidP="00156FB3"/>
          <w:p w:rsidR="00156FB3" w:rsidRDefault="00156FB3" w:rsidP="00156FB3">
            <w:r>
              <w:t xml:space="preserve">  /**</w:t>
            </w:r>
          </w:p>
          <w:p w:rsidR="00156FB3" w:rsidRDefault="00156FB3" w:rsidP="00156FB3">
            <w:r>
              <w:t xml:space="preserve">   * Converts an ASCII `string` to an array.</w:t>
            </w:r>
          </w:p>
          <w:p w:rsidR="00156FB3" w:rsidRDefault="00156FB3" w:rsidP="00156FB3">
            <w:r>
              <w:t xml:space="preserve">   *</w:t>
            </w:r>
          </w:p>
          <w:p w:rsidR="00156FB3" w:rsidRDefault="00156FB3" w:rsidP="00156FB3">
            <w:r>
              <w:lastRenderedPageBreak/>
              <w:t xml:space="preserve">   * @private</w:t>
            </w:r>
          </w:p>
          <w:p w:rsidR="00156FB3" w:rsidRDefault="00156FB3" w:rsidP="00156FB3">
            <w:r>
              <w:t xml:space="preserve">   * @param {string} string The string to convert.</w:t>
            </w:r>
          </w:p>
          <w:p w:rsidR="00156FB3" w:rsidRDefault="00156FB3" w:rsidP="00156FB3">
            <w:r>
              <w:t xml:space="preserve">   * @returns {Array} Returns the converted array.</w:t>
            </w:r>
          </w:p>
          <w:p w:rsidR="00156FB3" w:rsidRDefault="00156FB3" w:rsidP="00156FB3">
            <w:r>
              <w:t xml:space="preserve">   */</w:t>
            </w:r>
          </w:p>
          <w:p w:rsidR="00156FB3" w:rsidRDefault="00156FB3" w:rsidP="00156FB3">
            <w:r>
              <w:t xml:space="preserve">  function asciiToArray(string) {</w:t>
            </w:r>
          </w:p>
          <w:p w:rsidR="00156FB3" w:rsidRDefault="00156FB3" w:rsidP="00156FB3">
            <w:r>
              <w:t xml:space="preserve">    return string.spli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Splits an ASCII `string` into an array of its words.</w:t>
            </w:r>
          </w:p>
          <w:p w:rsidR="00156FB3" w:rsidRDefault="00156FB3" w:rsidP="00156FB3">
            <w:r>
              <w:t xml:space="preserve">   *</w:t>
            </w:r>
          </w:p>
          <w:p w:rsidR="00156FB3" w:rsidRDefault="00156FB3" w:rsidP="00156FB3">
            <w:r>
              <w:t xml:space="preserve">   * @private</w:t>
            </w:r>
          </w:p>
          <w:p w:rsidR="00156FB3" w:rsidRDefault="00156FB3" w:rsidP="00156FB3">
            <w:r>
              <w:t xml:space="preserve">   * @param {string} The string to inspect.</w:t>
            </w:r>
          </w:p>
          <w:p w:rsidR="00156FB3" w:rsidRDefault="00156FB3" w:rsidP="00156FB3">
            <w:r>
              <w:t xml:space="preserve">   * @returns {Array} Returns the words of `string`.</w:t>
            </w:r>
          </w:p>
          <w:p w:rsidR="00156FB3" w:rsidRDefault="00156FB3" w:rsidP="00156FB3">
            <w:r>
              <w:t xml:space="preserve">   */</w:t>
            </w:r>
          </w:p>
          <w:p w:rsidR="00156FB3" w:rsidRDefault="00156FB3" w:rsidP="00156FB3">
            <w:r>
              <w:t xml:space="preserve">  function asciiWords(string) {</w:t>
            </w:r>
          </w:p>
          <w:p w:rsidR="00156FB3" w:rsidRDefault="00156FB3" w:rsidP="00156FB3">
            <w:r>
              <w:t xml:space="preserve">    return string.match(reAsciiWord)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methods like `_.findKey` and `_.findLastKey`,</w:t>
            </w:r>
          </w:p>
          <w:p w:rsidR="00156FB3" w:rsidRDefault="00156FB3" w:rsidP="00156FB3">
            <w:r>
              <w:t xml:space="preserve">   * without support for iteratee shorthands, which iterates over `collection`</w:t>
            </w:r>
          </w:p>
          <w:p w:rsidR="00156FB3" w:rsidRDefault="00156FB3" w:rsidP="00156FB3">
            <w:r>
              <w:t xml:space="preserve">   * using `eachFunc`.</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Object} collection The collection to inspect.</w:t>
            </w:r>
          </w:p>
          <w:p w:rsidR="00156FB3" w:rsidRDefault="00156FB3" w:rsidP="00156FB3">
            <w:r>
              <w:t xml:space="preserve">   * @param {Function} predicate The function invoked per iteration.</w:t>
            </w:r>
          </w:p>
          <w:p w:rsidR="00156FB3" w:rsidRDefault="00156FB3" w:rsidP="00156FB3">
            <w:r>
              <w:t xml:space="preserve">   * @param {Function} eachFunc The function to iterate over `collection`.</w:t>
            </w:r>
          </w:p>
          <w:p w:rsidR="00156FB3" w:rsidRDefault="00156FB3" w:rsidP="00156FB3">
            <w:r>
              <w:t xml:space="preserve">   * @returns {*} Returns the found element or its key, else `undefined`.</w:t>
            </w:r>
          </w:p>
          <w:p w:rsidR="00156FB3" w:rsidRDefault="00156FB3" w:rsidP="00156FB3">
            <w:r>
              <w:t xml:space="preserve">   */</w:t>
            </w:r>
          </w:p>
          <w:p w:rsidR="00156FB3" w:rsidRDefault="00156FB3" w:rsidP="00156FB3">
            <w:r>
              <w:t xml:space="preserve">  function baseFindKey(collection, predicate, eachFunc) {</w:t>
            </w:r>
          </w:p>
          <w:p w:rsidR="00156FB3" w:rsidRDefault="00156FB3" w:rsidP="00156FB3">
            <w:r>
              <w:t xml:space="preserve">    var result;</w:t>
            </w:r>
          </w:p>
          <w:p w:rsidR="00156FB3" w:rsidRDefault="00156FB3" w:rsidP="00156FB3">
            <w:r>
              <w:t xml:space="preserve">    eachFunc(collection, function(value, key, collection) {</w:t>
            </w:r>
          </w:p>
          <w:p w:rsidR="00156FB3" w:rsidRDefault="00156FB3" w:rsidP="00156FB3">
            <w:r>
              <w:t xml:space="preserve">      if (predicate(value, key, collection)) {</w:t>
            </w:r>
          </w:p>
          <w:p w:rsidR="00156FB3" w:rsidRDefault="00156FB3" w:rsidP="00156FB3">
            <w:r>
              <w:t xml:space="preserve">        result = key;</w:t>
            </w:r>
          </w:p>
          <w:p w:rsidR="00156FB3" w:rsidRDefault="00156FB3" w:rsidP="00156FB3">
            <w:r>
              <w:t xml:space="preserve">        return false;</w:t>
            </w:r>
          </w:p>
          <w:p w:rsidR="00156FB3" w:rsidRDefault="00156FB3" w:rsidP="00156FB3">
            <w:r>
              <w:t xml:space="preserve">      }</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findIndex` and `_.findLastIndex` without</w:t>
            </w:r>
          </w:p>
          <w:p w:rsidR="00156FB3" w:rsidRDefault="00156FB3" w:rsidP="00156FB3">
            <w:r>
              <w:t xml:space="preserve">   * support for iteratee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nspect.</w:t>
            </w:r>
          </w:p>
          <w:p w:rsidR="00156FB3" w:rsidRDefault="00156FB3" w:rsidP="00156FB3">
            <w:r>
              <w:t xml:space="preserve">   * @param {Function} predicate The function invoked per iteration.</w:t>
            </w:r>
          </w:p>
          <w:p w:rsidR="00156FB3" w:rsidRDefault="00156FB3" w:rsidP="00156FB3">
            <w:r>
              <w:lastRenderedPageBreak/>
              <w:t xml:space="preserve">   * @param {number} fromIndex The index to search from.</w:t>
            </w:r>
          </w:p>
          <w:p w:rsidR="00156FB3" w:rsidRDefault="00156FB3" w:rsidP="00156FB3">
            <w:r>
              <w:t xml:space="preserve">   * @param {boolean} [fromRight] Specify iterating from right to left.</w:t>
            </w:r>
          </w:p>
          <w:p w:rsidR="00156FB3" w:rsidRDefault="00156FB3" w:rsidP="00156FB3">
            <w:r>
              <w:t xml:space="preserve">   * @returns {number} Returns the index of the matched value, else `-1`.</w:t>
            </w:r>
          </w:p>
          <w:p w:rsidR="00156FB3" w:rsidRDefault="00156FB3" w:rsidP="00156FB3">
            <w:r>
              <w:t xml:space="preserve">   */</w:t>
            </w:r>
          </w:p>
          <w:p w:rsidR="00156FB3" w:rsidRDefault="00156FB3" w:rsidP="00156FB3">
            <w:r>
              <w:t xml:space="preserve">  function baseFindIndex(array, predicate, fromIndex, fromRight) {</w:t>
            </w:r>
          </w:p>
          <w:p w:rsidR="00156FB3" w:rsidRDefault="00156FB3" w:rsidP="00156FB3">
            <w:r>
              <w:t xml:space="preserve">    var length = array.length,</w:t>
            </w:r>
          </w:p>
          <w:p w:rsidR="00156FB3" w:rsidRDefault="00156FB3" w:rsidP="00156FB3">
            <w:r>
              <w:t xml:space="preserve">        index = fromIndex + (fromRight ? 1 : -1);</w:t>
            </w:r>
          </w:p>
          <w:p w:rsidR="00156FB3" w:rsidRDefault="00156FB3" w:rsidP="00156FB3"/>
          <w:p w:rsidR="00156FB3" w:rsidRDefault="00156FB3" w:rsidP="00156FB3">
            <w:r>
              <w:t xml:space="preserve">    while ((fromRight ? index-- : ++index &lt; length)) {</w:t>
            </w:r>
          </w:p>
          <w:p w:rsidR="00156FB3" w:rsidRDefault="00156FB3" w:rsidP="00156FB3">
            <w:r>
              <w:t xml:space="preserve">      if (predicate(array[index], index, array)) {</w:t>
            </w:r>
          </w:p>
          <w:p w:rsidR="00156FB3" w:rsidRDefault="00156FB3" w:rsidP="00156FB3">
            <w:r>
              <w:t xml:space="preserve">        return index;</w:t>
            </w:r>
          </w:p>
          <w:p w:rsidR="00156FB3" w:rsidRDefault="00156FB3" w:rsidP="00156FB3">
            <w:r>
              <w:t xml:space="preserve">      }</w:t>
            </w:r>
          </w:p>
          <w:p w:rsidR="00156FB3" w:rsidRDefault="00156FB3" w:rsidP="00156FB3">
            <w:r>
              <w:t xml:space="preserve">    }</w:t>
            </w:r>
          </w:p>
          <w:p w:rsidR="00156FB3" w:rsidRDefault="00156FB3" w:rsidP="00156FB3">
            <w:r>
              <w:t xml:space="preserve">    return -1;</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indexOf` without `fromIndex` bounds check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nspect.</w:t>
            </w:r>
          </w:p>
          <w:p w:rsidR="00156FB3" w:rsidRDefault="00156FB3" w:rsidP="00156FB3">
            <w:r>
              <w:t xml:space="preserve">   * @param {*} value The value to search for.</w:t>
            </w:r>
          </w:p>
          <w:p w:rsidR="00156FB3" w:rsidRDefault="00156FB3" w:rsidP="00156FB3">
            <w:r>
              <w:t xml:space="preserve">   * @param {number} fromIndex The index to search from.</w:t>
            </w:r>
          </w:p>
          <w:p w:rsidR="00156FB3" w:rsidRDefault="00156FB3" w:rsidP="00156FB3">
            <w:r>
              <w:t xml:space="preserve">   * @returns {number} Returns the index of the matched value, else `-1`.</w:t>
            </w:r>
          </w:p>
          <w:p w:rsidR="00156FB3" w:rsidRDefault="00156FB3" w:rsidP="00156FB3">
            <w:r>
              <w:t xml:space="preserve">   */</w:t>
            </w:r>
          </w:p>
          <w:p w:rsidR="00156FB3" w:rsidRDefault="00156FB3" w:rsidP="00156FB3">
            <w:r>
              <w:t xml:space="preserve">  function baseIndexOf(array, value, fromIndex) {</w:t>
            </w:r>
          </w:p>
          <w:p w:rsidR="00156FB3" w:rsidRDefault="00156FB3" w:rsidP="00156FB3">
            <w:r>
              <w:t xml:space="preserve">    return value === value</w:t>
            </w:r>
          </w:p>
          <w:p w:rsidR="00156FB3" w:rsidRDefault="00156FB3" w:rsidP="00156FB3">
            <w:r>
              <w:t xml:space="preserve">      ? strictIndexOf(array, value, fromIndex)</w:t>
            </w:r>
          </w:p>
          <w:p w:rsidR="00156FB3" w:rsidRDefault="00156FB3" w:rsidP="00156FB3">
            <w:r>
              <w:t xml:space="preserve">      : baseFindIndex(array, baseIsNaN, fromIndex);</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function is like `baseIndexOf` except that it accepts a comparator.</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nspect.</w:t>
            </w:r>
          </w:p>
          <w:p w:rsidR="00156FB3" w:rsidRDefault="00156FB3" w:rsidP="00156FB3">
            <w:r>
              <w:t xml:space="preserve">   * @param {*} value The value to search for.</w:t>
            </w:r>
          </w:p>
          <w:p w:rsidR="00156FB3" w:rsidRDefault="00156FB3" w:rsidP="00156FB3">
            <w:r>
              <w:t xml:space="preserve">   * @param {number} fromIndex The index to search from.</w:t>
            </w:r>
          </w:p>
          <w:p w:rsidR="00156FB3" w:rsidRDefault="00156FB3" w:rsidP="00156FB3">
            <w:r>
              <w:t xml:space="preserve">   * @param {Function} comparator The comparator invoked per element.</w:t>
            </w:r>
          </w:p>
          <w:p w:rsidR="00156FB3" w:rsidRDefault="00156FB3" w:rsidP="00156FB3">
            <w:r>
              <w:t xml:space="preserve">   * @returns {number} Returns the index of the matched value, else `-1`.</w:t>
            </w:r>
          </w:p>
          <w:p w:rsidR="00156FB3" w:rsidRDefault="00156FB3" w:rsidP="00156FB3">
            <w:r>
              <w:t xml:space="preserve">   */</w:t>
            </w:r>
          </w:p>
          <w:p w:rsidR="00156FB3" w:rsidRDefault="00156FB3" w:rsidP="00156FB3">
            <w:r>
              <w:t xml:space="preserve">  function baseIndexOfWith(array, value, fromIndex, comparator) {</w:t>
            </w:r>
          </w:p>
          <w:p w:rsidR="00156FB3" w:rsidRDefault="00156FB3" w:rsidP="00156FB3">
            <w:r>
              <w:t xml:space="preserve">    var index = fromIndex - 1,</w:t>
            </w:r>
          </w:p>
          <w:p w:rsidR="00156FB3" w:rsidRDefault="00156FB3" w:rsidP="00156FB3">
            <w:r>
              <w:t xml:space="preserve">        length = array.length;</w:t>
            </w:r>
          </w:p>
          <w:p w:rsidR="00156FB3" w:rsidRDefault="00156FB3" w:rsidP="00156FB3"/>
          <w:p w:rsidR="00156FB3" w:rsidRDefault="00156FB3" w:rsidP="00156FB3">
            <w:r>
              <w:t xml:space="preserve">    while (++index &lt; length) {</w:t>
            </w:r>
          </w:p>
          <w:p w:rsidR="00156FB3" w:rsidRDefault="00156FB3" w:rsidP="00156FB3">
            <w:r>
              <w:t xml:space="preserve">      if (comparator(array[index], value)) {</w:t>
            </w:r>
          </w:p>
          <w:p w:rsidR="00156FB3" w:rsidRDefault="00156FB3" w:rsidP="00156FB3">
            <w:r>
              <w:t xml:space="preserve">        return index;</w:t>
            </w:r>
          </w:p>
          <w:p w:rsidR="00156FB3" w:rsidRDefault="00156FB3" w:rsidP="00156FB3">
            <w:r>
              <w:lastRenderedPageBreak/>
              <w:t xml:space="preserve">      }</w:t>
            </w:r>
          </w:p>
          <w:p w:rsidR="00156FB3" w:rsidRDefault="00156FB3" w:rsidP="00156FB3">
            <w:r>
              <w:t xml:space="preserve">    }</w:t>
            </w:r>
          </w:p>
          <w:p w:rsidR="00156FB3" w:rsidRDefault="00156FB3" w:rsidP="00156FB3">
            <w:r>
              <w:t xml:space="preserve">    return -1;</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isNaN` without support for number objects.</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check.</w:t>
            </w:r>
          </w:p>
          <w:p w:rsidR="00156FB3" w:rsidRDefault="00156FB3" w:rsidP="00156FB3">
            <w:r>
              <w:t xml:space="preserve">   * @returns {boolean} Returns `true` if `value` is `NaN`, else `false`.</w:t>
            </w:r>
          </w:p>
          <w:p w:rsidR="00156FB3" w:rsidRDefault="00156FB3" w:rsidP="00156FB3">
            <w:r>
              <w:t xml:space="preserve">   */</w:t>
            </w:r>
          </w:p>
          <w:p w:rsidR="00156FB3" w:rsidRDefault="00156FB3" w:rsidP="00156FB3">
            <w:r>
              <w:t xml:space="preserve">  function baseIsNaN(value) {</w:t>
            </w:r>
          </w:p>
          <w:p w:rsidR="00156FB3" w:rsidRDefault="00156FB3" w:rsidP="00156FB3">
            <w:r>
              <w:t xml:space="preserve">    return value !== 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mean` and `_.meanBy` without support for</w:t>
            </w:r>
          </w:p>
          <w:p w:rsidR="00156FB3" w:rsidRDefault="00156FB3" w:rsidP="00156FB3">
            <w:r>
              <w:t xml:space="preserve">   * iteratee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terate over.</w:t>
            </w:r>
          </w:p>
          <w:p w:rsidR="00156FB3" w:rsidRDefault="00156FB3" w:rsidP="00156FB3">
            <w:r>
              <w:t xml:space="preserve">   * @param {Function} iteratee The function invoked per iteration.</w:t>
            </w:r>
          </w:p>
          <w:p w:rsidR="00156FB3" w:rsidRDefault="00156FB3" w:rsidP="00156FB3">
            <w:r>
              <w:t xml:space="preserve">   * @returns {number} Returns the mean.</w:t>
            </w:r>
          </w:p>
          <w:p w:rsidR="00156FB3" w:rsidRDefault="00156FB3" w:rsidP="00156FB3">
            <w:r>
              <w:t xml:space="preserve">   */</w:t>
            </w:r>
          </w:p>
          <w:p w:rsidR="00156FB3" w:rsidRDefault="00156FB3" w:rsidP="00156FB3">
            <w:r>
              <w:t xml:space="preserve">  function baseMean(array, iteratee) {</w:t>
            </w:r>
          </w:p>
          <w:p w:rsidR="00156FB3" w:rsidRDefault="00156FB3" w:rsidP="00156FB3">
            <w:r>
              <w:t xml:space="preserve">    var length = array == null ? 0 : array.length;</w:t>
            </w:r>
          </w:p>
          <w:p w:rsidR="00156FB3" w:rsidRDefault="00156FB3" w:rsidP="00156FB3">
            <w:r>
              <w:t xml:space="preserve">    return length ? (baseSum(array, iteratee) / length) : NAN;</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property` without support for deep paths.</w:t>
            </w:r>
          </w:p>
          <w:p w:rsidR="00156FB3" w:rsidRDefault="00156FB3" w:rsidP="00156FB3">
            <w:r>
              <w:t xml:space="preserve">   *</w:t>
            </w:r>
          </w:p>
          <w:p w:rsidR="00156FB3" w:rsidRDefault="00156FB3" w:rsidP="00156FB3">
            <w:r>
              <w:t xml:space="preserve">   * @private</w:t>
            </w:r>
          </w:p>
          <w:p w:rsidR="00156FB3" w:rsidRDefault="00156FB3" w:rsidP="00156FB3">
            <w:r>
              <w:t xml:space="preserve">   * @param {string} key The key of the property to get.</w:t>
            </w:r>
          </w:p>
          <w:p w:rsidR="00156FB3" w:rsidRDefault="00156FB3" w:rsidP="00156FB3">
            <w:r>
              <w:t xml:space="preserve">   * @returns {Function} Returns the new accessor function.</w:t>
            </w:r>
          </w:p>
          <w:p w:rsidR="00156FB3" w:rsidRDefault="00156FB3" w:rsidP="00156FB3">
            <w:r>
              <w:t xml:space="preserve">   */</w:t>
            </w:r>
          </w:p>
          <w:p w:rsidR="00156FB3" w:rsidRDefault="00156FB3" w:rsidP="00156FB3">
            <w:r>
              <w:t xml:space="preserve">  function baseProperty(key) {</w:t>
            </w:r>
          </w:p>
          <w:p w:rsidR="00156FB3" w:rsidRDefault="00156FB3" w:rsidP="00156FB3">
            <w:r>
              <w:t xml:space="preserve">    return function(object) {</w:t>
            </w:r>
          </w:p>
          <w:p w:rsidR="00156FB3" w:rsidRDefault="00156FB3" w:rsidP="00156FB3">
            <w:r>
              <w:t xml:space="preserve">      return object == null ? undefined : object[key];</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propertyOf` without support for deep path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query.</w:t>
            </w:r>
          </w:p>
          <w:p w:rsidR="00156FB3" w:rsidRDefault="00156FB3" w:rsidP="00156FB3">
            <w:r>
              <w:lastRenderedPageBreak/>
              <w:t xml:space="preserve">   * @returns {Function} Returns the new accessor function.</w:t>
            </w:r>
          </w:p>
          <w:p w:rsidR="00156FB3" w:rsidRDefault="00156FB3" w:rsidP="00156FB3">
            <w:r>
              <w:t xml:space="preserve">   */</w:t>
            </w:r>
          </w:p>
          <w:p w:rsidR="00156FB3" w:rsidRDefault="00156FB3" w:rsidP="00156FB3">
            <w:r>
              <w:t xml:space="preserve">  function basePropertyOf(object) {</w:t>
            </w:r>
          </w:p>
          <w:p w:rsidR="00156FB3" w:rsidRDefault="00156FB3" w:rsidP="00156FB3">
            <w:r>
              <w:t xml:space="preserve">    return function(key) {</w:t>
            </w:r>
          </w:p>
          <w:p w:rsidR="00156FB3" w:rsidRDefault="00156FB3" w:rsidP="00156FB3">
            <w:r>
              <w:t xml:space="preserve">      return object == null ? undefined : object[key];</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reduce` and `_.reduceRight`, without support</w:t>
            </w:r>
          </w:p>
          <w:p w:rsidR="00156FB3" w:rsidRDefault="00156FB3" w:rsidP="00156FB3">
            <w:r>
              <w:t xml:space="preserve">   * for iteratee shorthands, which iterates over `collection` using `eachFunc`.</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Object} collection The collection to iterate over.</w:t>
            </w:r>
          </w:p>
          <w:p w:rsidR="00156FB3" w:rsidRDefault="00156FB3" w:rsidP="00156FB3">
            <w:r>
              <w:t xml:space="preserve">   * @param {Function} iteratee The function invoked per iteration.</w:t>
            </w:r>
          </w:p>
          <w:p w:rsidR="00156FB3" w:rsidRDefault="00156FB3" w:rsidP="00156FB3">
            <w:r>
              <w:t xml:space="preserve">   * @param {*} accumulator The initial value.</w:t>
            </w:r>
          </w:p>
          <w:p w:rsidR="00156FB3" w:rsidRDefault="00156FB3" w:rsidP="00156FB3">
            <w:r>
              <w:t xml:space="preserve">   * @param {boolean} initAccum Specify using the first or last element of</w:t>
            </w:r>
          </w:p>
          <w:p w:rsidR="00156FB3" w:rsidRDefault="00156FB3" w:rsidP="00156FB3">
            <w:r>
              <w:t xml:space="preserve">   *  `collection` as the initial value.</w:t>
            </w:r>
          </w:p>
          <w:p w:rsidR="00156FB3" w:rsidRDefault="00156FB3" w:rsidP="00156FB3">
            <w:r>
              <w:t xml:space="preserve">   * @param {Function} eachFunc The function to iterate over `collection`.</w:t>
            </w:r>
          </w:p>
          <w:p w:rsidR="00156FB3" w:rsidRDefault="00156FB3" w:rsidP="00156FB3">
            <w:r>
              <w:t xml:space="preserve">   * @returns {*} Returns the accumulated value.</w:t>
            </w:r>
          </w:p>
          <w:p w:rsidR="00156FB3" w:rsidRDefault="00156FB3" w:rsidP="00156FB3">
            <w:r>
              <w:t xml:space="preserve">   */</w:t>
            </w:r>
          </w:p>
          <w:p w:rsidR="00156FB3" w:rsidRDefault="00156FB3" w:rsidP="00156FB3">
            <w:r>
              <w:t xml:space="preserve">  function baseReduce(collection, iteratee, accumulator, initAccum, eachFunc) {</w:t>
            </w:r>
          </w:p>
          <w:p w:rsidR="00156FB3" w:rsidRDefault="00156FB3" w:rsidP="00156FB3">
            <w:r>
              <w:t xml:space="preserve">    eachFunc(collection, function(value, index, collection) {</w:t>
            </w:r>
          </w:p>
          <w:p w:rsidR="00156FB3" w:rsidRDefault="00156FB3" w:rsidP="00156FB3">
            <w:r>
              <w:t xml:space="preserve">      accumulator = initAccum</w:t>
            </w:r>
          </w:p>
          <w:p w:rsidR="00156FB3" w:rsidRDefault="00156FB3" w:rsidP="00156FB3">
            <w:r>
              <w:t xml:space="preserve">        ? (initAccum = false, value)</w:t>
            </w:r>
          </w:p>
          <w:p w:rsidR="00156FB3" w:rsidRDefault="00156FB3" w:rsidP="00156FB3">
            <w:r>
              <w:t xml:space="preserve">        : iteratee(accumulator, value, index, collection);</w:t>
            </w:r>
          </w:p>
          <w:p w:rsidR="00156FB3" w:rsidRDefault="00156FB3" w:rsidP="00156FB3">
            <w:r>
              <w:t xml:space="preserve">    });</w:t>
            </w:r>
          </w:p>
          <w:p w:rsidR="00156FB3" w:rsidRDefault="00156FB3" w:rsidP="00156FB3">
            <w:r>
              <w:t xml:space="preserve">    return accumulato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sortBy` which uses `comparer` to define the</w:t>
            </w:r>
          </w:p>
          <w:p w:rsidR="00156FB3" w:rsidRDefault="00156FB3" w:rsidP="00156FB3">
            <w:r>
              <w:t xml:space="preserve">   * sort order of `array` and replaces criteria objects with their corresponding</w:t>
            </w:r>
          </w:p>
          <w:p w:rsidR="00156FB3" w:rsidRDefault="00156FB3" w:rsidP="00156FB3">
            <w:r>
              <w:t xml:space="preserve">   * value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sort.</w:t>
            </w:r>
          </w:p>
          <w:p w:rsidR="00156FB3" w:rsidRDefault="00156FB3" w:rsidP="00156FB3">
            <w:r>
              <w:t xml:space="preserve">   * @param {Function} comparer The function to define sort order.</w:t>
            </w:r>
          </w:p>
          <w:p w:rsidR="00156FB3" w:rsidRDefault="00156FB3" w:rsidP="00156FB3">
            <w:r>
              <w:t xml:space="preserve">   * @returns {Array} Returns `array`.</w:t>
            </w:r>
          </w:p>
          <w:p w:rsidR="00156FB3" w:rsidRDefault="00156FB3" w:rsidP="00156FB3">
            <w:r>
              <w:t xml:space="preserve">   */</w:t>
            </w:r>
          </w:p>
          <w:p w:rsidR="00156FB3" w:rsidRDefault="00156FB3" w:rsidP="00156FB3">
            <w:r>
              <w:t xml:space="preserve">  function baseSortBy(array, comparer) {</w:t>
            </w:r>
          </w:p>
          <w:p w:rsidR="00156FB3" w:rsidRDefault="00156FB3" w:rsidP="00156FB3">
            <w:r>
              <w:t xml:space="preserve">    var length = array.length;</w:t>
            </w:r>
          </w:p>
          <w:p w:rsidR="00156FB3" w:rsidRDefault="00156FB3" w:rsidP="00156FB3"/>
          <w:p w:rsidR="00156FB3" w:rsidRDefault="00156FB3" w:rsidP="00156FB3">
            <w:r>
              <w:t xml:space="preserve">    array.sort(comparer);</w:t>
            </w:r>
          </w:p>
          <w:p w:rsidR="00156FB3" w:rsidRDefault="00156FB3" w:rsidP="00156FB3">
            <w:r>
              <w:t xml:space="preserve">    while (length--) {</w:t>
            </w:r>
          </w:p>
          <w:p w:rsidR="00156FB3" w:rsidRDefault="00156FB3" w:rsidP="00156FB3">
            <w:r>
              <w:t xml:space="preserve">      array[length] = array[length].value;</w:t>
            </w:r>
          </w:p>
          <w:p w:rsidR="00156FB3" w:rsidRDefault="00156FB3" w:rsidP="00156FB3">
            <w:r>
              <w:t xml:space="preserve">    }</w:t>
            </w:r>
          </w:p>
          <w:p w:rsidR="00156FB3" w:rsidRDefault="00156FB3" w:rsidP="00156FB3">
            <w:r>
              <w:t xml:space="preserve">    return array;</w:t>
            </w:r>
          </w:p>
          <w:p w:rsidR="00156FB3" w:rsidRDefault="00156FB3" w:rsidP="00156FB3">
            <w:r>
              <w:lastRenderedPageBreak/>
              <w:t xml:space="preserve">  }</w:t>
            </w:r>
          </w:p>
          <w:p w:rsidR="00156FB3" w:rsidRDefault="00156FB3" w:rsidP="00156FB3"/>
          <w:p w:rsidR="00156FB3" w:rsidRDefault="00156FB3" w:rsidP="00156FB3">
            <w:r>
              <w:t xml:space="preserve">  /**</w:t>
            </w:r>
          </w:p>
          <w:p w:rsidR="00156FB3" w:rsidRDefault="00156FB3" w:rsidP="00156FB3">
            <w:r>
              <w:t xml:space="preserve">   * The base implementation of `_.sum` and `_.sumBy` without support for</w:t>
            </w:r>
          </w:p>
          <w:p w:rsidR="00156FB3" w:rsidRDefault="00156FB3" w:rsidP="00156FB3">
            <w:r>
              <w:t xml:space="preserve">   * iteratee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terate over.</w:t>
            </w:r>
          </w:p>
          <w:p w:rsidR="00156FB3" w:rsidRDefault="00156FB3" w:rsidP="00156FB3">
            <w:r>
              <w:t xml:space="preserve">   * @param {Function} iteratee The function invoked per iteration.</w:t>
            </w:r>
          </w:p>
          <w:p w:rsidR="00156FB3" w:rsidRDefault="00156FB3" w:rsidP="00156FB3">
            <w:r>
              <w:t xml:space="preserve">   * @returns {number} Returns the sum.</w:t>
            </w:r>
          </w:p>
          <w:p w:rsidR="00156FB3" w:rsidRDefault="00156FB3" w:rsidP="00156FB3">
            <w:r>
              <w:t xml:space="preserve">   */</w:t>
            </w:r>
          </w:p>
          <w:p w:rsidR="00156FB3" w:rsidRDefault="00156FB3" w:rsidP="00156FB3">
            <w:r>
              <w:t xml:space="preserve">  function baseSum(array, iteratee) {</w:t>
            </w:r>
          </w:p>
          <w:p w:rsidR="00156FB3" w:rsidRDefault="00156FB3" w:rsidP="00156FB3">
            <w:r>
              <w:t xml:space="preserve">    var result,</w:t>
            </w:r>
          </w:p>
          <w:p w:rsidR="00156FB3" w:rsidRDefault="00156FB3" w:rsidP="00156FB3">
            <w:r>
              <w:t xml:space="preserve">        index = -1,</w:t>
            </w:r>
          </w:p>
          <w:p w:rsidR="00156FB3" w:rsidRDefault="00156FB3" w:rsidP="00156FB3">
            <w:r>
              <w:t xml:space="preserve">        length = array.length;</w:t>
            </w:r>
          </w:p>
          <w:p w:rsidR="00156FB3" w:rsidRDefault="00156FB3" w:rsidP="00156FB3"/>
          <w:p w:rsidR="00156FB3" w:rsidRDefault="00156FB3" w:rsidP="00156FB3">
            <w:r>
              <w:t xml:space="preserve">    while (++index &lt; length) {</w:t>
            </w:r>
          </w:p>
          <w:p w:rsidR="00156FB3" w:rsidRDefault="00156FB3" w:rsidP="00156FB3">
            <w:r>
              <w:t xml:space="preserve">      var current = iteratee(array[index]);</w:t>
            </w:r>
          </w:p>
          <w:p w:rsidR="00156FB3" w:rsidRDefault="00156FB3" w:rsidP="00156FB3">
            <w:r>
              <w:t xml:space="preserve">      if (current !== undefined) {</w:t>
            </w:r>
          </w:p>
          <w:p w:rsidR="00156FB3" w:rsidRDefault="00156FB3" w:rsidP="00156FB3">
            <w:r>
              <w:t xml:space="preserve">        result = result === undefined ? current : (result + current);</w:t>
            </w:r>
          </w:p>
          <w:p w:rsidR="00156FB3" w:rsidRDefault="00156FB3" w:rsidP="00156FB3">
            <w:r>
              <w:t xml:space="preserve">      }</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times` without support for iteratee shorthands</w:t>
            </w:r>
          </w:p>
          <w:p w:rsidR="00156FB3" w:rsidRDefault="00156FB3" w:rsidP="00156FB3">
            <w:r>
              <w:t xml:space="preserve">   * or max array length checks.</w:t>
            </w:r>
          </w:p>
          <w:p w:rsidR="00156FB3" w:rsidRDefault="00156FB3" w:rsidP="00156FB3">
            <w:r>
              <w:t xml:space="preserve">   *</w:t>
            </w:r>
          </w:p>
          <w:p w:rsidR="00156FB3" w:rsidRDefault="00156FB3" w:rsidP="00156FB3">
            <w:r>
              <w:t xml:space="preserve">   * @private</w:t>
            </w:r>
          </w:p>
          <w:p w:rsidR="00156FB3" w:rsidRDefault="00156FB3" w:rsidP="00156FB3">
            <w:r>
              <w:t xml:space="preserve">   * @param {number} n The number of times to invoke `iteratee`.</w:t>
            </w:r>
          </w:p>
          <w:p w:rsidR="00156FB3" w:rsidRDefault="00156FB3" w:rsidP="00156FB3">
            <w:r>
              <w:t xml:space="preserve">   * @param {Function} iteratee The function invoked per iteration.</w:t>
            </w:r>
          </w:p>
          <w:p w:rsidR="00156FB3" w:rsidRDefault="00156FB3" w:rsidP="00156FB3">
            <w:r>
              <w:t xml:space="preserve">   * @returns {Array} Returns the array of results.</w:t>
            </w:r>
          </w:p>
          <w:p w:rsidR="00156FB3" w:rsidRDefault="00156FB3" w:rsidP="00156FB3">
            <w:r>
              <w:t xml:space="preserve">   */</w:t>
            </w:r>
          </w:p>
          <w:p w:rsidR="00156FB3" w:rsidRDefault="00156FB3" w:rsidP="00156FB3">
            <w:r>
              <w:t xml:space="preserve">  function baseTimes(n, iteratee) {</w:t>
            </w:r>
          </w:p>
          <w:p w:rsidR="00156FB3" w:rsidRDefault="00156FB3" w:rsidP="00156FB3">
            <w:r>
              <w:t xml:space="preserve">    var index = -1,</w:t>
            </w:r>
          </w:p>
          <w:p w:rsidR="00156FB3" w:rsidRDefault="00156FB3" w:rsidP="00156FB3">
            <w:r>
              <w:t xml:space="preserve">        result = Array(n);</w:t>
            </w:r>
          </w:p>
          <w:p w:rsidR="00156FB3" w:rsidRDefault="00156FB3" w:rsidP="00156FB3"/>
          <w:p w:rsidR="00156FB3" w:rsidRDefault="00156FB3" w:rsidP="00156FB3">
            <w:r>
              <w:t xml:space="preserve">    while (++index &lt; n) {</w:t>
            </w:r>
          </w:p>
          <w:p w:rsidR="00156FB3" w:rsidRDefault="00156FB3" w:rsidP="00156FB3">
            <w:r>
              <w:t xml:space="preserve">      result[index] = iteratee(index);</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toPairs` and `_.toPairsIn` which creates an array</w:t>
            </w:r>
          </w:p>
          <w:p w:rsidR="00156FB3" w:rsidRDefault="00156FB3" w:rsidP="00156FB3">
            <w:r>
              <w:t xml:space="preserve">   * of key-value pairs for `object` corresponding to the property names of `props`.</w:t>
            </w:r>
          </w:p>
          <w:p w:rsidR="00156FB3" w:rsidRDefault="00156FB3" w:rsidP="00156FB3">
            <w:r>
              <w:t xml:space="preserve">   *</w:t>
            </w:r>
          </w:p>
          <w:p w:rsidR="00156FB3" w:rsidRDefault="00156FB3" w:rsidP="00156FB3">
            <w:r>
              <w:lastRenderedPageBreak/>
              <w:t xml:space="preserve">   * @private</w:t>
            </w:r>
          </w:p>
          <w:p w:rsidR="00156FB3" w:rsidRDefault="00156FB3" w:rsidP="00156FB3">
            <w:r>
              <w:t xml:space="preserve">   * @param {Object} object The object to query.</w:t>
            </w:r>
          </w:p>
          <w:p w:rsidR="00156FB3" w:rsidRDefault="00156FB3" w:rsidP="00156FB3">
            <w:r>
              <w:t xml:space="preserve">   * @param {Array} props The property names to get values for.</w:t>
            </w:r>
          </w:p>
          <w:p w:rsidR="00156FB3" w:rsidRDefault="00156FB3" w:rsidP="00156FB3">
            <w:r>
              <w:t xml:space="preserve">   * @returns {Object} Returns the key-value pairs.</w:t>
            </w:r>
          </w:p>
          <w:p w:rsidR="00156FB3" w:rsidRDefault="00156FB3" w:rsidP="00156FB3">
            <w:r>
              <w:t xml:space="preserve">   */</w:t>
            </w:r>
          </w:p>
          <w:p w:rsidR="00156FB3" w:rsidRDefault="00156FB3" w:rsidP="00156FB3">
            <w:r>
              <w:t xml:space="preserve">  function baseToPairs(object, props) {</w:t>
            </w:r>
          </w:p>
          <w:p w:rsidR="00156FB3" w:rsidRDefault="00156FB3" w:rsidP="00156FB3">
            <w:r>
              <w:t xml:space="preserve">    return arrayMap(props, function(key) {</w:t>
            </w:r>
          </w:p>
          <w:p w:rsidR="00156FB3" w:rsidRDefault="00156FB3" w:rsidP="00156FB3">
            <w:r>
              <w:t xml:space="preserve">      return [key, object[key]];</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unary` without support for storing metadata.</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unc The function to cap arguments for.</w:t>
            </w:r>
          </w:p>
          <w:p w:rsidR="00156FB3" w:rsidRDefault="00156FB3" w:rsidP="00156FB3">
            <w:r>
              <w:t xml:space="preserve">   * @returns {Function} Returns the new capped function.</w:t>
            </w:r>
          </w:p>
          <w:p w:rsidR="00156FB3" w:rsidRDefault="00156FB3" w:rsidP="00156FB3">
            <w:r>
              <w:t xml:space="preserve">   */</w:t>
            </w:r>
          </w:p>
          <w:p w:rsidR="00156FB3" w:rsidRDefault="00156FB3" w:rsidP="00156FB3">
            <w:r>
              <w:t xml:space="preserve">  function baseUnary(func) {</w:t>
            </w:r>
          </w:p>
          <w:p w:rsidR="00156FB3" w:rsidRDefault="00156FB3" w:rsidP="00156FB3">
            <w:r>
              <w:t xml:space="preserve">    return function(value) {</w:t>
            </w:r>
          </w:p>
          <w:p w:rsidR="00156FB3" w:rsidRDefault="00156FB3" w:rsidP="00156FB3">
            <w:r>
              <w:t xml:space="preserve">      return func(val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values` and `_.valuesIn` which creates an</w:t>
            </w:r>
          </w:p>
          <w:p w:rsidR="00156FB3" w:rsidRDefault="00156FB3" w:rsidP="00156FB3">
            <w:r>
              <w:t xml:space="preserve">   * array of `object` property values corresponding to the property names</w:t>
            </w:r>
          </w:p>
          <w:p w:rsidR="00156FB3" w:rsidRDefault="00156FB3" w:rsidP="00156FB3">
            <w:r>
              <w:t xml:space="preserve">   * of `prop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query.</w:t>
            </w:r>
          </w:p>
          <w:p w:rsidR="00156FB3" w:rsidRDefault="00156FB3" w:rsidP="00156FB3">
            <w:r>
              <w:t xml:space="preserve">   * @param {Array} props The property names to get values for.</w:t>
            </w:r>
          </w:p>
          <w:p w:rsidR="00156FB3" w:rsidRDefault="00156FB3" w:rsidP="00156FB3">
            <w:r>
              <w:t xml:space="preserve">   * @returns {Object} Returns the array of property values.</w:t>
            </w:r>
          </w:p>
          <w:p w:rsidR="00156FB3" w:rsidRDefault="00156FB3" w:rsidP="00156FB3">
            <w:r>
              <w:t xml:space="preserve">   */</w:t>
            </w:r>
          </w:p>
          <w:p w:rsidR="00156FB3" w:rsidRDefault="00156FB3" w:rsidP="00156FB3">
            <w:r>
              <w:t xml:space="preserve">  function baseValues(object, props) {</w:t>
            </w:r>
          </w:p>
          <w:p w:rsidR="00156FB3" w:rsidRDefault="00156FB3" w:rsidP="00156FB3">
            <w:r>
              <w:t xml:space="preserve">    return arrayMap(props, function(key) {</w:t>
            </w:r>
          </w:p>
          <w:p w:rsidR="00156FB3" w:rsidRDefault="00156FB3" w:rsidP="00156FB3">
            <w:r>
              <w:t xml:space="preserve">      return object[key];</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a `cache` value for `key` exist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cache The cache to query.</w:t>
            </w:r>
          </w:p>
          <w:p w:rsidR="00156FB3" w:rsidRDefault="00156FB3" w:rsidP="00156FB3">
            <w:r>
              <w:t xml:space="preserve">   * @param {string} key The key of the entry to check.</w:t>
            </w:r>
          </w:p>
          <w:p w:rsidR="00156FB3" w:rsidRDefault="00156FB3" w:rsidP="00156FB3">
            <w:r>
              <w:t xml:space="preserve">   * @returns {boolean} Returns `true` if an entry for `key` exists, else `false`.</w:t>
            </w:r>
          </w:p>
          <w:p w:rsidR="00156FB3" w:rsidRDefault="00156FB3" w:rsidP="00156FB3">
            <w:r>
              <w:t xml:space="preserve">   */</w:t>
            </w:r>
          </w:p>
          <w:p w:rsidR="00156FB3" w:rsidRDefault="00156FB3" w:rsidP="00156FB3">
            <w:r>
              <w:lastRenderedPageBreak/>
              <w:t xml:space="preserve">  function cacheHas(cache, key) {</w:t>
            </w:r>
          </w:p>
          <w:p w:rsidR="00156FB3" w:rsidRDefault="00156FB3" w:rsidP="00156FB3">
            <w:r>
              <w:t xml:space="preserve">    return cache.has(ke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Used by `_.trim` and `_.trimStart` to get the index of the first string symbol</w:t>
            </w:r>
          </w:p>
          <w:p w:rsidR="00156FB3" w:rsidRDefault="00156FB3" w:rsidP="00156FB3">
            <w:r>
              <w:t xml:space="preserve">   * that is not found in the character symbol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strSymbols The string symbols to inspect.</w:t>
            </w:r>
          </w:p>
          <w:p w:rsidR="00156FB3" w:rsidRDefault="00156FB3" w:rsidP="00156FB3">
            <w:r>
              <w:t xml:space="preserve">   * @param {Array} chrSymbols The character symbols to find.</w:t>
            </w:r>
          </w:p>
          <w:p w:rsidR="00156FB3" w:rsidRDefault="00156FB3" w:rsidP="00156FB3">
            <w:r>
              <w:t xml:space="preserve">   * @returns {number} Returns the index of the first unmatched string symbol.</w:t>
            </w:r>
          </w:p>
          <w:p w:rsidR="00156FB3" w:rsidRDefault="00156FB3" w:rsidP="00156FB3">
            <w:r>
              <w:t xml:space="preserve">   */</w:t>
            </w:r>
          </w:p>
          <w:p w:rsidR="00156FB3" w:rsidRDefault="00156FB3" w:rsidP="00156FB3">
            <w:r>
              <w:t xml:space="preserve">  function charsStartIndex(strSymbols, chrSymbols) {</w:t>
            </w:r>
          </w:p>
          <w:p w:rsidR="00156FB3" w:rsidRDefault="00156FB3" w:rsidP="00156FB3">
            <w:r>
              <w:t xml:space="preserve">    var index = -1,</w:t>
            </w:r>
          </w:p>
          <w:p w:rsidR="00156FB3" w:rsidRDefault="00156FB3" w:rsidP="00156FB3">
            <w:r>
              <w:t xml:space="preserve">        length = strSymbols.length;</w:t>
            </w:r>
          </w:p>
          <w:p w:rsidR="00156FB3" w:rsidRDefault="00156FB3" w:rsidP="00156FB3"/>
          <w:p w:rsidR="00156FB3" w:rsidRDefault="00156FB3" w:rsidP="00156FB3">
            <w:r>
              <w:t xml:space="preserve">    while (++index &lt; length &amp;&amp; baseIndexOf(chrSymbols, strSymbols[index], 0) &gt; -1) {}</w:t>
            </w:r>
          </w:p>
          <w:p w:rsidR="00156FB3" w:rsidRDefault="00156FB3" w:rsidP="00156FB3">
            <w:r>
              <w:t xml:space="preserve">    return index;</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Used by `_.trim` and `_.trimEnd` to get the index of the last string symbol</w:t>
            </w:r>
          </w:p>
          <w:p w:rsidR="00156FB3" w:rsidRDefault="00156FB3" w:rsidP="00156FB3">
            <w:r>
              <w:t xml:space="preserve">   * that is not found in the character symbol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strSymbols The string symbols to inspect.</w:t>
            </w:r>
          </w:p>
          <w:p w:rsidR="00156FB3" w:rsidRDefault="00156FB3" w:rsidP="00156FB3">
            <w:r>
              <w:t xml:space="preserve">   * @param {Array} chrSymbols The character symbols to find.</w:t>
            </w:r>
          </w:p>
          <w:p w:rsidR="00156FB3" w:rsidRDefault="00156FB3" w:rsidP="00156FB3">
            <w:r>
              <w:t xml:space="preserve">   * @returns {number} Returns the index of the last unmatched string symbol.</w:t>
            </w:r>
          </w:p>
          <w:p w:rsidR="00156FB3" w:rsidRDefault="00156FB3" w:rsidP="00156FB3">
            <w:r>
              <w:t xml:space="preserve">   */</w:t>
            </w:r>
          </w:p>
          <w:p w:rsidR="00156FB3" w:rsidRDefault="00156FB3" w:rsidP="00156FB3">
            <w:r>
              <w:t xml:space="preserve">  function charsEndIndex(strSymbols, chrSymbols) {</w:t>
            </w:r>
          </w:p>
          <w:p w:rsidR="00156FB3" w:rsidRDefault="00156FB3" w:rsidP="00156FB3">
            <w:r>
              <w:t xml:space="preserve">    var index = strSymbols.length;</w:t>
            </w:r>
          </w:p>
          <w:p w:rsidR="00156FB3" w:rsidRDefault="00156FB3" w:rsidP="00156FB3"/>
          <w:p w:rsidR="00156FB3" w:rsidRDefault="00156FB3" w:rsidP="00156FB3">
            <w:r>
              <w:t xml:space="preserve">    while (index-- &amp;&amp; baseIndexOf(chrSymbols, strSymbols[index], 0) &gt; -1) {}</w:t>
            </w:r>
          </w:p>
          <w:p w:rsidR="00156FB3" w:rsidRDefault="00156FB3" w:rsidP="00156FB3">
            <w:r>
              <w:t xml:space="preserve">    return index;</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number of `placeholder` occurrences in `array`.</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nspect.</w:t>
            </w:r>
          </w:p>
          <w:p w:rsidR="00156FB3" w:rsidRDefault="00156FB3" w:rsidP="00156FB3">
            <w:r>
              <w:t xml:space="preserve">   * @param {*} placeholder The placeholder to search for.</w:t>
            </w:r>
          </w:p>
          <w:p w:rsidR="00156FB3" w:rsidRDefault="00156FB3" w:rsidP="00156FB3">
            <w:r>
              <w:t xml:space="preserve">   * @returns {number} Returns the placeholder count.</w:t>
            </w:r>
          </w:p>
          <w:p w:rsidR="00156FB3" w:rsidRDefault="00156FB3" w:rsidP="00156FB3">
            <w:r>
              <w:t xml:space="preserve">   */</w:t>
            </w:r>
          </w:p>
          <w:p w:rsidR="00156FB3" w:rsidRDefault="00156FB3" w:rsidP="00156FB3">
            <w:r>
              <w:t xml:space="preserve">  function countHolders(array, placeholder) {</w:t>
            </w:r>
          </w:p>
          <w:p w:rsidR="00156FB3" w:rsidRDefault="00156FB3" w:rsidP="00156FB3">
            <w:r>
              <w:t xml:space="preserve">    var length = array.length,</w:t>
            </w:r>
          </w:p>
          <w:p w:rsidR="00156FB3" w:rsidRDefault="00156FB3" w:rsidP="00156FB3">
            <w:r>
              <w:t xml:space="preserve">        result = 0;</w:t>
            </w:r>
          </w:p>
          <w:p w:rsidR="00156FB3" w:rsidRDefault="00156FB3" w:rsidP="00156FB3"/>
          <w:p w:rsidR="00156FB3" w:rsidRDefault="00156FB3" w:rsidP="00156FB3">
            <w:r>
              <w:t xml:space="preserve">    while (length--) {</w:t>
            </w:r>
          </w:p>
          <w:p w:rsidR="00156FB3" w:rsidRDefault="00156FB3" w:rsidP="00156FB3">
            <w:r>
              <w:t xml:space="preserve">      if (array[length] === placeholder) {</w:t>
            </w:r>
          </w:p>
          <w:p w:rsidR="00156FB3" w:rsidRDefault="00156FB3" w:rsidP="00156FB3">
            <w:r>
              <w:t xml:space="preserve">        ++result;</w:t>
            </w:r>
          </w:p>
          <w:p w:rsidR="00156FB3" w:rsidRDefault="00156FB3" w:rsidP="00156FB3">
            <w:r>
              <w:t xml:space="preserve">      }</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Used by `_.deburr` to convert Latin-1 Supplement and Latin Extended-A</w:t>
            </w:r>
          </w:p>
          <w:p w:rsidR="00156FB3" w:rsidRDefault="00156FB3" w:rsidP="00156FB3">
            <w:r>
              <w:t xml:space="preserve">   * letters to basic Latin letters.</w:t>
            </w:r>
          </w:p>
          <w:p w:rsidR="00156FB3" w:rsidRDefault="00156FB3" w:rsidP="00156FB3">
            <w:r>
              <w:t xml:space="preserve">   *</w:t>
            </w:r>
          </w:p>
          <w:p w:rsidR="00156FB3" w:rsidRDefault="00156FB3" w:rsidP="00156FB3">
            <w:r>
              <w:t xml:space="preserve">   * @private</w:t>
            </w:r>
          </w:p>
          <w:p w:rsidR="00156FB3" w:rsidRDefault="00156FB3" w:rsidP="00156FB3">
            <w:r>
              <w:t xml:space="preserve">   * @param {string} letter The matched letter to deburr.</w:t>
            </w:r>
          </w:p>
          <w:p w:rsidR="00156FB3" w:rsidRDefault="00156FB3" w:rsidP="00156FB3">
            <w:r>
              <w:t xml:space="preserve">   * @returns {string} Returns the deburred letter.</w:t>
            </w:r>
          </w:p>
          <w:p w:rsidR="00156FB3" w:rsidRDefault="00156FB3" w:rsidP="00156FB3">
            <w:r>
              <w:t xml:space="preserve">   */</w:t>
            </w:r>
          </w:p>
          <w:p w:rsidR="00156FB3" w:rsidRDefault="00156FB3" w:rsidP="00156FB3">
            <w:r>
              <w:t xml:space="preserve">  var deburrLetter = basePropertyOf(deburredLetters);</w:t>
            </w:r>
          </w:p>
          <w:p w:rsidR="00156FB3" w:rsidRDefault="00156FB3" w:rsidP="00156FB3"/>
          <w:p w:rsidR="00156FB3" w:rsidRDefault="00156FB3" w:rsidP="00156FB3">
            <w:r>
              <w:t xml:space="preserve">  /**</w:t>
            </w:r>
          </w:p>
          <w:p w:rsidR="00156FB3" w:rsidRDefault="00156FB3" w:rsidP="00156FB3">
            <w:r>
              <w:t xml:space="preserve">   * Used by `_.escape` to convert characters to HTML entities.</w:t>
            </w:r>
          </w:p>
          <w:p w:rsidR="00156FB3" w:rsidRDefault="00156FB3" w:rsidP="00156FB3">
            <w:r>
              <w:t xml:space="preserve">   *</w:t>
            </w:r>
          </w:p>
          <w:p w:rsidR="00156FB3" w:rsidRDefault="00156FB3" w:rsidP="00156FB3">
            <w:r>
              <w:t xml:space="preserve">   * @private</w:t>
            </w:r>
          </w:p>
          <w:p w:rsidR="00156FB3" w:rsidRDefault="00156FB3" w:rsidP="00156FB3">
            <w:r>
              <w:t xml:space="preserve">   * @param {string} chr The matched character to escape.</w:t>
            </w:r>
          </w:p>
          <w:p w:rsidR="00156FB3" w:rsidRDefault="00156FB3" w:rsidP="00156FB3">
            <w:r>
              <w:t xml:space="preserve">   * @returns {string} Returns the escaped character.</w:t>
            </w:r>
          </w:p>
          <w:p w:rsidR="00156FB3" w:rsidRDefault="00156FB3" w:rsidP="00156FB3">
            <w:r>
              <w:t xml:space="preserve">   */</w:t>
            </w:r>
          </w:p>
          <w:p w:rsidR="00156FB3" w:rsidRDefault="00156FB3" w:rsidP="00156FB3">
            <w:r>
              <w:t xml:space="preserve">  var escapeHtmlChar = basePropertyOf(htmlEscapes);</w:t>
            </w:r>
          </w:p>
          <w:p w:rsidR="00156FB3" w:rsidRDefault="00156FB3" w:rsidP="00156FB3"/>
          <w:p w:rsidR="00156FB3" w:rsidRDefault="00156FB3" w:rsidP="00156FB3">
            <w:r>
              <w:t xml:space="preserve">  /**</w:t>
            </w:r>
          </w:p>
          <w:p w:rsidR="00156FB3" w:rsidRDefault="00156FB3" w:rsidP="00156FB3">
            <w:r>
              <w:t xml:space="preserve">   * Used by `_.template` to escape characters for inclusion in compiled string literals.</w:t>
            </w:r>
          </w:p>
          <w:p w:rsidR="00156FB3" w:rsidRDefault="00156FB3" w:rsidP="00156FB3">
            <w:r>
              <w:t xml:space="preserve">   *</w:t>
            </w:r>
          </w:p>
          <w:p w:rsidR="00156FB3" w:rsidRDefault="00156FB3" w:rsidP="00156FB3">
            <w:r>
              <w:t xml:space="preserve">   * @private</w:t>
            </w:r>
          </w:p>
          <w:p w:rsidR="00156FB3" w:rsidRDefault="00156FB3" w:rsidP="00156FB3">
            <w:r>
              <w:t xml:space="preserve">   * @param {string} chr The matched character to escape.</w:t>
            </w:r>
          </w:p>
          <w:p w:rsidR="00156FB3" w:rsidRDefault="00156FB3" w:rsidP="00156FB3">
            <w:r>
              <w:t xml:space="preserve">   * @returns {string} Returns the escaped character.</w:t>
            </w:r>
          </w:p>
          <w:p w:rsidR="00156FB3" w:rsidRDefault="00156FB3" w:rsidP="00156FB3">
            <w:r>
              <w:t xml:space="preserve">   */</w:t>
            </w:r>
          </w:p>
          <w:p w:rsidR="00156FB3" w:rsidRDefault="00156FB3" w:rsidP="00156FB3">
            <w:r>
              <w:t xml:space="preserve">  function escapeStringChar(chr) {</w:t>
            </w:r>
          </w:p>
          <w:p w:rsidR="00156FB3" w:rsidRDefault="00156FB3" w:rsidP="00156FB3">
            <w:r>
              <w:t xml:space="preserve">    return '\\' + stringEscapes[ch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value at `key` of `object`.</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query.</w:t>
            </w:r>
          </w:p>
          <w:p w:rsidR="00156FB3" w:rsidRDefault="00156FB3" w:rsidP="00156FB3">
            <w:r>
              <w:t xml:space="preserve">   * @param {string} key The key of the property to get.</w:t>
            </w:r>
          </w:p>
          <w:p w:rsidR="00156FB3" w:rsidRDefault="00156FB3" w:rsidP="00156FB3">
            <w:r>
              <w:t xml:space="preserve">   * @returns {*} Returns the property value.</w:t>
            </w:r>
          </w:p>
          <w:p w:rsidR="00156FB3" w:rsidRDefault="00156FB3" w:rsidP="00156FB3">
            <w:r>
              <w:t xml:space="preserve">   */</w:t>
            </w:r>
          </w:p>
          <w:p w:rsidR="00156FB3" w:rsidRDefault="00156FB3" w:rsidP="00156FB3">
            <w:r>
              <w:t xml:space="preserve">  function getValue(object, key) {</w:t>
            </w:r>
          </w:p>
          <w:p w:rsidR="00156FB3" w:rsidRDefault="00156FB3" w:rsidP="00156FB3">
            <w:r>
              <w:lastRenderedPageBreak/>
              <w:t xml:space="preserve">    return object == null ? undefined : object[ke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string` contains Unicode symbols.</w:t>
            </w:r>
          </w:p>
          <w:p w:rsidR="00156FB3" w:rsidRDefault="00156FB3" w:rsidP="00156FB3">
            <w:r>
              <w:t xml:space="preserve">   *</w:t>
            </w:r>
          </w:p>
          <w:p w:rsidR="00156FB3" w:rsidRDefault="00156FB3" w:rsidP="00156FB3">
            <w:r>
              <w:t xml:space="preserve">   * @private</w:t>
            </w:r>
          </w:p>
          <w:p w:rsidR="00156FB3" w:rsidRDefault="00156FB3" w:rsidP="00156FB3">
            <w:r>
              <w:t xml:space="preserve">   * @param {string} string The string to inspect.</w:t>
            </w:r>
          </w:p>
          <w:p w:rsidR="00156FB3" w:rsidRDefault="00156FB3" w:rsidP="00156FB3">
            <w:r>
              <w:t xml:space="preserve">   * @returns {boolean} Returns `true` if a symbol is found, else `false`.</w:t>
            </w:r>
          </w:p>
          <w:p w:rsidR="00156FB3" w:rsidRDefault="00156FB3" w:rsidP="00156FB3">
            <w:r>
              <w:t xml:space="preserve">   */</w:t>
            </w:r>
          </w:p>
          <w:p w:rsidR="00156FB3" w:rsidRDefault="00156FB3" w:rsidP="00156FB3">
            <w:r>
              <w:t xml:space="preserve">  function hasUnicode(string) {</w:t>
            </w:r>
          </w:p>
          <w:p w:rsidR="00156FB3" w:rsidRDefault="00156FB3" w:rsidP="00156FB3">
            <w:r>
              <w:t xml:space="preserve">    return reHasUnicode.test(strin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string` contains a word composed of Unicode symbols.</w:t>
            </w:r>
          </w:p>
          <w:p w:rsidR="00156FB3" w:rsidRDefault="00156FB3" w:rsidP="00156FB3">
            <w:r>
              <w:t xml:space="preserve">   *</w:t>
            </w:r>
          </w:p>
          <w:p w:rsidR="00156FB3" w:rsidRDefault="00156FB3" w:rsidP="00156FB3">
            <w:r>
              <w:t xml:space="preserve">   * @private</w:t>
            </w:r>
          </w:p>
          <w:p w:rsidR="00156FB3" w:rsidRDefault="00156FB3" w:rsidP="00156FB3">
            <w:r>
              <w:t xml:space="preserve">   * @param {string} string The string to inspect.</w:t>
            </w:r>
          </w:p>
          <w:p w:rsidR="00156FB3" w:rsidRDefault="00156FB3" w:rsidP="00156FB3">
            <w:r>
              <w:t xml:space="preserve">   * @returns {boolean} Returns `true` if a word is found, else `false`.</w:t>
            </w:r>
          </w:p>
          <w:p w:rsidR="00156FB3" w:rsidRDefault="00156FB3" w:rsidP="00156FB3">
            <w:r>
              <w:t xml:space="preserve">   */</w:t>
            </w:r>
          </w:p>
          <w:p w:rsidR="00156FB3" w:rsidRDefault="00156FB3" w:rsidP="00156FB3">
            <w:r>
              <w:t xml:space="preserve">  function hasUnicodeWord(string) {</w:t>
            </w:r>
          </w:p>
          <w:p w:rsidR="00156FB3" w:rsidRDefault="00156FB3" w:rsidP="00156FB3">
            <w:r>
              <w:t xml:space="preserve">    return reHasUnicodeWord.test(strin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iterator` to an array.</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iterator The iterator to convert.</w:t>
            </w:r>
          </w:p>
          <w:p w:rsidR="00156FB3" w:rsidRDefault="00156FB3" w:rsidP="00156FB3">
            <w:r>
              <w:t xml:space="preserve">   * @returns {Array} Returns the converted array.</w:t>
            </w:r>
          </w:p>
          <w:p w:rsidR="00156FB3" w:rsidRDefault="00156FB3" w:rsidP="00156FB3">
            <w:r>
              <w:t xml:space="preserve">   */</w:t>
            </w:r>
          </w:p>
          <w:p w:rsidR="00156FB3" w:rsidRDefault="00156FB3" w:rsidP="00156FB3">
            <w:r>
              <w:t xml:space="preserve">  function iteratorToArray(iterator) {</w:t>
            </w:r>
          </w:p>
          <w:p w:rsidR="00156FB3" w:rsidRDefault="00156FB3" w:rsidP="00156FB3">
            <w:r>
              <w:t xml:space="preserve">    var data,</w:t>
            </w:r>
          </w:p>
          <w:p w:rsidR="00156FB3" w:rsidRDefault="00156FB3" w:rsidP="00156FB3">
            <w:r>
              <w:t xml:space="preserve">        result = [];</w:t>
            </w:r>
          </w:p>
          <w:p w:rsidR="00156FB3" w:rsidRDefault="00156FB3" w:rsidP="00156FB3"/>
          <w:p w:rsidR="00156FB3" w:rsidRDefault="00156FB3" w:rsidP="00156FB3">
            <w:r>
              <w:t xml:space="preserve">    while (!(data = iterator.next()).done) {</w:t>
            </w:r>
          </w:p>
          <w:p w:rsidR="00156FB3" w:rsidRDefault="00156FB3" w:rsidP="00156FB3">
            <w:r>
              <w:t xml:space="preserve">      result.push(data.value);</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map` to its key-value pair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map The map to convert.</w:t>
            </w:r>
          </w:p>
          <w:p w:rsidR="00156FB3" w:rsidRDefault="00156FB3" w:rsidP="00156FB3">
            <w:r>
              <w:t xml:space="preserve">   * @returns {Array} Returns the key-value pairs.</w:t>
            </w:r>
          </w:p>
          <w:p w:rsidR="00156FB3" w:rsidRDefault="00156FB3" w:rsidP="00156FB3">
            <w:r>
              <w:lastRenderedPageBreak/>
              <w:t xml:space="preserve">   */</w:t>
            </w:r>
          </w:p>
          <w:p w:rsidR="00156FB3" w:rsidRDefault="00156FB3" w:rsidP="00156FB3">
            <w:r>
              <w:t xml:space="preserve">  function mapToArray(map) {</w:t>
            </w:r>
          </w:p>
          <w:p w:rsidR="00156FB3" w:rsidRDefault="00156FB3" w:rsidP="00156FB3">
            <w:r>
              <w:t xml:space="preserve">    var index = -1,</w:t>
            </w:r>
          </w:p>
          <w:p w:rsidR="00156FB3" w:rsidRDefault="00156FB3" w:rsidP="00156FB3">
            <w:r>
              <w:t xml:space="preserve">        result = Array(map.size);</w:t>
            </w:r>
          </w:p>
          <w:p w:rsidR="00156FB3" w:rsidRDefault="00156FB3" w:rsidP="00156FB3"/>
          <w:p w:rsidR="00156FB3" w:rsidRDefault="00156FB3" w:rsidP="00156FB3">
            <w:r>
              <w:t xml:space="preserve">    map.forEach(function(value, key) {</w:t>
            </w:r>
          </w:p>
          <w:p w:rsidR="00156FB3" w:rsidRDefault="00156FB3" w:rsidP="00156FB3">
            <w:r>
              <w:t xml:space="preserve">      result[++index] = [key, value];</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unary function that invokes `func` with its argument transformed.</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unc The function to wrap.</w:t>
            </w:r>
          </w:p>
          <w:p w:rsidR="00156FB3" w:rsidRDefault="00156FB3" w:rsidP="00156FB3">
            <w:r>
              <w:t xml:space="preserve">   * @param {Function} transform The argument transform.</w:t>
            </w:r>
          </w:p>
          <w:p w:rsidR="00156FB3" w:rsidRDefault="00156FB3" w:rsidP="00156FB3">
            <w:r>
              <w:t xml:space="preserve">   * @returns {Function} Returns the new function.</w:t>
            </w:r>
          </w:p>
          <w:p w:rsidR="00156FB3" w:rsidRDefault="00156FB3" w:rsidP="00156FB3">
            <w:r>
              <w:t xml:space="preserve">   */</w:t>
            </w:r>
          </w:p>
          <w:p w:rsidR="00156FB3" w:rsidRDefault="00156FB3" w:rsidP="00156FB3">
            <w:r>
              <w:t xml:space="preserve">  function overArg(func, transform) {</w:t>
            </w:r>
          </w:p>
          <w:p w:rsidR="00156FB3" w:rsidRDefault="00156FB3" w:rsidP="00156FB3">
            <w:r>
              <w:t xml:space="preserve">    return function(arg) {</w:t>
            </w:r>
          </w:p>
          <w:p w:rsidR="00156FB3" w:rsidRDefault="00156FB3" w:rsidP="00156FB3">
            <w:r>
              <w:t xml:space="preserve">      return func(transform(arg));</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places all `placeholder` elements in `array` with an internal placeholder</w:t>
            </w:r>
          </w:p>
          <w:p w:rsidR="00156FB3" w:rsidRDefault="00156FB3" w:rsidP="00156FB3">
            <w:r>
              <w:t xml:space="preserve">   * and returns an array of their indexe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modify.</w:t>
            </w:r>
          </w:p>
          <w:p w:rsidR="00156FB3" w:rsidRDefault="00156FB3" w:rsidP="00156FB3">
            <w:r>
              <w:t xml:space="preserve">   * @param {*} placeholder The placeholder to replace.</w:t>
            </w:r>
          </w:p>
          <w:p w:rsidR="00156FB3" w:rsidRDefault="00156FB3" w:rsidP="00156FB3">
            <w:r>
              <w:t xml:space="preserve">   * @returns {Array} Returns the new array of placeholder indexes.</w:t>
            </w:r>
          </w:p>
          <w:p w:rsidR="00156FB3" w:rsidRDefault="00156FB3" w:rsidP="00156FB3">
            <w:r>
              <w:t xml:space="preserve">   */</w:t>
            </w:r>
          </w:p>
          <w:p w:rsidR="00156FB3" w:rsidRDefault="00156FB3" w:rsidP="00156FB3">
            <w:r>
              <w:t xml:space="preserve">  function replaceHolders(array, placeholder) {</w:t>
            </w:r>
          </w:p>
          <w:p w:rsidR="00156FB3" w:rsidRDefault="00156FB3" w:rsidP="00156FB3">
            <w:r>
              <w:t xml:space="preserve">    var index = -1,</w:t>
            </w:r>
          </w:p>
          <w:p w:rsidR="00156FB3" w:rsidRDefault="00156FB3" w:rsidP="00156FB3">
            <w:r>
              <w:t xml:space="preserve">        length = array.length,</w:t>
            </w:r>
          </w:p>
          <w:p w:rsidR="00156FB3" w:rsidRDefault="00156FB3" w:rsidP="00156FB3">
            <w:r>
              <w:t xml:space="preserve">        resIndex = 0,</w:t>
            </w:r>
          </w:p>
          <w:p w:rsidR="00156FB3" w:rsidRDefault="00156FB3" w:rsidP="00156FB3">
            <w:r>
              <w:t xml:space="preserve">        result = [];</w:t>
            </w:r>
          </w:p>
          <w:p w:rsidR="00156FB3" w:rsidRDefault="00156FB3" w:rsidP="00156FB3"/>
          <w:p w:rsidR="00156FB3" w:rsidRDefault="00156FB3" w:rsidP="00156FB3">
            <w:r>
              <w:t xml:space="preserve">    while (++index &lt; length) {</w:t>
            </w:r>
          </w:p>
          <w:p w:rsidR="00156FB3" w:rsidRDefault="00156FB3" w:rsidP="00156FB3">
            <w:r>
              <w:t xml:space="preserve">      var value = array[index];</w:t>
            </w:r>
          </w:p>
          <w:p w:rsidR="00156FB3" w:rsidRDefault="00156FB3" w:rsidP="00156FB3">
            <w:r>
              <w:t xml:space="preserve">      if (value === placeholder || value === PLACEHOLDER) {</w:t>
            </w:r>
          </w:p>
          <w:p w:rsidR="00156FB3" w:rsidRDefault="00156FB3" w:rsidP="00156FB3">
            <w:r>
              <w:t xml:space="preserve">        array[index] = PLACEHOLDER;</w:t>
            </w:r>
          </w:p>
          <w:p w:rsidR="00156FB3" w:rsidRDefault="00156FB3" w:rsidP="00156FB3">
            <w:r>
              <w:t xml:space="preserve">        result[resIndex++] = index;</w:t>
            </w:r>
          </w:p>
          <w:p w:rsidR="00156FB3" w:rsidRDefault="00156FB3" w:rsidP="00156FB3">
            <w:r>
              <w:t xml:space="preserve">      }</w:t>
            </w:r>
          </w:p>
          <w:p w:rsidR="00156FB3" w:rsidRDefault="00156FB3" w:rsidP="00156FB3">
            <w:r>
              <w:t xml:space="preserve">    }</w:t>
            </w:r>
          </w:p>
          <w:p w:rsidR="00156FB3" w:rsidRDefault="00156FB3" w:rsidP="00156FB3">
            <w:r>
              <w:t xml:space="preserve">    return result;</w:t>
            </w:r>
          </w:p>
          <w:p w:rsidR="00156FB3" w:rsidRDefault="00156FB3" w:rsidP="00156FB3">
            <w:r>
              <w:lastRenderedPageBreak/>
              <w:t xml:space="preserve">  }</w:t>
            </w:r>
          </w:p>
          <w:p w:rsidR="00156FB3" w:rsidRDefault="00156FB3" w:rsidP="00156FB3"/>
          <w:p w:rsidR="00156FB3" w:rsidRDefault="00156FB3" w:rsidP="00156FB3">
            <w:r>
              <w:t xml:space="preserve">  /**</w:t>
            </w:r>
          </w:p>
          <w:p w:rsidR="00156FB3" w:rsidRDefault="00156FB3" w:rsidP="00156FB3">
            <w:r>
              <w:t xml:space="preserve">   * Converts `set` to an array of its value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set The set to convert.</w:t>
            </w:r>
          </w:p>
          <w:p w:rsidR="00156FB3" w:rsidRDefault="00156FB3" w:rsidP="00156FB3">
            <w:r>
              <w:t xml:space="preserve">   * @returns {Array} Returns the values.</w:t>
            </w:r>
          </w:p>
          <w:p w:rsidR="00156FB3" w:rsidRDefault="00156FB3" w:rsidP="00156FB3">
            <w:r>
              <w:t xml:space="preserve">   */</w:t>
            </w:r>
          </w:p>
          <w:p w:rsidR="00156FB3" w:rsidRDefault="00156FB3" w:rsidP="00156FB3">
            <w:r>
              <w:t xml:space="preserve">  function setToArray(set) {</w:t>
            </w:r>
          </w:p>
          <w:p w:rsidR="00156FB3" w:rsidRDefault="00156FB3" w:rsidP="00156FB3">
            <w:r>
              <w:t xml:space="preserve">    var index = -1,</w:t>
            </w:r>
          </w:p>
          <w:p w:rsidR="00156FB3" w:rsidRDefault="00156FB3" w:rsidP="00156FB3">
            <w:r>
              <w:t xml:space="preserve">        result = Array(set.size);</w:t>
            </w:r>
          </w:p>
          <w:p w:rsidR="00156FB3" w:rsidRDefault="00156FB3" w:rsidP="00156FB3"/>
          <w:p w:rsidR="00156FB3" w:rsidRDefault="00156FB3" w:rsidP="00156FB3">
            <w:r>
              <w:t xml:space="preserve">    set.forEach(function(value) {</w:t>
            </w:r>
          </w:p>
          <w:p w:rsidR="00156FB3" w:rsidRDefault="00156FB3" w:rsidP="00156FB3">
            <w:r>
              <w:t xml:space="preserve">      result[++index] = value;</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set` to its value-value pair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set The set to convert.</w:t>
            </w:r>
          </w:p>
          <w:p w:rsidR="00156FB3" w:rsidRDefault="00156FB3" w:rsidP="00156FB3">
            <w:r>
              <w:t xml:space="preserve">   * @returns {Array} Returns the value-value pairs.</w:t>
            </w:r>
          </w:p>
          <w:p w:rsidR="00156FB3" w:rsidRDefault="00156FB3" w:rsidP="00156FB3">
            <w:r>
              <w:t xml:space="preserve">   */</w:t>
            </w:r>
          </w:p>
          <w:p w:rsidR="00156FB3" w:rsidRDefault="00156FB3" w:rsidP="00156FB3">
            <w:r>
              <w:t xml:space="preserve">  function setToPairs(set) {</w:t>
            </w:r>
          </w:p>
          <w:p w:rsidR="00156FB3" w:rsidRDefault="00156FB3" w:rsidP="00156FB3">
            <w:r>
              <w:t xml:space="preserve">    var index = -1,</w:t>
            </w:r>
          </w:p>
          <w:p w:rsidR="00156FB3" w:rsidRDefault="00156FB3" w:rsidP="00156FB3">
            <w:r>
              <w:t xml:space="preserve">        result = Array(set.size);</w:t>
            </w:r>
          </w:p>
          <w:p w:rsidR="00156FB3" w:rsidRDefault="00156FB3" w:rsidP="00156FB3"/>
          <w:p w:rsidR="00156FB3" w:rsidRDefault="00156FB3" w:rsidP="00156FB3">
            <w:r>
              <w:t xml:space="preserve">    set.forEach(function(value) {</w:t>
            </w:r>
          </w:p>
          <w:p w:rsidR="00156FB3" w:rsidRDefault="00156FB3" w:rsidP="00156FB3">
            <w:r>
              <w:t xml:space="preserve">      result[++index] = [value, value];</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_.indexOf` which performs strict equality</w:t>
            </w:r>
          </w:p>
          <w:p w:rsidR="00156FB3" w:rsidRDefault="00156FB3" w:rsidP="00156FB3">
            <w:r>
              <w:t xml:space="preserve">   * comparisons of values, i.e. `===`.</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nspect.</w:t>
            </w:r>
          </w:p>
          <w:p w:rsidR="00156FB3" w:rsidRDefault="00156FB3" w:rsidP="00156FB3">
            <w:r>
              <w:t xml:space="preserve">   * @param {*} value The value to search for.</w:t>
            </w:r>
          </w:p>
          <w:p w:rsidR="00156FB3" w:rsidRDefault="00156FB3" w:rsidP="00156FB3">
            <w:r>
              <w:t xml:space="preserve">   * @param {number} fromIndex The index to search from.</w:t>
            </w:r>
          </w:p>
          <w:p w:rsidR="00156FB3" w:rsidRDefault="00156FB3" w:rsidP="00156FB3">
            <w:r>
              <w:t xml:space="preserve">   * @returns {number} Returns the index of the matched value, else `-1`.</w:t>
            </w:r>
          </w:p>
          <w:p w:rsidR="00156FB3" w:rsidRDefault="00156FB3" w:rsidP="00156FB3">
            <w:r>
              <w:t xml:space="preserve">   */</w:t>
            </w:r>
          </w:p>
          <w:p w:rsidR="00156FB3" w:rsidRDefault="00156FB3" w:rsidP="00156FB3">
            <w:r>
              <w:t xml:space="preserve">  function strictIndexOf(array, value, fromIndex) {</w:t>
            </w:r>
          </w:p>
          <w:p w:rsidR="00156FB3" w:rsidRDefault="00156FB3" w:rsidP="00156FB3">
            <w:r>
              <w:t xml:space="preserve">    var index = fromIndex - 1,</w:t>
            </w:r>
          </w:p>
          <w:p w:rsidR="00156FB3" w:rsidRDefault="00156FB3" w:rsidP="00156FB3">
            <w:r>
              <w:lastRenderedPageBreak/>
              <w:t xml:space="preserve">        length = array.length;</w:t>
            </w:r>
          </w:p>
          <w:p w:rsidR="00156FB3" w:rsidRDefault="00156FB3" w:rsidP="00156FB3"/>
          <w:p w:rsidR="00156FB3" w:rsidRDefault="00156FB3" w:rsidP="00156FB3">
            <w:r>
              <w:t xml:space="preserve">    while (++index &lt; length) {</w:t>
            </w:r>
          </w:p>
          <w:p w:rsidR="00156FB3" w:rsidRDefault="00156FB3" w:rsidP="00156FB3">
            <w:r>
              <w:t xml:space="preserve">      if (array[index] === value) {</w:t>
            </w:r>
          </w:p>
          <w:p w:rsidR="00156FB3" w:rsidRDefault="00156FB3" w:rsidP="00156FB3">
            <w:r>
              <w:t xml:space="preserve">        return index;</w:t>
            </w:r>
          </w:p>
          <w:p w:rsidR="00156FB3" w:rsidRDefault="00156FB3" w:rsidP="00156FB3">
            <w:r>
              <w:t xml:space="preserve">      }</w:t>
            </w:r>
          </w:p>
          <w:p w:rsidR="00156FB3" w:rsidRDefault="00156FB3" w:rsidP="00156FB3">
            <w:r>
              <w:t xml:space="preserve">    }</w:t>
            </w:r>
          </w:p>
          <w:p w:rsidR="00156FB3" w:rsidRDefault="00156FB3" w:rsidP="00156FB3">
            <w:r>
              <w:t xml:space="preserve">    return -1;</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_.lastIndexOf` which performs strict equality</w:t>
            </w:r>
          </w:p>
          <w:p w:rsidR="00156FB3" w:rsidRDefault="00156FB3" w:rsidP="00156FB3">
            <w:r>
              <w:t xml:space="preserve">   * comparisons of values, i.e. `===`.</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nspect.</w:t>
            </w:r>
          </w:p>
          <w:p w:rsidR="00156FB3" w:rsidRDefault="00156FB3" w:rsidP="00156FB3">
            <w:r>
              <w:t xml:space="preserve">   * @param {*} value The value to search for.</w:t>
            </w:r>
          </w:p>
          <w:p w:rsidR="00156FB3" w:rsidRDefault="00156FB3" w:rsidP="00156FB3">
            <w:r>
              <w:t xml:space="preserve">   * @param {number} fromIndex The index to search from.</w:t>
            </w:r>
          </w:p>
          <w:p w:rsidR="00156FB3" w:rsidRDefault="00156FB3" w:rsidP="00156FB3">
            <w:r>
              <w:t xml:space="preserve">   * @returns {number} Returns the index of the matched value, else `-1`.</w:t>
            </w:r>
          </w:p>
          <w:p w:rsidR="00156FB3" w:rsidRDefault="00156FB3" w:rsidP="00156FB3">
            <w:r>
              <w:t xml:space="preserve">   */</w:t>
            </w:r>
          </w:p>
          <w:p w:rsidR="00156FB3" w:rsidRDefault="00156FB3" w:rsidP="00156FB3">
            <w:r>
              <w:t xml:space="preserve">  function strictLastIndexOf(array, value, fromIndex) {</w:t>
            </w:r>
          </w:p>
          <w:p w:rsidR="00156FB3" w:rsidRDefault="00156FB3" w:rsidP="00156FB3">
            <w:r>
              <w:t xml:space="preserve">    var index = fromIndex + 1;</w:t>
            </w:r>
          </w:p>
          <w:p w:rsidR="00156FB3" w:rsidRDefault="00156FB3" w:rsidP="00156FB3">
            <w:r>
              <w:t xml:space="preserve">    while (index--) {</w:t>
            </w:r>
          </w:p>
          <w:p w:rsidR="00156FB3" w:rsidRDefault="00156FB3" w:rsidP="00156FB3">
            <w:r>
              <w:t xml:space="preserve">      if (array[index] === value) {</w:t>
            </w:r>
          </w:p>
          <w:p w:rsidR="00156FB3" w:rsidRDefault="00156FB3" w:rsidP="00156FB3">
            <w:r>
              <w:t xml:space="preserve">        return index;</w:t>
            </w:r>
          </w:p>
          <w:p w:rsidR="00156FB3" w:rsidRDefault="00156FB3" w:rsidP="00156FB3">
            <w:r>
              <w:t xml:space="preserve">      }</w:t>
            </w:r>
          </w:p>
          <w:p w:rsidR="00156FB3" w:rsidRDefault="00156FB3" w:rsidP="00156FB3">
            <w:r>
              <w:t xml:space="preserve">    }</w:t>
            </w:r>
          </w:p>
          <w:p w:rsidR="00156FB3" w:rsidRDefault="00156FB3" w:rsidP="00156FB3">
            <w:r>
              <w:t xml:space="preserve">    return index;</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number of symbols in `string`.</w:t>
            </w:r>
          </w:p>
          <w:p w:rsidR="00156FB3" w:rsidRDefault="00156FB3" w:rsidP="00156FB3">
            <w:r>
              <w:t xml:space="preserve">   *</w:t>
            </w:r>
          </w:p>
          <w:p w:rsidR="00156FB3" w:rsidRDefault="00156FB3" w:rsidP="00156FB3">
            <w:r>
              <w:t xml:space="preserve">   * @private</w:t>
            </w:r>
          </w:p>
          <w:p w:rsidR="00156FB3" w:rsidRDefault="00156FB3" w:rsidP="00156FB3">
            <w:r>
              <w:t xml:space="preserve">   * @param {string} string The string to inspect.</w:t>
            </w:r>
          </w:p>
          <w:p w:rsidR="00156FB3" w:rsidRDefault="00156FB3" w:rsidP="00156FB3">
            <w:r>
              <w:t xml:space="preserve">   * @returns {number} Returns the string size.</w:t>
            </w:r>
          </w:p>
          <w:p w:rsidR="00156FB3" w:rsidRDefault="00156FB3" w:rsidP="00156FB3">
            <w:r>
              <w:t xml:space="preserve">   */</w:t>
            </w:r>
          </w:p>
          <w:p w:rsidR="00156FB3" w:rsidRDefault="00156FB3" w:rsidP="00156FB3">
            <w:r>
              <w:t xml:space="preserve">  function stringSize(string) {</w:t>
            </w:r>
          </w:p>
          <w:p w:rsidR="00156FB3" w:rsidRDefault="00156FB3" w:rsidP="00156FB3">
            <w:r>
              <w:t xml:space="preserve">    return hasUnicode(string)</w:t>
            </w:r>
          </w:p>
          <w:p w:rsidR="00156FB3" w:rsidRDefault="00156FB3" w:rsidP="00156FB3">
            <w:r>
              <w:t xml:space="preserve">      ? unicodeSize(string)</w:t>
            </w:r>
          </w:p>
          <w:p w:rsidR="00156FB3" w:rsidRDefault="00156FB3" w:rsidP="00156FB3">
            <w:r>
              <w:t xml:space="preserve">      : asciiSize(strin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string` to an array.</w:t>
            </w:r>
          </w:p>
          <w:p w:rsidR="00156FB3" w:rsidRDefault="00156FB3" w:rsidP="00156FB3">
            <w:r>
              <w:t xml:space="preserve">   *</w:t>
            </w:r>
          </w:p>
          <w:p w:rsidR="00156FB3" w:rsidRDefault="00156FB3" w:rsidP="00156FB3">
            <w:r>
              <w:t xml:space="preserve">   * @private</w:t>
            </w:r>
          </w:p>
          <w:p w:rsidR="00156FB3" w:rsidRDefault="00156FB3" w:rsidP="00156FB3">
            <w:r>
              <w:t xml:space="preserve">   * @param {string} string The string to convert.</w:t>
            </w:r>
          </w:p>
          <w:p w:rsidR="00156FB3" w:rsidRDefault="00156FB3" w:rsidP="00156FB3">
            <w:r>
              <w:lastRenderedPageBreak/>
              <w:t xml:space="preserve">   * @returns {Array} Returns the converted array.</w:t>
            </w:r>
          </w:p>
          <w:p w:rsidR="00156FB3" w:rsidRDefault="00156FB3" w:rsidP="00156FB3">
            <w:r>
              <w:t xml:space="preserve">   */</w:t>
            </w:r>
          </w:p>
          <w:p w:rsidR="00156FB3" w:rsidRDefault="00156FB3" w:rsidP="00156FB3">
            <w:r>
              <w:t xml:space="preserve">  function stringToArray(string) {</w:t>
            </w:r>
          </w:p>
          <w:p w:rsidR="00156FB3" w:rsidRDefault="00156FB3" w:rsidP="00156FB3">
            <w:r>
              <w:t xml:space="preserve">    return hasUnicode(string)</w:t>
            </w:r>
          </w:p>
          <w:p w:rsidR="00156FB3" w:rsidRDefault="00156FB3" w:rsidP="00156FB3">
            <w:r>
              <w:t xml:space="preserve">      ? unicodeToArray(string)</w:t>
            </w:r>
          </w:p>
          <w:p w:rsidR="00156FB3" w:rsidRDefault="00156FB3" w:rsidP="00156FB3">
            <w:r>
              <w:t xml:space="preserve">      : asciiToArray(strin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Used by `_.unescape` to convert HTML entities to characters.</w:t>
            </w:r>
          </w:p>
          <w:p w:rsidR="00156FB3" w:rsidRDefault="00156FB3" w:rsidP="00156FB3">
            <w:r>
              <w:t xml:space="preserve">   *</w:t>
            </w:r>
          </w:p>
          <w:p w:rsidR="00156FB3" w:rsidRDefault="00156FB3" w:rsidP="00156FB3">
            <w:r>
              <w:t xml:space="preserve">   * @private</w:t>
            </w:r>
          </w:p>
          <w:p w:rsidR="00156FB3" w:rsidRDefault="00156FB3" w:rsidP="00156FB3">
            <w:r>
              <w:t xml:space="preserve">   * @param {string} chr The matched character to unescape.</w:t>
            </w:r>
          </w:p>
          <w:p w:rsidR="00156FB3" w:rsidRDefault="00156FB3" w:rsidP="00156FB3">
            <w:r>
              <w:t xml:space="preserve">   * @returns {string} Returns the unescaped character.</w:t>
            </w:r>
          </w:p>
          <w:p w:rsidR="00156FB3" w:rsidRDefault="00156FB3" w:rsidP="00156FB3">
            <w:r>
              <w:t xml:space="preserve">   */</w:t>
            </w:r>
          </w:p>
          <w:p w:rsidR="00156FB3" w:rsidRDefault="00156FB3" w:rsidP="00156FB3">
            <w:r>
              <w:t xml:space="preserve">  var unescapeHtmlChar = basePropertyOf(htmlUnescapes);</w:t>
            </w:r>
          </w:p>
          <w:p w:rsidR="00156FB3" w:rsidRDefault="00156FB3" w:rsidP="00156FB3"/>
          <w:p w:rsidR="00156FB3" w:rsidRDefault="00156FB3" w:rsidP="00156FB3">
            <w:r>
              <w:t xml:space="preserve">  /**</w:t>
            </w:r>
          </w:p>
          <w:p w:rsidR="00156FB3" w:rsidRDefault="00156FB3" w:rsidP="00156FB3">
            <w:r>
              <w:t xml:space="preserve">   * Gets the size of a Unicode `string`.</w:t>
            </w:r>
          </w:p>
          <w:p w:rsidR="00156FB3" w:rsidRDefault="00156FB3" w:rsidP="00156FB3">
            <w:r>
              <w:t xml:space="preserve">   *</w:t>
            </w:r>
          </w:p>
          <w:p w:rsidR="00156FB3" w:rsidRDefault="00156FB3" w:rsidP="00156FB3">
            <w:r>
              <w:t xml:space="preserve">   * @private</w:t>
            </w:r>
          </w:p>
          <w:p w:rsidR="00156FB3" w:rsidRDefault="00156FB3" w:rsidP="00156FB3">
            <w:r>
              <w:t xml:space="preserve">   * @param {string} string The string inspect.</w:t>
            </w:r>
          </w:p>
          <w:p w:rsidR="00156FB3" w:rsidRDefault="00156FB3" w:rsidP="00156FB3">
            <w:r>
              <w:t xml:space="preserve">   * @returns {number} Returns the string size.</w:t>
            </w:r>
          </w:p>
          <w:p w:rsidR="00156FB3" w:rsidRDefault="00156FB3" w:rsidP="00156FB3">
            <w:r>
              <w:t xml:space="preserve">   */</w:t>
            </w:r>
          </w:p>
          <w:p w:rsidR="00156FB3" w:rsidRDefault="00156FB3" w:rsidP="00156FB3">
            <w:r>
              <w:t xml:space="preserve">  function unicodeSize(string) {</w:t>
            </w:r>
          </w:p>
          <w:p w:rsidR="00156FB3" w:rsidRDefault="00156FB3" w:rsidP="00156FB3">
            <w:r>
              <w:t xml:space="preserve">    var result = reUnicode.lastIndex = 0;</w:t>
            </w:r>
          </w:p>
          <w:p w:rsidR="00156FB3" w:rsidRDefault="00156FB3" w:rsidP="00156FB3">
            <w:r>
              <w:t xml:space="preserve">    while (reUnicode.test(string)) {</w:t>
            </w:r>
          </w:p>
          <w:p w:rsidR="00156FB3" w:rsidRDefault="00156FB3" w:rsidP="00156FB3">
            <w:r>
              <w:t xml:space="preserve">      ++result;</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a Unicode `string` to an array.</w:t>
            </w:r>
          </w:p>
          <w:p w:rsidR="00156FB3" w:rsidRDefault="00156FB3" w:rsidP="00156FB3">
            <w:r>
              <w:t xml:space="preserve">   *</w:t>
            </w:r>
          </w:p>
          <w:p w:rsidR="00156FB3" w:rsidRDefault="00156FB3" w:rsidP="00156FB3">
            <w:r>
              <w:t xml:space="preserve">   * @private</w:t>
            </w:r>
          </w:p>
          <w:p w:rsidR="00156FB3" w:rsidRDefault="00156FB3" w:rsidP="00156FB3">
            <w:r>
              <w:t xml:space="preserve">   * @param {string} string The string to convert.</w:t>
            </w:r>
          </w:p>
          <w:p w:rsidR="00156FB3" w:rsidRDefault="00156FB3" w:rsidP="00156FB3">
            <w:r>
              <w:t xml:space="preserve">   * @returns {Array} Returns the converted array.</w:t>
            </w:r>
          </w:p>
          <w:p w:rsidR="00156FB3" w:rsidRDefault="00156FB3" w:rsidP="00156FB3">
            <w:r>
              <w:t xml:space="preserve">   */</w:t>
            </w:r>
          </w:p>
          <w:p w:rsidR="00156FB3" w:rsidRDefault="00156FB3" w:rsidP="00156FB3">
            <w:r>
              <w:t xml:space="preserve">  function unicodeToArray(string) {</w:t>
            </w:r>
          </w:p>
          <w:p w:rsidR="00156FB3" w:rsidRDefault="00156FB3" w:rsidP="00156FB3">
            <w:r>
              <w:t xml:space="preserve">    return string.match(reUnicode)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Splits a Unicode `string` into an array of its words.</w:t>
            </w:r>
          </w:p>
          <w:p w:rsidR="00156FB3" w:rsidRDefault="00156FB3" w:rsidP="00156FB3">
            <w:r>
              <w:t xml:space="preserve">   *</w:t>
            </w:r>
          </w:p>
          <w:p w:rsidR="00156FB3" w:rsidRDefault="00156FB3" w:rsidP="00156FB3">
            <w:r>
              <w:t xml:space="preserve">   * @private</w:t>
            </w:r>
          </w:p>
          <w:p w:rsidR="00156FB3" w:rsidRDefault="00156FB3" w:rsidP="00156FB3">
            <w:r>
              <w:t xml:space="preserve">   * @param {string} The string to inspect.</w:t>
            </w:r>
          </w:p>
          <w:p w:rsidR="00156FB3" w:rsidRDefault="00156FB3" w:rsidP="00156FB3">
            <w:r>
              <w:lastRenderedPageBreak/>
              <w:t xml:space="preserve">   * @returns {Array} Returns the words of `string`.</w:t>
            </w:r>
          </w:p>
          <w:p w:rsidR="00156FB3" w:rsidRDefault="00156FB3" w:rsidP="00156FB3">
            <w:r>
              <w:t xml:space="preserve">   */</w:t>
            </w:r>
          </w:p>
          <w:p w:rsidR="00156FB3" w:rsidRDefault="00156FB3" w:rsidP="00156FB3">
            <w:r>
              <w:t xml:space="preserve">  function unicodeWords(string) {</w:t>
            </w:r>
          </w:p>
          <w:p w:rsidR="00156FB3" w:rsidRDefault="00156FB3" w:rsidP="00156FB3">
            <w:r>
              <w:t xml:space="preserve">    return string.match(reUnicodeWord)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 a new pristine `lodash` function using the `context`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1.1.0</w:t>
            </w:r>
          </w:p>
          <w:p w:rsidR="00156FB3" w:rsidRDefault="00156FB3" w:rsidP="00156FB3">
            <w:r>
              <w:t xml:space="preserve">   * @category Util</w:t>
            </w:r>
          </w:p>
          <w:p w:rsidR="00156FB3" w:rsidRDefault="00156FB3" w:rsidP="00156FB3">
            <w:r>
              <w:t xml:space="preserve">   * @param {Object} [context=root] The context object.</w:t>
            </w:r>
          </w:p>
          <w:p w:rsidR="00156FB3" w:rsidRDefault="00156FB3" w:rsidP="00156FB3">
            <w:r>
              <w:t xml:space="preserve">   * @returns {Function} Returns a new `lodash` function.</w:t>
            </w:r>
          </w:p>
          <w:p w:rsidR="00156FB3" w:rsidRDefault="00156FB3" w:rsidP="00156FB3">
            <w:r>
              <w:t xml:space="preserve">   * @example</w:t>
            </w:r>
          </w:p>
          <w:p w:rsidR="00156FB3" w:rsidRDefault="00156FB3" w:rsidP="00156FB3">
            <w:r>
              <w:t xml:space="preserve">   *</w:t>
            </w:r>
          </w:p>
          <w:p w:rsidR="00156FB3" w:rsidRDefault="00156FB3" w:rsidP="00156FB3">
            <w:r>
              <w:t xml:space="preserve">   * _.mixin({ 'foo': _.constant('foo') });</w:t>
            </w:r>
          </w:p>
          <w:p w:rsidR="00156FB3" w:rsidRDefault="00156FB3" w:rsidP="00156FB3">
            <w:r>
              <w:t xml:space="preserve">   *</w:t>
            </w:r>
          </w:p>
          <w:p w:rsidR="00156FB3" w:rsidRDefault="00156FB3" w:rsidP="00156FB3">
            <w:r>
              <w:t xml:space="preserve">   * var lodash = _.runInContext();</w:t>
            </w:r>
          </w:p>
          <w:p w:rsidR="00156FB3" w:rsidRDefault="00156FB3" w:rsidP="00156FB3">
            <w:r>
              <w:t xml:space="preserve">   * lodash.mixin({ 'bar': lodash.constant('bar') });</w:t>
            </w:r>
          </w:p>
          <w:p w:rsidR="00156FB3" w:rsidRDefault="00156FB3" w:rsidP="00156FB3">
            <w:r>
              <w:t xml:space="preserve">   *</w:t>
            </w:r>
          </w:p>
          <w:p w:rsidR="00156FB3" w:rsidRDefault="00156FB3" w:rsidP="00156FB3">
            <w:r>
              <w:t xml:space="preserve">   * _.isFunction(_.foo);</w:t>
            </w:r>
          </w:p>
          <w:p w:rsidR="00156FB3" w:rsidRDefault="00156FB3" w:rsidP="00156FB3">
            <w:r>
              <w:t xml:space="preserve">   * // =&gt; true</w:t>
            </w:r>
          </w:p>
          <w:p w:rsidR="00156FB3" w:rsidRDefault="00156FB3" w:rsidP="00156FB3">
            <w:r>
              <w:t xml:space="preserve">   * _.isFunction(_.bar);</w:t>
            </w:r>
          </w:p>
          <w:p w:rsidR="00156FB3" w:rsidRDefault="00156FB3" w:rsidP="00156FB3">
            <w:r>
              <w:t xml:space="preserve">   * // =&gt; false</w:t>
            </w:r>
          </w:p>
          <w:p w:rsidR="00156FB3" w:rsidRDefault="00156FB3" w:rsidP="00156FB3">
            <w:r>
              <w:t xml:space="preserve">   *</w:t>
            </w:r>
          </w:p>
          <w:p w:rsidR="00156FB3" w:rsidRDefault="00156FB3" w:rsidP="00156FB3">
            <w:r>
              <w:t xml:space="preserve">   * lodash.isFunction(lodash.foo);</w:t>
            </w:r>
          </w:p>
          <w:p w:rsidR="00156FB3" w:rsidRDefault="00156FB3" w:rsidP="00156FB3">
            <w:r>
              <w:t xml:space="preserve">   * // =&gt; false</w:t>
            </w:r>
          </w:p>
          <w:p w:rsidR="00156FB3" w:rsidRDefault="00156FB3" w:rsidP="00156FB3">
            <w:r>
              <w:t xml:space="preserve">   * lodash.isFunction(lodash.bar);</w:t>
            </w:r>
          </w:p>
          <w:p w:rsidR="00156FB3" w:rsidRDefault="00156FB3" w:rsidP="00156FB3">
            <w:r>
              <w:t xml:space="preserve">   * // =&gt; true</w:t>
            </w:r>
          </w:p>
          <w:p w:rsidR="00156FB3" w:rsidRDefault="00156FB3" w:rsidP="00156FB3">
            <w:r>
              <w:t xml:space="preserve">   *</w:t>
            </w:r>
          </w:p>
          <w:p w:rsidR="00156FB3" w:rsidRDefault="00156FB3" w:rsidP="00156FB3">
            <w:r>
              <w:t xml:space="preserve">   * // Create a suped-up `defer` in Node.js.</w:t>
            </w:r>
          </w:p>
          <w:p w:rsidR="00156FB3" w:rsidRDefault="00156FB3" w:rsidP="00156FB3">
            <w:r>
              <w:t xml:space="preserve">   * var defer = _.runInContext({ 'setTimeout': setImmediate }).defer;</w:t>
            </w:r>
          </w:p>
          <w:p w:rsidR="00156FB3" w:rsidRDefault="00156FB3" w:rsidP="00156FB3">
            <w:r>
              <w:t xml:space="preserve">   */</w:t>
            </w:r>
          </w:p>
          <w:p w:rsidR="00156FB3" w:rsidRDefault="00156FB3" w:rsidP="00156FB3">
            <w:r>
              <w:t xml:space="preserve">  var runInContext = (function runInContext(context) {</w:t>
            </w:r>
          </w:p>
          <w:p w:rsidR="00156FB3" w:rsidRDefault="00156FB3" w:rsidP="00156FB3">
            <w:r>
              <w:t xml:space="preserve">    context = context == null ? root : _.defaults(root.Object(), context, _.pick(root, contextProps));</w:t>
            </w:r>
          </w:p>
          <w:p w:rsidR="00156FB3" w:rsidRDefault="00156FB3" w:rsidP="00156FB3"/>
          <w:p w:rsidR="00156FB3" w:rsidRDefault="00156FB3" w:rsidP="00156FB3">
            <w:r>
              <w:t xml:space="preserve">    /** Built-in constructor references. */</w:t>
            </w:r>
          </w:p>
          <w:p w:rsidR="00156FB3" w:rsidRDefault="00156FB3" w:rsidP="00156FB3">
            <w:r>
              <w:t xml:space="preserve">    var Array = context.Array,</w:t>
            </w:r>
          </w:p>
          <w:p w:rsidR="00156FB3" w:rsidRDefault="00156FB3" w:rsidP="00156FB3">
            <w:r>
              <w:t xml:space="preserve">        Date = context.Date,</w:t>
            </w:r>
          </w:p>
          <w:p w:rsidR="00156FB3" w:rsidRDefault="00156FB3" w:rsidP="00156FB3">
            <w:r>
              <w:t xml:space="preserve">        Error = context.Error,</w:t>
            </w:r>
          </w:p>
          <w:p w:rsidR="00156FB3" w:rsidRDefault="00156FB3" w:rsidP="00156FB3">
            <w:r>
              <w:t xml:space="preserve">        Function = context.Function,</w:t>
            </w:r>
          </w:p>
          <w:p w:rsidR="00156FB3" w:rsidRDefault="00156FB3" w:rsidP="00156FB3">
            <w:r>
              <w:t xml:space="preserve">        Math = context.Math,</w:t>
            </w:r>
          </w:p>
          <w:p w:rsidR="00156FB3" w:rsidRDefault="00156FB3" w:rsidP="00156FB3">
            <w:r>
              <w:t xml:space="preserve">        Object = context.Object,</w:t>
            </w:r>
          </w:p>
          <w:p w:rsidR="00156FB3" w:rsidRDefault="00156FB3" w:rsidP="00156FB3">
            <w:r>
              <w:t xml:space="preserve">        RegExp = context.RegExp,</w:t>
            </w:r>
          </w:p>
          <w:p w:rsidR="00156FB3" w:rsidRDefault="00156FB3" w:rsidP="00156FB3">
            <w:r>
              <w:lastRenderedPageBreak/>
              <w:t xml:space="preserve">        String = context.String,</w:t>
            </w:r>
          </w:p>
          <w:p w:rsidR="00156FB3" w:rsidRDefault="00156FB3" w:rsidP="00156FB3">
            <w:r>
              <w:t xml:space="preserve">        TypeError = context.TypeError;</w:t>
            </w:r>
          </w:p>
          <w:p w:rsidR="00156FB3" w:rsidRDefault="00156FB3" w:rsidP="00156FB3"/>
          <w:p w:rsidR="00156FB3" w:rsidRDefault="00156FB3" w:rsidP="00156FB3">
            <w:r>
              <w:t xml:space="preserve">    /** Used for built-in method references. */</w:t>
            </w:r>
          </w:p>
          <w:p w:rsidR="00156FB3" w:rsidRDefault="00156FB3" w:rsidP="00156FB3">
            <w:r>
              <w:t xml:space="preserve">    var arrayProto = Array.prototype,</w:t>
            </w:r>
          </w:p>
          <w:p w:rsidR="00156FB3" w:rsidRDefault="00156FB3" w:rsidP="00156FB3">
            <w:r>
              <w:t xml:space="preserve">        funcProto = Function.prototype,</w:t>
            </w:r>
          </w:p>
          <w:p w:rsidR="00156FB3" w:rsidRDefault="00156FB3" w:rsidP="00156FB3">
            <w:r>
              <w:t xml:space="preserve">        objectProto = Object.prototype;</w:t>
            </w:r>
          </w:p>
          <w:p w:rsidR="00156FB3" w:rsidRDefault="00156FB3" w:rsidP="00156FB3"/>
          <w:p w:rsidR="00156FB3" w:rsidRDefault="00156FB3" w:rsidP="00156FB3">
            <w:r>
              <w:t xml:space="preserve">    /** Used to detect overreaching core-js shims. */</w:t>
            </w:r>
          </w:p>
          <w:p w:rsidR="00156FB3" w:rsidRDefault="00156FB3" w:rsidP="00156FB3">
            <w:r>
              <w:t xml:space="preserve">    var coreJsData = context['__core-js_shared__'];</w:t>
            </w:r>
          </w:p>
          <w:p w:rsidR="00156FB3" w:rsidRDefault="00156FB3" w:rsidP="00156FB3"/>
          <w:p w:rsidR="00156FB3" w:rsidRDefault="00156FB3" w:rsidP="00156FB3">
            <w:r>
              <w:t xml:space="preserve">    /** Used to resolve the decompiled source of functions. */</w:t>
            </w:r>
          </w:p>
          <w:p w:rsidR="00156FB3" w:rsidRDefault="00156FB3" w:rsidP="00156FB3">
            <w:r>
              <w:t xml:space="preserve">    var funcToString = funcProto.toString;</w:t>
            </w:r>
          </w:p>
          <w:p w:rsidR="00156FB3" w:rsidRDefault="00156FB3" w:rsidP="00156FB3"/>
          <w:p w:rsidR="00156FB3" w:rsidRDefault="00156FB3" w:rsidP="00156FB3">
            <w:r>
              <w:t xml:space="preserve">    /** Used to check objects for own properties. */</w:t>
            </w:r>
          </w:p>
          <w:p w:rsidR="00156FB3" w:rsidRDefault="00156FB3" w:rsidP="00156FB3">
            <w:r>
              <w:t xml:space="preserve">    var hasOwnProperty = objectProto.hasOwnProperty;</w:t>
            </w:r>
          </w:p>
          <w:p w:rsidR="00156FB3" w:rsidRDefault="00156FB3" w:rsidP="00156FB3"/>
          <w:p w:rsidR="00156FB3" w:rsidRDefault="00156FB3" w:rsidP="00156FB3">
            <w:r>
              <w:t xml:space="preserve">    /** Used to generate unique IDs. */</w:t>
            </w:r>
          </w:p>
          <w:p w:rsidR="00156FB3" w:rsidRDefault="00156FB3" w:rsidP="00156FB3">
            <w:r>
              <w:t xml:space="preserve">    var idCounter = 0;</w:t>
            </w:r>
          </w:p>
          <w:p w:rsidR="00156FB3" w:rsidRDefault="00156FB3" w:rsidP="00156FB3"/>
          <w:p w:rsidR="00156FB3" w:rsidRDefault="00156FB3" w:rsidP="00156FB3">
            <w:r>
              <w:t xml:space="preserve">    /** Used to detect methods masquerading as native. */</w:t>
            </w:r>
          </w:p>
          <w:p w:rsidR="00156FB3" w:rsidRDefault="00156FB3" w:rsidP="00156FB3">
            <w:r>
              <w:t xml:space="preserve">    var maskSrcKey = (function() {</w:t>
            </w:r>
          </w:p>
          <w:p w:rsidR="00156FB3" w:rsidRDefault="00156FB3" w:rsidP="00156FB3">
            <w:r>
              <w:t xml:space="preserve">      var uid = /[^.]+$/.exec(coreJsData &amp;&amp; coreJsData.keys &amp;&amp; coreJsData.keys.IE_PROTO || '');</w:t>
            </w:r>
          </w:p>
          <w:p w:rsidR="00156FB3" w:rsidRDefault="00156FB3" w:rsidP="00156FB3">
            <w:r>
              <w:t xml:space="preserve">      return uid ? ('Symbol(src)_1.' + uid)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Used to resolve the</w:t>
            </w:r>
          </w:p>
          <w:p w:rsidR="00156FB3" w:rsidRDefault="00156FB3" w:rsidP="00156FB3">
            <w:r>
              <w:t xml:space="preserve">     * [`toStringTag`](http://ecma-international.org/ecma-262/7.0/#sec-object.prototype.tostring)</w:t>
            </w:r>
          </w:p>
          <w:p w:rsidR="00156FB3" w:rsidRDefault="00156FB3" w:rsidP="00156FB3">
            <w:r>
              <w:t xml:space="preserve">     * of values.</w:t>
            </w:r>
          </w:p>
          <w:p w:rsidR="00156FB3" w:rsidRDefault="00156FB3" w:rsidP="00156FB3">
            <w:r>
              <w:t xml:space="preserve">     */</w:t>
            </w:r>
          </w:p>
          <w:p w:rsidR="00156FB3" w:rsidRDefault="00156FB3" w:rsidP="00156FB3">
            <w:r>
              <w:t xml:space="preserve">    var nativeObjectToString = objectProto.toString;</w:t>
            </w:r>
          </w:p>
          <w:p w:rsidR="00156FB3" w:rsidRDefault="00156FB3" w:rsidP="00156FB3"/>
          <w:p w:rsidR="00156FB3" w:rsidRDefault="00156FB3" w:rsidP="00156FB3">
            <w:r>
              <w:t xml:space="preserve">    /** Used to infer the `Object` constructor. */</w:t>
            </w:r>
          </w:p>
          <w:p w:rsidR="00156FB3" w:rsidRDefault="00156FB3" w:rsidP="00156FB3">
            <w:r>
              <w:t xml:space="preserve">    var objectCtorString = funcToString.call(Object);</w:t>
            </w:r>
          </w:p>
          <w:p w:rsidR="00156FB3" w:rsidRDefault="00156FB3" w:rsidP="00156FB3"/>
          <w:p w:rsidR="00156FB3" w:rsidRDefault="00156FB3" w:rsidP="00156FB3">
            <w:r>
              <w:t xml:space="preserve">    /** Used to restore the original `_` reference in `_.noConflict`. */</w:t>
            </w:r>
          </w:p>
          <w:p w:rsidR="00156FB3" w:rsidRDefault="00156FB3" w:rsidP="00156FB3">
            <w:r>
              <w:t xml:space="preserve">    var oldDash = root._;</w:t>
            </w:r>
          </w:p>
          <w:p w:rsidR="00156FB3" w:rsidRDefault="00156FB3" w:rsidP="00156FB3"/>
          <w:p w:rsidR="00156FB3" w:rsidRDefault="00156FB3" w:rsidP="00156FB3">
            <w:r>
              <w:t xml:space="preserve">    /** Used to detect if a method is native. */</w:t>
            </w:r>
          </w:p>
          <w:p w:rsidR="00156FB3" w:rsidRDefault="00156FB3" w:rsidP="00156FB3">
            <w:r>
              <w:t xml:space="preserve">    var reIsNative = RegExp('^' +</w:t>
            </w:r>
          </w:p>
          <w:p w:rsidR="00156FB3" w:rsidRDefault="00156FB3" w:rsidP="00156FB3">
            <w:r>
              <w:t xml:space="preserve">      funcToString.call(hasOwnProperty).replace(reRegExpChar, '\\$&amp;')</w:t>
            </w:r>
          </w:p>
          <w:p w:rsidR="00156FB3" w:rsidRDefault="00156FB3" w:rsidP="00156FB3">
            <w:r>
              <w:t xml:space="preserve">      .replace(/hasOwnProperty|(function).*?(?=\\\()| for .+?(?=\\\])/g, '$1.*?') + '$'</w:t>
            </w:r>
          </w:p>
          <w:p w:rsidR="00156FB3" w:rsidRDefault="00156FB3" w:rsidP="00156FB3">
            <w:r>
              <w:t xml:space="preserve">    );</w:t>
            </w:r>
          </w:p>
          <w:p w:rsidR="00156FB3" w:rsidRDefault="00156FB3" w:rsidP="00156FB3"/>
          <w:p w:rsidR="00156FB3" w:rsidRDefault="00156FB3" w:rsidP="00156FB3">
            <w:r>
              <w:t xml:space="preserve">    /** Built-in value references. */</w:t>
            </w:r>
          </w:p>
          <w:p w:rsidR="00156FB3" w:rsidRDefault="00156FB3" w:rsidP="00156FB3">
            <w:r>
              <w:t xml:space="preserve">    var Buffer = moduleExports ? context.Buffer : undefined,</w:t>
            </w:r>
          </w:p>
          <w:p w:rsidR="00156FB3" w:rsidRDefault="00156FB3" w:rsidP="00156FB3">
            <w:r>
              <w:t xml:space="preserve">        Symbol = context.Symbol,</w:t>
            </w:r>
          </w:p>
          <w:p w:rsidR="00156FB3" w:rsidRDefault="00156FB3" w:rsidP="00156FB3">
            <w:r>
              <w:lastRenderedPageBreak/>
              <w:t xml:space="preserve">        Uint8Array = context.Uint8Array,</w:t>
            </w:r>
          </w:p>
          <w:p w:rsidR="00156FB3" w:rsidRDefault="00156FB3" w:rsidP="00156FB3">
            <w:r>
              <w:t xml:space="preserve">        allocUnsafe = Buffer ? Buffer.allocUnsafe : undefined,</w:t>
            </w:r>
          </w:p>
          <w:p w:rsidR="00156FB3" w:rsidRDefault="00156FB3" w:rsidP="00156FB3">
            <w:r>
              <w:t xml:space="preserve">        getPrototype = overArg(Object.getPrototypeOf, Object),</w:t>
            </w:r>
          </w:p>
          <w:p w:rsidR="00156FB3" w:rsidRDefault="00156FB3" w:rsidP="00156FB3">
            <w:r>
              <w:t xml:space="preserve">        objectCreate = Object.create,</w:t>
            </w:r>
          </w:p>
          <w:p w:rsidR="00156FB3" w:rsidRDefault="00156FB3" w:rsidP="00156FB3">
            <w:r>
              <w:t xml:space="preserve">        propertyIsEnumerable = objectProto.propertyIsEnumerable,</w:t>
            </w:r>
          </w:p>
          <w:p w:rsidR="00156FB3" w:rsidRDefault="00156FB3" w:rsidP="00156FB3">
            <w:r>
              <w:t xml:space="preserve">        splice = arrayProto.splice,</w:t>
            </w:r>
          </w:p>
          <w:p w:rsidR="00156FB3" w:rsidRDefault="00156FB3" w:rsidP="00156FB3">
            <w:r>
              <w:t xml:space="preserve">        spreadableSymbol = Symbol ? Symbol.isConcatSpreadable : undefined,</w:t>
            </w:r>
          </w:p>
          <w:p w:rsidR="00156FB3" w:rsidRDefault="00156FB3" w:rsidP="00156FB3">
            <w:r>
              <w:t xml:space="preserve">        symIterator = Symbol ? Symbol.iterator : undefined,</w:t>
            </w:r>
          </w:p>
          <w:p w:rsidR="00156FB3" w:rsidRDefault="00156FB3" w:rsidP="00156FB3">
            <w:r>
              <w:t xml:space="preserve">        symToStringTag = Symbol ? Symbol.toStringTag : undefined;</w:t>
            </w:r>
          </w:p>
          <w:p w:rsidR="00156FB3" w:rsidRDefault="00156FB3" w:rsidP="00156FB3"/>
          <w:p w:rsidR="00156FB3" w:rsidRDefault="00156FB3" w:rsidP="00156FB3">
            <w:r>
              <w:t xml:space="preserve">    var defineProperty = (function() {</w:t>
            </w:r>
          </w:p>
          <w:p w:rsidR="00156FB3" w:rsidRDefault="00156FB3" w:rsidP="00156FB3">
            <w:r>
              <w:t xml:space="preserve">      try {</w:t>
            </w:r>
          </w:p>
          <w:p w:rsidR="00156FB3" w:rsidRDefault="00156FB3" w:rsidP="00156FB3">
            <w:r>
              <w:t xml:space="preserve">        var func = getNative(Object, 'defineProperty');</w:t>
            </w:r>
          </w:p>
          <w:p w:rsidR="00156FB3" w:rsidRDefault="00156FB3" w:rsidP="00156FB3">
            <w:r>
              <w:t xml:space="preserve">        func({}, '', {});</w:t>
            </w:r>
          </w:p>
          <w:p w:rsidR="00156FB3" w:rsidRDefault="00156FB3" w:rsidP="00156FB3">
            <w:r>
              <w:t xml:space="preserve">        return func;</w:t>
            </w:r>
          </w:p>
          <w:p w:rsidR="00156FB3" w:rsidRDefault="00156FB3" w:rsidP="00156FB3">
            <w:r>
              <w:t xml:space="preserve">      } catch (e) {}</w:t>
            </w:r>
          </w:p>
          <w:p w:rsidR="00156FB3" w:rsidRDefault="00156FB3" w:rsidP="00156FB3">
            <w:r>
              <w:t xml:space="preserve">    }());</w:t>
            </w:r>
          </w:p>
          <w:p w:rsidR="00156FB3" w:rsidRDefault="00156FB3" w:rsidP="00156FB3"/>
          <w:p w:rsidR="00156FB3" w:rsidRDefault="00156FB3" w:rsidP="00156FB3">
            <w:r>
              <w:t xml:space="preserve">    /** Mocked built-ins. */</w:t>
            </w:r>
          </w:p>
          <w:p w:rsidR="00156FB3" w:rsidRDefault="00156FB3" w:rsidP="00156FB3">
            <w:r>
              <w:t xml:space="preserve">    var ctxClearTimeout = context.clearTimeout !== root.clearTimeout &amp;&amp; context.clearTimeout,</w:t>
            </w:r>
          </w:p>
          <w:p w:rsidR="00156FB3" w:rsidRDefault="00156FB3" w:rsidP="00156FB3">
            <w:r>
              <w:t xml:space="preserve">        ctxNow = Date &amp;&amp; Date.now !== root.Date.now &amp;&amp; Date.now,</w:t>
            </w:r>
          </w:p>
          <w:p w:rsidR="00156FB3" w:rsidRDefault="00156FB3" w:rsidP="00156FB3">
            <w:r>
              <w:t xml:space="preserve">        ctxSetTimeout = context.setTimeout !== root.setTimeout &amp;&amp; context.setTimeout;</w:t>
            </w:r>
          </w:p>
          <w:p w:rsidR="00156FB3" w:rsidRDefault="00156FB3" w:rsidP="00156FB3"/>
          <w:p w:rsidR="00156FB3" w:rsidRDefault="00156FB3" w:rsidP="00156FB3">
            <w:r>
              <w:t xml:space="preserve">    /* Built-in method references for those with the same name as other `lodash` methods. */</w:t>
            </w:r>
          </w:p>
          <w:p w:rsidR="00156FB3" w:rsidRDefault="00156FB3" w:rsidP="00156FB3">
            <w:r>
              <w:t xml:space="preserve">    var nativeCeil = Math.ceil,</w:t>
            </w:r>
          </w:p>
          <w:p w:rsidR="00156FB3" w:rsidRDefault="00156FB3" w:rsidP="00156FB3">
            <w:r>
              <w:t xml:space="preserve">        nativeFloor = Math.floor,</w:t>
            </w:r>
          </w:p>
          <w:p w:rsidR="00156FB3" w:rsidRDefault="00156FB3" w:rsidP="00156FB3">
            <w:r>
              <w:t xml:space="preserve">        nativeGetSymbols = Object.getOwnPropertySymbols,</w:t>
            </w:r>
          </w:p>
          <w:p w:rsidR="00156FB3" w:rsidRDefault="00156FB3" w:rsidP="00156FB3">
            <w:r>
              <w:t xml:space="preserve">        nativeIsBuffer = Buffer ? Buffer.isBuffer : undefined,</w:t>
            </w:r>
          </w:p>
          <w:p w:rsidR="00156FB3" w:rsidRDefault="00156FB3" w:rsidP="00156FB3">
            <w:r>
              <w:t xml:space="preserve">        nativeIsFinite = context.isFinite,</w:t>
            </w:r>
          </w:p>
          <w:p w:rsidR="00156FB3" w:rsidRDefault="00156FB3" w:rsidP="00156FB3">
            <w:r>
              <w:t xml:space="preserve">        nativeJoin = arrayProto.join,</w:t>
            </w:r>
          </w:p>
          <w:p w:rsidR="00156FB3" w:rsidRDefault="00156FB3" w:rsidP="00156FB3">
            <w:r>
              <w:t xml:space="preserve">        nativeKeys = overArg(Object.keys, Object),</w:t>
            </w:r>
          </w:p>
          <w:p w:rsidR="00156FB3" w:rsidRDefault="00156FB3" w:rsidP="00156FB3">
            <w:r>
              <w:t xml:space="preserve">        nativeMax = Math.max,</w:t>
            </w:r>
          </w:p>
          <w:p w:rsidR="00156FB3" w:rsidRDefault="00156FB3" w:rsidP="00156FB3">
            <w:r>
              <w:t xml:space="preserve">        nativeMin = Math.min,</w:t>
            </w:r>
          </w:p>
          <w:p w:rsidR="00156FB3" w:rsidRDefault="00156FB3" w:rsidP="00156FB3">
            <w:r>
              <w:t xml:space="preserve">        nativeNow = Date.now,</w:t>
            </w:r>
          </w:p>
          <w:p w:rsidR="00156FB3" w:rsidRDefault="00156FB3" w:rsidP="00156FB3">
            <w:r>
              <w:t xml:space="preserve">        nativeParseInt = context.parseInt,</w:t>
            </w:r>
          </w:p>
          <w:p w:rsidR="00156FB3" w:rsidRDefault="00156FB3" w:rsidP="00156FB3">
            <w:r>
              <w:t xml:space="preserve">        nativeRandom = Math.random,</w:t>
            </w:r>
          </w:p>
          <w:p w:rsidR="00156FB3" w:rsidRDefault="00156FB3" w:rsidP="00156FB3">
            <w:r>
              <w:t xml:space="preserve">        nativeReverse = arrayProto.reverse;</w:t>
            </w:r>
          </w:p>
          <w:p w:rsidR="00156FB3" w:rsidRDefault="00156FB3" w:rsidP="00156FB3"/>
          <w:p w:rsidR="00156FB3" w:rsidRDefault="00156FB3" w:rsidP="00156FB3">
            <w:r>
              <w:t xml:space="preserve">    /* Built-in method references that are verified to be native. */</w:t>
            </w:r>
          </w:p>
          <w:p w:rsidR="00156FB3" w:rsidRDefault="00156FB3" w:rsidP="00156FB3">
            <w:r>
              <w:t xml:space="preserve">    var DataView = getNative(context, 'DataView'),</w:t>
            </w:r>
          </w:p>
          <w:p w:rsidR="00156FB3" w:rsidRDefault="00156FB3" w:rsidP="00156FB3">
            <w:r>
              <w:t xml:space="preserve">        Map = getNative(context, 'Map'),</w:t>
            </w:r>
          </w:p>
          <w:p w:rsidR="00156FB3" w:rsidRDefault="00156FB3" w:rsidP="00156FB3">
            <w:r>
              <w:t xml:space="preserve">        Promise = getNative(context, 'Promise'),</w:t>
            </w:r>
          </w:p>
          <w:p w:rsidR="00156FB3" w:rsidRDefault="00156FB3" w:rsidP="00156FB3">
            <w:r>
              <w:t xml:space="preserve">        Set = getNative(context, 'Set'),</w:t>
            </w:r>
          </w:p>
          <w:p w:rsidR="00156FB3" w:rsidRDefault="00156FB3" w:rsidP="00156FB3">
            <w:r>
              <w:t xml:space="preserve">        WeakMap = getNative(context, 'WeakMap'),</w:t>
            </w:r>
          </w:p>
          <w:p w:rsidR="00156FB3" w:rsidRDefault="00156FB3" w:rsidP="00156FB3">
            <w:r>
              <w:t xml:space="preserve">        nativeCreate = getNative(Object, 'create');</w:t>
            </w:r>
          </w:p>
          <w:p w:rsidR="00156FB3" w:rsidRDefault="00156FB3" w:rsidP="00156FB3"/>
          <w:p w:rsidR="00156FB3" w:rsidRDefault="00156FB3" w:rsidP="00156FB3">
            <w:r>
              <w:t xml:space="preserve">    /** Used to store function metadata. */</w:t>
            </w:r>
          </w:p>
          <w:p w:rsidR="00156FB3" w:rsidRDefault="00156FB3" w:rsidP="00156FB3">
            <w:r>
              <w:t xml:space="preserve">    var metaMap = WeakMap &amp;&amp; new WeakMap;</w:t>
            </w:r>
          </w:p>
          <w:p w:rsidR="00156FB3" w:rsidRDefault="00156FB3" w:rsidP="00156FB3"/>
          <w:p w:rsidR="00156FB3" w:rsidRDefault="00156FB3" w:rsidP="00156FB3">
            <w:r>
              <w:t xml:space="preserve">    /** Used to lookup unminified function names. */</w:t>
            </w:r>
          </w:p>
          <w:p w:rsidR="00156FB3" w:rsidRDefault="00156FB3" w:rsidP="00156FB3">
            <w:r>
              <w:t xml:space="preserve">    var realNames = {};</w:t>
            </w:r>
          </w:p>
          <w:p w:rsidR="00156FB3" w:rsidRDefault="00156FB3" w:rsidP="00156FB3"/>
          <w:p w:rsidR="00156FB3" w:rsidRDefault="00156FB3" w:rsidP="00156FB3">
            <w:r>
              <w:t xml:space="preserve">    /** Used to detect maps, sets, and weakmaps. */</w:t>
            </w:r>
          </w:p>
          <w:p w:rsidR="00156FB3" w:rsidRDefault="00156FB3" w:rsidP="00156FB3">
            <w:r>
              <w:t xml:space="preserve">    var dataViewCtorString = toSource(DataView),</w:t>
            </w:r>
          </w:p>
          <w:p w:rsidR="00156FB3" w:rsidRDefault="00156FB3" w:rsidP="00156FB3">
            <w:r>
              <w:t xml:space="preserve">        mapCtorString = toSource(Map),</w:t>
            </w:r>
          </w:p>
          <w:p w:rsidR="00156FB3" w:rsidRDefault="00156FB3" w:rsidP="00156FB3">
            <w:r>
              <w:t xml:space="preserve">        promiseCtorString = toSource(Promise),</w:t>
            </w:r>
          </w:p>
          <w:p w:rsidR="00156FB3" w:rsidRDefault="00156FB3" w:rsidP="00156FB3">
            <w:r>
              <w:t xml:space="preserve">        setCtorString = toSource(Set),</w:t>
            </w:r>
          </w:p>
          <w:p w:rsidR="00156FB3" w:rsidRDefault="00156FB3" w:rsidP="00156FB3">
            <w:r>
              <w:t xml:space="preserve">        weakMapCtorString = toSource(WeakMap);</w:t>
            </w:r>
          </w:p>
          <w:p w:rsidR="00156FB3" w:rsidRDefault="00156FB3" w:rsidP="00156FB3"/>
          <w:p w:rsidR="00156FB3" w:rsidRDefault="00156FB3" w:rsidP="00156FB3">
            <w:r>
              <w:t xml:space="preserve">    /** Used to convert symbols to primitives and strings. */</w:t>
            </w:r>
          </w:p>
          <w:p w:rsidR="00156FB3" w:rsidRDefault="00156FB3" w:rsidP="00156FB3">
            <w:r>
              <w:t xml:space="preserve">    var symbolProto = Symbol ? Symbol.prototype : undefined,</w:t>
            </w:r>
          </w:p>
          <w:p w:rsidR="00156FB3" w:rsidRDefault="00156FB3" w:rsidP="00156FB3">
            <w:r>
              <w:t xml:space="preserve">        symbolValueOf = symbolProto ? symbolProto.valueOf : undefined,</w:t>
            </w:r>
          </w:p>
          <w:p w:rsidR="00156FB3" w:rsidRDefault="00156FB3" w:rsidP="00156FB3">
            <w:r>
              <w:t xml:space="preserve">        symbolToString = symbolProto ? symbolProto.toString : undefined;</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lodash` object which wraps `value` to enable implicit method</w:t>
            </w:r>
          </w:p>
          <w:p w:rsidR="00156FB3" w:rsidRDefault="00156FB3" w:rsidP="00156FB3">
            <w:r>
              <w:t xml:space="preserve">     * chain sequences. Methods that operate on and return arrays, collections,</w:t>
            </w:r>
          </w:p>
          <w:p w:rsidR="00156FB3" w:rsidRDefault="00156FB3" w:rsidP="00156FB3">
            <w:r>
              <w:t xml:space="preserve">     * and functions can be chained together. Methods that retrieve a single value</w:t>
            </w:r>
          </w:p>
          <w:p w:rsidR="00156FB3" w:rsidRDefault="00156FB3" w:rsidP="00156FB3">
            <w:r>
              <w:t xml:space="preserve">     * or may return a primitive value will automatically end the chain sequence</w:t>
            </w:r>
          </w:p>
          <w:p w:rsidR="00156FB3" w:rsidRDefault="00156FB3" w:rsidP="00156FB3">
            <w:r>
              <w:t xml:space="preserve">     * and return the unwrapped value. Otherwise, the value must be unwrapped</w:t>
            </w:r>
          </w:p>
          <w:p w:rsidR="00156FB3" w:rsidRDefault="00156FB3" w:rsidP="00156FB3">
            <w:r>
              <w:t xml:space="preserve">     * with `_#value`.</w:t>
            </w:r>
          </w:p>
          <w:p w:rsidR="00156FB3" w:rsidRDefault="00156FB3" w:rsidP="00156FB3">
            <w:r>
              <w:t xml:space="preserve">     *</w:t>
            </w:r>
          </w:p>
          <w:p w:rsidR="00156FB3" w:rsidRDefault="00156FB3" w:rsidP="00156FB3">
            <w:r>
              <w:t xml:space="preserve">     * Explicit chain sequences, which must be unwrapped with `_#value`, may be</w:t>
            </w:r>
          </w:p>
          <w:p w:rsidR="00156FB3" w:rsidRDefault="00156FB3" w:rsidP="00156FB3">
            <w:r>
              <w:t xml:space="preserve">     * enabled using `_.chain`.</w:t>
            </w:r>
          </w:p>
          <w:p w:rsidR="00156FB3" w:rsidRDefault="00156FB3" w:rsidP="00156FB3">
            <w:r>
              <w:t xml:space="preserve">     *</w:t>
            </w:r>
          </w:p>
          <w:p w:rsidR="00156FB3" w:rsidRDefault="00156FB3" w:rsidP="00156FB3">
            <w:r>
              <w:t xml:space="preserve">     * The execution of chained methods is lazy, that is, it's deferred until</w:t>
            </w:r>
          </w:p>
          <w:p w:rsidR="00156FB3" w:rsidRDefault="00156FB3" w:rsidP="00156FB3">
            <w:r>
              <w:t xml:space="preserve">     * `_#value` is implicitly or explicitly called.</w:t>
            </w:r>
          </w:p>
          <w:p w:rsidR="00156FB3" w:rsidRDefault="00156FB3" w:rsidP="00156FB3">
            <w:r>
              <w:t xml:space="preserve">     *</w:t>
            </w:r>
          </w:p>
          <w:p w:rsidR="00156FB3" w:rsidRDefault="00156FB3" w:rsidP="00156FB3">
            <w:r>
              <w:t xml:space="preserve">     * Lazy evaluation allows several methods to support shortcut fusion.</w:t>
            </w:r>
          </w:p>
          <w:p w:rsidR="00156FB3" w:rsidRDefault="00156FB3" w:rsidP="00156FB3">
            <w:r>
              <w:t xml:space="preserve">     * Shortcut fusion is an optimization to merge iteratee calls; this avoids</w:t>
            </w:r>
          </w:p>
          <w:p w:rsidR="00156FB3" w:rsidRDefault="00156FB3" w:rsidP="00156FB3">
            <w:r>
              <w:t xml:space="preserve">     * the creation of intermediate arrays and can greatly reduce the number of</w:t>
            </w:r>
          </w:p>
          <w:p w:rsidR="00156FB3" w:rsidRDefault="00156FB3" w:rsidP="00156FB3">
            <w:r>
              <w:t xml:space="preserve">     * iteratee executions. Sections of a chain sequence qualify for shortcut</w:t>
            </w:r>
          </w:p>
          <w:p w:rsidR="00156FB3" w:rsidRDefault="00156FB3" w:rsidP="00156FB3">
            <w:r>
              <w:t xml:space="preserve">     * fusion if the section is applied to an array and iteratees accept only</w:t>
            </w:r>
          </w:p>
          <w:p w:rsidR="00156FB3" w:rsidRDefault="00156FB3" w:rsidP="00156FB3">
            <w:r>
              <w:t xml:space="preserve">     * one argument. The heuristic for whether a section qualifies for shortcut</w:t>
            </w:r>
          </w:p>
          <w:p w:rsidR="00156FB3" w:rsidRDefault="00156FB3" w:rsidP="00156FB3">
            <w:r>
              <w:t xml:space="preserve">     * fusion is subject to change.</w:t>
            </w:r>
          </w:p>
          <w:p w:rsidR="00156FB3" w:rsidRDefault="00156FB3" w:rsidP="00156FB3">
            <w:r>
              <w:t xml:space="preserve">     *</w:t>
            </w:r>
          </w:p>
          <w:p w:rsidR="00156FB3" w:rsidRDefault="00156FB3" w:rsidP="00156FB3">
            <w:r>
              <w:t xml:space="preserve">     * Chaining is supported in custom builds as long as the `_#value` method is</w:t>
            </w:r>
          </w:p>
          <w:p w:rsidR="00156FB3" w:rsidRDefault="00156FB3" w:rsidP="00156FB3">
            <w:r>
              <w:t xml:space="preserve">     * directly or indirectly included in the build.</w:t>
            </w:r>
          </w:p>
          <w:p w:rsidR="00156FB3" w:rsidRDefault="00156FB3" w:rsidP="00156FB3">
            <w:r>
              <w:t xml:space="preserve">     *</w:t>
            </w:r>
          </w:p>
          <w:p w:rsidR="00156FB3" w:rsidRDefault="00156FB3" w:rsidP="00156FB3">
            <w:r>
              <w:t xml:space="preserve">     * In addition to lodash methods, wrappers have `Array` and `String` methods.</w:t>
            </w:r>
          </w:p>
          <w:p w:rsidR="00156FB3" w:rsidRDefault="00156FB3" w:rsidP="00156FB3">
            <w:r>
              <w:t xml:space="preserve">     *</w:t>
            </w:r>
          </w:p>
          <w:p w:rsidR="00156FB3" w:rsidRDefault="00156FB3" w:rsidP="00156FB3">
            <w:r>
              <w:t xml:space="preserve">     * The wrapper `Array` methods are:</w:t>
            </w:r>
          </w:p>
          <w:p w:rsidR="00156FB3" w:rsidRDefault="00156FB3" w:rsidP="00156FB3">
            <w:r>
              <w:t xml:space="preserve">     * `concat`, `join`, `pop`, `push`, `shift`, `sort`, `splice`, and `unshift`</w:t>
            </w:r>
          </w:p>
          <w:p w:rsidR="00156FB3" w:rsidRDefault="00156FB3" w:rsidP="00156FB3">
            <w:r>
              <w:t xml:space="preserve">     *</w:t>
            </w:r>
          </w:p>
          <w:p w:rsidR="00156FB3" w:rsidRDefault="00156FB3" w:rsidP="00156FB3">
            <w:r>
              <w:lastRenderedPageBreak/>
              <w:t xml:space="preserve">     * The wrapper `String` methods are:</w:t>
            </w:r>
          </w:p>
          <w:p w:rsidR="00156FB3" w:rsidRDefault="00156FB3" w:rsidP="00156FB3">
            <w:r>
              <w:t xml:space="preserve">     * `replace` and `split`</w:t>
            </w:r>
          </w:p>
          <w:p w:rsidR="00156FB3" w:rsidRDefault="00156FB3" w:rsidP="00156FB3">
            <w:r>
              <w:t xml:space="preserve">     *</w:t>
            </w:r>
          </w:p>
          <w:p w:rsidR="00156FB3" w:rsidRDefault="00156FB3" w:rsidP="00156FB3">
            <w:r>
              <w:t xml:space="preserve">     * The wrapper methods that support shortcut fusion are:</w:t>
            </w:r>
          </w:p>
          <w:p w:rsidR="00156FB3" w:rsidRDefault="00156FB3" w:rsidP="00156FB3">
            <w:r>
              <w:t xml:space="preserve">     * `at`, `compact`, `drop`, `dropRight`, `dropWhile`, `filter`, `find`,</w:t>
            </w:r>
          </w:p>
          <w:p w:rsidR="00156FB3" w:rsidRDefault="00156FB3" w:rsidP="00156FB3">
            <w:r>
              <w:t xml:space="preserve">     * `findLast`, `head`, `initial`, `last`, `map`, `reject`, `reverse`, `slice`,</w:t>
            </w:r>
          </w:p>
          <w:p w:rsidR="00156FB3" w:rsidRDefault="00156FB3" w:rsidP="00156FB3">
            <w:r>
              <w:t xml:space="preserve">     * `tail`, `take`, `takeRight`, `takeRightWhile`, `takeWhile`, and `toArray`</w:t>
            </w:r>
          </w:p>
          <w:p w:rsidR="00156FB3" w:rsidRDefault="00156FB3" w:rsidP="00156FB3">
            <w:r>
              <w:t xml:space="preserve">     *</w:t>
            </w:r>
          </w:p>
          <w:p w:rsidR="00156FB3" w:rsidRDefault="00156FB3" w:rsidP="00156FB3">
            <w:r>
              <w:t xml:space="preserve">     * The chainable wrapper methods are:</w:t>
            </w:r>
          </w:p>
          <w:p w:rsidR="00156FB3" w:rsidRDefault="00156FB3" w:rsidP="00156FB3">
            <w:r>
              <w:t xml:space="preserve">     * `after`, `ary`, `assign`, `assignIn`, `assignInWith`, `assignWith`, `at`,</w:t>
            </w:r>
          </w:p>
          <w:p w:rsidR="00156FB3" w:rsidRDefault="00156FB3" w:rsidP="00156FB3">
            <w:r>
              <w:t xml:space="preserve">     * `before`, `bind`, `bindAll`, `bindKey`, `castArray`, `chain`, `chunk`,</w:t>
            </w:r>
          </w:p>
          <w:p w:rsidR="00156FB3" w:rsidRDefault="00156FB3" w:rsidP="00156FB3">
            <w:r>
              <w:t xml:space="preserve">     * `commit`, `compact`, `concat`, `conforms`, `constant`, `countBy`, `create`,</w:t>
            </w:r>
          </w:p>
          <w:p w:rsidR="00156FB3" w:rsidRDefault="00156FB3" w:rsidP="00156FB3">
            <w:r>
              <w:t xml:space="preserve">     * `curry`, `debounce`, `defaults`, `defaultsDeep`, `defer`, `delay`,</w:t>
            </w:r>
          </w:p>
          <w:p w:rsidR="00156FB3" w:rsidRDefault="00156FB3" w:rsidP="00156FB3">
            <w:r>
              <w:t xml:space="preserve">     * `difference`, `differenceBy`, `differenceWith`, `drop`, `dropRight`,</w:t>
            </w:r>
          </w:p>
          <w:p w:rsidR="00156FB3" w:rsidRDefault="00156FB3" w:rsidP="00156FB3">
            <w:r>
              <w:t xml:space="preserve">     * `dropRightWhile`, `dropWhile`, `extend`, `extendWith`, `fill`, `filter`,</w:t>
            </w:r>
          </w:p>
          <w:p w:rsidR="00156FB3" w:rsidRDefault="00156FB3" w:rsidP="00156FB3">
            <w:r>
              <w:t xml:space="preserve">     * `flatMap`, `flatMapDeep`, `flatMapDepth`, `flatten`, `flattenDeep`,</w:t>
            </w:r>
          </w:p>
          <w:p w:rsidR="00156FB3" w:rsidRDefault="00156FB3" w:rsidP="00156FB3">
            <w:r>
              <w:t xml:space="preserve">     * `flattenDepth`, `flip`, `flow`, `flowRight`, `fromPairs`, `functions`,</w:t>
            </w:r>
          </w:p>
          <w:p w:rsidR="00156FB3" w:rsidRDefault="00156FB3" w:rsidP="00156FB3">
            <w:r>
              <w:t xml:space="preserve">     * `functionsIn`, `groupBy`, `initial`, `intersection`, `intersectionBy`,</w:t>
            </w:r>
          </w:p>
          <w:p w:rsidR="00156FB3" w:rsidRDefault="00156FB3" w:rsidP="00156FB3">
            <w:r>
              <w:t xml:space="preserve">     * `intersectionWith`, `invert`, `invertBy`, `invokeMap`, `iteratee`, `keyBy`,</w:t>
            </w:r>
          </w:p>
          <w:p w:rsidR="00156FB3" w:rsidRDefault="00156FB3" w:rsidP="00156FB3">
            <w:r>
              <w:t xml:space="preserve">     * `keys`, `keysIn`, `map`, `mapKeys`, `mapValues`, `matches`, `matchesProperty`,</w:t>
            </w:r>
          </w:p>
          <w:p w:rsidR="00156FB3" w:rsidRDefault="00156FB3" w:rsidP="00156FB3">
            <w:r>
              <w:t xml:space="preserve">     * `memoize`, `merge`, `mergeWith`, `method`, `methodOf`, `mixin`, `negate`,</w:t>
            </w:r>
          </w:p>
          <w:p w:rsidR="00156FB3" w:rsidRDefault="00156FB3" w:rsidP="00156FB3">
            <w:r>
              <w:t xml:space="preserve">     * `nthArg`, `omit`, `omitBy`, `once`, `orderBy`, `over`, `overArgs`,</w:t>
            </w:r>
          </w:p>
          <w:p w:rsidR="00156FB3" w:rsidRDefault="00156FB3" w:rsidP="00156FB3">
            <w:r>
              <w:t xml:space="preserve">     * `overEvery`, `overSome`, `partial`, `partialRight`, `partition`, `pick`,</w:t>
            </w:r>
          </w:p>
          <w:p w:rsidR="00156FB3" w:rsidRDefault="00156FB3" w:rsidP="00156FB3">
            <w:r>
              <w:t xml:space="preserve">     * `pickBy`, `plant`, `property`, `propertyOf`, `pull`, `pullAll`, `pullAllBy`,</w:t>
            </w:r>
          </w:p>
          <w:p w:rsidR="00156FB3" w:rsidRDefault="00156FB3" w:rsidP="00156FB3">
            <w:r>
              <w:t xml:space="preserve">     * `pullAllWith`, `pullAt`, `push`, `range`, `rangeRight`, `rearg`, `reject`,</w:t>
            </w:r>
          </w:p>
          <w:p w:rsidR="00156FB3" w:rsidRDefault="00156FB3" w:rsidP="00156FB3">
            <w:r>
              <w:t xml:space="preserve">     * `remove`, `rest`, `reverse`, `sampleSize`, `set`, `setWith`, `shuffle`,</w:t>
            </w:r>
          </w:p>
          <w:p w:rsidR="00156FB3" w:rsidRDefault="00156FB3" w:rsidP="00156FB3">
            <w:r>
              <w:t xml:space="preserve">     * `slice`, `sort`, `sortBy`, `splice`, `spread`, `tail`, `take`, `takeRight`,</w:t>
            </w:r>
          </w:p>
          <w:p w:rsidR="00156FB3" w:rsidRDefault="00156FB3" w:rsidP="00156FB3">
            <w:r>
              <w:t xml:space="preserve">     * `takeRightWhile`, `takeWhile`, `tap`, `throttle`, `thru`, `toArray`,</w:t>
            </w:r>
          </w:p>
          <w:p w:rsidR="00156FB3" w:rsidRDefault="00156FB3" w:rsidP="00156FB3">
            <w:r>
              <w:t xml:space="preserve">     * `toPairs`, `toPairsIn`, `toPath`, `toPlainObject`, `transform`, `unary`,</w:t>
            </w:r>
          </w:p>
          <w:p w:rsidR="00156FB3" w:rsidRDefault="00156FB3" w:rsidP="00156FB3">
            <w:r>
              <w:t xml:space="preserve">     * `union`, `unionBy`, `unionWith`, `uniq`, `uniqBy`, `uniqWith`, `unset`,</w:t>
            </w:r>
          </w:p>
          <w:p w:rsidR="00156FB3" w:rsidRDefault="00156FB3" w:rsidP="00156FB3">
            <w:r>
              <w:t xml:space="preserve">     * `unshift`, `unzip`, `unzipWith`, `update`, `updateWith`, `values`,</w:t>
            </w:r>
          </w:p>
          <w:p w:rsidR="00156FB3" w:rsidRDefault="00156FB3" w:rsidP="00156FB3">
            <w:r>
              <w:t xml:space="preserve">     * `valuesIn`, `without`, `wrap`, `xor`, `xorBy`, `xorWith`, `zip`,</w:t>
            </w:r>
          </w:p>
          <w:p w:rsidR="00156FB3" w:rsidRDefault="00156FB3" w:rsidP="00156FB3">
            <w:r>
              <w:t xml:space="preserve">     * `zipObject`, `zipObjectDeep`, and `zipWith`</w:t>
            </w:r>
          </w:p>
          <w:p w:rsidR="00156FB3" w:rsidRDefault="00156FB3" w:rsidP="00156FB3">
            <w:r>
              <w:t xml:space="preserve">     *</w:t>
            </w:r>
          </w:p>
          <w:p w:rsidR="00156FB3" w:rsidRDefault="00156FB3" w:rsidP="00156FB3">
            <w:r>
              <w:t xml:space="preserve">     * The wrapper methods that are **not** chainable by default are:</w:t>
            </w:r>
          </w:p>
          <w:p w:rsidR="00156FB3" w:rsidRDefault="00156FB3" w:rsidP="00156FB3">
            <w:r>
              <w:t xml:space="preserve">     * `add`, `attempt`, `camelCase`, `capitalize`, `ceil`, `clamp`, `clone`,</w:t>
            </w:r>
          </w:p>
          <w:p w:rsidR="00156FB3" w:rsidRDefault="00156FB3" w:rsidP="00156FB3">
            <w:r>
              <w:t xml:space="preserve">     * `cloneDeep`, `cloneDeepWith`, `cloneWith`, `conformsTo`, `deburr`,</w:t>
            </w:r>
          </w:p>
          <w:p w:rsidR="00156FB3" w:rsidRDefault="00156FB3" w:rsidP="00156FB3">
            <w:r>
              <w:t xml:space="preserve">     * `defaultTo`, `divide`, `each`, `eachRight`, `endsWith`, `eq`, `escape`,</w:t>
            </w:r>
          </w:p>
          <w:p w:rsidR="00156FB3" w:rsidRDefault="00156FB3" w:rsidP="00156FB3">
            <w:r>
              <w:t xml:space="preserve">     * `escapeRegExp`, `every`, `find`, `findIndex`, `findKey`, `findLast`,</w:t>
            </w:r>
          </w:p>
          <w:p w:rsidR="00156FB3" w:rsidRDefault="00156FB3" w:rsidP="00156FB3">
            <w:r>
              <w:t xml:space="preserve">     * `findLastIndex`, `findLastKey`, `first`, `floor`, `forEach`, `forEachRight`,</w:t>
            </w:r>
          </w:p>
          <w:p w:rsidR="00156FB3" w:rsidRDefault="00156FB3" w:rsidP="00156FB3">
            <w:r>
              <w:t xml:space="preserve">     * `forIn`, `forInRight`, `forOwn`, `forOwnRight`, `get`, `gt`, `gte`, `has`,</w:t>
            </w:r>
          </w:p>
          <w:p w:rsidR="00156FB3" w:rsidRDefault="00156FB3" w:rsidP="00156FB3">
            <w:r>
              <w:t xml:space="preserve">     * `hasIn`, `head`, `identity`, `includes`, `indexOf`, `inRange`, `invoke`,</w:t>
            </w:r>
          </w:p>
          <w:p w:rsidR="00156FB3" w:rsidRDefault="00156FB3" w:rsidP="00156FB3">
            <w:r>
              <w:t xml:space="preserve">     * `isArguments`, `isArray`, `isArrayBuffer`, `isArrayLike`, `isArrayLikeObject`,</w:t>
            </w:r>
          </w:p>
          <w:p w:rsidR="00156FB3" w:rsidRDefault="00156FB3" w:rsidP="00156FB3">
            <w:r>
              <w:t xml:space="preserve">     * `isBoolean`, `isBuffer`, `isDate`, `isElement`, `isEmpty`, `isEqual`,</w:t>
            </w:r>
          </w:p>
          <w:p w:rsidR="00156FB3" w:rsidRDefault="00156FB3" w:rsidP="00156FB3">
            <w:r>
              <w:t xml:space="preserve">     * `isEqualWith`, `isError`, `isFinite`, `isFunction`, `isInteger`, `isLength`,</w:t>
            </w:r>
          </w:p>
          <w:p w:rsidR="00156FB3" w:rsidRDefault="00156FB3" w:rsidP="00156FB3">
            <w:r>
              <w:t xml:space="preserve">     * `isMap`, `isMatch`, `isMatchWith`, `isNaN`, `isNative`, `isNil`, `isNull`,</w:t>
            </w:r>
          </w:p>
          <w:p w:rsidR="00156FB3" w:rsidRDefault="00156FB3" w:rsidP="00156FB3">
            <w:r>
              <w:t xml:space="preserve">     * `isNumber`, `isObject`, `isObjectLike`, `isPlainObject`, `isRegExp`,</w:t>
            </w:r>
          </w:p>
          <w:p w:rsidR="00156FB3" w:rsidRDefault="00156FB3" w:rsidP="00156FB3">
            <w:r>
              <w:t xml:space="preserve">     * `isSafeInteger`, `isSet`, `isString`, `isUndefined`, `isTypedArray`,</w:t>
            </w:r>
          </w:p>
          <w:p w:rsidR="00156FB3" w:rsidRDefault="00156FB3" w:rsidP="00156FB3">
            <w:r>
              <w:lastRenderedPageBreak/>
              <w:t xml:space="preserve">     * `isWeakMap`, `isWeakSet`, `join`, `kebabCase`, `last`, `lastIndexOf`,</w:t>
            </w:r>
          </w:p>
          <w:p w:rsidR="00156FB3" w:rsidRDefault="00156FB3" w:rsidP="00156FB3">
            <w:r>
              <w:t xml:space="preserve">     * `lowerCase`, `lowerFirst`, `lt`, `lte`, `max`, `maxBy`, `mean`, `meanBy`,</w:t>
            </w:r>
          </w:p>
          <w:p w:rsidR="00156FB3" w:rsidRDefault="00156FB3" w:rsidP="00156FB3">
            <w:r>
              <w:t xml:space="preserve">     * `min`, `minBy`, `multiply`, `noConflict`, `noop`, `now`, `nth`, `pad`,</w:t>
            </w:r>
          </w:p>
          <w:p w:rsidR="00156FB3" w:rsidRDefault="00156FB3" w:rsidP="00156FB3">
            <w:r>
              <w:t xml:space="preserve">     * `padEnd`, `padStart`, `parseInt`, `pop`, `random`, `reduce`, `reduceRight`,</w:t>
            </w:r>
          </w:p>
          <w:p w:rsidR="00156FB3" w:rsidRDefault="00156FB3" w:rsidP="00156FB3">
            <w:r>
              <w:t xml:space="preserve">     * `repeat`, `result`, `round`, `runInContext`, `sample`, `shift`, `size`,</w:t>
            </w:r>
          </w:p>
          <w:p w:rsidR="00156FB3" w:rsidRDefault="00156FB3" w:rsidP="00156FB3">
            <w:r>
              <w:t xml:space="preserve">     * `snakeCase`, `some`, `sortedIndex`, `sortedIndexBy`, `sortedLastIndex`,</w:t>
            </w:r>
          </w:p>
          <w:p w:rsidR="00156FB3" w:rsidRDefault="00156FB3" w:rsidP="00156FB3">
            <w:r>
              <w:t xml:space="preserve">     * `sortedLastIndexBy`, `startCase`, `startsWith`, `stubArray`, `stubFalse`,</w:t>
            </w:r>
          </w:p>
          <w:p w:rsidR="00156FB3" w:rsidRDefault="00156FB3" w:rsidP="00156FB3">
            <w:r>
              <w:t xml:space="preserve">     * `stubObject`, `stubString`, `stubTrue`, `subtract`, `sum`, `sumBy`,</w:t>
            </w:r>
          </w:p>
          <w:p w:rsidR="00156FB3" w:rsidRDefault="00156FB3" w:rsidP="00156FB3">
            <w:r>
              <w:t xml:space="preserve">     * `template`, `times`, `toFinite`, `toInteger`, `toJSON`, `toLength`,</w:t>
            </w:r>
          </w:p>
          <w:p w:rsidR="00156FB3" w:rsidRDefault="00156FB3" w:rsidP="00156FB3">
            <w:r>
              <w:t xml:space="preserve">     * `toLower`, `toNumber`, `toSafeInteger`, `toString`, `toUpper`, `trim`,</w:t>
            </w:r>
          </w:p>
          <w:p w:rsidR="00156FB3" w:rsidRDefault="00156FB3" w:rsidP="00156FB3">
            <w:r>
              <w:t xml:space="preserve">     * `trimEnd`, `trimStart`, `truncate`, `unescape`, `uniqueId`, `upperCase`,</w:t>
            </w:r>
          </w:p>
          <w:p w:rsidR="00156FB3" w:rsidRDefault="00156FB3" w:rsidP="00156FB3">
            <w:r>
              <w:t xml:space="preserve">     * `upperFirst`, `value`, and `words`</w:t>
            </w:r>
          </w:p>
          <w:p w:rsidR="00156FB3" w:rsidRDefault="00156FB3" w:rsidP="00156FB3">
            <w:r>
              <w:t xml:space="preserve">     *</w:t>
            </w:r>
          </w:p>
          <w:p w:rsidR="00156FB3" w:rsidRDefault="00156FB3" w:rsidP="00156FB3">
            <w:r>
              <w:t xml:space="preserve">     * @name _</w:t>
            </w:r>
          </w:p>
          <w:p w:rsidR="00156FB3" w:rsidRDefault="00156FB3" w:rsidP="00156FB3">
            <w:r>
              <w:t xml:space="preserve">     * @constructor</w:t>
            </w:r>
          </w:p>
          <w:p w:rsidR="00156FB3" w:rsidRDefault="00156FB3" w:rsidP="00156FB3">
            <w:r>
              <w:t xml:space="preserve">     * @category Seq</w:t>
            </w:r>
          </w:p>
          <w:p w:rsidR="00156FB3" w:rsidRDefault="00156FB3" w:rsidP="00156FB3">
            <w:r>
              <w:t xml:space="preserve">     * @param {*} value The value to wrap in a `lodash` instance.</w:t>
            </w:r>
          </w:p>
          <w:p w:rsidR="00156FB3" w:rsidRDefault="00156FB3" w:rsidP="00156FB3">
            <w:r>
              <w:t xml:space="preserve">     * @returns {Object} Returns the new `lodash` wrapper instance.</w:t>
            </w:r>
          </w:p>
          <w:p w:rsidR="00156FB3" w:rsidRDefault="00156FB3" w:rsidP="00156FB3">
            <w:r>
              <w:t xml:space="preserve">     * @example</w:t>
            </w:r>
          </w:p>
          <w:p w:rsidR="00156FB3" w:rsidRDefault="00156FB3" w:rsidP="00156FB3">
            <w:r>
              <w:t xml:space="preserve">     *</w:t>
            </w:r>
          </w:p>
          <w:p w:rsidR="00156FB3" w:rsidRDefault="00156FB3" w:rsidP="00156FB3">
            <w:r>
              <w:t xml:space="preserve">     * function square(n) {</w:t>
            </w:r>
          </w:p>
          <w:p w:rsidR="00156FB3" w:rsidRDefault="00156FB3" w:rsidP="00156FB3">
            <w:r>
              <w:t xml:space="preserve">     *   return n * n;</w:t>
            </w:r>
          </w:p>
          <w:p w:rsidR="00156FB3" w:rsidRDefault="00156FB3" w:rsidP="00156FB3">
            <w:r>
              <w:t xml:space="preserve">     * }</w:t>
            </w:r>
          </w:p>
          <w:p w:rsidR="00156FB3" w:rsidRDefault="00156FB3" w:rsidP="00156FB3">
            <w:r>
              <w:t xml:space="preserve">     *</w:t>
            </w:r>
          </w:p>
          <w:p w:rsidR="00156FB3" w:rsidRDefault="00156FB3" w:rsidP="00156FB3">
            <w:r>
              <w:t xml:space="preserve">     * var wrapped = _([1, 2, 3]);</w:t>
            </w:r>
          </w:p>
          <w:p w:rsidR="00156FB3" w:rsidRDefault="00156FB3" w:rsidP="00156FB3">
            <w:r>
              <w:t xml:space="preserve">     *</w:t>
            </w:r>
          </w:p>
          <w:p w:rsidR="00156FB3" w:rsidRDefault="00156FB3" w:rsidP="00156FB3">
            <w:r>
              <w:t xml:space="preserve">     * // Returns an unwrapped value.</w:t>
            </w:r>
          </w:p>
          <w:p w:rsidR="00156FB3" w:rsidRDefault="00156FB3" w:rsidP="00156FB3">
            <w:r>
              <w:t xml:space="preserve">     * wrapped.reduce(_.add);</w:t>
            </w:r>
          </w:p>
          <w:p w:rsidR="00156FB3" w:rsidRDefault="00156FB3" w:rsidP="00156FB3">
            <w:r>
              <w:t xml:space="preserve">     * // =&gt; 6</w:t>
            </w:r>
          </w:p>
          <w:p w:rsidR="00156FB3" w:rsidRDefault="00156FB3" w:rsidP="00156FB3">
            <w:r>
              <w:t xml:space="preserve">     *</w:t>
            </w:r>
          </w:p>
          <w:p w:rsidR="00156FB3" w:rsidRDefault="00156FB3" w:rsidP="00156FB3">
            <w:r>
              <w:t xml:space="preserve">     * // Returns a wrapped value.</w:t>
            </w:r>
          </w:p>
          <w:p w:rsidR="00156FB3" w:rsidRDefault="00156FB3" w:rsidP="00156FB3">
            <w:r>
              <w:t xml:space="preserve">     * var squares = wrapped.map(square);</w:t>
            </w:r>
          </w:p>
          <w:p w:rsidR="00156FB3" w:rsidRDefault="00156FB3" w:rsidP="00156FB3">
            <w:r>
              <w:t xml:space="preserve">     *</w:t>
            </w:r>
          </w:p>
          <w:p w:rsidR="00156FB3" w:rsidRDefault="00156FB3" w:rsidP="00156FB3">
            <w:r>
              <w:t xml:space="preserve">     * _.isArray(squares);</w:t>
            </w:r>
          </w:p>
          <w:p w:rsidR="00156FB3" w:rsidRDefault="00156FB3" w:rsidP="00156FB3">
            <w:r>
              <w:t xml:space="preserve">     * // =&gt; false</w:t>
            </w:r>
          </w:p>
          <w:p w:rsidR="00156FB3" w:rsidRDefault="00156FB3" w:rsidP="00156FB3">
            <w:r>
              <w:t xml:space="preserve">     *</w:t>
            </w:r>
          </w:p>
          <w:p w:rsidR="00156FB3" w:rsidRDefault="00156FB3" w:rsidP="00156FB3">
            <w:r>
              <w:t xml:space="preserve">     * _.isArray(squares.value());</w:t>
            </w:r>
          </w:p>
          <w:p w:rsidR="00156FB3" w:rsidRDefault="00156FB3" w:rsidP="00156FB3">
            <w:r>
              <w:t xml:space="preserve">     * // =&gt; true</w:t>
            </w:r>
          </w:p>
          <w:p w:rsidR="00156FB3" w:rsidRDefault="00156FB3" w:rsidP="00156FB3">
            <w:r>
              <w:t xml:space="preserve">     */</w:t>
            </w:r>
          </w:p>
          <w:p w:rsidR="00156FB3" w:rsidRDefault="00156FB3" w:rsidP="00156FB3">
            <w:r>
              <w:t xml:space="preserve">    function lodash(value) {</w:t>
            </w:r>
          </w:p>
          <w:p w:rsidR="00156FB3" w:rsidRDefault="00156FB3" w:rsidP="00156FB3">
            <w:r>
              <w:t xml:space="preserve">      if (isObjectLike(value) &amp;&amp; !isArray(value) &amp;&amp; !(value instanceof LazyWrapper)) {</w:t>
            </w:r>
          </w:p>
          <w:p w:rsidR="00156FB3" w:rsidRDefault="00156FB3" w:rsidP="00156FB3">
            <w:r>
              <w:t xml:space="preserve">        if (value instanceof LodashWrapper) {</w:t>
            </w:r>
          </w:p>
          <w:p w:rsidR="00156FB3" w:rsidRDefault="00156FB3" w:rsidP="00156FB3">
            <w:r>
              <w:t xml:space="preserve">          return value;</w:t>
            </w:r>
          </w:p>
          <w:p w:rsidR="00156FB3" w:rsidRDefault="00156FB3" w:rsidP="00156FB3">
            <w:r>
              <w:t xml:space="preserve">        }</w:t>
            </w:r>
          </w:p>
          <w:p w:rsidR="00156FB3" w:rsidRDefault="00156FB3" w:rsidP="00156FB3">
            <w:r>
              <w:t xml:space="preserve">        if (hasOwnProperty.call(value, '__wrapped__')) {</w:t>
            </w:r>
          </w:p>
          <w:p w:rsidR="00156FB3" w:rsidRDefault="00156FB3" w:rsidP="00156FB3">
            <w:r>
              <w:t xml:space="preserve">          return wrapperClone(value);</w:t>
            </w:r>
          </w:p>
          <w:p w:rsidR="00156FB3" w:rsidRDefault="00156FB3" w:rsidP="00156FB3">
            <w:r>
              <w:t xml:space="preserve">        }</w:t>
            </w:r>
          </w:p>
          <w:p w:rsidR="00156FB3" w:rsidRDefault="00156FB3" w:rsidP="00156FB3">
            <w:r>
              <w:t xml:space="preserve">      }</w:t>
            </w:r>
          </w:p>
          <w:p w:rsidR="00156FB3" w:rsidRDefault="00156FB3" w:rsidP="00156FB3">
            <w:r>
              <w:lastRenderedPageBreak/>
              <w:t xml:space="preserve">      return new LodashWrapper(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create` without support for assigning</w:t>
            </w:r>
          </w:p>
          <w:p w:rsidR="00156FB3" w:rsidRDefault="00156FB3" w:rsidP="00156FB3">
            <w:r>
              <w:t xml:space="preserve">     * properties to the created object.</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proto The object to inherit from.</w:t>
            </w:r>
          </w:p>
          <w:p w:rsidR="00156FB3" w:rsidRDefault="00156FB3" w:rsidP="00156FB3">
            <w:r>
              <w:t xml:space="preserve">     * @returns {Object} Returns the new object.</w:t>
            </w:r>
          </w:p>
          <w:p w:rsidR="00156FB3" w:rsidRDefault="00156FB3" w:rsidP="00156FB3">
            <w:r>
              <w:t xml:space="preserve">     */</w:t>
            </w:r>
          </w:p>
          <w:p w:rsidR="00156FB3" w:rsidRDefault="00156FB3" w:rsidP="00156FB3">
            <w:r>
              <w:t xml:space="preserve">    var baseCreate = (function() {</w:t>
            </w:r>
          </w:p>
          <w:p w:rsidR="00156FB3" w:rsidRDefault="00156FB3" w:rsidP="00156FB3">
            <w:r>
              <w:t xml:space="preserve">      function object() {}</w:t>
            </w:r>
          </w:p>
          <w:p w:rsidR="00156FB3" w:rsidRDefault="00156FB3" w:rsidP="00156FB3">
            <w:r>
              <w:t xml:space="preserve">      return function(proto) {</w:t>
            </w:r>
          </w:p>
          <w:p w:rsidR="00156FB3" w:rsidRDefault="00156FB3" w:rsidP="00156FB3">
            <w:r>
              <w:t xml:space="preserve">        if (!isObject(proto)) {</w:t>
            </w:r>
          </w:p>
          <w:p w:rsidR="00156FB3" w:rsidRDefault="00156FB3" w:rsidP="00156FB3">
            <w:r>
              <w:t xml:space="preserve">          return {};</w:t>
            </w:r>
          </w:p>
          <w:p w:rsidR="00156FB3" w:rsidRDefault="00156FB3" w:rsidP="00156FB3">
            <w:r>
              <w:t xml:space="preserve">        }</w:t>
            </w:r>
          </w:p>
          <w:p w:rsidR="00156FB3" w:rsidRDefault="00156FB3" w:rsidP="00156FB3">
            <w:r>
              <w:t xml:space="preserve">        if (objectCreate) {</w:t>
            </w:r>
          </w:p>
          <w:p w:rsidR="00156FB3" w:rsidRDefault="00156FB3" w:rsidP="00156FB3">
            <w:r>
              <w:t xml:space="preserve">          return objectCreate(proto);</w:t>
            </w:r>
          </w:p>
          <w:p w:rsidR="00156FB3" w:rsidRDefault="00156FB3" w:rsidP="00156FB3">
            <w:r>
              <w:t xml:space="preserve">        }</w:t>
            </w:r>
          </w:p>
          <w:p w:rsidR="00156FB3" w:rsidRDefault="00156FB3" w:rsidP="00156FB3">
            <w:r>
              <w:t xml:space="preserve">        object.prototype = proto;</w:t>
            </w:r>
          </w:p>
          <w:p w:rsidR="00156FB3" w:rsidRDefault="00156FB3" w:rsidP="00156FB3">
            <w:r>
              <w:t xml:space="preserve">        var result = new object;</w:t>
            </w:r>
          </w:p>
          <w:p w:rsidR="00156FB3" w:rsidRDefault="00156FB3" w:rsidP="00156FB3">
            <w:r>
              <w:t xml:space="preserve">        object.prototype = undefined;</w:t>
            </w:r>
          </w:p>
          <w:p w:rsidR="00156FB3" w:rsidRDefault="00156FB3" w:rsidP="00156FB3">
            <w:r>
              <w:t xml:space="preserve">        return resul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function whose prototype chain sequence wrappers inherit from.</w:t>
            </w:r>
          </w:p>
          <w:p w:rsidR="00156FB3" w:rsidRDefault="00156FB3" w:rsidP="00156FB3">
            <w:r>
              <w:t xml:space="preserve">     *</w:t>
            </w:r>
          </w:p>
          <w:p w:rsidR="00156FB3" w:rsidRDefault="00156FB3" w:rsidP="00156FB3">
            <w:r>
              <w:t xml:space="preserve">     * @private</w:t>
            </w:r>
          </w:p>
          <w:p w:rsidR="00156FB3" w:rsidRDefault="00156FB3" w:rsidP="00156FB3">
            <w:r>
              <w:t xml:space="preserve">     */</w:t>
            </w:r>
          </w:p>
          <w:p w:rsidR="00156FB3" w:rsidRDefault="00156FB3" w:rsidP="00156FB3">
            <w:r>
              <w:t xml:space="preserve">    function baseLodash() {</w:t>
            </w:r>
          </w:p>
          <w:p w:rsidR="00156FB3" w:rsidRDefault="00156FB3" w:rsidP="00156FB3">
            <w:r>
              <w:t xml:space="preserve">      // No operation performe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constructor for creating `lodash` wrapper objects.</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wrap.</w:t>
            </w:r>
          </w:p>
          <w:p w:rsidR="00156FB3" w:rsidRDefault="00156FB3" w:rsidP="00156FB3">
            <w:r>
              <w:t xml:space="preserve">     * @param {boolean} [chainAll] Enable explicit method chain sequences.</w:t>
            </w:r>
          </w:p>
          <w:p w:rsidR="00156FB3" w:rsidRDefault="00156FB3" w:rsidP="00156FB3">
            <w:r>
              <w:t xml:space="preserve">     */</w:t>
            </w:r>
          </w:p>
          <w:p w:rsidR="00156FB3" w:rsidRDefault="00156FB3" w:rsidP="00156FB3">
            <w:r>
              <w:t xml:space="preserve">    function LodashWrapper(value, chainAll) {</w:t>
            </w:r>
          </w:p>
          <w:p w:rsidR="00156FB3" w:rsidRDefault="00156FB3" w:rsidP="00156FB3">
            <w:r>
              <w:t xml:space="preserve">      this.__wrapped__ = value;</w:t>
            </w:r>
          </w:p>
          <w:p w:rsidR="00156FB3" w:rsidRDefault="00156FB3" w:rsidP="00156FB3">
            <w:r>
              <w:t xml:space="preserve">      this.__actions__ = [];</w:t>
            </w:r>
          </w:p>
          <w:p w:rsidR="00156FB3" w:rsidRDefault="00156FB3" w:rsidP="00156FB3">
            <w:r>
              <w:t xml:space="preserve">      this.__chain__ = !!chainAll;</w:t>
            </w:r>
          </w:p>
          <w:p w:rsidR="00156FB3" w:rsidRDefault="00156FB3" w:rsidP="00156FB3">
            <w:r>
              <w:t xml:space="preserve">      this.__index__ = 0;</w:t>
            </w:r>
          </w:p>
          <w:p w:rsidR="00156FB3" w:rsidRDefault="00156FB3" w:rsidP="00156FB3">
            <w:r>
              <w:lastRenderedPageBreak/>
              <w:t xml:space="preserve">      this.__values__ = undefine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By default, the template delimiters used by lodash are like those in</w:t>
            </w:r>
          </w:p>
          <w:p w:rsidR="00156FB3" w:rsidRDefault="00156FB3" w:rsidP="00156FB3">
            <w:r>
              <w:t xml:space="preserve">     * embedded Ruby (ERB) as well as ES2015 template strings. Change the</w:t>
            </w:r>
          </w:p>
          <w:p w:rsidR="00156FB3" w:rsidRDefault="00156FB3" w:rsidP="00156FB3">
            <w:r>
              <w:t xml:space="preserve">     * following template settings to use alternative delimiter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type {Object}</w:t>
            </w:r>
          </w:p>
          <w:p w:rsidR="00156FB3" w:rsidRDefault="00156FB3" w:rsidP="00156FB3">
            <w:r>
              <w:t xml:space="preserve">     */</w:t>
            </w:r>
          </w:p>
          <w:p w:rsidR="00156FB3" w:rsidRDefault="00156FB3" w:rsidP="00156FB3">
            <w:r>
              <w:t xml:space="preserve">    lodash.templateSettings = {</w:t>
            </w:r>
          </w:p>
          <w:p w:rsidR="00156FB3" w:rsidRDefault="00156FB3" w:rsidP="00156FB3"/>
          <w:p w:rsidR="00156FB3" w:rsidRDefault="00156FB3" w:rsidP="00156FB3">
            <w:r>
              <w:t xml:space="preserve">      /**</w:t>
            </w:r>
          </w:p>
          <w:p w:rsidR="00156FB3" w:rsidRDefault="00156FB3" w:rsidP="00156FB3">
            <w:r>
              <w:t xml:space="preserve">       * Used to detect `data` property values to be HTML-escaped.</w:t>
            </w:r>
          </w:p>
          <w:p w:rsidR="00156FB3" w:rsidRDefault="00156FB3" w:rsidP="00156FB3">
            <w:r>
              <w:t xml:space="preserve">       *</w:t>
            </w:r>
          </w:p>
          <w:p w:rsidR="00156FB3" w:rsidRDefault="00156FB3" w:rsidP="00156FB3">
            <w:r>
              <w:t xml:space="preserve">       * @memberOf _.templateSettings</w:t>
            </w:r>
          </w:p>
          <w:p w:rsidR="00156FB3" w:rsidRDefault="00156FB3" w:rsidP="00156FB3">
            <w:r>
              <w:t xml:space="preserve">       * @type {RegExp}</w:t>
            </w:r>
          </w:p>
          <w:p w:rsidR="00156FB3" w:rsidRDefault="00156FB3" w:rsidP="00156FB3">
            <w:r>
              <w:t xml:space="preserve">       */</w:t>
            </w:r>
          </w:p>
          <w:p w:rsidR="00156FB3" w:rsidRDefault="00156FB3" w:rsidP="00156FB3">
            <w:r>
              <w:t xml:space="preserve">      'escape': reEscape,</w:t>
            </w:r>
          </w:p>
          <w:p w:rsidR="00156FB3" w:rsidRDefault="00156FB3" w:rsidP="00156FB3"/>
          <w:p w:rsidR="00156FB3" w:rsidRDefault="00156FB3" w:rsidP="00156FB3">
            <w:r>
              <w:t xml:space="preserve">      /**</w:t>
            </w:r>
          </w:p>
          <w:p w:rsidR="00156FB3" w:rsidRDefault="00156FB3" w:rsidP="00156FB3">
            <w:r>
              <w:t xml:space="preserve">       * Used to detect code to be evaluated.</w:t>
            </w:r>
          </w:p>
          <w:p w:rsidR="00156FB3" w:rsidRDefault="00156FB3" w:rsidP="00156FB3">
            <w:r>
              <w:t xml:space="preserve">       *</w:t>
            </w:r>
          </w:p>
          <w:p w:rsidR="00156FB3" w:rsidRDefault="00156FB3" w:rsidP="00156FB3">
            <w:r>
              <w:t xml:space="preserve">       * @memberOf _.templateSettings</w:t>
            </w:r>
          </w:p>
          <w:p w:rsidR="00156FB3" w:rsidRDefault="00156FB3" w:rsidP="00156FB3">
            <w:r>
              <w:t xml:space="preserve">       * @type {RegExp}</w:t>
            </w:r>
          </w:p>
          <w:p w:rsidR="00156FB3" w:rsidRDefault="00156FB3" w:rsidP="00156FB3">
            <w:r>
              <w:t xml:space="preserve">       */</w:t>
            </w:r>
          </w:p>
          <w:p w:rsidR="00156FB3" w:rsidRDefault="00156FB3" w:rsidP="00156FB3">
            <w:r>
              <w:t xml:space="preserve">      'evaluate': reEvaluate,</w:t>
            </w:r>
          </w:p>
          <w:p w:rsidR="00156FB3" w:rsidRDefault="00156FB3" w:rsidP="00156FB3"/>
          <w:p w:rsidR="00156FB3" w:rsidRDefault="00156FB3" w:rsidP="00156FB3">
            <w:r>
              <w:t xml:space="preserve">      /**</w:t>
            </w:r>
          </w:p>
          <w:p w:rsidR="00156FB3" w:rsidRDefault="00156FB3" w:rsidP="00156FB3">
            <w:r>
              <w:t xml:space="preserve">       * Used to detect `data` property values to inject.</w:t>
            </w:r>
          </w:p>
          <w:p w:rsidR="00156FB3" w:rsidRDefault="00156FB3" w:rsidP="00156FB3">
            <w:r>
              <w:t xml:space="preserve">       *</w:t>
            </w:r>
          </w:p>
          <w:p w:rsidR="00156FB3" w:rsidRDefault="00156FB3" w:rsidP="00156FB3">
            <w:r>
              <w:t xml:space="preserve">       * @memberOf _.templateSettings</w:t>
            </w:r>
          </w:p>
          <w:p w:rsidR="00156FB3" w:rsidRDefault="00156FB3" w:rsidP="00156FB3">
            <w:r>
              <w:t xml:space="preserve">       * @type {RegExp}</w:t>
            </w:r>
          </w:p>
          <w:p w:rsidR="00156FB3" w:rsidRDefault="00156FB3" w:rsidP="00156FB3">
            <w:r>
              <w:t xml:space="preserve">       */</w:t>
            </w:r>
          </w:p>
          <w:p w:rsidR="00156FB3" w:rsidRDefault="00156FB3" w:rsidP="00156FB3">
            <w:r>
              <w:t xml:space="preserve">      'interpolate': reInterpolate,</w:t>
            </w:r>
          </w:p>
          <w:p w:rsidR="00156FB3" w:rsidRDefault="00156FB3" w:rsidP="00156FB3"/>
          <w:p w:rsidR="00156FB3" w:rsidRDefault="00156FB3" w:rsidP="00156FB3">
            <w:r>
              <w:t xml:space="preserve">      /**</w:t>
            </w:r>
          </w:p>
          <w:p w:rsidR="00156FB3" w:rsidRDefault="00156FB3" w:rsidP="00156FB3">
            <w:r>
              <w:t xml:space="preserve">       * Used to reference the data object in the template text.</w:t>
            </w:r>
          </w:p>
          <w:p w:rsidR="00156FB3" w:rsidRDefault="00156FB3" w:rsidP="00156FB3">
            <w:r>
              <w:t xml:space="preserve">       *</w:t>
            </w:r>
          </w:p>
          <w:p w:rsidR="00156FB3" w:rsidRDefault="00156FB3" w:rsidP="00156FB3">
            <w:r>
              <w:t xml:space="preserve">       * @memberOf _.templateSettings</w:t>
            </w:r>
          </w:p>
          <w:p w:rsidR="00156FB3" w:rsidRDefault="00156FB3" w:rsidP="00156FB3">
            <w:r>
              <w:t xml:space="preserve">       * @type {string}</w:t>
            </w:r>
          </w:p>
          <w:p w:rsidR="00156FB3" w:rsidRDefault="00156FB3" w:rsidP="00156FB3">
            <w:r>
              <w:t xml:space="preserve">       */</w:t>
            </w:r>
          </w:p>
          <w:p w:rsidR="00156FB3" w:rsidRDefault="00156FB3" w:rsidP="00156FB3">
            <w:r>
              <w:t xml:space="preserve">      'variable': '',</w:t>
            </w:r>
          </w:p>
          <w:p w:rsidR="00156FB3" w:rsidRDefault="00156FB3" w:rsidP="00156FB3"/>
          <w:p w:rsidR="00156FB3" w:rsidRDefault="00156FB3" w:rsidP="00156FB3">
            <w:r>
              <w:t xml:space="preserve">      /**</w:t>
            </w:r>
          </w:p>
          <w:p w:rsidR="00156FB3" w:rsidRDefault="00156FB3" w:rsidP="00156FB3">
            <w:r>
              <w:t xml:space="preserve">       * Used to import variables into the compiled template.</w:t>
            </w:r>
          </w:p>
          <w:p w:rsidR="00156FB3" w:rsidRDefault="00156FB3" w:rsidP="00156FB3">
            <w:r>
              <w:lastRenderedPageBreak/>
              <w:t xml:space="preserve">       *</w:t>
            </w:r>
          </w:p>
          <w:p w:rsidR="00156FB3" w:rsidRDefault="00156FB3" w:rsidP="00156FB3">
            <w:r>
              <w:t xml:space="preserve">       * @memberOf _.templateSettings</w:t>
            </w:r>
          </w:p>
          <w:p w:rsidR="00156FB3" w:rsidRDefault="00156FB3" w:rsidP="00156FB3">
            <w:r>
              <w:t xml:space="preserve">       * @type {Object}</w:t>
            </w:r>
          </w:p>
          <w:p w:rsidR="00156FB3" w:rsidRDefault="00156FB3" w:rsidP="00156FB3">
            <w:r>
              <w:t xml:space="preserve">       */</w:t>
            </w:r>
          </w:p>
          <w:p w:rsidR="00156FB3" w:rsidRDefault="00156FB3" w:rsidP="00156FB3">
            <w:r>
              <w:t xml:space="preserve">      'imports': {</w:t>
            </w:r>
          </w:p>
          <w:p w:rsidR="00156FB3" w:rsidRDefault="00156FB3" w:rsidP="00156FB3"/>
          <w:p w:rsidR="00156FB3" w:rsidRDefault="00156FB3" w:rsidP="00156FB3">
            <w:r>
              <w:t xml:space="preserve">        /**</w:t>
            </w:r>
          </w:p>
          <w:p w:rsidR="00156FB3" w:rsidRDefault="00156FB3" w:rsidP="00156FB3">
            <w:r>
              <w:t xml:space="preserve">         * A reference to the `lodash` function.</w:t>
            </w:r>
          </w:p>
          <w:p w:rsidR="00156FB3" w:rsidRDefault="00156FB3" w:rsidP="00156FB3">
            <w:r>
              <w:t xml:space="preserve">         *</w:t>
            </w:r>
          </w:p>
          <w:p w:rsidR="00156FB3" w:rsidRDefault="00156FB3" w:rsidP="00156FB3">
            <w:r>
              <w:t xml:space="preserve">         * @memberOf _.templateSettings.imports</w:t>
            </w:r>
          </w:p>
          <w:p w:rsidR="00156FB3" w:rsidRDefault="00156FB3" w:rsidP="00156FB3">
            <w:r>
              <w:t xml:space="preserve">         * @type {Function}</w:t>
            </w:r>
          </w:p>
          <w:p w:rsidR="00156FB3" w:rsidRDefault="00156FB3" w:rsidP="00156FB3">
            <w:r>
              <w:t xml:space="preserve">         */</w:t>
            </w:r>
          </w:p>
          <w:p w:rsidR="00156FB3" w:rsidRDefault="00156FB3" w:rsidP="00156FB3">
            <w:r>
              <w:t xml:space="preserve">        '_': lodash</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Ensure wrappers are instances of `baseLodash`.</w:t>
            </w:r>
          </w:p>
          <w:p w:rsidR="00156FB3" w:rsidRDefault="00156FB3" w:rsidP="00156FB3">
            <w:r>
              <w:t xml:space="preserve">    lodash.prototype = baseLodash.prototype;</w:t>
            </w:r>
          </w:p>
          <w:p w:rsidR="00156FB3" w:rsidRDefault="00156FB3" w:rsidP="00156FB3">
            <w:r>
              <w:t xml:space="preserve">    lodash.prototype.constructor = lodash;</w:t>
            </w:r>
          </w:p>
          <w:p w:rsidR="00156FB3" w:rsidRDefault="00156FB3" w:rsidP="00156FB3"/>
          <w:p w:rsidR="00156FB3" w:rsidRDefault="00156FB3" w:rsidP="00156FB3">
            <w:r>
              <w:t xml:space="preserve">    LodashWrapper.prototype = baseCreate(baseLodash.prototype);</w:t>
            </w:r>
          </w:p>
          <w:p w:rsidR="00156FB3" w:rsidRDefault="00156FB3" w:rsidP="00156FB3">
            <w:r>
              <w:t xml:space="preserve">    LodashWrapper.prototype.constructor = LodashWrapper;</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lazy wrapper object which wraps `value` to enable lazy evaluation.</w:t>
            </w:r>
          </w:p>
          <w:p w:rsidR="00156FB3" w:rsidRDefault="00156FB3" w:rsidP="00156FB3">
            <w:r>
              <w:t xml:space="preserve">     *</w:t>
            </w:r>
          </w:p>
          <w:p w:rsidR="00156FB3" w:rsidRDefault="00156FB3" w:rsidP="00156FB3">
            <w:r>
              <w:t xml:space="preserve">     * @private</w:t>
            </w:r>
          </w:p>
          <w:p w:rsidR="00156FB3" w:rsidRDefault="00156FB3" w:rsidP="00156FB3">
            <w:r>
              <w:t xml:space="preserve">     * @constructor</w:t>
            </w:r>
          </w:p>
          <w:p w:rsidR="00156FB3" w:rsidRDefault="00156FB3" w:rsidP="00156FB3">
            <w:r>
              <w:t xml:space="preserve">     * @param {*} value The value to wrap.</w:t>
            </w:r>
          </w:p>
          <w:p w:rsidR="00156FB3" w:rsidRDefault="00156FB3" w:rsidP="00156FB3">
            <w:r>
              <w:t xml:space="preserve">     */</w:t>
            </w:r>
          </w:p>
          <w:p w:rsidR="00156FB3" w:rsidRDefault="00156FB3" w:rsidP="00156FB3">
            <w:r>
              <w:t xml:space="preserve">    function LazyWrapper(value) {</w:t>
            </w:r>
          </w:p>
          <w:p w:rsidR="00156FB3" w:rsidRDefault="00156FB3" w:rsidP="00156FB3">
            <w:r>
              <w:t xml:space="preserve">      this.__wrapped__ = value;</w:t>
            </w:r>
          </w:p>
          <w:p w:rsidR="00156FB3" w:rsidRDefault="00156FB3" w:rsidP="00156FB3">
            <w:r>
              <w:t xml:space="preserve">      this.__actions__ = [];</w:t>
            </w:r>
          </w:p>
          <w:p w:rsidR="00156FB3" w:rsidRDefault="00156FB3" w:rsidP="00156FB3">
            <w:r>
              <w:t xml:space="preserve">      this.__dir__ = 1;</w:t>
            </w:r>
          </w:p>
          <w:p w:rsidR="00156FB3" w:rsidRDefault="00156FB3" w:rsidP="00156FB3">
            <w:r>
              <w:t xml:space="preserve">      this.__filtered__ = false;</w:t>
            </w:r>
          </w:p>
          <w:p w:rsidR="00156FB3" w:rsidRDefault="00156FB3" w:rsidP="00156FB3">
            <w:r>
              <w:t xml:space="preserve">      this.__iteratees__ = [];</w:t>
            </w:r>
          </w:p>
          <w:p w:rsidR="00156FB3" w:rsidRDefault="00156FB3" w:rsidP="00156FB3">
            <w:r>
              <w:t xml:space="preserve">      this.__takeCount__ = MAX_ARRAY_LENGTH;</w:t>
            </w:r>
          </w:p>
          <w:p w:rsidR="00156FB3" w:rsidRDefault="00156FB3" w:rsidP="00156FB3">
            <w:r>
              <w:t xml:space="preserve">      this.__views__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clone of the lazy wrapper object.</w:t>
            </w:r>
          </w:p>
          <w:p w:rsidR="00156FB3" w:rsidRDefault="00156FB3" w:rsidP="00156FB3">
            <w:r>
              <w:t xml:space="preserve">     *</w:t>
            </w:r>
          </w:p>
          <w:p w:rsidR="00156FB3" w:rsidRDefault="00156FB3" w:rsidP="00156FB3">
            <w:r>
              <w:t xml:space="preserve">     * @private</w:t>
            </w:r>
          </w:p>
          <w:p w:rsidR="00156FB3" w:rsidRDefault="00156FB3" w:rsidP="00156FB3">
            <w:r>
              <w:t xml:space="preserve">     * @name clone</w:t>
            </w:r>
          </w:p>
          <w:p w:rsidR="00156FB3" w:rsidRDefault="00156FB3" w:rsidP="00156FB3">
            <w:r>
              <w:t xml:space="preserve">     * @memberOf LazyWrapper</w:t>
            </w:r>
          </w:p>
          <w:p w:rsidR="00156FB3" w:rsidRDefault="00156FB3" w:rsidP="00156FB3">
            <w:r>
              <w:lastRenderedPageBreak/>
              <w:t xml:space="preserve">     * @returns {Object} Returns the cloned `LazyWrapper` object.</w:t>
            </w:r>
          </w:p>
          <w:p w:rsidR="00156FB3" w:rsidRDefault="00156FB3" w:rsidP="00156FB3">
            <w:r>
              <w:t xml:space="preserve">     */</w:t>
            </w:r>
          </w:p>
          <w:p w:rsidR="00156FB3" w:rsidRDefault="00156FB3" w:rsidP="00156FB3">
            <w:r>
              <w:t xml:space="preserve">    function lazyClone() {</w:t>
            </w:r>
          </w:p>
          <w:p w:rsidR="00156FB3" w:rsidRDefault="00156FB3" w:rsidP="00156FB3">
            <w:r>
              <w:t xml:space="preserve">      var result = new LazyWrapper(this.__wrapped__);</w:t>
            </w:r>
          </w:p>
          <w:p w:rsidR="00156FB3" w:rsidRDefault="00156FB3" w:rsidP="00156FB3">
            <w:r>
              <w:t xml:space="preserve">      result.__actions__ = copyArray(this.__actions__);</w:t>
            </w:r>
          </w:p>
          <w:p w:rsidR="00156FB3" w:rsidRDefault="00156FB3" w:rsidP="00156FB3">
            <w:r>
              <w:t xml:space="preserve">      result.__dir__ = this.__dir__;</w:t>
            </w:r>
          </w:p>
          <w:p w:rsidR="00156FB3" w:rsidRDefault="00156FB3" w:rsidP="00156FB3">
            <w:r>
              <w:t xml:space="preserve">      result.__filtered__ = this.__filtered__;</w:t>
            </w:r>
          </w:p>
          <w:p w:rsidR="00156FB3" w:rsidRDefault="00156FB3" w:rsidP="00156FB3">
            <w:r>
              <w:t xml:space="preserve">      result.__iteratees__ = copyArray(this.__iteratees__);</w:t>
            </w:r>
          </w:p>
          <w:p w:rsidR="00156FB3" w:rsidRDefault="00156FB3" w:rsidP="00156FB3">
            <w:r>
              <w:t xml:space="preserve">      result.__takeCount__ = this.__takeCount__;</w:t>
            </w:r>
          </w:p>
          <w:p w:rsidR="00156FB3" w:rsidRDefault="00156FB3" w:rsidP="00156FB3">
            <w:r>
              <w:t xml:space="preserve">      result.__views__ = copyArray(this.__views__);</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verses the direction of lazy iteration.</w:t>
            </w:r>
          </w:p>
          <w:p w:rsidR="00156FB3" w:rsidRDefault="00156FB3" w:rsidP="00156FB3">
            <w:r>
              <w:t xml:space="preserve">     *</w:t>
            </w:r>
          </w:p>
          <w:p w:rsidR="00156FB3" w:rsidRDefault="00156FB3" w:rsidP="00156FB3">
            <w:r>
              <w:t xml:space="preserve">     * @private</w:t>
            </w:r>
          </w:p>
          <w:p w:rsidR="00156FB3" w:rsidRDefault="00156FB3" w:rsidP="00156FB3">
            <w:r>
              <w:t xml:space="preserve">     * @name reverse</w:t>
            </w:r>
          </w:p>
          <w:p w:rsidR="00156FB3" w:rsidRDefault="00156FB3" w:rsidP="00156FB3">
            <w:r>
              <w:t xml:space="preserve">     * @memberOf LazyWrapper</w:t>
            </w:r>
          </w:p>
          <w:p w:rsidR="00156FB3" w:rsidRDefault="00156FB3" w:rsidP="00156FB3">
            <w:r>
              <w:t xml:space="preserve">     * @returns {Object} Returns the new reversed `LazyWrapper` object.</w:t>
            </w:r>
          </w:p>
          <w:p w:rsidR="00156FB3" w:rsidRDefault="00156FB3" w:rsidP="00156FB3">
            <w:r>
              <w:t xml:space="preserve">     */</w:t>
            </w:r>
          </w:p>
          <w:p w:rsidR="00156FB3" w:rsidRDefault="00156FB3" w:rsidP="00156FB3">
            <w:r>
              <w:t xml:space="preserve">    function lazyReverse() {</w:t>
            </w:r>
          </w:p>
          <w:p w:rsidR="00156FB3" w:rsidRDefault="00156FB3" w:rsidP="00156FB3">
            <w:r>
              <w:t xml:space="preserve">      if (this.__filtered__) {</w:t>
            </w:r>
          </w:p>
          <w:p w:rsidR="00156FB3" w:rsidRDefault="00156FB3" w:rsidP="00156FB3">
            <w:r>
              <w:t xml:space="preserve">        var result = new LazyWrapper(this);</w:t>
            </w:r>
          </w:p>
          <w:p w:rsidR="00156FB3" w:rsidRDefault="00156FB3" w:rsidP="00156FB3">
            <w:r>
              <w:t xml:space="preserve">        result.__dir__ = -1;</w:t>
            </w:r>
          </w:p>
          <w:p w:rsidR="00156FB3" w:rsidRDefault="00156FB3" w:rsidP="00156FB3">
            <w:r>
              <w:t xml:space="preserve">        result.__filtered__ = true;</w:t>
            </w:r>
          </w:p>
          <w:p w:rsidR="00156FB3" w:rsidRDefault="00156FB3" w:rsidP="00156FB3">
            <w:r>
              <w:t xml:space="preserve">      } else {</w:t>
            </w:r>
          </w:p>
          <w:p w:rsidR="00156FB3" w:rsidRDefault="00156FB3" w:rsidP="00156FB3">
            <w:r>
              <w:t xml:space="preserve">        result = this.clone();</w:t>
            </w:r>
          </w:p>
          <w:p w:rsidR="00156FB3" w:rsidRDefault="00156FB3" w:rsidP="00156FB3">
            <w:r>
              <w:t xml:space="preserve">        result.__dir__ *= -1;</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Extracts the unwrapped value from its lazy wrapper.</w:t>
            </w:r>
          </w:p>
          <w:p w:rsidR="00156FB3" w:rsidRDefault="00156FB3" w:rsidP="00156FB3">
            <w:r>
              <w:t xml:space="preserve">     *</w:t>
            </w:r>
          </w:p>
          <w:p w:rsidR="00156FB3" w:rsidRDefault="00156FB3" w:rsidP="00156FB3">
            <w:r>
              <w:t xml:space="preserve">     * @private</w:t>
            </w:r>
          </w:p>
          <w:p w:rsidR="00156FB3" w:rsidRDefault="00156FB3" w:rsidP="00156FB3">
            <w:r>
              <w:t xml:space="preserve">     * @name value</w:t>
            </w:r>
          </w:p>
          <w:p w:rsidR="00156FB3" w:rsidRDefault="00156FB3" w:rsidP="00156FB3">
            <w:r>
              <w:t xml:space="preserve">     * @memberOf LazyWrapper</w:t>
            </w:r>
          </w:p>
          <w:p w:rsidR="00156FB3" w:rsidRDefault="00156FB3" w:rsidP="00156FB3">
            <w:r>
              <w:t xml:space="preserve">     * @returns {*} Returns the unwrapped value.</w:t>
            </w:r>
          </w:p>
          <w:p w:rsidR="00156FB3" w:rsidRDefault="00156FB3" w:rsidP="00156FB3">
            <w:r>
              <w:t xml:space="preserve">     */</w:t>
            </w:r>
          </w:p>
          <w:p w:rsidR="00156FB3" w:rsidRDefault="00156FB3" w:rsidP="00156FB3">
            <w:r>
              <w:t xml:space="preserve">    function lazyValue() {</w:t>
            </w:r>
          </w:p>
          <w:p w:rsidR="00156FB3" w:rsidRDefault="00156FB3" w:rsidP="00156FB3">
            <w:r>
              <w:t xml:space="preserve">      var array = this.__wrapped__.value(),</w:t>
            </w:r>
          </w:p>
          <w:p w:rsidR="00156FB3" w:rsidRDefault="00156FB3" w:rsidP="00156FB3">
            <w:r>
              <w:t xml:space="preserve">          dir = this.__dir__,</w:t>
            </w:r>
          </w:p>
          <w:p w:rsidR="00156FB3" w:rsidRDefault="00156FB3" w:rsidP="00156FB3">
            <w:r>
              <w:t xml:space="preserve">          isArr = isArray(array),</w:t>
            </w:r>
          </w:p>
          <w:p w:rsidR="00156FB3" w:rsidRDefault="00156FB3" w:rsidP="00156FB3">
            <w:r>
              <w:t xml:space="preserve">          isRight = dir &lt; 0,</w:t>
            </w:r>
          </w:p>
          <w:p w:rsidR="00156FB3" w:rsidRDefault="00156FB3" w:rsidP="00156FB3">
            <w:r>
              <w:t xml:space="preserve">          arrLength = isArr ? array.length : 0,</w:t>
            </w:r>
          </w:p>
          <w:p w:rsidR="00156FB3" w:rsidRDefault="00156FB3" w:rsidP="00156FB3">
            <w:r>
              <w:t xml:space="preserve">          view = getView(0, arrLength, this.__views__),</w:t>
            </w:r>
          </w:p>
          <w:p w:rsidR="00156FB3" w:rsidRDefault="00156FB3" w:rsidP="00156FB3">
            <w:r>
              <w:lastRenderedPageBreak/>
              <w:t xml:space="preserve">          start = view.start,</w:t>
            </w:r>
          </w:p>
          <w:p w:rsidR="00156FB3" w:rsidRDefault="00156FB3" w:rsidP="00156FB3">
            <w:r>
              <w:t xml:space="preserve">          end = view.end,</w:t>
            </w:r>
          </w:p>
          <w:p w:rsidR="00156FB3" w:rsidRDefault="00156FB3" w:rsidP="00156FB3">
            <w:r>
              <w:t xml:space="preserve">          length = end - start,</w:t>
            </w:r>
          </w:p>
          <w:p w:rsidR="00156FB3" w:rsidRDefault="00156FB3" w:rsidP="00156FB3">
            <w:r>
              <w:t xml:space="preserve">          index = isRight ? end : (start - 1),</w:t>
            </w:r>
          </w:p>
          <w:p w:rsidR="00156FB3" w:rsidRDefault="00156FB3" w:rsidP="00156FB3">
            <w:r>
              <w:t xml:space="preserve">          iteratees = this.__iteratees__,</w:t>
            </w:r>
          </w:p>
          <w:p w:rsidR="00156FB3" w:rsidRDefault="00156FB3" w:rsidP="00156FB3">
            <w:r>
              <w:t xml:space="preserve">          iterLength = iteratees.length,</w:t>
            </w:r>
          </w:p>
          <w:p w:rsidR="00156FB3" w:rsidRDefault="00156FB3" w:rsidP="00156FB3">
            <w:r>
              <w:t xml:space="preserve">          resIndex = 0,</w:t>
            </w:r>
          </w:p>
          <w:p w:rsidR="00156FB3" w:rsidRDefault="00156FB3" w:rsidP="00156FB3">
            <w:r>
              <w:t xml:space="preserve">          takeCount = nativeMin(length, this.__takeCount__);</w:t>
            </w:r>
          </w:p>
          <w:p w:rsidR="00156FB3" w:rsidRDefault="00156FB3" w:rsidP="00156FB3"/>
          <w:p w:rsidR="00156FB3" w:rsidRDefault="00156FB3" w:rsidP="00156FB3">
            <w:r>
              <w:t xml:space="preserve">      if (!isArr || (!isRight &amp;&amp; arrLength == length &amp;&amp; takeCount == length)) {</w:t>
            </w:r>
          </w:p>
          <w:p w:rsidR="00156FB3" w:rsidRDefault="00156FB3" w:rsidP="00156FB3">
            <w:r>
              <w:t xml:space="preserve">        return baseWrapperValue(array, this.__actions__);</w:t>
            </w:r>
          </w:p>
          <w:p w:rsidR="00156FB3" w:rsidRDefault="00156FB3" w:rsidP="00156FB3">
            <w:r>
              <w:t xml:space="preserve">      }</w:t>
            </w:r>
          </w:p>
          <w:p w:rsidR="00156FB3" w:rsidRDefault="00156FB3" w:rsidP="00156FB3">
            <w:r>
              <w:t xml:space="preserve">      var result = [];</w:t>
            </w:r>
          </w:p>
          <w:p w:rsidR="00156FB3" w:rsidRDefault="00156FB3" w:rsidP="00156FB3"/>
          <w:p w:rsidR="00156FB3" w:rsidRDefault="00156FB3" w:rsidP="00156FB3">
            <w:r>
              <w:t xml:space="preserve">      outer:</w:t>
            </w:r>
          </w:p>
          <w:p w:rsidR="00156FB3" w:rsidRDefault="00156FB3" w:rsidP="00156FB3">
            <w:r>
              <w:t xml:space="preserve">      while (length-- &amp;&amp; resIndex &lt; takeCount) {</w:t>
            </w:r>
          </w:p>
          <w:p w:rsidR="00156FB3" w:rsidRDefault="00156FB3" w:rsidP="00156FB3">
            <w:r>
              <w:t xml:space="preserve">        index += dir;</w:t>
            </w:r>
          </w:p>
          <w:p w:rsidR="00156FB3" w:rsidRDefault="00156FB3" w:rsidP="00156FB3"/>
          <w:p w:rsidR="00156FB3" w:rsidRDefault="00156FB3" w:rsidP="00156FB3">
            <w:r>
              <w:t xml:space="preserve">        var iterIndex = -1,</w:t>
            </w:r>
          </w:p>
          <w:p w:rsidR="00156FB3" w:rsidRDefault="00156FB3" w:rsidP="00156FB3">
            <w:r>
              <w:t xml:space="preserve">            value = array[index];</w:t>
            </w:r>
          </w:p>
          <w:p w:rsidR="00156FB3" w:rsidRDefault="00156FB3" w:rsidP="00156FB3"/>
          <w:p w:rsidR="00156FB3" w:rsidRDefault="00156FB3" w:rsidP="00156FB3">
            <w:r>
              <w:t xml:space="preserve">        while (++iterIndex &lt; iterLength) {</w:t>
            </w:r>
          </w:p>
          <w:p w:rsidR="00156FB3" w:rsidRDefault="00156FB3" w:rsidP="00156FB3">
            <w:r>
              <w:t xml:space="preserve">          var data = iteratees[iterIndex],</w:t>
            </w:r>
          </w:p>
          <w:p w:rsidR="00156FB3" w:rsidRDefault="00156FB3" w:rsidP="00156FB3">
            <w:r>
              <w:t xml:space="preserve">              iteratee = data.iteratee,</w:t>
            </w:r>
          </w:p>
          <w:p w:rsidR="00156FB3" w:rsidRDefault="00156FB3" w:rsidP="00156FB3">
            <w:r>
              <w:t xml:space="preserve">              type = data.type,</w:t>
            </w:r>
          </w:p>
          <w:p w:rsidR="00156FB3" w:rsidRDefault="00156FB3" w:rsidP="00156FB3">
            <w:r>
              <w:t xml:space="preserve">              computed = iteratee(value);</w:t>
            </w:r>
          </w:p>
          <w:p w:rsidR="00156FB3" w:rsidRDefault="00156FB3" w:rsidP="00156FB3"/>
          <w:p w:rsidR="00156FB3" w:rsidRDefault="00156FB3" w:rsidP="00156FB3">
            <w:r>
              <w:t xml:space="preserve">          if (type == LAZY_MAP_FLAG) {</w:t>
            </w:r>
          </w:p>
          <w:p w:rsidR="00156FB3" w:rsidRDefault="00156FB3" w:rsidP="00156FB3">
            <w:r>
              <w:t xml:space="preserve">            value = computed;</w:t>
            </w:r>
          </w:p>
          <w:p w:rsidR="00156FB3" w:rsidRDefault="00156FB3" w:rsidP="00156FB3">
            <w:r>
              <w:t xml:space="preserve">          } else if (!computed) {</w:t>
            </w:r>
          </w:p>
          <w:p w:rsidR="00156FB3" w:rsidRDefault="00156FB3" w:rsidP="00156FB3">
            <w:r>
              <w:t xml:space="preserve">            if (type == LAZY_FILTER_FLAG) {</w:t>
            </w:r>
          </w:p>
          <w:p w:rsidR="00156FB3" w:rsidRDefault="00156FB3" w:rsidP="00156FB3">
            <w:r>
              <w:t xml:space="preserve">              continue outer;</w:t>
            </w:r>
          </w:p>
          <w:p w:rsidR="00156FB3" w:rsidRDefault="00156FB3" w:rsidP="00156FB3">
            <w:r>
              <w:t xml:space="preserve">            } else {</w:t>
            </w:r>
          </w:p>
          <w:p w:rsidR="00156FB3" w:rsidRDefault="00156FB3" w:rsidP="00156FB3">
            <w:r>
              <w:t xml:space="preserve">              break outer;</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result[resIndex++] = value;</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 Ensure `LazyWrapper` is an instance of `baseLodash`.</w:t>
            </w:r>
          </w:p>
          <w:p w:rsidR="00156FB3" w:rsidRDefault="00156FB3" w:rsidP="00156FB3">
            <w:r>
              <w:t xml:space="preserve">    LazyWrapper.prototype = baseCreate(baseLodash.prototype);</w:t>
            </w:r>
          </w:p>
          <w:p w:rsidR="00156FB3" w:rsidRDefault="00156FB3" w:rsidP="00156FB3">
            <w:r>
              <w:t xml:space="preserve">    LazyWrapper.prototype.constructor = LazyWrapper;</w:t>
            </w:r>
          </w:p>
          <w:p w:rsidR="00156FB3" w:rsidRDefault="00156FB3" w:rsidP="00156FB3"/>
          <w:p w:rsidR="00156FB3" w:rsidRDefault="00156FB3" w:rsidP="00156FB3">
            <w:r>
              <w:t xml:space="preserve">    /*------------------------------------------------------------------------*/</w:t>
            </w:r>
          </w:p>
          <w:p w:rsidR="00156FB3" w:rsidRDefault="00156FB3" w:rsidP="00156FB3"/>
          <w:p w:rsidR="00156FB3" w:rsidRDefault="00156FB3" w:rsidP="00156FB3">
            <w:r>
              <w:lastRenderedPageBreak/>
              <w:t xml:space="preserve">    /**</w:t>
            </w:r>
          </w:p>
          <w:p w:rsidR="00156FB3" w:rsidRDefault="00156FB3" w:rsidP="00156FB3">
            <w:r>
              <w:t xml:space="preserve">     * Creates a hash object.</w:t>
            </w:r>
          </w:p>
          <w:p w:rsidR="00156FB3" w:rsidRDefault="00156FB3" w:rsidP="00156FB3">
            <w:r>
              <w:t xml:space="preserve">     *</w:t>
            </w:r>
          </w:p>
          <w:p w:rsidR="00156FB3" w:rsidRDefault="00156FB3" w:rsidP="00156FB3">
            <w:r>
              <w:t xml:space="preserve">     * @private</w:t>
            </w:r>
          </w:p>
          <w:p w:rsidR="00156FB3" w:rsidRDefault="00156FB3" w:rsidP="00156FB3">
            <w:r>
              <w:t xml:space="preserve">     * @constructor</w:t>
            </w:r>
          </w:p>
          <w:p w:rsidR="00156FB3" w:rsidRDefault="00156FB3" w:rsidP="00156FB3">
            <w:r>
              <w:t xml:space="preserve">     * @param {Array} [entries] The key-value pairs to cache.</w:t>
            </w:r>
          </w:p>
          <w:p w:rsidR="00156FB3" w:rsidRDefault="00156FB3" w:rsidP="00156FB3">
            <w:r>
              <w:t xml:space="preserve">     */</w:t>
            </w:r>
          </w:p>
          <w:p w:rsidR="00156FB3" w:rsidRDefault="00156FB3" w:rsidP="00156FB3">
            <w:r>
              <w:t xml:space="preserve">    function Hash(entries) {</w:t>
            </w:r>
          </w:p>
          <w:p w:rsidR="00156FB3" w:rsidRDefault="00156FB3" w:rsidP="00156FB3">
            <w:r>
              <w:t xml:space="preserve">      var index = -1,</w:t>
            </w:r>
          </w:p>
          <w:p w:rsidR="00156FB3" w:rsidRDefault="00156FB3" w:rsidP="00156FB3">
            <w:r>
              <w:t xml:space="preserve">          length = entries == null ? 0 : entries.length;</w:t>
            </w:r>
          </w:p>
          <w:p w:rsidR="00156FB3" w:rsidRDefault="00156FB3" w:rsidP="00156FB3"/>
          <w:p w:rsidR="00156FB3" w:rsidRDefault="00156FB3" w:rsidP="00156FB3">
            <w:r>
              <w:t xml:space="preserve">      this.clear();</w:t>
            </w:r>
          </w:p>
          <w:p w:rsidR="00156FB3" w:rsidRDefault="00156FB3" w:rsidP="00156FB3">
            <w:r>
              <w:t xml:space="preserve">      while (++index &lt; length) {</w:t>
            </w:r>
          </w:p>
          <w:p w:rsidR="00156FB3" w:rsidRDefault="00156FB3" w:rsidP="00156FB3">
            <w:r>
              <w:t xml:space="preserve">        var entry = entries[index];</w:t>
            </w:r>
          </w:p>
          <w:p w:rsidR="00156FB3" w:rsidRDefault="00156FB3" w:rsidP="00156FB3">
            <w:r>
              <w:t xml:space="preserve">        this.set(entry[0], entry[1]);</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moves all key-value entries from the hash.</w:t>
            </w:r>
          </w:p>
          <w:p w:rsidR="00156FB3" w:rsidRDefault="00156FB3" w:rsidP="00156FB3">
            <w:r>
              <w:t xml:space="preserve">     *</w:t>
            </w:r>
          </w:p>
          <w:p w:rsidR="00156FB3" w:rsidRDefault="00156FB3" w:rsidP="00156FB3">
            <w:r>
              <w:t xml:space="preserve">     * @private</w:t>
            </w:r>
          </w:p>
          <w:p w:rsidR="00156FB3" w:rsidRDefault="00156FB3" w:rsidP="00156FB3">
            <w:r>
              <w:t xml:space="preserve">     * @name clear</w:t>
            </w:r>
          </w:p>
          <w:p w:rsidR="00156FB3" w:rsidRDefault="00156FB3" w:rsidP="00156FB3">
            <w:r>
              <w:t xml:space="preserve">     * @memberOf Hash</w:t>
            </w:r>
          </w:p>
          <w:p w:rsidR="00156FB3" w:rsidRDefault="00156FB3" w:rsidP="00156FB3">
            <w:r>
              <w:t xml:space="preserve">     */</w:t>
            </w:r>
          </w:p>
          <w:p w:rsidR="00156FB3" w:rsidRDefault="00156FB3" w:rsidP="00156FB3">
            <w:r>
              <w:t xml:space="preserve">    function hashClear() {</w:t>
            </w:r>
          </w:p>
          <w:p w:rsidR="00156FB3" w:rsidRDefault="00156FB3" w:rsidP="00156FB3">
            <w:r>
              <w:t xml:space="preserve">      this.__data__ = nativeCreate ? nativeCreate(null) : {};</w:t>
            </w:r>
          </w:p>
          <w:p w:rsidR="00156FB3" w:rsidRDefault="00156FB3" w:rsidP="00156FB3">
            <w:r>
              <w:t xml:space="preserve">      this.size = 0;</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moves `key` and its value from the hash.</w:t>
            </w:r>
          </w:p>
          <w:p w:rsidR="00156FB3" w:rsidRDefault="00156FB3" w:rsidP="00156FB3">
            <w:r>
              <w:t xml:space="preserve">     *</w:t>
            </w:r>
          </w:p>
          <w:p w:rsidR="00156FB3" w:rsidRDefault="00156FB3" w:rsidP="00156FB3">
            <w:r>
              <w:t xml:space="preserve">     * @private</w:t>
            </w:r>
          </w:p>
          <w:p w:rsidR="00156FB3" w:rsidRDefault="00156FB3" w:rsidP="00156FB3">
            <w:r>
              <w:t xml:space="preserve">     * @name delete</w:t>
            </w:r>
          </w:p>
          <w:p w:rsidR="00156FB3" w:rsidRDefault="00156FB3" w:rsidP="00156FB3">
            <w:r>
              <w:t xml:space="preserve">     * @memberOf Hash</w:t>
            </w:r>
          </w:p>
          <w:p w:rsidR="00156FB3" w:rsidRDefault="00156FB3" w:rsidP="00156FB3">
            <w:r>
              <w:t xml:space="preserve">     * @param {Object} hash The hash to modify.</w:t>
            </w:r>
          </w:p>
          <w:p w:rsidR="00156FB3" w:rsidRDefault="00156FB3" w:rsidP="00156FB3">
            <w:r>
              <w:t xml:space="preserve">     * @param {string} key The key of the value to remove.</w:t>
            </w:r>
          </w:p>
          <w:p w:rsidR="00156FB3" w:rsidRDefault="00156FB3" w:rsidP="00156FB3">
            <w:r>
              <w:t xml:space="preserve">     * @returns {boolean} Returns `true` if the entry was removed, else `false`.</w:t>
            </w:r>
          </w:p>
          <w:p w:rsidR="00156FB3" w:rsidRDefault="00156FB3" w:rsidP="00156FB3">
            <w:r>
              <w:t xml:space="preserve">     */</w:t>
            </w:r>
          </w:p>
          <w:p w:rsidR="00156FB3" w:rsidRDefault="00156FB3" w:rsidP="00156FB3">
            <w:r>
              <w:t xml:space="preserve">    function hashDelete(key) {</w:t>
            </w:r>
          </w:p>
          <w:p w:rsidR="00156FB3" w:rsidRDefault="00156FB3" w:rsidP="00156FB3">
            <w:r>
              <w:t xml:space="preserve">      var result = this.has(key) &amp;&amp; delete this.__data__[key];</w:t>
            </w:r>
          </w:p>
          <w:p w:rsidR="00156FB3" w:rsidRDefault="00156FB3" w:rsidP="00156FB3">
            <w:r>
              <w:t xml:space="preserve">      this.size -= result ? 1 : 0;</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hash value for `key`.</w:t>
            </w:r>
          </w:p>
          <w:p w:rsidR="00156FB3" w:rsidRDefault="00156FB3" w:rsidP="00156FB3">
            <w:r>
              <w:lastRenderedPageBreak/>
              <w:t xml:space="preserve">     *</w:t>
            </w:r>
          </w:p>
          <w:p w:rsidR="00156FB3" w:rsidRDefault="00156FB3" w:rsidP="00156FB3">
            <w:r>
              <w:t xml:space="preserve">     * @private</w:t>
            </w:r>
          </w:p>
          <w:p w:rsidR="00156FB3" w:rsidRDefault="00156FB3" w:rsidP="00156FB3">
            <w:r>
              <w:t xml:space="preserve">     * @name get</w:t>
            </w:r>
          </w:p>
          <w:p w:rsidR="00156FB3" w:rsidRDefault="00156FB3" w:rsidP="00156FB3">
            <w:r>
              <w:t xml:space="preserve">     * @memberOf Hash</w:t>
            </w:r>
          </w:p>
          <w:p w:rsidR="00156FB3" w:rsidRDefault="00156FB3" w:rsidP="00156FB3">
            <w:r>
              <w:t xml:space="preserve">     * @param {string} key The key of the value to get.</w:t>
            </w:r>
          </w:p>
          <w:p w:rsidR="00156FB3" w:rsidRDefault="00156FB3" w:rsidP="00156FB3">
            <w:r>
              <w:t xml:space="preserve">     * @returns {*} Returns the entry value.</w:t>
            </w:r>
          </w:p>
          <w:p w:rsidR="00156FB3" w:rsidRDefault="00156FB3" w:rsidP="00156FB3">
            <w:r>
              <w:t xml:space="preserve">     */</w:t>
            </w:r>
          </w:p>
          <w:p w:rsidR="00156FB3" w:rsidRDefault="00156FB3" w:rsidP="00156FB3">
            <w:r>
              <w:t xml:space="preserve">    function hashGet(key) {</w:t>
            </w:r>
          </w:p>
          <w:p w:rsidR="00156FB3" w:rsidRDefault="00156FB3" w:rsidP="00156FB3">
            <w:r>
              <w:t xml:space="preserve">      var data = this.__data__;</w:t>
            </w:r>
          </w:p>
          <w:p w:rsidR="00156FB3" w:rsidRDefault="00156FB3" w:rsidP="00156FB3">
            <w:r>
              <w:t xml:space="preserve">      if (nativeCreate) {</w:t>
            </w:r>
          </w:p>
          <w:p w:rsidR="00156FB3" w:rsidRDefault="00156FB3" w:rsidP="00156FB3">
            <w:r>
              <w:t xml:space="preserve">        var result = data[key];</w:t>
            </w:r>
          </w:p>
          <w:p w:rsidR="00156FB3" w:rsidRDefault="00156FB3" w:rsidP="00156FB3">
            <w:r>
              <w:t xml:space="preserve">        return result === HASH_UNDEFINED ? undefined : result;</w:t>
            </w:r>
          </w:p>
          <w:p w:rsidR="00156FB3" w:rsidRDefault="00156FB3" w:rsidP="00156FB3">
            <w:r>
              <w:t xml:space="preserve">      }</w:t>
            </w:r>
          </w:p>
          <w:p w:rsidR="00156FB3" w:rsidRDefault="00156FB3" w:rsidP="00156FB3">
            <w:r>
              <w:t xml:space="preserve">      return hasOwnProperty.call(data, key) ? data[key] : undefine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a hash value for `key` exists.</w:t>
            </w:r>
          </w:p>
          <w:p w:rsidR="00156FB3" w:rsidRDefault="00156FB3" w:rsidP="00156FB3">
            <w:r>
              <w:t xml:space="preserve">     *</w:t>
            </w:r>
          </w:p>
          <w:p w:rsidR="00156FB3" w:rsidRDefault="00156FB3" w:rsidP="00156FB3">
            <w:r>
              <w:t xml:space="preserve">     * @private</w:t>
            </w:r>
          </w:p>
          <w:p w:rsidR="00156FB3" w:rsidRDefault="00156FB3" w:rsidP="00156FB3">
            <w:r>
              <w:t xml:space="preserve">     * @name has</w:t>
            </w:r>
          </w:p>
          <w:p w:rsidR="00156FB3" w:rsidRDefault="00156FB3" w:rsidP="00156FB3">
            <w:r>
              <w:t xml:space="preserve">     * @memberOf Hash</w:t>
            </w:r>
          </w:p>
          <w:p w:rsidR="00156FB3" w:rsidRDefault="00156FB3" w:rsidP="00156FB3">
            <w:r>
              <w:t xml:space="preserve">     * @param {string} key The key of the entry to check.</w:t>
            </w:r>
          </w:p>
          <w:p w:rsidR="00156FB3" w:rsidRDefault="00156FB3" w:rsidP="00156FB3">
            <w:r>
              <w:t xml:space="preserve">     * @returns {boolean} Returns `true` if an entry for `key` exists, else `false`.</w:t>
            </w:r>
          </w:p>
          <w:p w:rsidR="00156FB3" w:rsidRDefault="00156FB3" w:rsidP="00156FB3">
            <w:r>
              <w:t xml:space="preserve">     */</w:t>
            </w:r>
          </w:p>
          <w:p w:rsidR="00156FB3" w:rsidRDefault="00156FB3" w:rsidP="00156FB3">
            <w:r>
              <w:t xml:space="preserve">    function hashHas(key) {</w:t>
            </w:r>
          </w:p>
          <w:p w:rsidR="00156FB3" w:rsidRDefault="00156FB3" w:rsidP="00156FB3">
            <w:r>
              <w:t xml:space="preserve">      var data = this.__data__;</w:t>
            </w:r>
          </w:p>
          <w:p w:rsidR="00156FB3" w:rsidRDefault="00156FB3" w:rsidP="00156FB3">
            <w:r>
              <w:t xml:space="preserve">      return nativeCreate ? (data[key] !== undefined) : hasOwnProperty.call(data, ke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Sets the hash `key` to `value`.</w:t>
            </w:r>
          </w:p>
          <w:p w:rsidR="00156FB3" w:rsidRDefault="00156FB3" w:rsidP="00156FB3">
            <w:r>
              <w:t xml:space="preserve">     *</w:t>
            </w:r>
          </w:p>
          <w:p w:rsidR="00156FB3" w:rsidRDefault="00156FB3" w:rsidP="00156FB3">
            <w:r>
              <w:t xml:space="preserve">     * @private</w:t>
            </w:r>
          </w:p>
          <w:p w:rsidR="00156FB3" w:rsidRDefault="00156FB3" w:rsidP="00156FB3">
            <w:r>
              <w:t xml:space="preserve">     * @name set</w:t>
            </w:r>
          </w:p>
          <w:p w:rsidR="00156FB3" w:rsidRDefault="00156FB3" w:rsidP="00156FB3">
            <w:r>
              <w:t xml:space="preserve">     * @memberOf Hash</w:t>
            </w:r>
          </w:p>
          <w:p w:rsidR="00156FB3" w:rsidRDefault="00156FB3" w:rsidP="00156FB3">
            <w:r>
              <w:t xml:space="preserve">     * @param {string} key The key of the value to set.</w:t>
            </w:r>
          </w:p>
          <w:p w:rsidR="00156FB3" w:rsidRDefault="00156FB3" w:rsidP="00156FB3">
            <w:r>
              <w:t xml:space="preserve">     * @param {*} value The value to set.</w:t>
            </w:r>
          </w:p>
          <w:p w:rsidR="00156FB3" w:rsidRDefault="00156FB3" w:rsidP="00156FB3">
            <w:r>
              <w:t xml:space="preserve">     * @returns {Object} Returns the hash instance.</w:t>
            </w:r>
          </w:p>
          <w:p w:rsidR="00156FB3" w:rsidRDefault="00156FB3" w:rsidP="00156FB3">
            <w:r>
              <w:t xml:space="preserve">     */</w:t>
            </w:r>
          </w:p>
          <w:p w:rsidR="00156FB3" w:rsidRDefault="00156FB3" w:rsidP="00156FB3">
            <w:r>
              <w:t xml:space="preserve">    function hashSet(key, value) {</w:t>
            </w:r>
          </w:p>
          <w:p w:rsidR="00156FB3" w:rsidRDefault="00156FB3" w:rsidP="00156FB3">
            <w:r>
              <w:t xml:space="preserve">      var data = this.__data__;</w:t>
            </w:r>
          </w:p>
          <w:p w:rsidR="00156FB3" w:rsidRDefault="00156FB3" w:rsidP="00156FB3">
            <w:r>
              <w:t xml:space="preserve">      this.size += this.has(key) ? 0 : 1;</w:t>
            </w:r>
          </w:p>
          <w:p w:rsidR="00156FB3" w:rsidRDefault="00156FB3" w:rsidP="00156FB3">
            <w:r>
              <w:t xml:space="preserve">      data[key] = (nativeCreate &amp;&amp; value === undefined) ? HASH_UNDEFINED : value;</w:t>
            </w:r>
          </w:p>
          <w:p w:rsidR="00156FB3" w:rsidRDefault="00156FB3" w:rsidP="00156FB3">
            <w:r>
              <w:t xml:space="preserve">      return this;</w:t>
            </w:r>
          </w:p>
          <w:p w:rsidR="00156FB3" w:rsidRDefault="00156FB3" w:rsidP="00156FB3">
            <w:r>
              <w:t xml:space="preserve">    }</w:t>
            </w:r>
          </w:p>
          <w:p w:rsidR="00156FB3" w:rsidRDefault="00156FB3" w:rsidP="00156FB3"/>
          <w:p w:rsidR="00156FB3" w:rsidRDefault="00156FB3" w:rsidP="00156FB3">
            <w:r>
              <w:t xml:space="preserve">    // Add methods to `Hash`.</w:t>
            </w:r>
          </w:p>
          <w:p w:rsidR="00156FB3" w:rsidRDefault="00156FB3" w:rsidP="00156FB3">
            <w:r>
              <w:lastRenderedPageBreak/>
              <w:t xml:space="preserve">    Hash.prototype.clear = hashClear;</w:t>
            </w:r>
          </w:p>
          <w:p w:rsidR="00156FB3" w:rsidRDefault="00156FB3" w:rsidP="00156FB3">
            <w:r>
              <w:t xml:space="preserve">    Hash.prototype['delete'] = hashDelete;</w:t>
            </w:r>
          </w:p>
          <w:p w:rsidR="00156FB3" w:rsidRDefault="00156FB3" w:rsidP="00156FB3">
            <w:r>
              <w:t xml:space="preserve">    Hash.prototype.get = hashGet;</w:t>
            </w:r>
          </w:p>
          <w:p w:rsidR="00156FB3" w:rsidRDefault="00156FB3" w:rsidP="00156FB3">
            <w:r>
              <w:t xml:space="preserve">    Hash.prototype.has = hashHas;</w:t>
            </w:r>
          </w:p>
          <w:p w:rsidR="00156FB3" w:rsidRDefault="00156FB3" w:rsidP="00156FB3">
            <w:r>
              <w:t xml:space="preserve">    Hash.prototype.set = hashSet;</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list cache object.</w:t>
            </w:r>
          </w:p>
          <w:p w:rsidR="00156FB3" w:rsidRDefault="00156FB3" w:rsidP="00156FB3">
            <w:r>
              <w:t xml:space="preserve">     *</w:t>
            </w:r>
          </w:p>
          <w:p w:rsidR="00156FB3" w:rsidRDefault="00156FB3" w:rsidP="00156FB3">
            <w:r>
              <w:t xml:space="preserve">     * @private</w:t>
            </w:r>
          </w:p>
          <w:p w:rsidR="00156FB3" w:rsidRDefault="00156FB3" w:rsidP="00156FB3">
            <w:r>
              <w:t xml:space="preserve">     * @constructor</w:t>
            </w:r>
          </w:p>
          <w:p w:rsidR="00156FB3" w:rsidRDefault="00156FB3" w:rsidP="00156FB3">
            <w:r>
              <w:t xml:space="preserve">     * @param {Array} [entries] The key-value pairs to cache.</w:t>
            </w:r>
          </w:p>
          <w:p w:rsidR="00156FB3" w:rsidRDefault="00156FB3" w:rsidP="00156FB3">
            <w:r>
              <w:t xml:space="preserve">     */</w:t>
            </w:r>
          </w:p>
          <w:p w:rsidR="00156FB3" w:rsidRDefault="00156FB3" w:rsidP="00156FB3">
            <w:r>
              <w:t xml:space="preserve">    function ListCache(entries) {</w:t>
            </w:r>
          </w:p>
          <w:p w:rsidR="00156FB3" w:rsidRDefault="00156FB3" w:rsidP="00156FB3">
            <w:r>
              <w:t xml:space="preserve">      var index = -1,</w:t>
            </w:r>
          </w:p>
          <w:p w:rsidR="00156FB3" w:rsidRDefault="00156FB3" w:rsidP="00156FB3">
            <w:r>
              <w:t xml:space="preserve">          length = entries == null ? 0 : entries.length;</w:t>
            </w:r>
          </w:p>
          <w:p w:rsidR="00156FB3" w:rsidRDefault="00156FB3" w:rsidP="00156FB3"/>
          <w:p w:rsidR="00156FB3" w:rsidRDefault="00156FB3" w:rsidP="00156FB3">
            <w:r>
              <w:t xml:space="preserve">      this.clear();</w:t>
            </w:r>
          </w:p>
          <w:p w:rsidR="00156FB3" w:rsidRDefault="00156FB3" w:rsidP="00156FB3">
            <w:r>
              <w:t xml:space="preserve">      while (++index &lt; length) {</w:t>
            </w:r>
          </w:p>
          <w:p w:rsidR="00156FB3" w:rsidRDefault="00156FB3" w:rsidP="00156FB3">
            <w:r>
              <w:t xml:space="preserve">        var entry = entries[index];</w:t>
            </w:r>
          </w:p>
          <w:p w:rsidR="00156FB3" w:rsidRDefault="00156FB3" w:rsidP="00156FB3">
            <w:r>
              <w:t xml:space="preserve">        this.set(entry[0], entry[1]);</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moves all key-value entries from the list cache.</w:t>
            </w:r>
          </w:p>
          <w:p w:rsidR="00156FB3" w:rsidRDefault="00156FB3" w:rsidP="00156FB3">
            <w:r>
              <w:t xml:space="preserve">     *</w:t>
            </w:r>
          </w:p>
          <w:p w:rsidR="00156FB3" w:rsidRDefault="00156FB3" w:rsidP="00156FB3">
            <w:r>
              <w:t xml:space="preserve">     * @private</w:t>
            </w:r>
          </w:p>
          <w:p w:rsidR="00156FB3" w:rsidRDefault="00156FB3" w:rsidP="00156FB3">
            <w:r>
              <w:t xml:space="preserve">     * @name clear</w:t>
            </w:r>
          </w:p>
          <w:p w:rsidR="00156FB3" w:rsidRDefault="00156FB3" w:rsidP="00156FB3">
            <w:r>
              <w:t xml:space="preserve">     * @memberOf ListCache</w:t>
            </w:r>
          </w:p>
          <w:p w:rsidR="00156FB3" w:rsidRDefault="00156FB3" w:rsidP="00156FB3">
            <w:r>
              <w:t xml:space="preserve">     */</w:t>
            </w:r>
          </w:p>
          <w:p w:rsidR="00156FB3" w:rsidRDefault="00156FB3" w:rsidP="00156FB3">
            <w:r>
              <w:t xml:space="preserve">    function listCacheClear() {</w:t>
            </w:r>
          </w:p>
          <w:p w:rsidR="00156FB3" w:rsidRDefault="00156FB3" w:rsidP="00156FB3">
            <w:r>
              <w:t xml:space="preserve">      this.__data__ = [];</w:t>
            </w:r>
          </w:p>
          <w:p w:rsidR="00156FB3" w:rsidRDefault="00156FB3" w:rsidP="00156FB3">
            <w:r>
              <w:t xml:space="preserve">      this.size = 0;</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moves `key` and its value from the list cache.</w:t>
            </w:r>
          </w:p>
          <w:p w:rsidR="00156FB3" w:rsidRDefault="00156FB3" w:rsidP="00156FB3">
            <w:r>
              <w:t xml:space="preserve">     *</w:t>
            </w:r>
          </w:p>
          <w:p w:rsidR="00156FB3" w:rsidRDefault="00156FB3" w:rsidP="00156FB3">
            <w:r>
              <w:t xml:space="preserve">     * @private</w:t>
            </w:r>
          </w:p>
          <w:p w:rsidR="00156FB3" w:rsidRDefault="00156FB3" w:rsidP="00156FB3">
            <w:r>
              <w:t xml:space="preserve">     * @name delete</w:t>
            </w:r>
          </w:p>
          <w:p w:rsidR="00156FB3" w:rsidRDefault="00156FB3" w:rsidP="00156FB3">
            <w:r>
              <w:t xml:space="preserve">     * @memberOf ListCache</w:t>
            </w:r>
          </w:p>
          <w:p w:rsidR="00156FB3" w:rsidRDefault="00156FB3" w:rsidP="00156FB3">
            <w:r>
              <w:t xml:space="preserve">     * @param {string} key The key of the value to remove.</w:t>
            </w:r>
          </w:p>
          <w:p w:rsidR="00156FB3" w:rsidRDefault="00156FB3" w:rsidP="00156FB3">
            <w:r>
              <w:t xml:space="preserve">     * @returns {boolean} Returns `true` if the entry was removed, else `false`.</w:t>
            </w:r>
          </w:p>
          <w:p w:rsidR="00156FB3" w:rsidRDefault="00156FB3" w:rsidP="00156FB3">
            <w:r>
              <w:t xml:space="preserve">     */</w:t>
            </w:r>
          </w:p>
          <w:p w:rsidR="00156FB3" w:rsidRDefault="00156FB3" w:rsidP="00156FB3">
            <w:r>
              <w:t xml:space="preserve">    function listCacheDelete(key) {</w:t>
            </w:r>
          </w:p>
          <w:p w:rsidR="00156FB3" w:rsidRDefault="00156FB3" w:rsidP="00156FB3">
            <w:r>
              <w:lastRenderedPageBreak/>
              <w:t xml:space="preserve">      var data = this.__data__,</w:t>
            </w:r>
          </w:p>
          <w:p w:rsidR="00156FB3" w:rsidRDefault="00156FB3" w:rsidP="00156FB3">
            <w:r>
              <w:t xml:space="preserve">          index = assocIndexOf(data, key);</w:t>
            </w:r>
          </w:p>
          <w:p w:rsidR="00156FB3" w:rsidRDefault="00156FB3" w:rsidP="00156FB3"/>
          <w:p w:rsidR="00156FB3" w:rsidRDefault="00156FB3" w:rsidP="00156FB3">
            <w:r>
              <w:t xml:space="preserve">      if (index &lt; 0) {</w:t>
            </w:r>
          </w:p>
          <w:p w:rsidR="00156FB3" w:rsidRDefault="00156FB3" w:rsidP="00156FB3">
            <w:r>
              <w:t xml:space="preserve">        return false;</w:t>
            </w:r>
          </w:p>
          <w:p w:rsidR="00156FB3" w:rsidRDefault="00156FB3" w:rsidP="00156FB3">
            <w:r>
              <w:t xml:space="preserve">      }</w:t>
            </w:r>
          </w:p>
          <w:p w:rsidR="00156FB3" w:rsidRDefault="00156FB3" w:rsidP="00156FB3">
            <w:r>
              <w:t xml:space="preserve">      var lastIndex = data.length - 1;</w:t>
            </w:r>
          </w:p>
          <w:p w:rsidR="00156FB3" w:rsidRDefault="00156FB3" w:rsidP="00156FB3">
            <w:r>
              <w:t xml:space="preserve">      if (index == lastIndex) {</w:t>
            </w:r>
          </w:p>
          <w:p w:rsidR="00156FB3" w:rsidRDefault="00156FB3" w:rsidP="00156FB3">
            <w:r>
              <w:t xml:space="preserve">        data.pop();</w:t>
            </w:r>
          </w:p>
          <w:p w:rsidR="00156FB3" w:rsidRDefault="00156FB3" w:rsidP="00156FB3">
            <w:r>
              <w:t xml:space="preserve">      } else {</w:t>
            </w:r>
          </w:p>
          <w:p w:rsidR="00156FB3" w:rsidRDefault="00156FB3" w:rsidP="00156FB3">
            <w:r>
              <w:t xml:space="preserve">        splice.call(data, index, 1);</w:t>
            </w:r>
          </w:p>
          <w:p w:rsidR="00156FB3" w:rsidRDefault="00156FB3" w:rsidP="00156FB3">
            <w:r>
              <w:t xml:space="preserve">      }</w:t>
            </w:r>
          </w:p>
          <w:p w:rsidR="00156FB3" w:rsidRDefault="00156FB3" w:rsidP="00156FB3">
            <w:r>
              <w:t xml:space="preserve">      --this.size;</w:t>
            </w:r>
          </w:p>
          <w:p w:rsidR="00156FB3" w:rsidRDefault="00156FB3" w:rsidP="00156FB3">
            <w:r>
              <w:t xml:space="preserve">      return tr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list cache value for `key`.</w:t>
            </w:r>
          </w:p>
          <w:p w:rsidR="00156FB3" w:rsidRDefault="00156FB3" w:rsidP="00156FB3">
            <w:r>
              <w:t xml:space="preserve">     *</w:t>
            </w:r>
          </w:p>
          <w:p w:rsidR="00156FB3" w:rsidRDefault="00156FB3" w:rsidP="00156FB3">
            <w:r>
              <w:t xml:space="preserve">     * @private</w:t>
            </w:r>
          </w:p>
          <w:p w:rsidR="00156FB3" w:rsidRDefault="00156FB3" w:rsidP="00156FB3">
            <w:r>
              <w:t xml:space="preserve">     * @name get</w:t>
            </w:r>
          </w:p>
          <w:p w:rsidR="00156FB3" w:rsidRDefault="00156FB3" w:rsidP="00156FB3">
            <w:r>
              <w:t xml:space="preserve">     * @memberOf ListCache</w:t>
            </w:r>
          </w:p>
          <w:p w:rsidR="00156FB3" w:rsidRDefault="00156FB3" w:rsidP="00156FB3">
            <w:r>
              <w:t xml:space="preserve">     * @param {string} key The key of the value to get.</w:t>
            </w:r>
          </w:p>
          <w:p w:rsidR="00156FB3" w:rsidRDefault="00156FB3" w:rsidP="00156FB3">
            <w:r>
              <w:t xml:space="preserve">     * @returns {*} Returns the entry value.</w:t>
            </w:r>
          </w:p>
          <w:p w:rsidR="00156FB3" w:rsidRDefault="00156FB3" w:rsidP="00156FB3">
            <w:r>
              <w:t xml:space="preserve">     */</w:t>
            </w:r>
          </w:p>
          <w:p w:rsidR="00156FB3" w:rsidRDefault="00156FB3" w:rsidP="00156FB3">
            <w:r>
              <w:t xml:space="preserve">    function listCacheGet(key) {</w:t>
            </w:r>
          </w:p>
          <w:p w:rsidR="00156FB3" w:rsidRDefault="00156FB3" w:rsidP="00156FB3">
            <w:r>
              <w:t xml:space="preserve">      var data = this.__data__,</w:t>
            </w:r>
          </w:p>
          <w:p w:rsidR="00156FB3" w:rsidRDefault="00156FB3" w:rsidP="00156FB3">
            <w:r>
              <w:t xml:space="preserve">          index = assocIndexOf(data, key);</w:t>
            </w:r>
          </w:p>
          <w:p w:rsidR="00156FB3" w:rsidRDefault="00156FB3" w:rsidP="00156FB3"/>
          <w:p w:rsidR="00156FB3" w:rsidRDefault="00156FB3" w:rsidP="00156FB3">
            <w:r>
              <w:t xml:space="preserve">      return index &lt; 0 ? undefined : data[index][1];</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a list cache value for `key` exists.</w:t>
            </w:r>
          </w:p>
          <w:p w:rsidR="00156FB3" w:rsidRDefault="00156FB3" w:rsidP="00156FB3">
            <w:r>
              <w:t xml:space="preserve">     *</w:t>
            </w:r>
          </w:p>
          <w:p w:rsidR="00156FB3" w:rsidRDefault="00156FB3" w:rsidP="00156FB3">
            <w:r>
              <w:t xml:space="preserve">     * @private</w:t>
            </w:r>
          </w:p>
          <w:p w:rsidR="00156FB3" w:rsidRDefault="00156FB3" w:rsidP="00156FB3">
            <w:r>
              <w:t xml:space="preserve">     * @name has</w:t>
            </w:r>
          </w:p>
          <w:p w:rsidR="00156FB3" w:rsidRDefault="00156FB3" w:rsidP="00156FB3">
            <w:r>
              <w:t xml:space="preserve">     * @memberOf ListCache</w:t>
            </w:r>
          </w:p>
          <w:p w:rsidR="00156FB3" w:rsidRDefault="00156FB3" w:rsidP="00156FB3">
            <w:r>
              <w:t xml:space="preserve">     * @param {string} key The key of the entry to check.</w:t>
            </w:r>
          </w:p>
          <w:p w:rsidR="00156FB3" w:rsidRDefault="00156FB3" w:rsidP="00156FB3">
            <w:r>
              <w:t xml:space="preserve">     * @returns {boolean} Returns `true` if an entry for `key` exists, else `false`.</w:t>
            </w:r>
          </w:p>
          <w:p w:rsidR="00156FB3" w:rsidRDefault="00156FB3" w:rsidP="00156FB3">
            <w:r>
              <w:t xml:space="preserve">     */</w:t>
            </w:r>
          </w:p>
          <w:p w:rsidR="00156FB3" w:rsidRDefault="00156FB3" w:rsidP="00156FB3">
            <w:r>
              <w:t xml:space="preserve">    function listCacheHas(key) {</w:t>
            </w:r>
          </w:p>
          <w:p w:rsidR="00156FB3" w:rsidRDefault="00156FB3" w:rsidP="00156FB3">
            <w:r>
              <w:t xml:space="preserve">      return assocIndexOf(this.__data__, key) &gt; -1;</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Sets the list cache `key` to `value`.</w:t>
            </w:r>
          </w:p>
          <w:p w:rsidR="00156FB3" w:rsidRDefault="00156FB3" w:rsidP="00156FB3">
            <w:r>
              <w:t xml:space="preserve">     *</w:t>
            </w:r>
          </w:p>
          <w:p w:rsidR="00156FB3" w:rsidRDefault="00156FB3" w:rsidP="00156FB3">
            <w:r>
              <w:lastRenderedPageBreak/>
              <w:t xml:space="preserve">     * @private</w:t>
            </w:r>
          </w:p>
          <w:p w:rsidR="00156FB3" w:rsidRDefault="00156FB3" w:rsidP="00156FB3">
            <w:r>
              <w:t xml:space="preserve">     * @name set</w:t>
            </w:r>
          </w:p>
          <w:p w:rsidR="00156FB3" w:rsidRDefault="00156FB3" w:rsidP="00156FB3">
            <w:r>
              <w:t xml:space="preserve">     * @memberOf ListCache</w:t>
            </w:r>
          </w:p>
          <w:p w:rsidR="00156FB3" w:rsidRDefault="00156FB3" w:rsidP="00156FB3">
            <w:r>
              <w:t xml:space="preserve">     * @param {string} key The key of the value to set.</w:t>
            </w:r>
          </w:p>
          <w:p w:rsidR="00156FB3" w:rsidRDefault="00156FB3" w:rsidP="00156FB3">
            <w:r>
              <w:t xml:space="preserve">     * @param {*} value The value to set.</w:t>
            </w:r>
          </w:p>
          <w:p w:rsidR="00156FB3" w:rsidRDefault="00156FB3" w:rsidP="00156FB3">
            <w:r>
              <w:t xml:space="preserve">     * @returns {Object} Returns the list cache instance.</w:t>
            </w:r>
          </w:p>
          <w:p w:rsidR="00156FB3" w:rsidRDefault="00156FB3" w:rsidP="00156FB3">
            <w:r>
              <w:t xml:space="preserve">     */</w:t>
            </w:r>
          </w:p>
          <w:p w:rsidR="00156FB3" w:rsidRDefault="00156FB3" w:rsidP="00156FB3">
            <w:r>
              <w:t xml:space="preserve">    function listCacheSet(key, value) {</w:t>
            </w:r>
          </w:p>
          <w:p w:rsidR="00156FB3" w:rsidRDefault="00156FB3" w:rsidP="00156FB3">
            <w:r>
              <w:t xml:space="preserve">      var data = this.__data__,</w:t>
            </w:r>
          </w:p>
          <w:p w:rsidR="00156FB3" w:rsidRDefault="00156FB3" w:rsidP="00156FB3">
            <w:r>
              <w:t xml:space="preserve">          index = assocIndexOf(data, key);</w:t>
            </w:r>
          </w:p>
          <w:p w:rsidR="00156FB3" w:rsidRDefault="00156FB3" w:rsidP="00156FB3"/>
          <w:p w:rsidR="00156FB3" w:rsidRDefault="00156FB3" w:rsidP="00156FB3">
            <w:r>
              <w:t xml:space="preserve">      if (index &lt; 0) {</w:t>
            </w:r>
          </w:p>
          <w:p w:rsidR="00156FB3" w:rsidRDefault="00156FB3" w:rsidP="00156FB3">
            <w:r>
              <w:t xml:space="preserve">        ++this.size;</w:t>
            </w:r>
          </w:p>
          <w:p w:rsidR="00156FB3" w:rsidRDefault="00156FB3" w:rsidP="00156FB3">
            <w:r>
              <w:t xml:space="preserve">        data.push([key, value]);</w:t>
            </w:r>
          </w:p>
          <w:p w:rsidR="00156FB3" w:rsidRDefault="00156FB3" w:rsidP="00156FB3">
            <w:r>
              <w:t xml:space="preserve">      } else {</w:t>
            </w:r>
          </w:p>
          <w:p w:rsidR="00156FB3" w:rsidRDefault="00156FB3" w:rsidP="00156FB3">
            <w:r>
              <w:t xml:space="preserve">        data[index][1] = value;</w:t>
            </w:r>
          </w:p>
          <w:p w:rsidR="00156FB3" w:rsidRDefault="00156FB3" w:rsidP="00156FB3">
            <w:r>
              <w:t xml:space="preserve">      }</w:t>
            </w:r>
          </w:p>
          <w:p w:rsidR="00156FB3" w:rsidRDefault="00156FB3" w:rsidP="00156FB3">
            <w:r>
              <w:t xml:space="preserve">      return this;</w:t>
            </w:r>
          </w:p>
          <w:p w:rsidR="00156FB3" w:rsidRDefault="00156FB3" w:rsidP="00156FB3">
            <w:r>
              <w:t xml:space="preserve">    }</w:t>
            </w:r>
          </w:p>
          <w:p w:rsidR="00156FB3" w:rsidRDefault="00156FB3" w:rsidP="00156FB3"/>
          <w:p w:rsidR="00156FB3" w:rsidRDefault="00156FB3" w:rsidP="00156FB3">
            <w:r>
              <w:t xml:space="preserve">    // Add methods to `ListCache`.</w:t>
            </w:r>
          </w:p>
          <w:p w:rsidR="00156FB3" w:rsidRDefault="00156FB3" w:rsidP="00156FB3">
            <w:r>
              <w:t xml:space="preserve">    ListCache.prototype.clear = listCacheClear;</w:t>
            </w:r>
          </w:p>
          <w:p w:rsidR="00156FB3" w:rsidRDefault="00156FB3" w:rsidP="00156FB3">
            <w:r>
              <w:t xml:space="preserve">    ListCache.prototype['delete'] = listCacheDelete;</w:t>
            </w:r>
          </w:p>
          <w:p w:rsidR="00156FB3" w:rsidRDefault="00156FB3" w:rsidP="00156FB3">
            <w:r>
              <w:t xml:space="preserve">    ListCache.prototype.get = listCacheGet;</w:t>
            </w:r>
          </w:p>
          <w:p w:rsidR="00156FB3" w:rsidRDefault="00156FB3" w:rsidP="00156FB3">
            <w:r>
              <w:t xml:space="preserve">    ListCache.prototype.has = listCacheHas;</w:t>
            </w:r>
          </w:p>
          <w:p w:rsidR="00156FB3" w:rsidRDefault="00156FB3" w:rsidP="00156FB3">
            <w:r>
              <w:t xml:space="preserve">    ListCache.prototype.set = listCacheSet;</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map cache object to store key-value pairs.</w:t>
            </w:r>
          </w:p>
          <w:p w:rsidR="00156FB3" w:rsidRDefault="00156FB3" w:rsidP="00156FB3">
            <w:r>
              <w:t xml:space="preserve">     *</w:t>
            </w:r>
          </w:p>
          <w:p w:rsidR="00156FB3" w:rsidRDefault="00156FB3" w:rsidP="00156FB3">
            <w:r>
              <w:t xml:space="preserve">     * @private</w:t>
            </w:r>
          </w:p>
          <w:p w:rsidR="00156FB3" w:rsidRDefault="00156FB3" w:rsidP="00156FB3">
            <w:r>
              <w:t xml:space="preserve">     * @constructor</w:t>
            </w:r>
          </w:p>
          <w:p w:rsidR="00156FB3" w:rsidRDefault="00156FB3" w:rsidP="00156FB3">
            <w:r>
              <w:t xml:space="preserve">     * @param {Array} [entries] The key-value pairs to cache.</w:t>
            </w:r>
          </w:p>
          <w:p w:rsidR="00156FB3" w:rsidRDefault="00156FB3" w:rsidP="00156FB3">
            <w:r>
              <w:t xml:space="preserve">     */</w:t>
            </w:r>
          </w:p>
          <w:p w:rsidR="00156FB3" w:rsidRDefault="00156FB3" w:rsidP="00156FB3">
            <w:r>
              <w:t xml:space="preserve">    function MapCache(entries) {</w:t>
            </w:r>
          </w:p>
          <w:p w:rsidR="00156FB3" w:rsidRDefault="00156FB3" w:rsidP="00156FB3">
            <w:r>
              <w:t xml:space="preserve">      var index = -1,</w:t>
            </w:r>
          </w:p>
          <w:p w:rsidR="00156FB3" w:rsidRDefault="00156FB3" w:rsidP="00156FB3">
            <w:r>
              <w:t xml:space="preserve">          length = entries == null ? 0 : entries.length;</w:t>
            </w:r>
          </w:p>
          <w:p w:rsidR="00156FB3" w:rsidRDefault="00156FB3" w:rsidP="00156FB3"/>
          <w:p w:rsidR="00156FB3" w:rsidRDefault="00156FB3" w:rsidP="00156FB3">
            <w:r>
              <w:t xml:space="preserve">      this.clear();</w:t>
            </w:r>
          </w:p>
          <w:p w:rsidR="00156FB3" w:rsidRDefault="00156FB3" w:rsidP="00156FB3">
            <w:r>
              <w:t xml:space="preserve">      while (++index &lt; length) {</w:t>
            </w:r>
          </w:p>
          <w:p w:rsidR="00156FB3" w:rsidRDefault="00156FB3" w:rsidP="00156FB3">
            <w:r>
              <w:t xml:space="preserve">        var entry = entries[index];</w:t>
            </w:r>
          </w:p>
          <w:p w:rsidR="00156FB3" w:rsidRDefault="00156FB3" w:rsidP="00156FB3">
            <w:r>
              <w:t xml:space="preserve">        this.set(entry[0], entry[1]);</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lastRenderedPageBreak/>
              <w:t xml:space="preserve">     * Removes all key-value entries from the map.</w:t>
            </w:r>
          </w:p>
          <w:p w:rsidR="00156FB3" w:rsidRDefault="00156FB3" w:rsidP="00156FB3">
            <w:r>
              <w:t xml:space="preserve">     *</w:t>
            </w:r>
          </w:p>
          <w:p w:rsidR="00156FB3" w:rsidRDefault="00156FB3" w:rsidP="00156FB3">
            <w:r>
              <w:t xml:space="preserve">     * @private</w:t>
            </w:r>
          </w:p>
          <w:p w:rsidR="00156FB3" w:rsidRDefault="00156FB3" w:rsidP="00156FB3">
            <w:r>
              <w:t xml:space="preserve">     * @name clear</w:t>
            </w:r>
          </w:p>
          <w:p w:rsidR="00156FB3" w:rsidRDefault="00156FB3" w:rsidP="00156FB3">
            <w:r>
              <w:t xml:space="preserve">     * @memberOf MapCache</w:t>
            </w:r>
          </w:p>
          <w:p w:rsidR="00156FB3" w:rsidRDefault="00156FB3" w:rsidP="00156FB3">
            <w:r>
              <w:t xml:space="preserve">     */</w:t>
            </w:r>
          </w:p>
          <w:p w:rsidR="00156FB3" w:rsidRDefault="00156FB3" w:rsidP="00156FB3">
            <w:r>
              <w:t xml:space="preserve">    function mapCacheClear() {</w:t>
            </w:r>
          </w:p>
          <w:p w:rsidR="00156FB3" w:rsidRDefault="00156FB3" w:rsidP="00156FB3">
            <w:r>
              <w:t xml:space="preserve">      this.size = 0;</w:t>
            </w:r>
          </w:p>
          <w:p w:rsidR="00156FB3" w:rsidRDefault="00156FB3" w:rsidP="00156FB3">
            <w:r>
              <w:t xml:space="preserve">      this.__data__ = {</w:t>
            </w:r>
          </w:p>
          <w:p w:rsidR="00156FB3" w:rsidRDefault="00156FB3" w:rsidP="00156FB3">
            <w:r>
              <w:t xml:space="preserve">        'hash': new Hash,</w:t>
            </w:r>
          </w:p>
          <w:p w:rsidR="00156FB3" w:rsidRDefault="00156FB3" w:rsidP="00156FB3">
            <w:r>
              <w:t xml:space="preserve">        'map': new (Map || ListCache),</w:t>
            </w:r>
          </w:p>
          <w:p w:rsidR="00156FB3" w:rsidRDefault="00156FB3" w:rsidP="00156FB3">
            <w:r>
              <w:t xml:space="preserve">        'string': new Hash</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moves `key` and its value from the map.</w:t>
            </w:r>
          </w:p>
          <w:p w:rsidR="00156FB3" w:rsidRDefault="00156FB3" w:rsidP="00156FB3">
            <w:r>
              <w:t xml:space="preserve">     *</w:t>
            </w:r>
          </w:p>
          <w:p w:rsidR="00156FB3" w:rsidRDefault="00156FB3" w:rsidP="00156FB3">
            <w:r>
              <w:t xml:space="preserve">     * @private</w:t>
            </w:r>
          </w:p>
          <w:p w:rsidR="00156FB3" w:rsidRDefault="00156FB3" w:rsidP="00156FB3">
            <w:r>
              <w:t xml:space="preserve">     * @name delete</w:t>
            </w:r>
          </w:p>
          <w:p w:rsidR="00156FB3" w:rsidRDefault="00156FB3" w:rsidP="00156FB3">
            <w:r>
              <w:t xml:space="preserve">     * @memberOf MapCache</w:t>
            </w:r>
          </w:p>
          <w:p w:rsidR="00156FB3" w:rsidRDefault="00156FB3" w:rsidP="00156FB3">
            <w:r>
              <w:t xml:space="preserve">     * @param {string} key The key of the value to remove.</w:t>
            </w:r>
          </w:p>
          <w:p w:rsidR="00156FB3" w:rsidRDefault="00156FB3" w:rsidP="00156FB3">
            <w:r>
              <w:t xml:space="preserve">     * @returns {boolean} Returns `true` if the entry was removed, else `false`.</w:t>
            </w:r>
          </w:p>
          <w:p w:rsidR="00156FB3" w:rsidRDefault="00156FB3" w:rsidP="00156FB3">
            <w:r>
              <w:t xml:space="preserve">     */</w:t>
            </w:r>
          </w:p>
          <w:p w:rsidR="00156FB3" w:rsidRDefault="00156FB3" w:rsidP="00156FB3">
            <w:r>
              <w:t xml:space="preserve">    function mapCacheDelete(key) {</w:t>
            </w:r>
          </w:p>
          <w:p w:rsidR="00156FB3" w:rsidRDefault="00156FB3" w:rsidP="00156FB3">
            <w:r>
              <w:t xml:space="preserve">      var result = getMapData(this, key)['delete'](key);</w:t>
            </w:r>
          </w:p>
          <w:p w:rsidR="00156FB3" w:rsidRDefault="00156FB3" w:rsidP="00156FB3">
            <w:r>
              <w:t xml:space="preserve">      this.size -= result ? 1 : 0;</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map value for `key`.</w:t>
            </w:r>
          </w:p>
          <w:p w:rsidR="00156FB3" w:rsidRDefault="00156FB3" w:rsidP="00156FB3">
            <w:r>
              <w:t xml:space="preserve">     *</w:t>
            </w:r>
          </w:p>
          <w:p w:rsidR="00156FB3" w:rsidRDefault="00156FB3" w:rsidP="00156FB3">
            <w:r>
              <w:t xml:space="preserve">     * @private</w:t>
            </w:r>
          </w:p>
          <w:p w:rsidR="00156FB3" w:rsidRDefault="00156FB3" w:rsidP="00156FB3">
            <w:r>
              <w:t xml:space="preserve">     * @name get</w:t>
            </w:r>
          </w:p>
          <w:p w:rsidR="00156FB3" w:rsidRDefault="00156FB3" w:rsidP="00156FB3">
            <w:r>
              <w:t xml:space="preserve">     * @memberOf MapCache</w:t>
            </w:r>
          </w:p>
          <w:p w:rsidR="00156FB3" w:rsidRDefault="00156FB3" w:rsidP="00156FB3">
            <w:r>
              <w:t xml:space="preserve">     * @param {string} key The key of the value to get.</w:t>
            </w:r>
          </w:p>
          <w:p w:rsidR="00156FB3" w:rsidRDefault="00156FB3" w:rsidP="00156FB3">
            <w:r>
              <w:t xml:space="preserve">     * @returns {*} Returns the entry value.</w:t>
            </w:r>
          </w:p>
          <w:p w:rsidR="00156FB3" w:rsidRDefault="00156FB3" w:rsidP="00156FB3">
            <w:r>
              <w:t xml:space="preserve">     */</w:t>
            </w:r>
          </w:p>
          <w:p w:rsidR="00156FB3" w:rsidRDefault="00156FB3" w:rsidP="00156FB3">
            <w:r>
              <w:t xml:space="preserve">    function mapCacheGet(key) {</w:t>
            </w:r>
          </w:p>
          <w:p w:rsidR="00156FB3" w:rsidRDefault="00156FB3" w:rsidP="00156FB3">
            <w:r>
              <w:t xml:space="preserve">      return getMapData(this, key).get(ke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a map value for `key` exists.</w:t>
            </w:r>
          </w:p>
          <w:p w:rsidR="00156FB3" w:rsidRDefault="00156FB3" w:rsidP="00156FB3">
            <w:r>
              <w:t xml:space="preserve">     *</w:t>
            </w:r>
          </w:p>
          <w:p w:rsidR="00156FB3" w:rsidRDefault="00156FB3" w:rsidP="00156FB3">
            <w:r>
              <w:t xml:space="preserve">     * @private</w:t>
            </w:r>
          </w:p>
          <w:p w:rsidR="00156FB3" w:rsidRDefault="00156FB3" w:rsidP="00156FB3">
            <w:r>
              <w:t xml:space="preserve">     * @name has</w:t>
            </w:r>
          </w:p>
          <w:p w:rsidR="00156FB3" w:rsidRDefault="00156FB3" w:rsidP="00156FB3">
            <w:r>
              <w:lastRenderedPageBreak/>
              <w:t xml:space="preserve">     * @memberOf MapCache</w:t>
            </w:r>
          </w:p>
          <w:p w:rsidR="00156FB3" w:rsidRDefault="00156FB3" w:rsidP="00156FB3">
            <w:r>
              <w:t xml:space="preserve">     * @param {string} key The key of the entry to check.</w:t>
            </w:r>
          </w:p>
          <w:p w:rsidR="00156FB3" w:rsidRDefault="00156FB3" w:rsidP="00156FB3">
            <w:r>
              <w:t xml:space="preserve">     * @returns {boolean} Returns `true` if an entry for `key` exists, else `false`.</w:t>
            </w:r>
          </w:p>
          <w:p w:rsidR="00156FB3" w:rsidRDefault="00156FB3" w:rsidP="00156FB3">
            <w:r>
              <w:t xml:space="preserve">     */</w:t>
            </w:r>
          </w:p>
          <w:p w:rsidR="00156FB3" w:rsidRDefault="00156FB3" w:rsidP="00156FB3">
            <w:r>
              <w:t xml:space="preserve">    function mapCacheHas(key) {</w:t>
            </w:r>
          </w:p>
          <w:p w:rsidR="00156FB3" w:rsidRDefault="00156FB3" w:rsidP="00156FB3">
            <w:r>
              <w:t xml:space="preserve">      return getMapData(this, key).has(ke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Sets the map `key` to `value`.</w:t>
            </w:r>
          </w:p>
          <w:p w:rsidR="00156FB3" w:rsidRDefault="00156FB3" w:rsidP="00156FB3">
            <w:r>
              <w:t xml:space="preserve">     *</w:t>
            </w:r>
          </w:p>
          <w:p w:rsidR="00156FB3" w:rsidRDefault="00156FB3" w:rsidP="00156FB3">
            <w:r>
              <w:t xml:space="preserve">     * @private</w:t>
            </w:r>
          </w:p>
          <w:p w:rsidR="00156FB3" w:rsidRDefault="00156FB3" w:rsidP="00156FB3">
            <w:r>
              <w:t xml:space="preserve">     * @name set</w:t>
            </w:r>
          </w:p>
          <w:p w:rsidR="00156FB3" w:rsidRDefault="00156FB3" w:rsidP="00156FB3">
            <w:r>
              <w:t xml:space="preserve">     * @memberOf MapCache</w:t>
            </w:r>
          </w:p>
          <w:p w:rsidR="00156FB3" w:rsidRDefault="00156FB3" w:rsidP="00156FB3">
            <w:r>
              <w:t xml:space="preserve">     * @param {string} key The key of the value to set.</w:t>
            </w:r>
          </w:p>
          <w:p w:rsidR="00156FB3" w:rsidRDefault="00156FB3" w:rsidP="00156FB3">
            <w:r>
              <w:t xml:space="preserve">     * @param {*} value The value to set.</w:t>
            </w:r>
          </w:p>
          <w:p w:rsidR="00156FB3" w:rsidRDefault="00156FB3" w:rsidP="00156FB3">
            <w:r>
              <w:t xml:space="preserve">     * @returns {Object} Returns the map cache instance.</w:t>
            </w:r>
          </w:p>
          <w:p w:rsidR="00156FB3" w:rsidRDefault="00156FB3" w:rsidP="00156FB3">
            <w:r>
              <w:t xml:space="preserve">     */</w:t>
            </w:r>
          </w:p>
          <w:p w:rsidR="00156FB3" w:rsidRDefault="00156FB3" w:rsidP="00156FB3">
            <w:r>
              <w:t xml:space="preserve">    function mapCacheSet(key, value) {</w:t>
            </w:r>
          </w:p>
          <w:p w:rsidR="00156FB3" w:rsidRDefault="00156FB3" w:rsidP="00156FB3">
            <w:r>
              <w:t xml:space="preserve">      var data = getMapData(this, key),</w:t>
            </w:r>
          </w:p>
          <w:p w:rsidR="00156FB3" w:rsidRDefault="00156FB3" w:rsidP="00156FB3">
            <w:r>
              <w:t xml:space="preserve">          size = data.size;</w:t>
            </w:r>
          </w:p>
          <w:p w:rsidR="00156FB3" w:rsidRDefault="00156FB3" w:rsidP="00156FB3"/>
          <w:p w:rsidR="00156FB3" w:rsidRDefault="00156FB3" w:rsidP="00156FB3">
            <w:r>
              <w:t xml:space="preserve">      data.set(key, value);</w:t>
            </w:r>
          </w:p>
          <w:p w:rsidR="00156FB3" w:rsidRDefault="00156FB3" w:rsidP="00156FB3">
            <w:r>
              <w:t xml:space="preserve">      this.size += data.size == size ? 0 : 1;</w:t>
            </w:r>
          </w:p>
          <w:p w:rsidR="00156FB3" w:rsidRDefault="00156FB3" w:rsidP="00156FB3">
            <w:r>
              <w:t xml:space="preserve">      return this;</w:t>
            </w:r>
          </w:p>
          <w:p w:rsidR="00156FB3" w:rsidRDefault="00156FB3" w:rsidP="00156FB3">
            <w:r>
              <w:t xml:space="preserve">    }</w:t>
            </w:r>
          </w:p>
          <w:p w:rsidR="00156FB3" w:rsidRDefault="00156FB3" w:rsidP="00156FB3"/>
          <w:p w:rsidR="00156FB3" w:rsidRDefault="00156FB3" w:rsidP="00156FB3">
            <w:r>
              <w:t xml:space="preserve">    // Add methods to `MapCache`.</w:t>
            </w:r>
          </w:p>
          <w:p w:rsidR="00156FB3" w:rsidRDefault="00156FB3" w:rsidP="00156FB3">
            <w:r>
              <w:t xml:space="preserve">    MapCache.prototype.clear = mapCacheClear;</w:t>
            </w:r>
          </w:p>
          <w:p w:rsidR="00156FB3" w:rsidRDefault="00156FB3" w:rsidP="00156FB3">
            <w:r>
              <w:t xml:space="preserve">    MapCache.prototype['delete'] = mapCacheDelete;</w:t>
            </w:r>
          </w:p>
          <w:p w:rsidR="00156FB3" w:rsidRDefault="00156FB3" w:rsidP="00156FB3">
            <w:r>
              <w:t xml:space="preserve">    MapCache.prototype.get = mapCacheGet;</w:t>
            </w:r>
          </w:p>
          <w:p w:rsidR="00156FB3" w:rsidRDefault="00156FB3" w:rsidP="00156FB3">
            <w:r>
              <w:t xml:space="preserve">    MapCache.prototype.has = mapCacheHas;</w:t>
            </w:r>
          </w:p>
          <w:p w:rsidR="00156FB3" w:rsidRDefault="00156FB3" w:rsidP="00156FB3">
            <w:r>
              <w:t xml:space="preserve">    MapCache.prototype.set = mapCacheSet;</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w:t>
            </w:r>
          </w:p>
          <w:p w:rsidR="00156FB3" w:rsidRDefault="00156FB3" w:rsidP="00156FB3">
            <w:r>
              <w:t xml:space="preserve">     * Creates an array cache object to store unique values.</w:t>
            </w:r>
          </w:p>
          <w:p w:rsidR="00156FB3" w:rsidRDefault="00156FB3" w:rsidP="00156FB3">
            <w:r>
              <w:t xml:space="preserve">     *</w:t>
            </w:r>
          </w:p>
          <w:p w:rsidR="00156FB3" w:rsidRDefault="00156FB3" w:rsidP="00156FB3">
            <w:r>
              <w:t xml:space="preserve">     * @private</w:t>
            </w:r>
          </w:p>
          <w:p w:rsidR="00156FB3" w:rsidRDefault="00156FB3" w:rsidP="00156FB3">
            <w:r>
              <w:t xml:space="preserve">     * @constructor</w:t>
            </w:r>
          </w:p>
          <w:p w:rsidR="00156FB3" w:rsidRDefault="00156FB3" w:rsidP="00156FB3">
            <w:r>
              <w:t xml:space="preserve">     * @param {Array} [values] The values to cache.</w:t>
            </w:r>
          </w:p>
          <w:p w:rsidR="00156FB3" w:rsidRDefault="00156FB3" w:rsidP="00156FB3">
            <w:r>
              <w:t xml:space="preserve">     */</w:t>
            </w:r>
          </w:p>
          <w:p w:rsidR="00156FB3" w:rsidRDefault="00156FB3" w:rsidP="00156FB3">
            <w:r>
              <w:t xml:space="preserve">    function SetCache(values) {</w:t>
            </w:r>
          </w:p>
          <w:p w:rsidR="00156FB3" w:rsidRDefault="00156FB3" w:rsidP="00156FB3">
            <w:r>
              <w:t xml:space="preserve">      var index = -1,</w:t>
            </w:r>
          </w:p>
          <w:p w:rsidR="00156FB3" w:rsidRDefault="00156FB3" w:rsidP="00156FB3">
            <w:r>
              <w:t xml:space="preserve">          length = values == null ? 0 : values.length;</w:t>
            </w:r>
          </w:p>
          <w:p w:rsidR="00156FB3" w:rsidRDefault="00156FB3" w:rsidP="00156FB3"/>
          <w:p w:rsidR="00156FB3" w:rsidRDefault="00156FB3" w:rsidP="00156FB3">
            <w:r>
              <w:lastRenderedPageBreak/>
              <w:t xml:space="preserve">      this.__data__ = new MapCache;</w:t>
            </w:r>
          </w:p>
          <w:p w:rsidR="00156FB3" w:rsidRDefault="00156FB3" w:rsidP="00156FB3">
            <w:r>
              <w:t xml:space="preserve">      while (++index &lt; length) {</w:t>
            </w:r>
          </w:p>
          <w:p w:rsidR="00156FB3" w:rsidRDefault="00156FB3" w:rsidP="00156FB3">
            <w:r>
              <w:t xml:space="preserve">        this.add(values[index]);</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dds `value` to the array cache.</w:t>
            </w:r>
          </w:p>
          <w:p w:rsidR="00156FB3" w:rsidRDefault="00156FB3" w:rsidP="00156FB3">
            <w:r>
              <w:t xml:space="preserve">     *</w:t>
            </w:r>
          </w:p>
          <w:p w:rsidR="00156FB3" w:rsidRDefault="00156FB3" w:rsidP="00156FB3">
            <w:r>
              <w:t xml:space="preserve">     * @private</w:t>
            </w:r>
          </w:p>
          <w:p w:rsidR="00156FB3" w:rsidRDefault="00156FB3" w:rsidP="00156FB3">
            <w:r>
              <w:t xml:space="preserve">     * @name add</w:t>
            </w:r>
          </w:p>
          <w:p w:rsidR="00156FB3" w:rsidRDefault="00156FB3" w:rsidP="00156FB3">
            <w:r>
              <w:t xml:space="preserve">     * @memberOf SetCache</w:t>
            </w:r>
          </w:p>
          <w:p w:rsidR="00156FB3" w:rsidRDefault="00156FB3" w:rsidP="00156FB3">
            <w:r>
              <w:t xml:space="preserve">     * @alias push</w:t>
            </w:r>
          </w:p>
          <w:p w:rsidR="00156FB3" w:rsidRDefault="00156FB3" w:rsidP="00156FB3">
            <w:r>
              <w:t xml:space="preserve">     * @param {*} value The value to cache.</w:t>
            </w:r>
          </w:p>
          <w:p w:rsidR="00156FB3" w:rsidRDefault="00156FB3" w:rsidP="00156FB3">
            <w:r>
              <w:t xml:space="preserve">     * @returns {Object} Returns the cache instance.</w:t>
            </w:r>
          </w:p>
          <w:p w:rsidR="00156FB3" w:rsidRDefault="00156FB3" w:rsidP="00156FB3">
            <w:r>
              <w:t xml:space="preserve">     */</w:t>
            </w:r>
          </w:p>
          <w:p w:rsidR="00156FB3" w:rsidRDefault="00156FB3" w:rsidP="00156FB3">
            <w:r>
              <w:t xml:space="preserve">    function setCacheAdd(value) {</w:t>
            </w:r>
          </w:p>
          <w:p w:rsidR="00156FB3" w:rsidRDefault="00156FB3" w:rsidP="00156FB3">
            <w:r>
              <w:t xml:space="preserve">      this.__data__.set(value, HASH_UNDEFINED);</w:t>
            </w:r>
          </w:p>
          <w:p w:rsidR="00156FB3" w:rsidRDefault="00156FB3" w:rsidP="00156FB3">
            <w:r>
              <w:t xml:space="preserve">      return thi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in the array cache.</w:t>
            </w:r>
          </w:p>
          <w:p w:rsidR="00156FB3" w:rsidRDefault="00156FB3" w:rsidP="00156FB3">
            <w:r>
              <w:t xml:space="preserve">     *</w:t>
            </w:r>
          </w:p>
          <w:p w:rsidR="00156FB3" w:rsidRDefault="00156FB3" w:rsidP="00156FB3">
            <w:r>
              <w:t xml:space="preserve">     * @private</w:t>
            </w:r>
          </w:p>
          <w:p w:rsidR="00156FB3" w:rsidRDefault="00156FB3" w:rsidP="00156FB3">
            <w:r>
              <w:t xml:space="preserve">     * @name has</w:t>
            </w:r>
          </w:p>
          <w:p w:rsidR="00156FB3" w:rsidRDefault="00156FB3" w:rsidP="00156FB3">
            <w:r>
              <w:t xml:space="preserve">     * @memberOf SetCache</w:t>
            </w:r>
          </w:p>
          <w:p w:rsidR="00156FB3" w:rsidRDefault="00156FB3" w:rsidP="00156FB3">
            <w:r>
              <w:t xml:space="preserve">     * @param {*} value The value to search for.</w:t>
            </w:r>
          </w:p>
          <w:p w:rsidR="00156FB3" w:rsidRDefault="00156FB3" w:rsidP="00156FB3">
            <w:r>
              <w:t xml:space="preserve">     * @returns {number} Returns `true` if `value` is found, else `false`.</w:t>
            </w:r>
          </w:p>
          <w:p w:rsidR="00156FB3" w:rsidRDefault="00156FB3" w:rsidP="00156FB3">
            <w:r>
              <w:t xml:space="preserve">     */</w:t>
            </w:r>
          </w:p>
          <w:p w:rsidR="00156FB3" w:rsidRDefault="00156FB3" w:rsidP="00156FB3">
            <w:r>
              <w:t xml:space="preserve">    function setCacheHas(value) {</w:t>
            </w:r>
          </w:p>
          <w:p w:rsidR="00156FB3" w:rsidRDefault="00156FB3" w:rsidP="00156FB3">
            <w:r>
              <w:t xml:space="preserve">      return this.__data__.has(value);</w:t>
            </w:r>
          </w:p>
          <w:p w:rsidR="00156FB3" w:rsidRDefault="00156FB3" w:rsidP="00156FB3">
            <w:r>
              <w:t xml:space="preserve">    }</w:t>
            </w:r>
          </w:p>
          <w:p w:rsidR="00156FB3" w:rsidRDefault="00156FB3" w:rsidP="00156FB3"/>
          <w:p w:rsidR="00156FB3" w:rsidRDefault="00156FB3" w:rsidP="00156FB3">
            <w:r>
              <w:t xml:space="preserve">    // Add methods to `SetCache`.</w:t>
            </w:r>
          </w:p>
          <w:p w:rsidR="00156FB3" w:rsidRDefault="00156FB3" w:rsidP="00156FB3">
            <w:r>
              <w:t xml:space="preserve">    SetCache.prototype.add = SetCache.prototype.push = setCacheAdd;</w:t>
            </w:r>
          </w:p>
          <w:p w:rsidR="00156FB3" w:rsidRDefault="00156FB3" w:rsidP="00156FB3">
            <w:r>
              <w:t xml:space="preserve">    SetCache.prototype.has = setCacheHas;</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stack cache object to store key-value pairs.</w:t>
            </w:r>
          </w:p>
          <w:p w:rsidR="00156FB3" w:rsidRDefault="00156FB3" w:rsidP="00156FB3">
            <w:r>
              <w:t xml:space="preserve">     *</w:t>
            </w:r>
          </w:p>
          <w:p w:rsidR="00156FB3" w:rsidRDefault="00156FB3" w:rsidP="00156FB3">
            <w:r>
              <w:t xml:space="preserve">     * @private</w:t>
            </w:r>
          </w:p>
          <w:p w:rsidR="00156FB3" w:rsidRDefault="00156FB3" w:rsidP="00156FB3">
            <w:r>
              <w:t xml:space="preserve">     * @constructor</w:t>
            </w:r>
          </w:p>
          <w:p w:rsidR="00156FB3" w:rsidRDefault="00156FB3" w:rsidP="00156FB3">
            <w:r>
              <w:t xml:space="preserve">     * @param {Array} [entries] The key-value pairs to cache.</w:t>
            </w:r>
          </w:p>
          <w:p w:rsidR="00156FB3" w:rsidRDefault="00156FB3" w:rsidP="00156FB3">
            <w:r>
              <w:t xml:space="preserve">     */</w:t>
            </w:r>
          </w:p>
          <w:p w:rsidR="00156FB3" w:rsidRDefault="00156FB3" w:rsidP="00156FB3">
            <w:r>
              <w:t xml:space="preserve">    function Stack(entries) {</w:t>
            </w:r>
          </w:p>
          <w:p w:rsidR="00156FB3" w:rsidRDefault="00156FB3" w:rsidP="00156FB3">
            <w:r>
              <w:lastRenderedPageBreak/>
              <w:t xml:space="preserve">      var data = this.__data__ = new ListCache(entries);</w:t>
            </w:r>
          </w:p>
          <w:p w:rsidR="00156FB3" w:rsidRDefault="00156FB3" w:rsidP="00156FB3">
            <w:r>
              <w:t xml:space="preserve">      this.size = data.siz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moves all key-value entries from the stack.</w:t>
            </w:r>
          </w:p>
          <w:p w:rsidR="00156FB3" w:rsidRDefault="00156FB3" w:rsidP="00156FB3">
            <w:r>
              <w:t xml:space="preserve">     *</w:t>
            </w:r>
          </w:p>
          <w:p w:rsidR="00156FB3" w:rsidRDefault="00156FB3" w:rsidP="00156FB3">
            <w:r>
              <w:t xml:space="preserve">     * @private</w:t>
            </w:r>
          </w:p>
          <w:p w:rsidR="00156FB3" w:rsidRDefault="00156FB3" w:rsidP="00156FB3">
            <w:r>
              <w:t xml:space="preserve">     * @name clear</w:t>
            </w:r>
          </w:p>
          <w:p w:rsidR="00156FB3" w:rsidRDefault="00156FB3" w:rsidP="00156FB3">
            <w:r>
              <w:t xml:space="preserve">     * @memberOf Stack</w:t>
            </w:r>
          </w:p>
          <w:p w:rsidR="00156FB3" w:rsidRDefault="00156FB3" w:rsidP="00156FB3">
            <w:r>
              <w:t xml:space="preserve">     */</w:t>
            </w:r>
          </w:p>
          <w:p w:rsidR="00156FB3" w:rsidRDefault="00156FB3" w:rsidP="00156FB3">
            <w:r>
              <w:t xml:space="preserve">    function stackClear() {</w:t>
            </w:r>
          </w:p>
          <w:p w:rsidR="00156FB3" w:rsidRDefault="00156FB3" w:rsidP="00156FB3">
            <w:r>
              <w:t xml:space="preserve">      this.__data__ = new ListCache;</w:t>
            </w:r>
          </w:p>
          <w:p w:rsidR="00156FB3" w:rsidRDefault="00156FB3" w:rsidP="00156FB3">
            <w:r>
              <w:t xml:space="preserve">      this.size = 0;</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moves `key` and its value from the stack.</w:t>
            </w:r>
          </w:p>
          <w:p w:rsidR="00156FB3" w:rsidRDefault="00156FB3" w:rsidP="00156FB3">
            <w:r>
              <w:t xml:space="preserve">     *</w:t>
            </w:r>
          </w:p>
          <w:p w:rsidR="00156FB3" w:rsidRDefault="00156FB3" w:rsidP="00156FB3">
            <w:r>
              <w:t xml:space="preserve">     * @private</w:t>
            </w:r>
          </w:p>
          <w:p w:rsidR="00156FB3" w:rsidRDefault="00156FB3" w:rsidP="00156FB3">
            <w:r>
              <w:t xml:space="preserve">     * @name delete</w:t>
            </w:r>
          </w:p>
          <w:p w:rsidR="00156FB3" w:rsidRDefault="00156FB3" w:rsidP="00156FB3">
            <w:r>
              <w:t xml:space="preserve">     * @memberOf Stack</w:t>
            </w:r>
          </w:p>
          <w:p w:rsidR="00156FB3" w:rsidRDefault="00156FB3" w:rsidP="00156FB3">
            <w:r>
              <w:t xml:space="preserve">     * @param {string} key The key of the value to remove.</w:t>
            </w:r>
          </w:p>
          <w:p w:rsidR="00156FB3" w:rsidRDefault="00156FB3" w:rsidP="00156FB3">
            <w:r>
              <w:t xml:space="preserve">     * @returns {boolean} Returns `true` if the entry was removed, else `false`.</w:t>
            </w:r>
          </w:p>
          <w:p w:rsidR="00156FB3" w:rsidRDefault="00156FB3" w:rsidP="00156FB3">
            <w:r>
              <w:t xml:space="preserve">     */</w:t>
            </w:r>
          </w:p>
          <w:p w:rsidR="00156FB3" w:rsidRDefault="00156FB3" w:rsidP="00156FB3">
            <w:r>
              <w:t xml:space="preserve">    function stackDelete(key) {</w:t>
            </w:r>
          </w:p>
          <w:p w:rsidR="00156FB3" w:rsidRDefault="00156FB3" w:rsidP="00156FB3">
            <w:r>
              <w:t xml:space="preserve">      var data = this.__data__,</w:t>
            </w:r>
          </w:p>
          <w:p w:rsidR="00156FB3" w:rsidRDefault="00156FB3" w:rsidP="00156FB3">
            <w:r>
              <w:t xml:space="preserve">          result = data['delete'](key);</w:t>
            </w:r>
          </w:p>
          <w:p w:rsidR="00156FB3" w:rsidRDefault="00156FB3" w:rsidP="00156FB3"/>
          <w:p w:rsidR="00156FB3" w:rsidRDefault="00156FB3" w:rsidP="00156FB3">
            <w:r>
              <w:t xml:space="preserve">      this.size = data.size;</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stack value for `key`.</w:t>
            </w:r>
          </w:p>
          <w:p w:rsidR="00156FB3" w:rsidRDefault="00156FB3" w:rsidP="00156FB3">
            <w:r>
              <w:t xml:space="preserve">     *</w:t>
            </w:r>
          </w:p>
          <w:p w:rsidR="00156FB3" w:rsidRDefault="00156FB3" w:rsidP="00156FB3">
            <w:r>
              <w:t xml:space="preserve">     * @private</w:t>
            </w:r>
          </w:p>
          <w:p w:rsidR="00156FB3" w:rsidRDefault="00156FB3" w:rsidP="00156FB3">
            <w:r>
              <w:t xml:space="preserve">     * @name get</w:t>
            </w:r>
          </w:p>
          <w:p w:rsidR="00156FB3" w:rsidRDefault="00156FB3" w:rsidP="00156FB3">
            <w:r>
              <w:t xml:space="preserve">     * @memberOf Stack</w:t>
            </w:r>
          </w:p>
          <w:p w:rsidR="00156FB3" w:rsidRDefault="00156FB3" w:rsidP="00156FB3">
            <w:r>
              <w:t xml:space="preserve">     * @param {string} key The key of the value to get.</w:t>
            </w:r>
          </w:p>
          <w:p w:rsidR="00156FB3" w:rsidRDefault="00156FB3" w:rsidP="00156FB3">
            <w:r>
              <w:t xml:space="preserve">     * @returns {*} Returns the entry value.</w:t>
            </w:r>
          </w:p>
          <w:p w:rsidR="00156FB3" w:rsidRDefault="00156FB3" w:rsidP="00156FB3">
            <w:r>
              <w:t xml:space="preserve">     */</w:t>
            </w:r>
          </w:p>
          <w:p w:rsidR="00156FB3" w:rsidRDefault="00156FB3" w:rsidP="00156FB3">
            <w:r>
              <w:t xml:space="preserve">    function stackGet(key) {</w:t>
            </w:r>
          </w:p>
          <w:p w:rsidR="00156FB3" w:rsidRDefault="00156FB3" w:rsidP="00156FB3">
            <w:r>
              <w:t xml:space="preserve">      return this.__data__.get(ke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a stack value for `key` exists.</w:t>
            </w:r>
          </w:p>
          <w:p w:rsidR="00156FB3" w:rsidRDefault="00156FB3" w:rsidP="00156FB3">
            <w:r>
              <w:lastRenderedPageBreak/>
              <w:t xml:space="preserve">     *</w:t>
            </w:r>
          </w:p>
          <w:p w:rsidR="00156FB3" w:rsidRDefault="00156FB3" w:rsidP="00156FB3">
            <w:r>
              <w:t xml:space="preserve">     * @private</w:t>
            </w:r>
          </w:p>
          <w:p w:rsidR="00156FB3" w:rsidRDefault="00156FB3" w:rsidP="00156FB3">
            <w:r>
              <w:t xml:space="preserve">     * @name has</w:t>
            </w:r>
          </w:p>
          <w:p w:rsidR="00156FB3" w:rsidRDefault="00156FB3" w:rsidP="00156FB3">
            <w:r>
              <w:t xml:space="preserve">     * @memberOf Stack</w:t>
            </w:r>
          </w:p>
          <w:p w:rsidR="00156FB3" w:rsidRDefault="00156FB3" w:rsidP="00156FB3">
            <w:r>
              <w:t xml:space="preserve">     * @param {string} key The key of the entry to check.</w:t>
            </w:r>
          </w:p>
          <w:p w:rsidR="00156FB3" w:rsidRDefault="00156FB3" w:rsidP="00156FB3">
            <w:r>
              <w:t xml:space="preserve">     * @returns {boolean} Returns `true` if an entry for `key` exists, else `false`.</w:t>
            </w:r>
          </w:p>
          <w:p w:rsidR="00156FB3" w:rsidRDefault="00156FB3" w:rsidP="00156FB3">
            <w:r>
              <w:t xml:space="preserve">     */</w:t>
            </w:r>
          </w:p>
          <w:p w:rsidR="00156FB3" w:rsidRDefault="00156FB3" w:rsidP="00156FB3">
            <w:r>
              <w:t xml:space="preserve">    function stackHas(key) {</w:t>
            </w:r>
          </w:p>
          <w:p w:rsidR="00156FB3" w:rsidRDefault="00156FB3" w:rsidP="00156FB3">
            <w:r>
              <w:t xml:space="preserve">      return this.__data__.has(ke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Sets the stack `key` to `value`.</w:t>
            </w:r>
          </w:p>
          <w:p w:rsidR="00156FB3" w:rsidRDefault="00156FB3" w:rsidP="00156FB3">
            <w:r>
              <w:t xml:space="preserve">     *</w:t>
            </w:r>
          </w:p>
          <w:p w:rsidR="00156FB3" w:rsidRDefault="00156FB3" w:rsidP="00156FB3">
            <w:r>
              <w:t xml:space="preserve">     * @private</w:t>
            </w:r>
          </w:p>
          <w:p w:rsidR="00156FB3" w:rsidRDefault="00156FB3" w:rsidP="00156FB3">
            <w:r>
              <w:t xml:space="preserve">     * @name set</w:t>
            </w:r>
          </w:p>
          <w:p w:rsidR="00156FB3" w:rsidRDefault="00156FB3" w:rsidP="00156FB3">
            <w:r>
              <w:t xml:space="preserve">     * @memberOf Stack</w:t>
            </w:r>
          </w:p>
          <w:p w:rsidR="00156FB3" w:rsidRDefault="00156FB3" w:rsidP="00156FB3">
            <w:r>
              <w:t xml:space="preserve">     * @param {string} key The key of the value to set.</w:t>
            </w:r>
          </w:p>
          <w:p w:rsidR="00156FB3" w:rsidRDefault="00156FB3" w:rsidP="00156FB3">
            <w:r>
              <w:t xml:space="preserve">     * @param {*} value The value to set.</w:t>
            </w:r>
          </w:p>
          <w:p w:rsidR="00156FB3" w:rsidRDefault="00156FB3" w:rsidP="00156FB3">
            <w:r>
              <w:t xml:space="preserve">     * @returns {Object} Returns the stack cache instance.</w:t>
            </w:r>
          </w:p>
          <w:p w:rsidR="00156FB3" w:rsidRDefault="00156FB3" w:rsidP="00156FB3">
            <w:r>
              <w:t xml:space="preserve">     */</w:t>
            </w:r>
          </w:p>
          <w:p w:rsidR="00156FB3" w:rsidRDefault="00156FB3" w:rsidP="00156FB3">
            <w:r>
              <w:t xml:space="preserve">    function stackSet(key, value) {</w:t>
            </w:r>
          </w:p>
          <w:p w:rsidR="00156FB3" w:rsidRDefault="00156FB3" w:rsidP="00156FB3">
            <w:r>
              <w:t xml:space="preserve">      var data = this.__data__;</w:t>
            </w:r>
          </w:p>
          <w:p w:rsidR="00156FB3" w:rsidRDefault="00156FB3" w:rsidP="00156FB3">
            <w:r>
              <w:t xml:space="preserve">      if (data instanceof ListCache) {</w:t>
            </w:r>
          </w:p>
          <w:p w:rsidR="00156FB3" w:rsidRDefault="00156FB3" w:rsidP="00156FB3">
            <w:r>
              <w:t xml:space="preserve">        var pairs = data.__data__;</w:t>
            </w:r>
          </w:p>
          <w:p w:rsidR="00156FB3" w:rsidRDefault="00156FB3" w:rsidP="00156FB3">
            <w:r>
              <w:t xml:space="preserve">        if (!Map || (pairs.length &lt; LARGE_ARRAY_SIZE - 1)) {</w:t>
            </w:r>
          </w:p>
          <w:p w:rsidR="00156FB3" w:rsidRDefault="00156FB3" w:rsidP="00156FB3">
            <w:r>
              <w:t xml:space="preserve">          pairs.push([key, value]);</w:t>
            </w:r>
          </w:p>
          <w:p w:rsidR="00156FB3" w:rsidRDefault="00156FB3" w:rsidP="00156FB3">
            <w:r>
              <w:t xml:space="preserve">          this.size = ++data.size;</w:t>
            </w:r>
          </w:p>
          <w:p w:rsidR="00156FB3" w:rsidRDefault="00156FB3" w:rsidP="00156FB3">
            <w:r>
              <w:t xml:space="preserve">          return this;</w:t>
            </w:r>
          </w:p>
          <w:p w:rsidR="00156FB3" w:rsidRDefault="00156FB3" w:rsidP="00156FB3">
            <w:r>
              <w:t xml:space="preserve">        }</w:t>
            </w:r>
          </w:p>
          <w:p w:rsidR="00156FB3" w:rsidRDefault="00156FB3" w:rsidP="00156FB3">
            <w:r>
              <w:t xml:space="preserve">        data = this.__data__ = new MapCache(pairs);</w:t>
            </w:r>
          </w:p>
          <w:p w:rsidR="00156FB3" w:rsidRDefault="00156FB3" w:rsidP="00156FB3">
            <w:r>
              <w:t xml:space="preserve">      }</w:t>
            </w:r>
          </w:p>
          <w:p w:rsidR="00156FB3" w:rsidRDefault="00156FB3" w:rsidP="00156FB3">
            <w:r>
              <w:t xml:space="preserve">      data.set(key, value);</w:t>
            </w:r>
          </w:p>
          <w:p w:rsidR="00156FB3" w:rsidRDefault="00156FB3" w:rsidP="00156FB3">
            <w:r>
              <w:t xml:space="preserve">      this.size = data.size;</w:t>
            </w:r>
          </w:p>
          <w:p w:rsidR="00156FB3" w:rsidRDefault="00156FB3" w:rsidP="00156FB3">
            <w:r>
              <w:t xml:space="preserve">      return this;</w:t>
            </w:r>
          </w:p>
          <w:p w:rsidR="00156FB3" w:rsidRDefault="00156FB3" w:rsidP="00156FB3">
            <w:r>
              <w:t xml:space="preserve">    }</w:t>
            </w:r>
          </w:p>
          <w:p w:rsidR="00156FB3" w:rsidRDefault="00156FB3" w:rsidP="00156FB3"/>
          <w:p w:rsidR="00156FB3" w:rsidRDefault="00156FB3" w:rsidP="00156FB3">
            <w:r>
              <w:t xml:space="preserve">    // Add methods to `Stack`.</w:t>
            </w:r>
          </w:p>
          <w:p w:rsidR="00156FB3" w:rsidRDefault="00156FB3" w:rsidP="00156FB3">
            <w:r>
              <w:t xml:space="preserve">    Stack.prototype.clear = stackClear;</w:t>
            </w:r>
          </w:p>
          <w:p w:rsidR="00156FB3" w:rsidRDefault="00156FB3" w:rsidP="00156FB3">
            <w:r>
              <w:t xml:space="preserve">    Stack.prototype['delete'] = stackDelete;</w:t>
            </w:r>
          </w:p>
          <w:p w:rsidR="00156FB3" w:rsidRDefault="00156FB3" w:rsidP="00156FB3">
            <w:r>
              <w:t xml:space="preserve">    Stack.prototype.get = stackGet;</w:t>
            </w:r>
          </w:p>
          <w:p w:rsidR="00156FB3" w:rsidRDefault="00156FB3" w:rsidP="00156FB3">
            <w:r>
              <w:t xml:space="preserve">    Stack.prototype.has = stackHas;</w:t>
            </w:r>
          </w:p>
          <w:p w:rsidR="00156FB3" w:rsidRDefault="00156FB3" w:rsidP="00156FB3">
            <w:r>
              <w:t xml:space="preserve">    Stack.prototype.set = stackSet;</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of the enumerable property names of the array-like `value`.</w:t>
            </w:r>
          </w:p>
          <w:p w:rsidR="00156FB3" w:rsidRDefault="00156FB3" w:rsidP="00156FB3">
            <w:r>
              <w:lastRenderedPageBreak/>
              <w:t xml:space="preserve">     *</w:t>
            </w:r>
          </w:p>
          <w:p w:rsidR="00156FB3" w:rsidRDefault="00156FB3" w:rsidP="00156FB3">
            <w:r>
              <w:t xml:space="preserve">     * @private</w:t>
            </w:r>
          </w:p>
          <w:p w:rsidR="00156FB3" w:rsidRDefault="00156FB3" w:rsidP="00156FB3">
            <w:r>
              <w:t xml:space="preserve">     * @param {*} value The value to query.</w:t>
            </w:r>
          </w:p>
          <w:p w:rsidR="00156FB3" w:rsidRDefault="00156FB3" w:rsidP="00156FB3">
            <w:r>
              <w:t xml:space="preserve">     * @param {boolean} inherited Specify returning inherited property names.</w:t>
            </w:r>
          </w:p>
          <w:p w:rsidR="00156FB3" w:rsidRDefault="00156FB3" w:rsidP="00156FB3">
            <w:r>
              <w:t xml:space="preserve">     * @returns {Array} Returns the array of property names.</w:t>
            </w:r>
          </w:p>
          <w:p w:rsidR="00156FB3" w:rsidRDefault="00156FB3" w:rsidP="00156FB3">
            <w:r>
              <w:t xml:space="preserve">     */</w:t>
            </w:r>
          </w:p>
          <w:p w:rsidR="00156FB3" w:rsidRDefault="00156FB3" w:rsidP="00156FB3">
            <w:r>
              <w:t xml:space="preserve">    function arrayLikeKeys(value, inherited) {</w:t>
            </w:r>
          </w:p>
          <w:p w:rsidR="00156FB3" w:rsidRDefault="00156FB3" w:rsidP="00156FB3">
            <w:r>
              <w:t xml:space="preserve">      var isArr = isArray(value),</w:t>
            </w:r>
          </w:p>
          <w:p w:rsidR="00156FB3" w:rsidRDefault="00156FB3" w:rsidP="00156FB3">
            <w:r>
              <w:t xml:space="preserve">          isArg = !isArr &amp;&amp; isArguments(value),</w:t>
            </w:r>
          </w:p>
          <w:p w:rsidR="00156FB3" w:rsidRDefault="00156FB3" w:rsidP="00156FB3">
            <w:r>
              <w:t xml:space="preserve">          isBuff = !isArr &amp;&amp; !isArg &amp;&amp; isBuffer(value),</w:t>
            </w:r>
          </w:p>
          <w:p w:rsidR="00156FB3" w:rsidRDefault="00156FB3" w:rsidP="00156FB3">
            <w:r>
              <w:t xml:space="preserve">          isType = !isArr &amp;&amp; !isArg &amp;&amp; !isBuff &amp;&amp; isTypedArray(value),</w:t>
            </w:r>
          </w:p>
          <w:p w:rsidR="00156FB3" w:rsidRDefault="00156FB3" w:rsidP="00156FB3">
            <w:r>
              <w:t xml:space="preserve">          skipIndexes = isArr || isArg || isBuff || isType,</w:t>
            </w:r>
          </w:p>
          <w:p w:rsidR="00156FB3" w:rsidRDefault="00156FB3" w:rsidP="00156FB3">
            <w:r>
              <w:t xml:space="preserve">          result = skipIndexes ? baseTimes(value.length, String) : [],</w:t>
            </w:r>
          </w:p>
          <w:p w:rsidR="00156FB3" w:rsidRDefault="00156FB3" w:rsidP="00156FB3">
            <w:r>
              <w:t xml:space="preserve">          length = result.length;</w:t>
            </w:r>
          </w:p>
          <w:p w:rsidR="00156FB3" w:rsidRDefault="00156FB3" w:rsidP="00156FB3"/>
          <w:p w:rsidR="00156FB3" w:rsidRDefault="00156FB3" w:rsidP="00156FB3">
            <w:r>
              <w:t xml:space="preserve">      for (var key in value) {</w:t>
            </w:r>
          </w:p>
          <w:p w:rsidR="00156FB3" w:rsidRDefault="00156FB3" w:rsidP="00156FB3">
            <w:r>
              <w:t xml:space="preserve">        if ((inherited || hasOwnProperty.call(value, key)) &amp;&amp;</w:t>
            </w:r>
          </w:p>
          <w:p w:rsidR="00156FB3" w:rsidRDefault="00156FB3" w:rsidP="00156FB3">
            <w:r>
              <w:t xml:space="preserve">            !(skipIndexes &amp;&amp; (</w:t>
            </w:r>
          </w:p>
          <w:p w:rsidR="00156FB3" w:rsidRDefault="00156FB3" w:rsidP="00156FB3">
            <w:r>
              <w:t xml:space="preserve">               // Safari 9 has enumerable `arguments.length` in strict mode.</w:t>
            </w:r>
          </w:p>
          <w:p w:rsidR="00156FB3" w:rsidRDefault="00156FB3" w:rsidP="00156FB3">
            <w:r>
              <w:t xml:space="preserve">               key == 'length' ||</w:t>
            </w:r>
          </w:p>
          <w:p w:rsidR="00156FB3" w:rsidRDefault="00156FB3" w:rsidP="00156FB3">
            <w:r>
              <w:t xml:space="preserve">               // Node.js 0.10 has enumerable non-index properties on buffers.</w:t>
            </w:r>
          </w:p>
          <w:p w:rsidR="00156FB3" w:rsidRDefault="00156FB3" w:rsidP="00156FB3">
            <w:r>
              <w:t xml:space="preserve">               (isBuff &amp;&amp; (key == 'offset' || key == 'parent')) ||</w:t>
            </w:r>
          </w:p>
          <w:p w:rsidR="00156FB3" w:rsidRDefault="00156FB3" w:rsidP="00156FB3">
            <w:r>
              <w:t xml:space="preserve">               // PhantomJS 2 has enumerable non-index properties on typed arrays.</w:t>
            </w:r>
          </w:p>
          <w:p w:rsidR="00156FB3" w:rsidRDefault="00156FB3" w:rsidP="00156FB3">
            <w:r>
              <w:t xml:space="preserve">               (isType &amp;&amp; (key == 'buffer' || key == 'byteLength' || key == 'byteOffset')) ||</w:t>
            </w:r>
          </w:p>
          <w:p w:rsidR="00156FB3" w:rsidRDefault="00156FB3" w:rsidP="00156FB3">
            <w:r>
              <w:t xml:space="preserve">               // Skip index properties.</w:t>
            </w:r>
          </w:p>
          <w:p w:rsidR="00156FB3" w:rsidRDefault="00156FB3" w:rsidP="00156FB3">
            <w:r>
              <w:t xml:space="preserve">               isIndex(key, length)</w:t>
            </w:r>
          </w:p>
          <w:p w:rsidR="00156FB3" w:rsidRDefault="00156FB3" w:rsidP="00156FB3">
            <w:r>
              <w:t xml:space="preserve">            ))) {</w:t>
            </w:r>
          </w:p>
          <w:p w:rsidR="00156FB3" w:rsidRDefault="00156FB3" w:rsidP="00156FB3">
            <w:r>
              <w:t xml:space="preserve">          result.push(key);</w:t>
            </w:r>
          </w:p>
          <w:p w:rsidR="00156FB3" w:rsidRDefault="00156FB3" w:rsidP="00156FB3">
            <w:r>
              <w:t xml:space="preserve">        }</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_.sample` for array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sample.</w:t>
            </w:r>
          </w:p>
          <w:p w:rsidR="00156FB3" w:rsidRDefault="00156FB3" w:rsidP="00156FB3">
            <w:r>
              <w:t xml:space="preserve">     * @returns {*} Returns the random element.</w:t>
            </w:r>
          </w:p>
          <w:p w:rsidR="00156FB3" w:rsidRDefault="00156FB3" w:rsidP="00156FB3">
            <w:r>
              <w:t xml:space="preserve">     */</w:t>
            </w:r>
          </w:p>
          <w:p w:rsidR="00156FB3" w:rsidRDefault="00156FB3" w:rsidP="00156FB3">
            <w:r>
              <w:t xml:space="preserve">    function arraySample(array) {</w:t>
            </w:r>
          </w:p>
          <w:p w:rsidR="00156FB3" w:rsidRDefault="00156FB3" w:rsidP="00156FB3">
            <w:r>
              <w:t xml:space="preserve">      var length = array.length;</w:t>
            </w:r>
          </w:p>
          <w:p w:rsidR="00156FB3" w:rsidRDefault="00156FB3" w:rsidP="00156FB3">
            <w:r>
              <w:t xml:space="preserve">      return length ? array[baseRandom(0, length - 1)] : undefine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_.sampleSize` for arrays.</w:t>
            </w:r>
          </w:p>
          <w:p w:rsidR="00156FB3" w:rsidRDefault="00156FB3" w:rsidP="00156FB3">
            <w:r>
              <w:t xml:space="preserve">     *</w:t>
            </w:r>
          </w:p>
          <w:p w:rsidR="00156FB3" w:rsidRDefault="00156FB3" w:rsidP="00156FB3">
            <w:r>
              <w:lastRenderedPageBreak/>
              <w:t xml:space="preserve">     * @private</w:t>
            </w:r>
          </w:p>
          <w:p w:rsidR="00156FB3" w:rsidRDefault="00156FB3" w:rsidP="00156FB3">
            <w:r>
              <w:t xml:space="preserve">     * @param {Array} array The array to sample.</w:t>
            </w:r>
          </w:p>
          <w:p w:rsidR="00156FB3" w:rsidRDefault="00156FB3" w:rsidP="00156FB3">
            <w:r>
              <w:t xml:space="preserve">     * @param {number} n The number of elements to sample.</w:t>
            </w:r>
          </w:p>
          <w:p w:rsidR="00156FB3" w:rsidRDefault="00156FB3" w:rsidP="00156FB3">
            <w:r>
              <w:t xml:space="preserve">     * @returns {Array} Returns the random elements.</w:t>
            </w:r>
          </w:p>
          <w:p w:rsidR="00156FB3" w:rsidRDefault="00156FB3" w:rsidP="00156FB3">
            <w:r>
              <w:t xml:space="preserve">     */</w:t>
            </w:r>
          </w:p>
          <w:p w:rsidR="00156FB3" w:rsidRDefault="00156FB3" w:rsidP="00156FB3">
            <w:r>
              <w:t xml:space="preserve">    function arraySampleSize(array, n) {</w:t>
            </w:r>
          </w:p>
          <w:p w:rsidR="00156FB3" w:rsidRDefault="00156FB3" w:rsidP="00156FB3">
            <w:r>
              <w:t xml:space="preserve">      return shuffleSelf(copyArray(array), baseClamp(n, 0, array.length));</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_.shuffle` for array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shuffle.</w:t>
            </w:r>
          </w:p>
          <w:p w:rsidR="00156FB3" w:rsidRDefault="00156FB3" w:rsidP="00156FB3">
            <w:r>
              <w:t xml:space="preserve">     * @returns {Array} Returns the new shuffled array.</w:t>
            </w:r>
          </w:p>
          <w:p w:rsidR="00156FB3" w:rsidRDefault="00156FB3" w:rsidP="00156FB3">
            <w:r>
              <w:t xml:space="preserve">     */</w:t>
            </w:r>
          </w:p>
          <w:p w:rsidR="00156FB3" w:rsidRDefault="00156FB3" w:rsidP="00156FB3">
            <w:r>
              <w:t xml:space="preserve">    function arrayShuffle(array) {</w:t>
            </w:r>
          </w:p>
          <w:p w:rsidR="00156FB3" w:rsidRDefault="00156FB3" w:rsidP="00156FB3">
            <w:r>
              <w:t xml:space="preserve">      return shuffleSelf(copyArray(arra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function is like `assignValue` except that it doesn't assign</w:t>
            </w:r>
          </w:p>
          <w:p w:rsidR="00156FB3" w:rsidRDefault="00156FB3" w:rsidP="00156FB3">
            <w:r>
              <w:t xml:space="preserve">     * `undefined` value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modify.</w:t>
            </w:r>
          </w:p>
          <w:p w:rsidR="00156FB3" w:rsidRDefault="00156FB3" w:rsidP="00156FB3">
            <w:r>
              <w:t xml:space="preserve">     * @param {string} key The key of the property to assign.</w:t>
            </w:r>
          </w:p>
          <w:p w:rsidR="00156FB3" w:rsidRDefault="00156FB3" w:rsidP="00156FB3">
            <w:r>
              <w:t xml:space="preserve">     * @param {*} value The value to assign.</w:t>
            </w:r>
          </w:p>
          <w:p w:rsidR="00156FB3" w:rsidRDefault="00156FB3" w:rsidP="00156FB3">
            <w:r>
              <w:t xml:space="preserve">     */</w:t>
            </w:r>
          </w:p>
          <w:p w:rsidR="00156FB3" w:rsidRDefault="00156FB3" w:rsidP="00156FB3">
            <w:r>
              <w:t xml:space="preserve">    function assignMergeValue(object, key, value) {</w:t>
            </w:r>
          </w:p>
          <w:p w:rsidR="00156FB3" w:rsidRDefault="00156FB3" w:rsidP="00156FB3">
            <w:r>
              <w:t xml:space="preserve">      if ((value !== undefined &amp;&amp; !eq(object[key], value)) ||</w:t>
            </w:r>
          </w:p>
          <w:p w:rsidR="00156FB3" w:rsidRDefault="00156FB3" w:rsidP="00156FB3">
            <w:r>
              <w:t xml:space="preserve">          (value === undefined &amp;&amp; !(key in object))) {</w:t>
            </w:r>
          </w:p>
          <w:p w:rsidR="00156FB3" w:rsidRDefault="00156FB3" w:rsidP="00156FB3">
            <w:r>
              <w:t xml:space="preserve">        baseAssignValue(object, key, val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ssigns `value` to `key` of `object` if the existing value is not equivalent</w:t>
            </w:r>
          </w:p>
          <w:p w:rsidR="00156FB3" w:rsidRDefault="00156FB3" w:rsidP="00156FB3">
            <w:r>
              <w:t xml:space="preserve">     * using [`SameValueZero`](http://ecma-international.org/ecma-262/7.0/#sec-samevaluezero)</w:t>
            </w:r>
          </w:p>
          <w:p w:rsidR="00156FB3" w:rsidRDefault="00156FB3" w:rsidP="00156FB3">
            <w:r>
              <w:t xml:space="preserve">     * for equality comparison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modify.</w:t>
            </w:r>
          </w:p>
          <w:p w:rsidR="00156FB3" w:rsidRDefault="00156FB3" w:rsidP="00156FB3">
            <w:r>
              <w:t xml:space="preserve">     * @param {string} key The key of the property to assign.</w:t>
            </w:r>
          </w:p>
          <w:p w:rsidR="00156FB3" w:rsidRDefault="00156FB3" w:rsidP="00156FB3">
            <w:r>
              <w:t xml:space="preserve">     * @param {*} value The value to assign.</w:t>
            </w:r>
          </w:p>
          <w:p w:rsidR="00156FB3" w:rsidRDefault="00156FB3" w:rsidP="00156FB3">
            <w:r>
              <w:t xml:space="preserve">     */</w:t>
            </w:r>
          </w:p>
          <w:p w:rsidR="00156FB3" w:rsidRDefault="00156FB3" w:rsidP="00156FB3">
            <w:r>
              <w:t xml:space="preserve">    function assignValue(object, key, value) {</w:t>
            </w:r>
          </w:p>
          <w:p w:rsidR="00156FB3" w:rsidRDefault="00156FB3" w:rsidP="00156FB3">
            <w:r>
              <w:t xml:space="preserve">      var objValue = object[key];</w:t>
            </w:r>
          </w:p>
          <w:p w:rsidR="00156FB3" w:rsidRDefault="00156FB3" w:rsidP="00156FB3">
            <w:r>
              <w:lastRenderedPageBreak/>
              <w:t xml:space="preserve">      if (!(hasOwnProperty.call(object, key) &amp;&amp; eq(objValue, value)) ||</w:t>
            </w:r>
          </w:p>
          <w:p w:rsidR="00156FB3" w:rsidRDefault="00156FB3" w:rsidP="00156FB3">
            <w:r>
              <w:t xml:space="preserve">          (value === undefined &amp;&amp; !(key in object))) {</w:t>
            </w:r>
          </w:p>
          <w:p w:rsidR="00156FB3" w:rsidRDefault="00156FB3" w:rsidP="00156FB3">
            <w:r>
              <w:t xml:space="preserve">        baseAssignValue(object, key, val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index at which the `key` is found in `array` of key-value pair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nspect.</w:t>
            </w:r>
          </w:p>
          <w:p w:rsidR="00156FB3" w:rsidRDefault="00156FB3" w:rsidP="00156FB3">
            <w:r>
              <w:t xml:space="preserve">     * @param {*} key The key to search for.</w:t>
            </w:r>
          </w:p>
          <w:p w:rsidR="00156FB3" w:rsidRDefault="00156FB3" w:rsidP="00156FB3">
            <w:r>
              <w:t xml:space="preserve">     * @returns {number} Returns the index of the matched value, else `-1`.</w:t>
            </w:r>
          </w:p>
          <w:p w:rsidR="00156FB3" w:rsidRDefault="00156FB3" w:rsidP="00156FB3">
            <w:r>
              <w:t xml:space="preserve">     */</w:t>
            </w:r>
          </w:p>
          <w:p w:rsidR="00156FB3" w:rsidRDefault="00156FB3" w:rsidP="00156FB3">
            <w:r>
              <w:t xml:space="preserve">    function assocIndexOf(array, key) {</w:t>
            </w:r>
          </w:p>
          <w:p w:rsidR="00156FB3" w:rsidRDefault="00156FB3" w:rsidP="00156FB3">
            <w:r>
              <w:t xml:space="preserve">      var length = array.length;</w:t>
            </w:r>
          </w:p>
          <w:p w:rsidR="00156FB3" w:rsidRDefault="00156FB3" w:rsidP="00156FB3">
            <w:r>
              <w:t xml:space="preserve">      while (length--) {</w:t>
            </w:r>
          </w:p>
          <w:p w:rsidR="00156FB3" w:rsidRDefault="00156FB3" w:rsidP="00156FB3">
            <w:r>
              <w:t xml:space="preserve">        if (eq(array[length][0], key)) {</w:t>
            </w:r>
          </w:p>
          <w:p w:rsidR="00156FB3" w:rsidRDefault="00156FB3" w:rsidP="00156FB3">
            <w:r>
              <w:t xml:space="preserve">          return length;</w:t>
            </w:r>
          </w:p>
          <w:p w:rsidR="00156FB3" w:rsidRDefault="00156FB3" w:rsidP="00156FB3">
            <w:r>
              <w:t xml:space="preserve">        }</w:t>
            </w:r>
          </w:p>
          <w:p w:rsidR="00156FB3" w:rsidRDefault="00156FB3" w:rsidP="00156FB3">
            <w:r>
              <w:t xml:space="preserve">      }</w:t>
            </w:r>
          </w:p>
          <w:p w:rsidR="00156FB3" w:rsidRDefault="00156FB3" w:rsidP="00156FB3">
            <w:r>
              <w:t xml:space="preserve">      return -1;</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ggregates elements of `collection` on `accumulator` with keys transformed</w:t>
            </w:r>
          </w:p>
          <w:p w:rsidR="00156FB3" w:rsidRDefault="00156FB3" w:rsidP="00156FB3">
            <w:r>
              <w:t xml:space="preserve">     * by `iteratee` and values set by `setter`.</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Object} collection The collection to iterate over.</w:t>
            </w:r>
          </w:p>
          <w:p w:rsidR="00156FB3" w:rsidRDefault="00156FB3" w:rsidP="00156FB3">
            <w:r>
              <w:t xml:space="preserve">     * @param {Function} setter The function to set `accumulator` values.</w:t>
            </w:r>
          </w:p>
          <w:p w:rsidR="00156FB3" w:rsidRDefault="00156FB3" w:rsidP="00156FB3">
            <w:r>
              <w:t xml:space="preserve">     * @param {Function} iteratee The iteratee to transform keys.</w:t>
            </w:r>
          </w:p>
          <w:p w:rsidR="00156FB3" w:rsidRDefault="00156FB3" w:rsidP="00156FB3">
            <w:r>
              <w:t xml:space="preserve">     * @param {Object} accumulator The initial aggregated object.</w:t>
            </w:r>
          </w:p>
          <w:p w:rsidR="00156FB3" w:rsidRDefault="00156FB3" w:rsidP="00156FB3">
            <w:r>
              <w:t xml:space="preserve">     * @returns {Function} Returns `accumulator`.</w:t>
            </w:r>
          </w:p>
          <w:p w:rsidR="00156FB3" w:rsidRDefault="00156FB3" w:rsidP="00156FB3">
            <w:r>
              <w:t xml:space="preserve">     */</w:t>
            </w:r>
          </w:p>
          <w:p w:rsidR="00156FB3" w:rsidRDefault="00156FB3" w:rsidP="00156FB3">
            <w:r>
              <w:t xml:space="preserve">    function baseAggregator(collection, setter, iteratee, accumulator) {</w:t>
            </w:r>
          </w:p>
          <w:p w:rsidR="00156FB3" w:rsidRDefault="00156FB3" w:rsidP="00156FB3">
            <w:r>
              <w:t xml:space="preserve">      baseEach(collection, function(value, key, collection) {</w:t>
            </w:r>
          </w:p>
          <w:p w:rsidR="00156FB3" w:rsidRDefault="00156FB3" w:rsidP="00156FB3">
            <w:r>
              <w:t xml:space="preserve">        setter(accumulator, value, iteratee(value), collection);</w:t>
            </w:r>
          </w:p>
          <w:p w:rsidR="00156FB3" w:rsidRDefault="00156FB3" w:rsidP="00156FB3">
            <w:r>
              <w:t xml:space="preserve">      });</w:t>
            </w:r>
          </w:p>
          <w:p w:rsidR="00156FB3" w:rsidRDefault="00156FB3" w:rsidP="00156FB3">
            <w:r>
              <w:t xml:space="preserve">      return accumulato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assign` without support for multiple sources</w:t>
            </w:r>
          </w:p>
          <w:p w:rsidR="00156FB3" w:rsidRDefault="00156FB3" w:rsidP="00156FB3">
            <w:r>
              <w:t xml:space="preserve">     * or `customizer` function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destination object.</w:t>
            </w:r>
          </w:p>
          <w:p w:rsidR="00156FB3" w:rsidRDefault="00156FB3" w:rsidP="00156FB3">
            <w:r>
              <w:lastRenderedPageBreak/>
              <w:t xml:space="preserve">     * @param {Object} source The source object.</w:t>
            </w:r>
          </w:p>
          <w:p w:rsidR="00156FB3" w:rsidRDefault="00156FB3" w:rsidP="00156FB3">
            <w:r>
              <w:t xml:space="preserve">     * @returns {Object} Returns `object`.</w:t>
            </w:r>
          </w:p>
          <w:p w:rsidR="00156FB3" w:rsidRDefault="00156FB3" w:rsidP="00156FB3">
            <w:r>
              <w:t xml:space="preserve">     */</w:t>
            </w:r>
          </w:p>
          <w:p w:rsidR="00156FB3" w:rsidRDefault="00156FB3" w:rsidP="00156FB3">
            <w:r>
              <w:t xml:space="preserve">    function baseAssign(object, source) {</w:t>
            </w:r>
          </w:p>
          <w:p w:rsidR="00156FB3" w:rsidRDefault="00156FB3" w:rsidP="00156FB3">
            <w:r>
              <w:t xml:space="preserve">      return object &amp;&amp; copyObject(source, keys(source), 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assignIn` without support for multiple sources</w:t>
            </w:r>
          </w:p>
          <w:p w:rsidR="00156FB3" w:rsidRDefault="00156FB3" w:rsidP="00156FB3">
            <w:r>
              <w:t xml:space="preserve">     * or `customizer` function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destination object.</w:t>
            </w:r>
          </w:p>
          <w:p w:rsidR="00156FB3" w:rsidRDefault="00156FB3" w:rsidP="00156FB3">
            <w:r>
              <w:t xml:space="preserve">     * @param {Object} source The source object.</w:t>
            </w:r>
          </w:p>
          <w:p w:rsidR="00156FB3" w:rsidRDefault="00156FB3" w:rsidP="00156FB3">
            <w:r>
              <w:t xml:space="preserve">     * @returns {Object} Returns `object`.</w:t>
            </w:r>
          </w:p>
          <w:p w:rsidR="00156FB3" w:rsidRDefault="00156FB3" w:rsidP="00156FB3">
            <w:r>
              <w:t xml:space="preserve">     */</w:t>
            </w:r>
          </w:p>
          <w:p w:rsidR="00156FB3" w:rsidRDefault="00156FB3" w:rsidP="00156FB3">
            <w:r>
              <w:t xml:space="preserve">    function baseAssignIn(object, source) {</w:t>
            </w:r>
          </w:p>
          <w:p w:rsidR="00156FB3" w:rsidRDefault="00156FB3" w:rsidP="00156FB3">
            <w:r>
              <w:t xml:space="preserve">      return object &amp;&amp; copyObject(source, keysIn(source), 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assignValue` and `assignMergeValue` without</w:t>
            </w:r>
          </w:p>
          <w:p w:rsidR="00156FB3" w:rsidRDefault="00156FB3" w:rsidP="00156FB3">
            <w:r>
              <w:t xml:space="preserve">     * value check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modify.</w:t>
            </w:r>
          </w:p>
          <w:p w:rsidR="00156FB3" w:rsidRDefault="00156FB3" w:rsidP="00156FB3">
            <w:r>
              <w:t xml:space="preserve">     * @param {string} key The key of the property to assign.</w:t>
            </w:r>
          </w:p>
          <w:p w:rsidR="00156FB3" w:rsidRDefault="00156FB3" w:rsidP="00156FB3">
            <w:r>
              <w:t xml:space="preserve">     * @param {*} value The value to assign.</w:t>
            </w:r>
          </w:p>
          <w:p w:rsidR="00156FB3" w:rsidRDefault="00156FB3" w:rsidP="00156FB3">
            <w:r>
              <w:t xml:space="preserve">     */</w:t>
            </w:r>
          </w:p>
          <w:p w:rsidR="00156FB3" w:rsidRDefault="00156FB3" w:rsidP="00156FB3">
            <w:r>
              <w:t xml:space="preserve">    function baseAssignValue(object, key, value) {</w:t>
            </w:r>
          </w:p>
          <w:p w:rsidR="00156FB3" w:rsidRDefault="00156FB3" w:rsidP="00156FB3">
            <w:r>
              <w:t xml:space="preserve">      if (key == '__proto__' &amp;&amp; defineProperty) {</w:t>
            </w:r>
          </w:p>
          <w:p w:rsidR="00156FB3" w:rsidRDefault="00156FB3" w:rsidP="00156FB3">
            <w:r>
              <w:t xml:space="preserve">        defineProperty(object, key, {</w:t>
            </w:r>
          </w:p>
          <w:p w:rsidR="00156FB3" w:rsidRDefault="00156FB3" w:rsidP="00156FB3">
            <w:r>
              <w:t xml:space="preserve">          'configurable': true,</w:t>
            </w:r>
          </w:p>
          <w:p w:rsidR="00156FB3" w:rsidRDefault="00156FB3" w:rsidP="00156FB3">
            <w:r>
              <w:t xml:space="preserve">          'enumerable': true,</w:t>
            </w:r>
          </w:p>
          <w:p w:rsidR="00156FB3" w:rsidRDefault="00156FB3" w:rsidP="00156FB3">
            <w:r>
              <w:t xml:space="preserve">          'value': value,</w:t>
            </w:r>
          </w:p>
          <w:p w:rsidR="00156FB3" w:rsidRDefault="00156FB3" w:rsidP="00156FB3">
            <w:r>
              <w:t xml:space="preserve">          'writable': true</w:t>
            </w:r>
          </w:p>
          <w:p w:rsidR="00156FB3" w:rsidRDefault="00156FB3" w:rsidP="00156FB3">
            <w:r>
              <w:t xml:space="preserve">        });</w:t>
            </w:r>
          </w:p>
          <w:p w:rsidR="00156FB3" w:rsidRDefault="00156FB3" w:rsidP="00156FB3">
            <w:r>
              <w:t xml:space="preserve">      } else {</w:t>
            </w:r>
          </w:p>
          <w:p w:rsidR="00156FB3" w:rsidRDefault="00156FB3" w:rsidP="00156FB3">
            <w:r>
              <w:t xml:space="preserve">        object[key] = val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at` without support for individual path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iterate over.</w:t>
            </w:r>
          </w:p>
          <w:p w:rsidR="00156FB3" w:rsidRDefault="00156FB3" w:rsidP="00156FB3">
            <w:r>
              <w:t xml:space="preserve">     * @param {string[]} paths The property paths to pick.</w:t>
            </w:r>
          </w:p>
          <w:p w:rsidR="00156FB3" w:rsidRDefault="00156FB3" w:rsidP="00156FB3">
            <w:r>
              <w:lastRenderedPageBreak/>
              <w:t xml:space="preserve">     * @returns {Array} Returns the picked elements.</w:t>
            </w:r>
          </w:p>
          <w:p w:rsidR="00156FB3" w:rsidRDefault="00156FB3" w:rsidP="00156FB3">
            <w:r>
              <w:t xml:space="preserve">     */</w:t>
            </w:r>
          </w:p>
          <w:p w:rsidR="00156FB3" w:rsidRDefault="00156FB3" w:rsidP="00156FB3">
            <w:r>
              <w:t xml:space="preserve">    function baseAt(object, paths) {</w:t>
            </w:r>
          </w:p>
          <w:p w:rsidR="00156FB3" w:rsidRDefault="00156FB3" w:rsidP="00156FB3">
            <w:r>
              <w:t xml:space="preserve">      var index = -1,</w:t>
            </w:r>
          </w:p>
          <w:p w:rsidR="00156FB3" w:rsidRDefault="00156FB3" w:rsidP="00156FB3">
            <w:r>
              <w:t xml:space="preserve">          length = paths.length,</w:t>
            </w:r>
          </w:p>
          <w:p w:rsidR="00156FB3" w:rsidRDefault="00156FB3" w:rsidP="00156FB3">
            <w:r>
              <w:t xml:space="preserve">          result = Array(length),</w:t>
            </w:r>
          </w:p>
          <w:p w:rsidR="00156FB3" w:rsidRDefault="00156FB3" w:rsidP="00156FB3">
            <w:r>
              <w:t xml:space="preserve">          skip = object == null;</w:t>
            </w:r>
          </w:p>
          <w:p w:rsidR="00156FB3" w:rsidRDefault="00156FB3" w:rsidP="00156FB3"/>
          <w:p w:rsidR="00156FB3" w:rsidRDefault="00156FB3" w:rsidP="00156FB3">
            <w:r>
              <w:t xml:space="preserve">      while (++index &lt; length) {</w:t>
            </w:r>
          </w:p>
          <w:p w:rsidR="00156FB3" w:rsidRDefault="00156FB3" w:rsidP="00156FB3">
            <w:r>
              <w:t xml:space="preserve">        result[index] = skip ? undefined : get(object, paths[index]);</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clamp` which doesn't coerce arguments.</w:t>
            </w:r>
          </w:p>
          <w:p w:rsidR="00156FB3" w:rsidRDefault="00156FB3" w:rsidP="00156FB3">
            <w:r>
              <w:t xml:space="preserve">     *</w:t>
            </w:r>
          </w:p>
          <w:p w:rsidR="00156FB3" w:rsidRDefault="00156FB3" w:rsidP="00156FB3">
            <w:r>
              <w:t xml:space="preserve">     * @private</w:t>
            </w:r>
          </w:p>
          <w:p w:rsidR="00156FB3" w:rsidRDefault="00156FB3" w:rsidP="00156FB3">
            <w:r>
              <w:t xml:space="preserve">     * @param {number} number The number to clamp.</w:t>
            </w:r>
          </w:p>
          <w:p w:rsidR="00156FB3" w:rsidRDefault="00156FB3" w:rsidP="00156FB3">
            <w:r>
              <w:t xml:space="preserve">     * @param {number} [lower] The lower bound.</w:t>
            </w:r>
          </w:p>
          <w:p w:rsidR="00156FB3" w:rsidRDefault="00156FB3" w:rsidP="00156FB3">
            <w:r>
              <w:t xml:space="preserve">     * @param {number} upper The upper bound.</w:t>
            </w:r>
          </w:p>
          <w:p w:rsidR="00156FB3" w:rsidRDefault="00156FB3" w:rsidP="00156FB3">
            <w:r>
              <w:t xml:space="preserve">     * @returns {number} Returns the clamped number.</w:t>
            </w:r>
          </w:p>
          <w:p w:rsidR="00156FB3" w:rsidRDefault="00156FB3" w:rsidP="00156FB3">
            <w:r>
              <w:t xml:space="preserve">     */</w:t>
            </w:r>
          </w:p>
          <w:p w:rsidR="00156FB3" w:rsidRDefault="00156FB3" w:rsidP="00156FB3">
            <w:r>
              <w:t xml:space="preserve">    function baseClamp(number, lower, upper) {</w:t>
            </w:r>
          </w:p>
          <w:p w:rsidR="00156FB3" w:rsidRDefault="00156FB3" w:rsidP="00156FB3">
            <w:r>
              <w:t xml:space="preserve">      if (number === number) {</w:t>
            </w:r>
          </w:p>
          <w:p w:rsidR="00156FB3" w:rsidRDefault="00156FB3" w:rsidP="00156FB3">
            <w:r>
              <w:t xml:space="preserve">        if (upper !== undefined) {</w:t>
            </w:r>
          </w:p>
          <w:p w:rsidR="00156FB3" w:rsidRDefault="00156FB3" w:rsidP="00156FB3">
            <w:r>
              <w:t xml:space="preserve">          number = number &lt;= upper ? number : upper;</w:t>
            </w:r>
          </w:p>
          <w:p w:rsidR="00156FB3" w:rsidRDefault="00156FB3" w:rsidP="00156FB3">
            <w:r>
              <w:t xml:space="preserve">        }</w:t>
            </w:r>
          </w:p>
          <w:p w:rsidR="00156FB3" w:rsidRDefault="00156FB3" w:rsidP="00156FB3">
            <w:r>
              <w:t xml:space="preserve">        if (lower !== undefined) {</w:t>
            </w:r>
          </w:p>
          <w:p w:rsidR="00156FB3" w:rsidRDefault="00156FB3" w:rsidP="00156FB3">
            <w:r>
              <w:t xml:space="preserve">          number = number &gt;= lower ? number : lower;</w:t>
            </w:r>
          </w:p>
          <w:p w:rsidR="00156FB3" w:rsidRDefault="00156FB3" w:rsidP="00156FB3">
            <w:r>
              <w:t xml:space="preserve">        }</w:t>
            </w:r>
          </w:p>
          <w:p w:rsidR="00156FB3" w:rsidRDefault="00156FB3" w:rsidP="00156FB3">
            <w:r>
              <w:t xml:space="preserve">      }</w:t>
            </w:r>
          </w:p>
          <w:p w:rsidR="00156FB3" w:rsidRDefault="00156FB3" w:rsidP="00156FB3">
            <w:r>
              <w:t xml:space="preserve">      return numb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clone` and `_.cloneDeep` which tracks</w:t>
            </w:r>
          </w:p>
          <w:p w:rsidR="00156FB3" w:rsidRDefault="00156FB3" w:rsidP="00156FB3">
            <w:r>
              <w:t xml:space="preserve">     * traversed objects.</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clone.</w:t>
            </w:r>
          </w:p>
          <w:p w:rsidR="00156FB3" w:rsidRDefault="00156FB3" w:rsidP="00156FB3">
            <w:r>
              <w:t xml:space="preserve">     * @param {boolean} bitmask The bitmask flags.</w:t>
            </w:r>
          </w:p>
          <w:p w:rsidR="00156FB3" w:rsidRDefault="00156FB3" w:rsidP="00156FB3">
            <w:r>
              <w:t xml:space="preserve">     *  1 - Deep clone</w:t>
            </w:r>
          </w:p>
          <w:p w:rsidR="00156FB3" w:rsidRDefault="00156FB3" w:rsidP="00156FB3">
            <w:r>
              <w:t xml:space="preserve">     *  2 - Flatten inherited properties</w:t>
            </w:r>
          </w:p>
          <w:p w:rsidR="00156FB3" w:rsidRDefault="00156FB3" w:rsidP="00156FB3">
            <w:r>
              <w:t xml:space="preserve">     *  4 - Clone symbols</w:t>
            </w:r>
          </w:p>
          <w:p w:rsidR="00156FB3" w:rsidRDefault="00156FB3" w:rsidP="00156FB3">
            <w:r>
              <w:t xml:space="preserve">     * @param {Function} [customizer] The function to customize cloning.</w:t>
            </w:r>
          </w:p>
          <w:p w:rsidR="00156FB3" w:rsidRDefault="00156FB3" w:rsidP="00156FB3">
            <w:r>
              <w:t xml:space="preserve">     * @param {string} [key] The key of `value`.</w:t>
            </w:r>
          </w:p>
          <w:p w:rsidR="00156FB3" w:rsidRDefault="00156FB3" w:rsidP="00156FB3">
            <w:r>
              <w:t xml:space="preserve">     * @param {Object} [object] The parent object of `value`.</w:t>
            </w:r>
          </w:p>
          <w:p w:rsidR="00156FB3" w:rsidRDefault="00156FB3" w:rsidP="00156FB3">
            <w:r>
              <w:lastRenderedPageBreak/>
              <w:t xml:space="preserve">     * @param {Object} [stack] Tracks traversed objects and their clone counterparts.</w:t>
            </w:r>
          </w:p>
          <w:p w:rsidR="00156FB3" w:rsidRDefault="00156FB3" w:rsidP="00156FB3">
            <w:r>
              <w:t xml:space="preserve">     * @returns {*} Returns the cloned value.</w:t>
            </w:r>
          </w:p>
          <w:p w:rsidR="00156FB3" w:rsidRDefault="00156FB3" w:rsidP="00156FB3">
            <w:r>
              <w:t xml:space="preserve">     */</w:t>
            </w:r>
          </w:p>
          <w:p w:rsidR="00156FB3" w:rsidRDefault="00156FB3" w:rsidP="00156FB3">
            <w:r>
              <w:t xml:space="preserve">    function baseClone(value, bitmask, customizer, key, object, stack) {</w:t>
            </w:r>
          </w:p>
          <w:p w:rsidR="00156FB3" w:rsidRDefault="00156FB3" w:rsidP="00156FB3">
            <w:r>
              <w:t xml:space="preserve">      var result,</w:t>
            </w:r>
          </w:p>
          <w:p w:rsidR="00156FB3" w:rsidRDefault="00156FB3" w:rsidP="00156FB3">
            <w:r>
              <w:t xml:space="preserve">          isDeep = bitmask &amp; CLONE_DEEP_FLAG,</w:t>
            </w:r>
          </w:p>
          <w:p w:rsidR="00156FB3" w:rsidRDefault="00156FB3" w:rsidP="00156FB3">
            <w:r>
              <w:t xml:space="preserve">          isFlat = bitmask &amp; CLONE_FLAT_FLAG,</w:t>
            </w:r>
          </w:p>
          <w:p w:rsidR="00156FB3" w:rsidRDefault="00156FB3" w:rsidP="00156FB3">
            <w:r>
              <w:t xml:space="preserve">          isFull = bitmask &amp; CLONE_SYMBOLS_FLAG;</w:t>
            </w:r>
          </w:p>
          <w:p w:rsidR="00156FB3" w:rsidRDefault="00156FB3" w:rsidP="00156FB3"/>
          <w:p w:rsidR="00156FB3" w:rsidRDefault="00156FB3" w:rsidP="00156FB3">
            <w:r>
              <w:t xml:space="preserve">      if (customizer) {</w:t>
            </w:r>
          </w:p>
          <w:p w:rsidR="00156FB3" w:rsidRDefault="00156FB3" w:rsidP="00156FB3">
            <w:r>
              <w:t xml:space="preserve">        result = object ? customizer(value, key, object, stack) : customizer(value);</w:t>
            </w:r>
          </w:p>
          <w:p w:rsidR="00156FB3" w:rsidRDefault="00156FB3" w:rsidP="00156FB3">
            <w:r>
              <w:t xml:space="preserve">      }</w:t>
            </w:r>
          </w:p>
          <w:p w:rsidR="00156FB3" w:rsidRDefault="00156FB3" w:rsidP="00156FB3">
            <w:r>
              <w:t xml:space="preserve">      if (result !== undefined) {</w:t>
            </w:r>
          </w:p>
          <w:p w:rsidR="00156FB3" w:rsidRDefault="00156FB3" w:rsidP="00156FB3">
            <w:r>
              <w:t xml:space="preserve">        return result;</w:t>
            </w:r>
          </w:p>
          <w:p w:rsidR="00156FB3" w:rsidRDefault="00156FB3" w:rsidP="00156FB3">
            <w:r>
              <w:t xml:space="preserve">      }</w:t>
            </w:r>
          </w:p>
          <w:p w:rsidR="00156FB3" w:rsidRDefault="00156FB3" w:rsidP="00156FB3">
            <w:r>
              <w:t xml:space="preserve">      if (!isObject(value)) {</w:t>
            </w:r>
          </w:p>
          <w:p w:rsidR="00156FB3" w:rsidRDefault="00156FB3" w:rsidP="00156FB3">
            <w:r>
              <w:t xml:space="preserve">        return value;</w:t>
            </w:r>
          </w:p>
          <w:p w:rsidR="00156FB3" w:rsidRDefault="00156FB3" w:rsidP="00156FB3">
            <w:r>
              <w:t xml:space="preserve">      }</w:t>
            </w:r>
          </w:p>
          <w:p w:rsidR="00156FB3" w:rsidRDefault="00156FB3" w:rsidP="00156FB3">
            <w:r>
              <w:t xml:space="preserve">      var isArr = isArray(value);</w:t>
            </w:r>
          </w:p>
          <w:p w:rsidR="00156FB3" w:rsidRDefault="00156FB3" w:rsidP="00156FB3">
            <w:r>
              <w:t xml:space="preserve">      if (isArr) {</w:t>
            </w:r>
          </w:p>
          <w:p w:rsidR="00156FB3" w:rsidRDefault="00156FB3" w:rsidP="00156FB3">
            <w:r>
              <w:t xml:space="preserve">        result = initCloneArray(value);</w:t>
            </w:r>
          </w:p>
          <w:p w:rsidR="00156FB3" w:rsidRDefault="00156FB3" w:rsidP="00156FB3">
            <w:r>
              <w:t xml:space="preserve">        if (!isDeep) {</w:t>
            </w:r>
          </w:p>
          <w:p w:rsidR="00156FB3" w:rsidRDefault="00156FB3" w:rsidP="00156FB3">
            <w:r>
              <w:t xml:space="preserve">          return copyArray(value, result);</w:t>
            </w:r>
          </w:p>
          <w:p w:rsidR="00156FB3" w:rsidRDefault="00156FB3" w:rsidP="00156FB3">
            <w:r>
              <w:t xml:space="preserve">        }</w:t>
            </w:r>
          </w:p>
          <w:p w:rsidR="00156FB3" w:rsidRDefault="00156FB3" w:rsidP="00156FB3">
            <w:r>
              <w:t xml:space="preserve">      } else {</w:t>
            </w:r>
          </w:p>
          <w:p w:rsidR="00156FB3" w:rsidRDefault="00156FB3" w:rsidP="00156FB3">
            <w:r>
              <w:t xml:space="preserve">        var tag = getTag(value),</w:t>
            </w:r>
          </w:p>
          <w:p w:rsidR="00156FB3" w:rsidRDefault="00156FB3" w:rsidP="00156FB3">
            <w:r>
              <w:t xml:space="preserve">            isFunc = tag == funcTag || tag == genTag;</w:t>
            </w:r>
          </w:p>
          <w:p w:rsidR="00156FB3" w:rsidRDefault="00156FB3" w:rsidP="00156FB3"/>
          <w:p w:rsidR="00156FB3" w:rsidRDefault="00156FB3" w:rsidP="00156FB3">
            <w:r>
              <w:t xml:space="preserve">        if (isBuffer(value)) {</w:t>
            </w:r>
          </w:p>
          <w:p w:rsidR="00156FB3" w:rsidRDefault="00156FB3" w:rsidP="00156FB3">
            <w:r>
              <w:t xml:space="preserve">          return cloneBuffer(value, isDeep);</w:t>
            </w:r>
          </w:p>
          <w:p w:rsidR="00156FB3" w:rsidRDefault="00156FB3" w:rsidP="00156FB3">
            <w:r>
              <w:t xml:space="preserve">        }</w:t>
            </w:r>
          </w:p>
          <w:p w:rsidR="00156FB3" w:rsidRDefault="00156FB3" w:rsidP="00156FB3">
            <w:r>
              <w:t xml:space="preserve">        if (tag == objectTag || tag == argsTag || (isFunc &amp;&amp; !object)) {</w:t>
            </w:r>
          </w:p>
          <w:p w:rsidR="00156FB3" w:rsidRDefault="00156FB3" w:rsidP="00156FB3">
            <w:r>
              <w:t xml:space="preserve">          result = (isFlat || isFunc) ? {} : initCloneObject(value);</w:t>
            </w:r>
          </w:p>
          <w:p w:rsidR="00156FB3" w:rsidRDefault="00156FB3" w:rsidP="00156FB3">
            <w:r>
              <w:t xml:space="preserve">          if (!isDeep) {</w:t>
            </w:r>
          </w:p>
          <w:p w:rsidR="00156FB3" w:rsidRDefault="00156FB3" w:rsidP="00156FB3">
            <w:r>
              <w:t xml:space="preserve">            return isFlat</w:t>
            </w:r>
          </w:p>
          <w:p w:rsidR="00156FB3" w:rsidRDefault="00156FB3" w:rsidP="00156FB3">
            <w:r>
              <w:t xml:space="preserve">              ? copySymbolsIn(value, baseAssignIn(result, value))</w:t>
            </w:r>
          </w:p>
          <w:p w:rsidR="00156FB3" w:rsidRDefault="00156FB3" w:rsidP="00156FB3">
            <w:r>
              <w:t xml:space="preserve">              : copySymbols(value, baseAssign(result, value));</w:t>
            </w:r>
          </w:p>
          <w:p w:rsidR="00156FB3" w:rsidRDefault="00156FB3" w:rsidP="00156FB3">
            <w:r>
              <w:t xml:space="preserve">          }</w:t>
            </w:r>
          </w:p>
          <w:p w:rsidR="00156FB3" w:rsidRDefault="00156FB3" w:rsidP="00156FB3">
            <w:r>
              <w:t xml:space="preserve">        } else {</w:t>
            </w:r>
          </w:p>
          <w:p w:rsidR="00156FB3" w:rsidRDefault="00156FB3" w:rsidP="00156FB3">
            <w:r>
              <w:t xml:space="preserve">          if (!cloneableTags[tag]) {</w:t>
            </w:r>
          </w:p>
          <w:p w:rsidR="00156FB3" w:rsidRDefault="00156FB3" w:rsidP="00156FB3">
            <w:r>
              <w:t xml:space="preserve">            return object ? value : {};</w:t>
            </w:r>
          </w:p>
          <w:p w:rsidR="00156FB3" w:rsidRDefault="00156FB3" w:rsidP="00156FB3">
            <w:r>
              <w:t xml:space="preserve">          }</w:t>
            </w:r>
          </w:p>
          <w:p w:rsidR="00156FB3" w:rsidRDefault="00156FB3" w:rsidP="00156FB3">
            <w:r>
              <w:t xml:space="preserve">          result = initCloneByTag(value, tag, isDeep);</w:t>
            </w:r>
          </w:p>
          <w:p w:rsidR="00156FB3" w:rsidRDefault="00156FB3" w:rsidP="00156FB3">
            <w:r>
              <w:t xml:space="preserve">        }</w:t>
            </w:r>
          </w:p>
          <w:p w:rsidR="00156FB3" w:rsidRDefault="00156FB3" w:rsidP="00156FB3">
            <w:r>
              <w:t xml:space="preserve">      }</w:t>
            </w:r>
          </w:p>
          <w:p w:rsidR="00156FB3" w:rsidRDefault="00156FB3" w:rsidP="00156FB3">
            <w:r>
              <w:t xml:space="preserve">      // Check for circular references and return its corresponding clone.</w:t>
            </w:r>
          </w:p>
          <w:p w:rsidR="00156FB3" w:rsidRDefault="00156FB3" w:rsidP="00156FB3">
            <w:r>
              <w:t xml:space="preserve">      stack || (stack = new Stack);</w:t>
            </w:r>
          </w:p>
          <w:p w:rsidR="00156FB3" w:rsidRDefault="00156FB3" w:rsidP="00156FB3">
            <w:r>
              <w:t xml:space="preserve">      var stacked = stack.get(value);</w:t>
            </w:r>
          </w:p>
          <w:p w:rsidR="00156FB3" w:rsidRDefault="00156FB3" w:rsidP="00156FB3">
            <w:r>
              <w:lastRenderedPageBreak/>
              <w:t xml:space="preserve">      if (stacked) {</w:t>
            </w:r>
          </w:p>
          <w:p w:rsidR="00156FB3" w:rsidRDefault="00156FB3" w:rsidP="00156FB3">
            <w:r>
              <w:t xml:space="preserve">        return stacked;</w:t>
            </w:r>
          </w:p>
          <w:p w:rsidR="00156FB3" w:rsidRDefault="00156FB3" w:rsidP="00156FB3">
            <w:r>
              <w:t xml:space="preserve">      }</w:t>
            </w:r>
          </w:p>
          <w:p w:rsidR="00156FB3" w:rsidRDefault="00156FB3" w:rsidP="00156FB3">
            <w:r>
              <w:t xml:space="preserve">      stack.set(value, result);</w:t>
            </w:r>
          </w:p>
          <w:p w:rsidR="00156FB3" w:rsidRDefault="00156FB3" w:rsidP="00156FB3"/>
          <w:p w:rsidR="00156FB3" w:rsidRDefault="00156FB3" w:rsidP="00156FB3">
            <w:r>
              <w:t xml:space="preserve">      if (isSet(value)) {</w:t>
            </w:r>
          </w:p>
          <w:p w:rsidR="00156FB3" w:rsidRDefault="00156FB3" w:rsidP="00156FB3">
            <w:r>
              <w:t xml:space="preserve">        value.forEach(function(subValue) {</w:t>
            </w:r>
          </w:p>
          <w:p w:rsidR="00156FB3" w:rsidRDefault="00156FB3" w:rsidP="00156FB3">
            <w:r>
              <w:t xml:space="preserve">          result.add(baseClone(subValue, bitmask, customizer, subValue, value, stack));</w:t>
            </w:r>
          </w:p>
          <w:p w:rsidR="00156FB3" w:rsidRDefault="00156FB3" w:rsidP="00156FB3">
            <w:r>
              <w:t xml:space="preserve">        });</w:t>
            </w:r>
          </w:p>
          <w:p w:rsidR="00156FB3" w:rsidRDefault="00156FB3" w:rsidP="00156FB3">
            <w:r>
              <w:t xml:space="preserve">      } else if (isMap(value)) {</w:t>
            </w:r>
          </w:p>
          <w:p w:rsidR="00156FB3" w:rsidRDefault="00156FB3" w:rsidP="00156FB3">
            <w:r>
              <w:t xml:space="preserve">        value.forEach(function(subValue, key) {</w:t>
            </w:r>
          </w:p>
          <w:p w:rsidR="00156FB3" w:rsidRDefault="00156FB3" w:rsidP="00156FB3">
            <w:r>
              <w:t xml:space="preserve">          result.set(key, baseClone(subValue, bitmask, customizer, key, value, stack));</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keysFunc = isFull</w:t>
            </w:r>
          </w:p>
          <w:p w:rsidR="00156FB3" w:rsidRDefault="00156FB3" w:rsidP="00156FB3">
            <w:r>
              <w:t xml:space="preserve">        ? (isFlat ? getAllKeysIn : getAllKeys)</w:t>
            </w:r>
          </w:p>
          <w:p w:rsidR="00156FB3" w:rsidRDefault="00156FB3" w:rsidP="00156FB3">
            <w:r>
              <w:t xml:space="preserve">        : (isFlat ? keysIn : keys);</w:t>
            </w:r>
          </w:p>
          <w:p w:rsidR="00156FB3" w:rsidRDefault="00156FB3" w:rsidP="00156FB3"/>
          <w:p w:rsidR="00156FB3" w:rsidRDefault="00156FB3" w:rsidP="00156FB3">
            <w:r>
              <w:t xml:space="preserve">      var props = isArr ? undefined : keysFunc(value);</w:t>
            </w:r>
          </w:p>
          <w:p w:rsidR="00156FB3" w:rsidRDefault="00156FB3" w:rsidP="00156FB3">
            <w:r>
              <w:t xml:space="preserve">      arrayEach(props || value, function(subValue, key) {</w:t>
            </w:r>
          </w:p>
          <w:p w:rsidR="00156FB3" w:rsidRDefault="00156FB3" w:rsidP="00156FB3">
            <w:r>
              <w:t xml:space="preserve">        if (props) {</w:t>
            </w:r>
          </w:p>
          <w:p w:rsidR="00156FB3" w:rsidRDefault="00156FB3" w:rsidP="00156FB3">
            <w:r>
              <w:t xml:space="preserve">          key = subValue;</w:t>
            </w:r>
          </w:p>
          <w:p w:rsidR="00156FB3" w:rsidRDefault="00156FB3" w:rsidP="00156FB3">
            <w:r>
              <w:t xml:space="preserve">          subValue = value[key];</w:t>
            </w:r>
          </w:p>
          <w:p w:rsidR="00156FB3" w:rsidRDefault="00156FB3" w:rsidP="00156FB3">
            <w:r>
              <w:t xml:space="preserve">        }</w:t>
            </w:r>
          </w:p>
          <w:p w:rsidR="00156FB3" w:rsidRDefault="00156FB3" w:rsidP="00156FB3">
            <w:r>
              <w:t xml:space="preserve">        // Recursively populate clone (susceptible to call stack limits).</w:t>
            </w:r>
          </w:p>
          <w:p w:rsidR="00156FB3" w:rsidRDefault="00156FB3" w:rsidP="00156FB3">
            <w:r>
              <w:t xml:space="preserve">        assignValue(result, key, baseClone(subValue, bitmask, customizer, key, value, stack));</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conforms` which doesn't clone `source`.</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source The object of property predicates to conform to.</w:t>
            </w:r>
          </w:p>
          <w:p w:rsidR="00156FB3" w:rsidRDefault="00156FB3" w:rsidP="00156FB3">
            <w:r>
              <w:t xml:space="preserve">     * @returns {Function} Returns the new spec function.</w:t>
            </w:r>
          </w:p>
          <w:p w:rsidR="00156FB3" w:rsidRDefault="00156FB3" w:rsidP="00156FB3">
            <w:r>
              <w:t xml:space="preserve">     */</w:t>
            </w:r>
          </w:p>
          <w:p w:rsidR="00156FB3" w:rsidRDefault="00156FB3" w:rsidP="00156FB3">
            <w:r>
              <w:t xml:space="preserve">    function baseConforms(source) {</w:t>
            </w:r>
          </w:p>
          <w:p w:rsidR="00156FB3" w:rsidRDefault="00156FB3" w:rsidP="00156FB3">
            <w:r>
              <w:t xml:space="preserve">      var props = keys(source);</w:t>
            </w:r>
          </w:p>
          <w:p w:rsidR="00156FB3" w:rsidRDefault="00156FB3" w:rsidP="00156FB3">
            <w:r>
              <w:t xml:space="preserve">      return function(object) {</w:t>
            </w:r>
          </w:p>
          <w:p w:rsidR="00156FB3" w:rsidRDefault="00156FB3" w:rsidP="00156FB3">
            <w:r>
              <w:t xml:space="preserve">        return baseConformsTo(object, source, prop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conformsTo` which accepts `props` to check.</w:t>
            </w:r>
          </w:p>
          <w:p w:rsidR="00156FB3" w:rsidRDefault="00156FB3" w:rsidP="00156FB3">
            <w:r>
              <w:t xml:space="preserve">     *</w:t>
            </w:r>
          </w:p>
          <w:p w:rsidR="00156FB3" w:rsidRDefault="00156FB3" w:rsidP="00156FB3">
            <w:r>
              <w:lastRenderedPageBreak/>
              <w:t xml:space="preserve">     * @private</w:t>
            </w:r>
          </w:p>
          <w:p w:rsidR="00156FB3" w:rsidRDefault="00156FB3" w:rsidP="00156FB3">
            <w:r>
              <w:t xml:space="preserve">     * @param {Object} object The object to inspect.</w:t>
            </w:r>
          </w:p>
          <w:p w:rsidR="00156FB3" w:rsidRDefault="00156FB3" w:rsidP="00156FB3">
            <w:r>
              <w:t xml:space="preserve">     * @param {Object} source The object of property predicates to conform to.</w:t>
            </w:r>
          </w:p>
          <w:p w:rsidR="00156FB3" w:rsidRDefault="00156FB3" w:rsidP="00156FB3">
            <w:r>
              <w:t xml:space="preserve">     * @returns {boolean} Returns `true` if `object` conforms, else `false`.</w:t>
            </w:r>
          </w:p>
          <w:p w:rsidR="00156FB3" w:rsidRDefault="00156FB3" w:rsidP="00156FB3">
            <w:r>
              <w:t xml:space="preserve">     */</w:t>
            </w:r>
          </w:p>
          <w:p w:rsidR="00156FB3" w:rsidRDefault="00156FB3" w:rsidP="00156FB3">
            <w:r>
              <w:t xml:space="preserve">    function baseConformsTo(object, source, props) {</w:t>
            </w:r>
          </w:p>
          <w:p w:rsidR="00156FB3" w:rsidRDefault="00156FB3" w:rsidP="00156FB3">
            <w:r>
              <w:t xml:space="preserve">      var length = props.length;</w:t>
            </w:r>
          </w:p>
          <w:p w:rsidR="00156FB3" w:rsidRDefault="00156FB3" w:rsidP="00156FB3">
            <w:r>
              <w:t xml:space="preserve">      if (object == null) {</w:t>
            </w:r>
          </w:p>
          <w:p w:rsidR="00156FB3" w:rsidRDefault="00156FB3" w:rsidP="00156FB3">
            <w:r>
              <w:t xml:space="preserve">        return !length;</w:t>
            </w:r>
          </w:p>
          <w:p w:rsidR="00156FB3" w:rsidRDefault="00156FB3" w:rsidP="00156FB3">
            <w:r>
              <w:t xml:space="preserve">      }</w:t>
            </w:r>
          </w:p>
          <w:p w:rsidR="00156FB3" w:rsidRDefault="00156FB3" w:rsidP="00156FB3">
            <w:r>
              <w:t xml:space="preserve">      object = Object(object);</w:t>
            </w:r>
          </w:p>
          <w:p w:rsidR="00156FB3" w:rsidRDefault="00156FB3" w:rsidP="00156FB3">
            <w:r>
              <w:t xml:space="preserve">      while (length--) {</w:t>
            </w:r>
          </w:p>
          <w:p w:rsidR="00156FB3" w:rsidRDefault="00156FB3" w:rsidP="00156FB3">
            <w:r>
              <w:t xml:space="preserve">        var key = props[length],</w:t>
            </w:r>
          </w:p>
          <w:p w:rsidR="00156FB3" w:rsidRDefault="00156FB3" w:rsidP="00156FB3">
            <w:r>
              <w:t xml:space="preserve">            predicate = source[key],</w:t>
            </w:r>
          </w:p>
          <w:p w:rsidR="00156FB3" w:rsidRDefault="00156FB3" w:rsidP="00156FB3">
            <w:r>
              <w:t xml:space="preserve">            value = object[key];</w:t>
            </w:r>
          </w:p>
          <w:p w:rsidR="00156FB3" w:rsidRDefault="00156FB3" w:rsidP="00156FB3"/>
          <w:p w:rsidR="00156FB3" w:rsidRDefault="00156FB3" w:rsidP="00156FB3">
            <w:r>
              <w:t xml:space="preserve">        if ((value === undefined &amp;&amp; !(key in object)) || !predicate(value)) {</w:t>
            </w:r>
          </w:p>
          <w:p w:rsidR="00156FB3" w:rsidRDefault="00156FB3" w:rsidP="00156FB3">
            <w:r>
              <w:t xml:space="preserve">          return false;</w:t>
            </w:r>
          </w:p>
          <w:p w:rsidR="00156FB3" w:rsidRDefault="00156FB3" w:rsidP="00156FB3">
            <w:r>
              <w:t xml:space="preserve">        }</w:t>
            </w:r>
          </w:p>
          <w:p w:rsidR="00156FB3" w:rsidRDefault="00156FB3" w:rsidP="00156FB3">
            <w:r>
              <w:t xml:space="preserve">      }</w:t>
            </w:r>
          </w:p>
          <w:p w:rsidR="00156FB3" w:rsidRDefault="00156FB3" w:rsidP="00156FB3">
            <w:r>
              <w:t xml:space="preserve">      return tr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delay` and `_.defer` which accepts `args`</w:t>
            </w:r>
          </w:p>
          <w:p w:rsidR="00156FB3" w:rsidRDefault="00156FB3" w:rsidP="00156FB3">
            <w:r>
              <w:t xml:space="preserve">     * to provide to `func`.</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unc The function to delay.</w:t>
            </w:r>
          </w:p>
          <w:p w:rsidR="00156FB3" w:rsidRDefault="00156FB3" w:rsidP="00156FB3">
            <w:r>
              <w:t xml:space="preserve">     * @param {number} wait The number of milliseconds to delay invocation.</w:t>
            </w:r>
          </w:p>
          <w:p w:rsidR="00156FB3" w:rsidRDefault="00156FB3" w:rsidP="00156FB3">
            <w:r>
              <w:t xml:space="preserve">     * @param {Array} args The arguments to provide to `func`.</w:t>
            </w:r>
          </w:p>
          <w:p w:rsidR="00156FB3" w:rsidRDefault="00156FB3" w:rsidP="00156FB3">
            <w:r>
              <w:t xml:space="preserve">     * @returns {number|Object} Returns the timer id or timeout object.</w:t>
            </w:r>
          </w:p>
          <w:p w:rsidR="00156FB3" w:rsidRDefault="00156FB3" w:rsidP="00156FB3">
            <w:r>
              <w:t xml:space="preserve">     */</w:t>
            </w:r>
          </w:p>
          <w:p w:rsidR="00156FB3" w:rsidRDefault="00156FB3" w:rsidP="00156FB3">
            <w:r>
              <w:t xml:space="preserve">    function baseDelay(func, wait, args) {</w:t>
            </w:r>
          </w:p>
          <w:p w:rsidR="00156FB3" w:rsidRDefault="00156FB3" w:rsidP="00156FB3">
            <w:r>
              <w:t xml:space="preserve">      if (typeof func != 'function') {</w:t>
            </w:r>
          </w:p>
          <w:p w:rsidR="00156FB3" w:rsidRDefault="00156FB3" w:rsidP="00156FB3">
            <w:r>
              <w:t xml:space="preserve">        throw new TypeError(FUNC_ERROR_TEXT);</w:t>
            </w:r>
          </w:p>
          <w:p w:rsidR="00156FB3" w:rsidRDefault="00156FB3" w:rsidP="00156FB3">
            <w:r>
              <w:t xml:space="preserve">      }</w:t>
            </w:r>
          </w:p>
          <w:p w:rsidR="00156FB3" w:rsidRDefault="00156FB3" w:rsidP="00156FB3">
            <w:r>
              <w:t xml:space="preserve">      return setTimeout(function() { func.apply(undefined, args); }, wai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methods like `_.difference` without support</w:t>
            </w:r>
          </w:p>
          <w:p w:rsidR="00156FB3" w:rsidRDefault="00156FB3" w:rsidP="00156FB3">
            <w:r>
              <w:t xml:space="preserve">     * for excluding multiple arrays or iteratee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nspect.</w:t>
            </w:r>
          </w:p>
          <w:p w:rsidR="00156FB3" w:rsidRDefault="00156FB3" w:rsidP="00156FB3">
            <w:r>
              <w:t xml:space="preserve">     * @param {Array} values The values to exclude.</w:t>
            </w:r>
          </w:p>
          <w:p w:rsidR="00156FB3" w:rsidRDefault="00156FB3" w:rsidP="00156FB3">
            <w:r>
              <w:t xml:space="preserve">     * @param {Function} [iteratee] The iteratee invoked per element.</w:t>
            </w:r>
          </w:p>
          <w:p w:rsidR="00156FB3" w:rsidRDefault="00156FB3" w:rsidP="00156FB3">
            <w:r>
              <w:lastRenderedPageBreak/>
              <w:t xml:space="preserve">     * @param {Function} [comparator] The comparator invoked per element.</w:t>
            </w:r>
          </w:p>
          <w:p w:rsidR="00156FB3" w:rsidRDefault="00156FB3" w:rsidP="00156FB3">
            <w:r>
              <w:t xml:space="preserve">     * @returns {Array} Returns the new array of filtered values.</w:t>
            </w:r>
          </w:p>
          <w:p w:rsidR="00156FB3" w:rsidRDefault="00156FB3" w:rsidP="00156FB3">
            <w:r>
              <w:t xml:space="preserve">     */</w:t>
            </w:r>
          </w:p>
          <w:p w:rsidR="00156FB3" w:rsidRDefault="00156FB3" w:rsidP="00156FB3">
            <w:r>
              <w:t xml:space="preserve">    function baseDifference(array, values, iteratee, comparator) {</w:t>
            </w:r>
          </w:p>
          <w:p w:rsidR="00156FB3" w:rsidRDefault="00156FB3" w:rsidP="00156FB3">
            <w:r>
              <w:t xml:space="preserve">      var index = -1,</w:t>
            </w:r>
          </w:p>
          <w:p w:rsidR="00156FB3" w:rsidRDefault="00156FB3" w:rsidP="00156FB3">
            <w:r>
              <w:t xml:space="preserve">          includes = arrayIncludes,</w:t>
            </w:r>
          </w:p>
          <w:p w:rsidR="00156FB3" w:rsidRDefault="00156FB3" w:rsidP="00156FB3">
            <w:r>
              <w:t xml:space="preserve">          isCommon = true,</w:t>
            </w:r>
          </w:p>
          <w:p w:rsidR="00156FB3" w:rsidRDefault="00156FB3" w:rsidP="00156FB3">
            <w:r>
              <w:t xml:space="preserve">          length = array.length,</w:t>
            </w:r>
          </w:p>
          <w:p w:rsidR="00156FB3" w:rsidRDefault="00156FB3" w:rsidP="00156FB3">
            <w:r>
              <w:t xml:space="preserve">          result = [],</w:t>
            </w:r>
          </w:p>
          <w:p w:rsidR="00156FB3" w:rsidRDefault="00156FB3" w:rsidP="00156FB3">
            <w:r>
              <w:t xml:space="preserve">          valuesLength = values.length;</w:t>
            </w:r>
          </w:p>
          <w:p w:rsidR="00156FB3" w:rsidRDefault="00156FB3" w:rsidP="00156FB3"/>
          <w:p w:rsidR="00156FB3" w:rsidRDefault="00156FB3" w:rsidP="00156FB3">
            <w:r>
              <w:t xml:space="preserve">      if (!length) {</w:t>
            </w:r>
          </w:p>
          <w:p w:rsidR="00156FB3" w:rsidRDefault="00156FB3" w:rsidP="00156FB3">
            <w:r>
              <w:t xml:space="preserve">        return result;</w:t>
            </w:r>
          </w:p>
          <w:p w:rsidR="00156FB3" w:rsidRDefault="00156FB3" w:rsidP="00156FB3">
            <w:r>
              <w:t xml:space="preserve">      }</w:t>
            </w:r>
          </w:p>
          <w:p w:rsidR="00156FB3" w:rsidRDefault="00156FB3" w:rsidP="00156FB3">
            <w:r>
              <w:t xml:space="preserve">      if (iteratee) {</w:t>
            </w:r>
          </w:p>
          <w:p w:rsidR="00156FB3" w:rsidRDefault="00156FB3" w:rsidP="00156FB3">
            <w:r>
              <w:t xml:space="preserve">        values = arrayMap(values, baseUnary(iteratee));</w:t>
            </w:r>
          </w:p>
          <w:p w:rsidR="00156FB3" w:rsidRDefault="00156FB3" w:rsidP="00156FB3">
            <w:r>
              <w:t xml:space="preserve">      }</w:t>
            </w:r>
          </w:p>
          <w:p w:rsidR="00156FB3" w:rsidRDefault="00156FB3" w:rsidP="00156FB3">
            <w:r>
              <w:t xml:space="preserve">      if (comparator) {</w:t>
            </w:r>
          </w:p>
          <w:p w:rsidR="00156FB3" w:rsidRDefault="00156FB3" w:rsidP="00156FB3">
            <w:r>
              <w:t xml:space="preserve">        includes = arrayIncludesWith;</w:t>
            </w:r>
          </w:p>
          <w:p w:rsidR="00156FB3" w:rsidRDefault="00156FB3" w:rsidP="00156FB3">
            <w:r>
              <w:t xml:space="preserve">        isCommon = false;</w:t>
            </w:r>
          </w:p>
          <w:p w:rsidR="00156FB3" w:rsidRDefault="00156FB3" w:rsidP="00156FB3">
            <w:r>
              <w:t xml:space="preserve">      }</w:t>
            </w:r>
          </w:p>
          <w:p w:rsidR="00156FB3" w:rsidRDefault="00156FB3" w:rsidP="00156FB3">
            <w:r>
              <w:t xml:space="preserve">      else if (values.length &gt;= LARGE_ARRAY_SIZE) {</w:t>
            </w:r>
          </w:p>
          <w:p w:rsidR="00156FB3" w:rsidRDefault="00156FB3" w:rsidP="00156FB3">
            <w:r>
              <w:t xml:space="preserve">        includes = cacheHas;</w:t>
            </w:r>
          </w:p>
          <w:p w:rsidR="00156FB3" w:rsidRDefault="00156FB3" w:rsidP="00156FB3">
            <w:r>
              <w:t xml:space="preserve">        isCommon = false;</w:t>
            </w:r>
          </w:p>
          <w:p w:rsidR="00156FB3" w:rsidRDefault="00156FB3" w:rsidP="00156FB3">
            <w:r>
              <w:t xml:space="preserve">        values = new SetCache(values);</w:t>
            </w:r>
          </w:p>
          <w:p w:rsidR="00156FB3" w:rsidRDefault="00156FB3" w:rsidP="00156FB3">
            <w:r>
              <w:t xml:space="preserve">      }</w:t>
            </w:r>
          </w:p>
          <w:p w:rsidR="00156FB3" w:rsidRDefault="00156FB3" w:rsidP="00156FB3">
            <w:r>
              <w:t xml:space="preserve">      outer:</w:t>
            </w:r>
          </w:p>
          <w:p w:rsidR="00156FB3" w:rsidRDefault="00156FB3" w:rsidP="00156FB3">
            <w:r>
              <w:t xml:space="preserve">      while (++index &lt; length) {</w:t>
            </w:r>
          </w:p>
          <w:p w:rsidR="00156FB3" w:rsidRDefault="00156FB3" w:rsidP="00156FB3">
            <w:r>
              <w:t xml:space="preserve">        var value = array[index],</w:t>
            </w:r>
          </w:p>
          <w:p w:rsidR="00156FB3" w:rsidRDefault="00156FB3" w:rsidP="00156FB3">
            <w:r>
              <w:t xml:space="preserve">            computed = iteratee == null ? value : iteratee(value);</w:t>
            </w:r>
          </w:p>
          <w:p w:rsidR="00156FB3" w:rsidRDefault="00156FB3" w:rsidP="00156FB3"/>
          <w:p w:rsidR="00156FB3" w:rsidRDefault="00156FB3" w:rsidP="00156FB3">
            <w:r>
              <w:t xml:space="preserve">        value = (comparator || value !== 0) ? value : 0;</w:t>
            </w:r>
          </w:p>
          <w:p w:rsidR="00156FB3" w:rsidRDefault="00156FB3" w:rsidP="00156FB3">
            <w:r>
              <w:t xml:space="preserve">        if (isCommon &amp;&amp; computed === computed) {</w:t>
            </w:r>
          </w:p>
          <w:p w:rsidR="00156FB3" w:rsidRDefault="00156FB3" w:rsidP="00156FB3">
            <w:r>
              <w:t xml:space="preserve">          var valuesIndex = valuesLength;</w:t>
            </w:r>
          </w:p>
          <w:p w:rsidR="00156FB3" w:rsidRDefault="00156FB3" w:rsidP="00156FB3">
            <w:r>
              <w:t xml:space="preserve">          while (valuesIndex--) {</w:t>
            </w:r>
          </w:p>
          <w:p w:rsidR="00156FB3" w:rsidRDefault="00156FB3" w:rsidP="00156FB3">
            <w:r>
              <w:t xml:space="preserve">            if (values[valuesIndex] === computed) {</w:t>
            </w:r>
          </w:p>
          <w:p w:rsidR="00156FB3" w:rsidRDefault="00156FB3" w:rsidP="00156FB3">
            <w:r>
              <w:t xml:space="preserve">              continue outer;</w:t>
            </w:r>
          </w:p>
          <w:p w:rsidR="00156FB3" w:rsidRDefault="00156FB3" w:rsidP="00156FB3">
            <w:r>
              <w:t xml:space="preserve">            }</w:t>
            </w:r>
          </w:p>
          <w:p w:rsidR="00156FB3" w:rsidRDefault="00156FB3" w:rsidP="00156FB3">
            <w:r>
              <w:t xml:space="preserve">          }</w:t>
            </w:r>
          </w:p>
          <w:p w:rsidR="00156FB3" w:rsidRDefault="00156FB3" w:rsidP="00156FB3">
            <w:r>
              <w:t xml:space="preserve">          result.push(value);</w:t>
            </w:r>
          </w:p>
          <w:p w:rsidR="00156FB3" w:rsidRDefault="00156FB3" w:rsidP="00156FB3">
            <w:r>
              <w:t xml:space="preserve">        }</w:t>
            </w:r>
          </w:p>
          <w:p w:rsidR="00156FB3" w:rsidRDefault="00156FB3" w:rsidP="00156FB3">
            <w:r>
              <w:t xml:space="preserve">        else if (!includes(values, computed, comparator)) {</w:t>
            </w:r>
          </w:p>
          <w:p w:rsidR="00156FB3" w:rsidRDefault="00156FB3" w:rsidP="00156FB3">
            <w:r>
              <w:t xml:space="preserve">          result.push(value);</w:t>
            </w:r>
          </w:p>
          <w:p w:rsidR="00156FB3" w:rsidRDefault="00156FB3" w:rsidP="00156FB3">
            <w:r>
              <w:t xml:space="preserve">        }</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lastRenderedPageBreak/>
              <w:t xml:space="preserve">    /**</w:t>
            </w:r>
          </w:p>
          <w:p w:rsidR="00156FB3" w:rsidRDefault="00156FB3" w:rsidP="00156FB3">
            <w:r>
              <w:t xml:space="preserve">     * The base implementation of `_.forEach` without support for iteratee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Object} collection The collection to iterate over.</w:t>
            </w:r>
          </w:p>
          <w:p w:rsidR="00156FB3" w:rsidRDefault="00156FB3" w:rsidP="00156FB3">
            <w:r>
              <w:t xml:space="preserve">     * @param {Function} iteratee The function invoked per iteration.</w:t>
            </w:r>
          </w:p>
          <w:p w:rsidR="00156FB3" w:rsidRDefault="00156FB3" w:rsidP="00156FB3">
            <w:r>
              <w:t xml:space="preserve">     * @returns {Array|Object} Returns `collection`.</w:t>
            </w:r>
          </w:p>
          <w:p w:rsidR="00156FB3" w:rsidRDefault="00156FB3" w:rsidP="00156FB3">
            <w:r>
              <w:t xml:space="preserve">     */</w:t>
            </w:r>
          </w:p>
          <w:p w:rsidR="00156FB3" w:rsidRDefault="00156FB3" w:rsidP="00156FB3">
            <w:r>
              <w:t xml:space="preserve">    var baseEach = createBaseEach(baseForOwn);</w:t>
            </w:r>
          </w:p>
          <w:p w:rsidR="00156FB3" w:rsidRDefault="00156FB3" w:rsidP="00156FB3"/>
          <w:p w:rsidR="00156FB3" w:rsidRDefault="00156FB3" w:rsidP="00156FB3">
            <w:r>
              <w:t xml:space="preserve">    /**</w:t>
            </w:r>
          </w:p>
          <w:p w:rsidR="00156FB3" w:rsidRDefault="00156FB3" w:rsidP="00156FB3">
            <w:r>
              <w:t xml:space="preserve">     * The base implementation of `_.forEachRight` without support for iteratee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Object} collection The collection to iterate over.</w:t>
            </w:r>
          </w:p>
          <w:p w:rsidR="00156FB3" w:rsidRDefault="00156FB3" w:rsidP="00156FB3">
            <w:r>
              <w:t xml:space="preserve">     * @param {Function} iteratee The function invoked per iteration.</w:t>
            </w:r>
          </w:p>
          <w:p w:rsidR="00156FB3" w:rsidRDefault="00156FB3" w:rsidP="00156FB3">
            <w:r>
              <w:t xml:space="preserve">     * @returns {Array|Object} Returns `collection`.</w:t>
            </w:r>
          </w:p>
          <w:p w:rsidR="00156FB3" w:rsidRDefault="00156FB3" w:rsidP="00156FB3">
            <w:r>
              <w:t xml:space="preserve">     */</w:t>
            </w:r>
          </w:p>
          <w:p w:rsidR="00156FB3" w:rsidRDefault="00156FB3" w:rsidP="00156FB3">
            <w:r>
              <w:t xml:space="preserve">    var baseEachRight = createBaseEach(baseForOwnRight, true);</w:t>
            </w:r>
          </w:p>
          <w:p w:rsidR="00156FB3" w:rsidRDefault="00156FB3" w:rsidP="00156FB3"/>
          <w:p w:rsidR="00156FB3" w:rsidRDefault="00156FB3" w:rsidP="00156FB3">
            <w:r>
              <w:t xml:space="preserve">    /**</w:t>
            </w:r>
          </w:p>
          <w:p w:rsidR="00156FB3" w:rsidRDefault="00156FB3" w:rsidP="00156FB3">
            <w:r>
              <w:t xml:space="preserve">     * The base implementation of `_.every` without support for iteratee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Object} collection The collection to iterate over.</w:t>
            </w:r>
          </w:p>
          <w:p w:rsidR="00156FB3" w:rsidRDefault="00156FB3" w:rsidP="00156FB3">
            <w:r>
              <w:t xml:space="preserve">     * @param {Function} predicate The function invoked per iteration.</w:t>
            </w:r>
          </w:p>
          <w:p w:rsidR="00156FB3" w:rsidRDefault="00156FB3" w:rsidP="00156FB3">
            <w:r>
              <w:t xml:space="preserve">     * @returns {boolean} Returns `true` if all elements pass the predicate check,</w:t>
            </w:r>
          </w:p>
          <w:p w:rsidR="00156FB3" w:rsidRDefault="00156FB3" w:rsidP="00156FB3">
            <w:r>
              <w:t xml:space="preserve">     *  else `false`</w:t>
            </w:r>
          </w:p>
          <w:p w:rsidR="00156FB3" w:rsidRDefault="00156FB3" w:rsidP="00156FB3">
            <w:r>
              <w:t xml:space="preserve">     */</w:t>
            </w:r>
          </w:p>
          <w:p w:rsidR="00156FB3" w:rsidRDefault="00156FB3" w:rsidP="00156FB3">
            <w:r>
              <w:t xml:space="preserve">    function baseEvery(collection, predicate) {</w:t>
            </w:r>
          </w:p>
          <w:p w:rsidR="00156FB3" w:rsidRDefault="00156FB3" w:rsidP="00156FB3">
            <w:r>
              <w:t xml:space="preserve">      var result = true;</w:t>
            </w:r>
          </w:p>
          <w:p w:rsidR="00156FB3" w:rsidRDefault="00156FB3" w:rsidP="00156FB3">
            <w:r>
              <w:t xml:space="preserve">      baseEach(collection, function(value, index, collection) {</w:t>
            </w:r>
          </w:p>
          <w:p w:rsidR="00156FB3" w:rsidRDefault="00156FB3" w:rsidP="00156FB3">
            <w:r>
              <w:t xml:space="preserve">        result = !!predicate(value, index, collection);</w:t>
            </w:r>
          </w:p>
          <w:p w:rsidR="00156FB3" w:rsidRDefault="00156FB3" w:rsidP="00156FB3">
            <w:r>
              <w:t xml:space="preserve">        return result;</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methods like `_.max` and `_.min` which accepts a</w:t>
            </w:r>
          </w:p>
          <w:p w:rsidR="00156FB3" w:rsidRDefault="00156FB3" w:rsidP="00156FB3">
            <w:r>
              <w:t xml:space="preserve">     * `comparator` to determine the extremum value.</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terate over.</w:t>
            </w:r>
          </w:p>
          <w:p w:rsidR="00156FB3" w:rsidRDefault="00156FB3" w:rsidP="00156FB3">
            <w:r>
              <w:t xml:space="preserve">     * @param {Function} iteratee The iteratee invoked per iteration.</w:t>
            </w:r>
          </w:p>
          <w:p w:rsidR="00156FB3" w:rsidRDefault="00156FB3" w:rsidP="00156FB3">
            <w:r>
              <w:t xml:space="preserve">     * @param {Function} comparator The comparator used to compare values.</w:t>
            </w:r>
          </w:p>
          <w:p w:rsidR="00156FB3" w:rsidRDefault="00156FB3" w:rsidP="00156FB3">
            <w:r>
              <w:t xml:space="preserve">     * @returns {*} Returns the extremum value.</w:t>
            </w:r>
          </w:p>
          <w:p w:rsidR="00156FB3" w:rsidRDefault="00156FB3" w:rsidP="00156FB3">
            <w:r>
              <w:t xml:space="preserve">     */</w:t>
            </w:r>
          </w:p>
          <w:p w:rsidR="00156FB3" w:rsidRDefault="00156FB3" w:rsidP="00156FB3">
            <w:r>
              <w:lastRenderedPageBreak/>
              <w:t xml:space="preserve">    function baseExtremum(array, iteratee, comparator) {</w:t>
            </w:r>
          </w:p>
          <w:p w:rsidR="00156FB3" w:rsidRDefault="00156FB3" w:rsidP="00156FB3">
            <w:r>
              <w:t xml:space="preserve">      var index = -1,</w:t>
            </w:r>
          </w:p>
          <w:p w:rsidR="00156FB3" w:rsidRDefault="00156FB3" w:rsidP="00156FB3">
            <w:r>
              <w:t xml:space="preserve">          length = array.length;</w:t>
            </w:r>
          </w:p>
          <w:p w:rsidR="00156FB3" w:rsidRDefault="00156FB3" w:rsidP="00156FB3"/>
          <w:p w:rsidR="00156FB3" w:rsidRDefault="00156FB3" w:rsidP="00156FB3">
            <w:r>
              <w:t xml:space="preserve">      while (++index &lt; length) {</w:t>
            </w:r>
          </w:p>
          <w:p w:rsidR="00156FB3" w:rsidRDefault="00156FB3" w:rsidP="00156FB3">
            <w:r>
              <w:t xml:space="preserve">        var value = array[index],</w:t>
            </w:r>
          </w:p>
          <w:p w:rsidR="00156FB3" w:rsidRDefault="00156FB3" w:rsidP="00156FB3">
            <w:r>
              <w:t xml:space="preserve">            current = iteratee(value);</w:t>
            </w:r>
          </w:p>
          <w:p w:rsidR="00156FB3" w:rsidRDefault="00156FB3" w:rsidP="00156FB3"/>
          <w:p w:rsidR="00156FB3" w:rsidRDefault="00156FB3" w:rsidP="00156FB3">
            <w:r>
              <w:t xml:space="preserve">        if (current != null &amp;&amp; (computed === undefined</w:t>
            </w:r>
          </w:p>
          <w:p w:rsidR="00156FB3" w:rsidRDefault="00156FB3" w:rsidP="00156FB3">
            <w:r>
              <w:t xml:space="preserve">              ? (current === current &amp;&amp; !isSymbol(current))</w:t>
            </w:r>
          </w:p>
          <w:p w:rsidR="00156FB3" w:rsidRDefault="00156FB3" w:rsidP="00156FB3">
            <w:r>
              <w:t xml:space="preserve">              : comparator(current, computed)</w:t>
            </w:r>
          </w:p>
          <w:p w:rsidR="00156FB3" w:rsidRDefault="00156FB3" w:rsidP="00156FB3">
            <w:r>
              <w:t xml:space="preserve">            )) {</w:t>
            </w:r>
          </w:p>
          <w:p w:rsidR="00156FB3" w:rsidRDefault="00156FB3" w:rsidP="00156FB3">
            <w:r>
              <w:t xml:space="preserve">          var computed = current,</w:t>
            </w:r>
          </w:p>
          <w:p w:rsidR="00156FB3" w:rsidRDefault="00156FB3" w:rsidP="00156FB3">
            <w:r>
              <w:t xml:space="preserve">              result = value;</w:t>
            </w:r>
          </w:p>
          <w:p w:rsidR="00156FB3" w:rsidRDefault="00156FB3" w:rsidP="00156FB3">
            <w:r>
              <w:t xml:space="preserve">        }</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fill` without an iteratee call guard.</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fill.</w:t>
            </w:r>
          </w:p>
          <w:p w:rsidR="00156FB3" w:rsidRDefault="00156FB3" w:rsidP="00156FB3">
            <w:r>
              <w:t xml:space="preserve">     * @param {*} value The value to fill `array` with.</w:t>
            </w:r>
          </w:p>
          <w:p w:rsidR="00156FB3" w:rsidRDefault="00156FB3" w:rsidP="00156FB3">
            <w:r>
              <w:t xml:space="preserve">     * @param {number} [start=0] The start position.</w:t>
            </w:r>
          </w:p>
          <w:p w:rsidR="00156FB3" w:rsidRDefault="00156FB3" w:rsidP="00156FB3">
            <w:r>
              <w:t xml:space="preserve">     * @param {number} [end=array.length] The end position.</w:t>
            </w:r>
          </w:p>
          <w:p w:rsidR="00156FB3" w:rsidRDefault="00156FB3" w:rsidP="00156FB3">
            <w:r>
              <w:t xml:space="preserve">     * @returns {Array} Returns `array`.</w:t>
            </w:r>
          </w:p>
          <w:p w:rsidR="00156FB3" w:rsidRDefault="00156FB3" w:rsidP="00156FB3">
            <w:r>
              <w:t xml:space="preserve">     */</w:t>
            </w:r>
          </w:p>
          <w:p w:rsidR="00156FB3" w:rsidRDefault="00156FB3" w:rsidP="00156FB3">
            <w:r>
              <w:t xml:space="preserve">    function baseFill(array, value, start, end) {</w:t>
            </w:r>
          </w:p>
          <w:p w:rsidR="00156FB3" w:rsidRDefault="00156FB3" w:rsidP="00156FB3">
            <w:r>
              <w:t xml:space="preserve">      var length = array.length;</w:t>
            </w:r>
          </w:p>
          <w:p w:rsidR="00156FB3" w:rsidRDefault="00156FB3" w:rsidP="00156FB3"/>
          <w:p w:rsidR="00156FB3" w:rsidRDefault="00156FB3" w:rsidP="00156FB3">
            <w:r>
              <w:t xml:space="preserve">      start = toInteger(start);</w:t>
            </w:r>
          </w:p>
          <w:p w:rsidR="00156FB3" w:rsidRDefault="00156FB3" w:rsidP="00156FB3">
            <w:r>
              <w:t xml:space="preserve">      if (start &lt; 0) {</w:t>
            </w:r>
          </w:p>
          <w:p w:rsidR="00156FB3" w:rsidRDefault="00156FB3" w:rsidP="00156FB3">
            <w:r>
              <w:t xml:space="preserve">        start = -start &gt; length ? 0 : (length + start);</w:t>
            </w:r>
          </w:p>
          <w:p w:rsidR="00156FB3" w:rsidRDefault="00156FB3" w:rsidP="00156FB3">
            <w:r>
              <w:t xml:space="preserve">      }</w:t>
            </w:r>
          </w:p>
          <w:p w:rsidR="00156FB3" w:rsidRDefault="00156FB3" w:rsidP="00156FB3">
            <w:r>
              <w:t xml:space="preserve">      end = (end === undefined || end &gt; length) ? length : toInteger(end);</w:t>
            </w:r>
          </w:p>
          <w:p w:rsidR="00156FB3" w:rsidRDefault="00156FB3" w:rsidP="00156FB3">
            <w:r>
              <w:t xml:space="preserve">      if (end &lt; 0) {</w:t>
            </w:r>
          </w:p>
          <w:p w:rsidR="00156FB3" w:rsidRDefault="00156FB3" w:rsidP="00156FB3">
            <w:r>
              <w:t xml:space="preserve">        end += length;</w:t>
            </w:r>
          </w:p>
          <w:p w:rsidR="00156FB3" w:rsidRDefault="00156FB3" w:rsidP="00156FB3">
            <w:r>
              <w:t xml:space="preserve">      }</w:t>
            </w:r>
          </w:p>
          <w:p w:rsidR="00156FB3" w:rsidRDefault="00156FB3" w:rsidP="00156FB3">
            <w:r>
              <w:t xml:space="preserve">      end = start &gt; end ? 0 : toLength(end);</w:t>
            </w:r>
          </w:p>
          <w:p w:rsidR="00156FB3" w:rsidRDefault="00156FB3" w:rsidP="00156FB3">
            <w:r>
              <w:t xml:space="preserve">      while (start &lt; end) {</w:t>
            </w:r>
          </w:p>
          <w:p w:rsidR="00156FB3" w:rsidRDefault="00156FB3" w:rsidP="00156FB3">
            <w:r>
              <w:t xml:space="preserve">        array[start++] = value;</w:t>
            </w:r>
          </w:p>
          <w:p w:rsidR="00156FB3" w:rsidRDefault="00156FB3" w:rsidP="00156FB3">
            <w:r>
              <w:t xml:space="preserve">      }</w:t>
            </w:r>
          </w:p>
          <w:p w:rsidR="00156FB3" w:rsidRDefault="00156FB3" w:rsidP="00156FB3">
            <w:r>
              <w:t xml:space="preserve">      return arra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lastRenderedPageBreak/>
              <w:t xml:space="preserve">     * The base implementation of `_.filter` without support for iteratee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Object} collection The collection to iterate over.</w:t>
            </w:r>
          </w:p>
          <w:p w:rsidR="00156FB3" w:rsidRDefault="00156FB3" w:rsidP="00156FB3">
            <w:r>
              <w:t xml:space="preserve">     * @param {Function} predicate The function invoked per iteration.</w:t>
            </w:r>
          </w:p>
          <w:p w:rsidR="00156FB3" w:rsidRDefault="00156FB3" w:rsidP="00156FB3">
            <w:r>
              <w:t xml:space="preserve">     * @returns {Array} Returns the new filtered array.</w:t>
            </w:r>
          </w:p>
          <w:p w:rsidR="00156FB3" w:rsidRDefault="00156FB3" w:rsidP="00156FB3">
            <w:r>
              <w:t xml:space="preserve">     */</w:t>
            </w:r>
          </w:p>
          <w:p w:rsidR="00156FB3" w:rsidRDefault="00156FB3" w:rsidP="00156FB3">
            <w:r>
              <w:t xml:space="preserve">    function baseFilter(collection, predicate) {</w:t>
            </w:r>
          </w:p>
          <w:p w:rsidR="00156FB3" w:rsidRDefault="00156FB3" w:rsidP="00156FB3">
            <w:r>
              <w:t xml:space="preserve">      var result = [];</w:t>
            </w:r>
          </w:p>
          <w:p w:rsidR="00156FB3" w:rsidRDefault="00156FB3" w:rsidP="00156FB3">
            <w:r>
              <w:t xml:space="preserve">      baseEach(collection, function(value, index, collection) {</w:t>
            </w:r>
          </w:p>
          <w:p w:rsidR="00156FB3" w:rsidRDefault="00156FB3" w:rsidP="00156FB3">
            <w:r>
              <w:t xml:space="preserve">        if (predicate(value, index, collection)) {</w:t>
            </w:r>
          </w:p>
          <w:p w:rsidR="00156FB3" w:rsidRDefault="00156FB3" w:rsidP="00156FB3">
            <w:r>
              <w:t xml:space="preserve">          result.push(value);</w:t>
            </w:r>
          </w:p>
          <w:p w:rsidR="00156FB3" w:rsidRDefault="00156FB3" w:rsidP="00156FB3">
            <w:r>
              <w:t xml:space="preserve">        }</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flatten` with support for restricting flattening.</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flatten.</w:t>
            </w:r>
          </w:p>
          <w:p w:rsidR="00156FB3" w:rsidRDefault="00156FB3" w:rsidP="00156FB3">
            <w:r>
              <w:t xml:space="preserve">     * @param {number} depth The maximum recursion depth.</w:t>
            </w:r>
          </w:p>
          <w:p w:rsidR="00156FB3" w:rsidRDefault="00156FB3" w:rsidP="00156FB3">
            <w:r>
              <w:t xml:space="preserve">     * @param {boolean} [predicate=isFlattenable] The function invoked per iteration.</w:t>
            </w:r>
          </w:p>
          <w:p w:rsidR="00156FB3" w:rsidRDefault="00156FB3" w:rsidP="00156FB3">
            <w:r>
              <w:t xml:space="preserve">     * @param {boolean} [isStrict] Restrict to values that pass `predicate` checks.</w:t>
            </w:r>
          </w:p>
          <w:p w:rsidR="00156FB3" w:rsidRDefault="00156FB3" w:rsidP="00156FB3">
            <w:r>
              <w:t xml:space="preserve">     * @param {Array} [result=[]] The initial result value.</w:t>
            </w:r>
          </w:p>
          <w:p w:rsidR="00156FB3" w:rsidRDefault="00156FB3" w:rsidP="00156FB3">
            <w:r>
              <w:t xml:space="preserve">     * @returns {Array} Returns the new flattened array.</w:t>
            </w:r>
          </w:p>
          <w:p w:rsidR="00156FB3" w:rsidRDefault="00156FB3" w:rsidP="00156FB3">
            <w:r>
              <w:t xml:space="preserve">     */</w:t>
            </w:r>
          </w:p>
          <w:p w:rsidR="00156FB3" w:rsidRDefault="00156FB3" w:rsidP="00156FB3">
            <w:r>
              <w:t xml:space="preserve">    function baseFlatten(array, depth, predicate, isStrict, result) {</w:t>
            </w:r>
          </w:p>
          <w:p w:rsidR="00156FB3" w:rsidRDefault="00156FB3" w:rsidP="00156FB3">
            <w:r>
              <w:t xml:space="preserve">      var index = -1,</w:t>
            </w:r>
          </w:p>
          <w:p w:rsidR="00156FB3" w:rsidRDefault="00156FB3" w:rsidP="00156FB3">
            <w:r>
              <w:t xml:space="preserve">          length = array.length;</w:t>
            </w:r>
          </w:p>
          <w:p w:rsidR="00156FB3" w:rsidRDefault="00156FB3" w:rsidP="00156FB3"/>
          <w:p w:rsidR="00156FB3" w:rsidRDefault="00156FB3" w:rsidP="00156FB3">
            <w:r>
              <w:t xml:space="preserve">      predicate || (predicate = isFlattenable);</w:t>
            </w:r>
          </w:p>
          <w:p w:rsidR="00156FB3" w:rsidRDefault="00156FB3" w:rsidP="00156FB3">
            <w:r>
              <w:t xml:space="preserve">      result || (result = []);</w:t>
            </w:r>
          </w:p>
          <w:p w:rsidR="00156FB3" w:rsidRDefault="00156FB3" w:rsidP="00156FB3"/>
          <w:p w:rsidR="00156FB3" w:rsidRDefault="00156FB3" w:rsidP="00156FB3">
            <w:r>
              <w:t xml:space="preserve">      while (++index &lt; length) {</w:t>
            </w:r>
          </w:p>
          <w:p w:rsidR="00156FB3" w:rsidRDefault="00156FB3" w:rsidP="00156FB3">
            <w:r>
              <w:t xml:space="preserve">        var value = array[index];</w:t>
            </w:r>
          </w:p>
          <w:p w:rsidR="00156FB3" w:rsidRDefault="00156FB3" w:rsidP="00156FB3">
            <w:r>
              <w:t xml:space="preserve">        if (depth &gt; 0 &amp;&amp; predicate(value)) {</w:t>
            </w:r>
          </w:p>
          <w:p w:rsidR="00156FB3" w:rsidRDefault="00156FB3" w:rsidP="00156FB3">
            <w:r>
              <w:t xml:space="preserve">          if (depth &gt; 1) {</w:t>
            </w:r>
          </w:p>
          <w:p w:rsidR="00156FB3" w:rsidRDefault="00156FB3" w:rsidP="00156FB3">
            <w:r>
              <w:t xml:space="preserve">            // Recursively flatten arrays (susceptible to call stack limits).</w:t>
            </w:r>
          </w:p>
          <w:p w:rsidR="00156FB3" w:rsidRDefault="00156FB3" w:rsidP="00156FB3">
            <w:r>
              <w:t xml:space="preserve">            baseFlatten(value, depth - 1, predicate, isStrict, result);</w:t>
            </w:r>
          </w:p>
          <w:p w:rsidR="00156FB3" w:rsidRDefault="00156FB3" w:rsidP="00156FB3">
            <w:r>
              <w:t xml:space="preserve">          } else {</w:t>
            </w:r>
          </w:p>
          <w:p w:rsidR="00156FB3" w:rsidRDefault="00156FB3" w:rsidP="00156FB3">
            <w:r>
              <w:t xml:space="preserve">            arrayPush(result, value);</w:t>
            </w:r>
          </w:p>
          <w:p w:rsidR="00156FB3" w:rsidRDefault="00156FB3" w:rsidP="00156FB3">
            <w:r>
              <w:t xml:space="preserve">          }</w:t>
            </w:r>
          </w:p>
          <w:p w:rsidR="00156FB3" w:rsidRDefault="00156FB3" w:rsidP="00156FB3">
            <w:r>
              <w:t xml:space="preserve">        } else if (!isStrict) {</w:t>
            </w:r>
          </w:p>
          <w:p w:rsidR="00156FB3" w:rsidRDefault="00156FB3" w:rsidP="00156FB3">
            <w:r>
              <w:t xml:space="preserve">          result[result.length] = value;</w:t>
            </w:r>
          </w:p>
          <w:p w:rsidR="00156FB3" w:rsidRDefault="00156FB3" w:rsidP="00156FB3">
            <w:r>
              <w:t xml:space="preserve">        }</w:t>
            </w:r>
          </w:p>
          <w:p w:rsidR="00156FB3" w:rsidRDefault="00156FB3" w:rsidP="00156FB3">
            <w:r>
              <w:t xml:space="preserve">      }</w:t>
            </w:r>
          </w:p>
          <w:p w:rsidR="00156FB3" w:rsidRDefault="00156FB3" w:rsidP="00156FB3">
            <w:r>
              <w:lastRenderedPageBreak/>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baseForOwn` which iterates over `object`</w:t>
            </w:r>
          </w:p>
          <w:p w:rsidR="00156FB3" w:rsidRDefault="00156FB3" w:rsidP="00156FB3">
            <w:r>
              <w:t xml:space="preserve">     * properties returned by `keysFunc` and invokes `iteratee` for each property.</w:t>
            </w:r>
          </w:p>
          <w:p w:rsidR="00156FB3" w:rsidRDefault="00156FB3" w:rsidP="00156FB3">
            <w:r>
              <w:t xml:space="preserve">     * Iteratee functions may exit iteration early by explicitly returning `false`.</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iterate over.</w:t>
            </w:r>
          </w:p>
          <w:p w:rsidR="00156FB3" w:rsidRDefault="00156FB3" w:rsidP="00156FB3">
            <w:r>
              <w:t xml:space="preserve">     * @param {Function} iteratee The function invoked per iteration.</w:t>
            </w:r>
          </w:p>
          <w:p w:rsidR="00156FB3" w:rsidRDefault="00156FB3" w:rsidP="00156FB3">
            <w:r>
              <w:t xml:space="preserve">     * @param {Function} keysFunc The function to get the keys of `object`.</w:t>
            </w:r>
          </w:p>
          <w:p w:rsidR="00156FB3" w:rsidRDefault="00156FB3" w:rsidP="00156FB3">
            <w:r>
              <w:t xml:space="preserve">     * @returns {Object} Returns `object`.</w:t>
            </w:r>
          </w:p>
          <w:p w:rsidR="00156FB3" w:rsidRDefault="00156FB3" w:rsidP="00156FB3">
            <w:r>
              <w:t xml:space="preserve">     */</w:t>
            </w:r>
          </w:p>
          <w:p w:rsidR="00156FB3" w:rsidRDefault="00156FB3" w:rsidP="00156FB3">
            <w:r>
              <w:t xml:space="preserve">    var baseFor = createBaseFor();</w:t>
            </w:r>
          </w:p>
          <w:p w:rsidR="00156FB3" w:rsidRDefault="00156FB3" w:rsidP="00156FB3"/>
          <w:p w:rsidR="00156FB3" w:rsidRDefault="00156FB3" w:rsidP="00156FB3">
            <w:r>
              <w:t xml:space="preserve">    /**</w:t>
            </w:r>
          </w:p>
          <w:p w:rsidR="00156FB3" w:rsidRDefault="00156FB3" w:rsidP="00156FB3">
            <w:r>
              <w:t xml:space="preserve">     * This function is like `baseFor` except that it iterates over properties</w:t>
            </w:r>
          </w:p>
          <w:p w:rsidR="00156FB3" w:rsidRDefault="00156FB3" w:rsidP="00156FB3">
            <w:r>
              <w:t xml:space="preserve">     * in the opposite order.</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iterate over.</w:t>
            </w:r>
          </w:p>
          <w:p w:rsidR="00156FB3" w:rsidRDefault="00156FB3" w:rsidP="00156FB3">
            <w:r>
              <w:t xml:space="preserve">     * @param {Function} iteratee The function invoked per iteration.</w:t>
            </w:r>
          </w:p>
          <w:p w:rsidR="00156FB3" w:rsidRDefault="00156FB3" w:rsidP="00156FB3">
            <w:r>
              <w:t xml:space="preserve">     * @param {Function} keysFunc The function to get the keys of `object`.</w:t>
            </w:r>
          </w:p>
          <w:p w:rsidR="00156FB3" w:rsidRDefault="00156FB3" w:rsidP="00156FB3">
            <w:r>
              <w:t xml:space="preserve">     * @returns {Object} Returns `object`.</w:t>
            </w:r>
          </w:p>
          <w:p w:rsidR="00156FB3" w:rsidRDefault="00156FB3" w:rsidP="00156FB3">
            <w:r>
              <w:t xml:space="preserve">     */</w:t>
            </w:r>
          </w:p>
          <w:p w:rsidR="00156FB3" w:rsidRDefault="00156FB3" w:rsidP="00156FB3">
            <w:r>
              <w:t xml:space="preserve">    var baseForRight = createBaseFor(true);</w:t>
            </w:r>
          </w:p>
          <w:p w:rsidR="00156FB3" w:rsidRDefault="00156FB3" w:rsidP="00156FB3"/>
          <w:p w:rsidR="00156FB3" w:rsidRDefault="00156FB3" w:rsidP="00156FB3">
            <w:r>
              <w:t xml:space="preserve">    /**</w:t>
            </w:r>
          </w:p>
          <w:p w:rsidR="00156FB3" w:rsidRDefault="00156FB3" w:rsidP="00156FB3">
            <w:r>
              <w:t xml:space="preserve">     * The base implementation of `_.forOwn` without support for iteratee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iterate over.</w:t>
            </w:r>
          </w:p>
          <w:p w:rsidR="00156FB3" w:rsidRDefault="00156FB3" w:rsidP="00156FB3">
            <w:r>
              <w:t xml:space="preserve">     * @param {Function} iteratee The function invoked per iteration.</w:t>
            </w:r>
          </w:p>
          <w:p w:rsidR="00156FB3" w:rsidRDefault="00156FB3" w:rsidP="00156FB3">
            <w:r>
              <w:t xml:space="preserve">     * @returns {Object} Returns `object`.</w:t>
            </w:r>
          </w:p>
          <w:p w:rsidR="00156FB3" w:rsidRDefault="00156FB3" w:rsidP="00156FB3">
            <w:r>
              <w:t xml:space="preserve">     */</w:t>
            </w:r>
          </w:p>
          <w:p w:rsidR="00156FB3" w:rsidRDefault="00156FB3" w:rsidP="00156FB3">
            <w:r>
              <w:t xml:space="preserve">    function baseForOwn(object, iteratee) {</w:t>
            </w:r>
          </w:p>
          <w:p w:rsidR="00156FB3" w:rsidRDefault="00156FB3" w:rsidP="00156FB3">
            <w:r>
              <w:t xml:space="preserve">      return object &amp;&amp; baseFor(object, iteratee, key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forOwnRight` without support for iteratee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iterate over.</w:t>
            </w:r>
          </w:p>
          <w:p w:rsidR="00156FB3" w:rsidRDefault="00156FB3" w:rsidP="00156FB3">
            <w:r>
              <w:t xml:space="preserve">     * @param {Function} iteratee The function invoked per iteration.</w:t>
            </w:r>
          </w:p>
          <w:p w:rsidR="00156FB3" w:rsidRDefault="00156FB3" w:rsidP="00156FB3">
            <w:r>
              <w:t xml:space="preserve">     * @returns {Object} Returns `object`.</w:t>
            </w:r>
          </w:p>
          <w:p w:rsidR="00156FB3" w:rsidRDefault="00156FB3" w:rsidP="00156FB3">
            <w:r>
              <w:t xml:space="preserve">     */</w:t>
            </w:r>
          </w:p>
          <w:p w:rsidR="00156FB3" w:rsidRDefault="00156FB3" w:rsidP="00156FB3">
            <w:r>
              <w:lastRenderedPageBreak/>
              <w:t xml:space="preserve">    function baseForOwnRight(object, iteratee) {</w:t>
            </w:r>
          </w:p>
          <w:p w:rsidR="00156FB3" w:rsidRDefault="00156FB3" w:rsidP="00156FB3">
            <w:r>
              <w:t xml:space="preserve">      return object &amp;&amp; baseForRight(object, iteratee, key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functions` which creates an array of</w:t>
            </w:r>
          </w:p>
          <w:p w:rsidR="00156FB3" w:rsidRDefault="00156FB3" w:rsidP="00156FB3">
            <w:r>
              <w:t xml:space="preserve">     * `object` function property names filtered from `prop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inspect.</w:t>
            </w:r>
          </w:p>
          <w:p w:rsidR="00156FB3" w:rsidRDefault="00156FB3" w:rsidP="00156FB3">
            <w:r>
              <w:t xml:space="preserve">     * @param {Array} props The property names to filter.</w:t>
            </w:r>
          </w:p>
          <w:p w:rsidR="00156FB3" w:rsidRDefault="00156FB3" w:rsidP="00156FB3">
            <w:r>
              <w:t xml:space="preserve">     * @returns {Array} Returns the function names.</w:t>
            </w:r>
          </w:p>
          <w:p w:rsidR="00156FB3" w:rsidRDefault="00156FB3" w:rsidP="00156FB3">
            <w:r>
              <w:t xml:space="preserve">     */</w:t>
            </w:r>
          </w:p>
          <w:p w:rsidR="00156FB3" w:rsidRDefault="00156FB3" w:rsidP="00156FB3">
            <w:r>
              <w:t xml:space="preserve">    function baseFunctions(object, props) {</w:t>
            </w:r>
          </w:p>
          <w:p w:rsidR="00156FB3" w:rsidRDefault="00156FB3" w:rsidP="00156FB3">
            <w:r>
              <w:t xml:space="preserve">      return arrayFilter(props, function(key) {</w:t>
            </w:r>
          </w:p>
          <w:p w:rsidR="00156FB3" w:rsidRDefault="00156FB3" w:rsidP="00156FB3">
            <w:r>
              <w:t xml:space="preserve">        return isFunction(object[key]);</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get` without support for default value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query.</w:t>
            </w:r>
          </w:p>
          <w:p w:rsidR="00156FB3" w:rsidRDefault="00156FB3" w:rsidP="00156FB3">
            <w:r>
              <w:t xml:space="preserve">     * @param {Array|string} path The path of the property to get.</w:t>
            </w:r>
          </w:p>
          <w:p w:rsidR="00156FB3" w:rsidRDefault="00156FB3" w:rsidP="00156FB3">
            <w:r>
              <w:t xml:space="preserve">     * @returns {*} Returns the resolved value.</w:t>
            </w:r>
          </w:p>
          <w:p w:rsidR="00156FB3" w:rsidRDefault="00156FB3" w:rsidP="00156FB3">
            <w:r>
              <w:t xml:space="preserve">     */</w:t>
            </w:r>
          </w:p>
          <w:p w:rsidR="00156FB3" w:rsidRDefault="00156FB3" w:rsidP="00156FB3">
            <w:r>
              <w:t xml:space="preserve">    function baseGet(object, path) {</w:t>
            </w:r>
          </w:p>
          <w:p w:rsidR="00156FB3" w:rsidRDefault="00156FB3" w:rsidP="00156FB3">
            <w:r>
              <w:t xml:space="preserve">      path = castPath(path, object);</w:t>
            </w:r>
          </w:p>
          <w:p w:rsidR="00156FB3" w:rsidRDefault="00156FB3" w:rsidP="00156FB3"/>
          <w:p w:rsidR="00156FB3" w:rsidRDefault="00156FB3" w:rsidP="00156FB3">
            <w:r>
              <w:t xml:space="preserve">      var index = 0,</w:t>
            </w:r>
          </w:p>
          <w:p w:rsidR="00156FB3" w:rsidRDefault="00156FB3" w:rsidP="00156FB3">
            <w:r>
              <w:t xml:space="preserve">          length = path.length;</w:t>
            </w:r>
          </w:p>
          <w:p w:rsidR="00156FB3" w:rsidRDefault="00156FB3" w:rsidP="00156FB3"/>
          <w:p w:rsidR="00156FB3" w:rsidRDefault="00156FB3" w:rsidP="00156FB3">
            <w:r>
              <w:t xml:space="preserve">      while (object != null &amp;&amp; index &lt; length) {</w:t>
            </w:r>
          </w:p>
          <w:p w:rsidR="00156FB3" w:rsidRDefault="00156FB3" w:rsidP="00156FB3">
            <w:r>
              <w:t xml:space="preserve">        object = object[toKey(path[index++])];</w:t>
            </w:r>
          </w:p>
          <w:p w:rsidR="00156FB3" w:rsidRDefault="00156FB3" w:rsidP="00156FB3">
            <w:r>
              <w:t xml:space="preserve">      }</w:t>
            </w:r>
          </w:p>
          <w:p w:rsidR="00156FB3" w:rsidRDefault="00156FB3" w:rsidP="00156FB3">
            <w:r>
              <w:t xml:space="preserve">      return (index &amp;&amp; index == length) ? object : undefine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getAllKeys` and `getAllKeysIn` which uses</w:t>
            </w:r>
          </w:p>
          <w:p w:rsidR="00156FB3" w:rsidRDefault="00156FB3" w:rsidP="00156FB3">
            <w:r>
              <w:t xml:space="preserve">     * `keysFunc` and `symbolsFunc` to get the enumerable property names and</w:t>
            </w:r>
          </w:p>
          <w:p w:rsidR="00156FB3" w:rsidRDefault="00156FB3" w:rsidP="00156FB3">
            <w:r>
              <w:t xml:space="preserve">     * symbols of `object`.</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query.</w:t>
            </w:r>
          </w:p>
          <w:p w:rsidR="00156FB3" w:rsidRDefault="00156FB3" w:rsidP="00156FB3">
            <w:r>
              <w:t xml:space="preserve">     * @param {Function} keysFunc The function to get the keys of `object`.</w:t>
            </w:r>
          </w:p>
          <w:p w:rsidR="00156FB3" w:rsidRDefault="00156FB3" w:rsidP="00156FB3">
            <w:r>
              <w:t xml:space="preserve">     * @param {Function} symbolsFunc The function to get the symbols of `object`.</w:t>
            </w:r>
          </w:p>
          <w:p w:rsidR="00156FB3" w:rsidRDefault="00156FB3" w:rsidP="00156FB3">
            <w:r>
              <w:lastRenderedPageBreak/>
              <w:t xml:space="preserve">     * @returns {Array} Returns the array of property names and symbols.</w:t>
            </w:r>
          </w:p>
          <w:p w:rsidR="00156FB3" w:rsidRDefault="00156FB3" w:rsidP="00156FB3">
            <w:r>
              <w:t xml:space="preserve">     */</w:t>
            </w:r>
          </w:p>
          <w:p w:rsidR="00156FB3" w:rsidRDefault="00156FB3" w:rsidP="00156FB3">
            <w:r>
              <w:t xml:space="preserve">    function baseGetAllKeys(object, keysFunc, symbolsFunc) {</w:t>
            </w:r>
          </w:p>
          <w:p w:rsidR="00156FB3" w:rsidRDefault="00156FB3" w:rsidP="00156FB3">
            <w:r>
              <w:t xml:space="preserve">      var result = keysFunc(object);</w:t>
            </w:r>
          </w:p>
          <w:p w:rsidR="00156FB3" w:rsidRDefault="00156FB3" w:rsidP="00156FB3">
            <w:r>
              <w:t xml:space="preserve">      return isArray(object) ? result : arrayPush(result, symbolsFunc(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getTag` without fallbacks for buggy environments.</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query.</w:t>
            </w:r>
          </w:p>
          <w:p w:rsidR="00156FB3" w:rsidRDefault="00156FB3" w:rsidP="00156FB3">
            <w:r>
              <w:t xml:space="preserve">     * @returns {string} Returns the `toStringTag`.</w:t>
            </w:r>
          </w:p>
          <w:p w:rsidR="00156FB3" w:rsidRDefault="00156FB3" w:rsidP="00156FB3">
            <w:r>
              <w:t xml:space="preserve">     */</w:t>
            </w:r>
          </w:p>
          <w:p w:rsidR="00156FB3" w:rsidRDefault="00156FB3" w:rsidP="00156FB3">
            <w:r>
              <w:t xml:space="preserve">    function baseGetTag(value) {</w:t>
            </w:r>
          </w:p>
          <w:p w:rsidR="00156FB3" w:rsidRDefault="00156FB3" w:rsidP="00156FB3">
            <w:r>
              <w:t xml:space="preserve">      if (value == null) {</w:t>
            </w:r>
          </w:p>
          <w:p w:rsidR="00156FB3" w:rsidRDefault="00156FB3" w:rsidP="00156FB3">
            <w:r>
              <w:t xml:space="preserve">        return value === undefined ? undefinedTag : nullTag;</w:t>
            </w:r>
          </w:p>
          <w:p w:rsidR="00156FB3" w:rsidRDefault="00156FB3" w:rsidP="00156FB3">
            <w:r>
              <w:t xml:space="preserve">      }</w:t>
            </w:r>
          </w:p>
          <w:p w:rsidR="00156FB3" w:rsidRDefault="00156FB3" w:rsidP="00156FB3">
            <w:r>
              <w:t xml:space="preserve">      return (symToStringTag &amp;&amp; symToStringTag in Object(value))</w:t>
            </w:r>
          </w:p>
          <w:p w:rsidR="00156FB3" w:rsidRDefault="00156FB3" w:rsidP="00156FB3">
            <w:r>
              <w:t xml:space="preserve">        ? getRawTag(value)</w:t>
            </w:r>
          </w:p>
          <w:p w:rsidR="00156FB3" w:rsidRDefault="00156FB3" w:rsidP="00156FB3">
            <w:r>
              <w:t xml:space="preserve">        : objectToString(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gt` which doesn't coerce arguments.</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compare.</w:t>
            </w:r>
          </w:p>
          <w:p w:rsidR="00156FB3" w:rsidRDefault="00156FB3" w:rsidP="00156FB3">
            <w:r>
              <w:t xml:space="preserve">     * @param {*} other The other value to compare.</w:t>
            </w:r>
          </w:p>
          <w:p w:rsidR="00156FB3" w:rsidRDefault="00156FB3" w:rsidP="00156FB3">
            <w:r>
              <w:t xml:space="preserve">     * @returns {boolean} Returns `true` if `value` is greater than `other`,</w:t>
            </w:r>
          </w:p>
          <w:p w:rsidR="00156FB3" w:rsidRDefault="00156FB3" w:rsidP="00156FB3">
            <w:r>
              <w:t xml:space="preserve">     *  else `false`.</w:t>
            </w:r>
          </w:p>
          <w:p w:rsidR="00156FB3" w:rsidRDefault="00156FB3" w:rsidP="00156FB3">
            <w:r>
              <w:t xml:space="preserve">     */</w:t>
            </w:r>
          </w:p>
          <w:p w:rsidR="00156FB3" w:rsidRDefault="00156FB3" w:rsidP="00156FB3">
            <w:r>
              <w:t xml:space="preserve">    function baseGt(value, other) {</w:t>
            </w:r>
          </w:p>
          <w:p w:rsidR="00156FB3" w:rsidRDefault="00156FB3" w:rsidP="00156FB3">
            <w:r>
              <w:t xml:space="preserve">      return value &gt; oth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has` without support for deep path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query.</w:t>
            </w:r>
          </w:p>
          <w:p w:rsidR="00156FB3" w:rsidRDefault="00156FB3" w:rsidP="00156FB3">
            <w:r>
              <w:t xml:space="preserve">     * @param {Array|string} key The key to check.</w:t>
            </w:r>
          </w:p>
          <w:p w:rsidR="00156FB3" w:rsidRDefault="00156FB3" w:rsidP="00156FB3">
            <w:r>
              <w:t xml:space="preserve">     * @returns {boolean} Returns `true` if `key` exists, else `false`.</w:t>
            </w:r>
          </w:p>
          <w:p w:rsidR="00156FB3" w:rsidRDefault="00156FB3" w:rsidP="00156FB3">
            <w:r>
              <w:t xml:space="preserve">     */</w:t>
            </w:r>
          </w:p>
          <w:p w:rsidR="00156FB3" w:rsidRDefault="00156FB3" w:rsidP="00156FB3">
            <w:r>
              <w:t xml:space="preserve">    function baseHas(object, key) {</w:t>
            </w:r>
          </w:p>
          <w:p w:rsidR="00156FB3" w:rsidRDefault="00156FB3" w:rsidP="00156FB3">
            <w:r>
              <w:t xml:space="preserve">      return object != null &amp;&amp; hasOwnProperty.call(object, key);</w:t>
            </w:r>
          </w:p>
          <w:p w:rsidR="00156FB3" w:rsidRDefault="00156FB3" w:rsidP="00156FB3">
            <w:r>
              <w:t xml:space="preserve">    }</w:t>
            </w:r>
          </w:p>
          <w:p w:rsidR="00156FB3" w:rsidRDefault="00156FB3" w:rsidP="00156FB3"/>
          <w:p w:rsidR="00156FB3" w:rsidRDefault="00156FB3" w:rsidP="00156FB3">
            <w:r>
              <w:lastRenderedPageBreak/>
              <w:t xml:space="preserve">    /**</w:t>
            </w:r>
          </w:p>
          <w:p w:rsidR="00156FB3" w:rsidRDefault="00156FB3" w:rsidP="00156FB3">
            <w:r>
              <w:t xml:space="preserve">     * The base implementation of `_.hasIn` without support for deep path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query.</w:t>
            </w:r>
          </w:p>
          <w:p w:rsidR="00156FB3" w:rsidRDefault="00156FB3" w:rsidP="00156FB3">
            <w:r>
              <w:t xml:space="preserve">     * @param {Array|string} key The key to check.</w:t>
            </w:r>
          </w:p>
          <w:p w:rsidR="00156FB3" w:rsidRDefault="00156FB3" w:rsidP="00156FB3">
            <w:r>
              <w:t xml:space="preserve">     * @returns {boolean} Returns `true` if `key` exists, else `false`.</w:t>
            </w:r>
          </w:p>
          <w:p w:rsidR="00156FB3" w:rsidRDefault="00156FB3" w:rsidP="00156FB3">
            <w:r>
              <w:t xml:space="preserve">     */</w:t>
            </w:r>
          </w:p>
          <w:p w:rsidR="00156FB3" w:rsidRDefault="00156FB3" w:rsidP="00156FB3">
            <w:r>
              <w:t xml:space="preserve">    function baseHasIn(object, key) {</w:t>
            </w:r>
          </w:p>
          <w:p w:rsidR="00156FB3" w:rsidRDefault="00156FB3" w:rsidP="00156FB3">
            <w:r>
              <w:t xml:space="preserve">      return object != null &amp;&amp; key in Object(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inRange` which doesn't coerce arguments.</w:t>
            </w:r>
          </w:p>
          <w:p w:rsidR="00156FB3" w:rsidRDefault="00156FB3" w:rsidP="00156FB3">
            <w:r>
              <w:t xml:space="preserve">     *</w:t>
            </w:r>
          </w:p>
          <w:p w:rsidR="00156FB3" w:rsidRDefault="00156FB3" w:rsidP="00156FB3">
            <w:r>
              <w:t xml:space="preserve">     * @private</w:t>
            </w:r>
          </w:p>
          <w:p w:rsidR="00156FB3" w:rsidRDefault="00156FB3" w:rsidP="00156FB3">
            <w:r>
              <w:t xml:space="preserve">     * @param {number} number The number to check.</w:t>
            </w:r>
          </w:p>
          <w:p w:rsidR="00156FB3" w:rsidRDefault="00156FB3" w:rsidP="00156FB3">
            <w:r>
              <w:t xml:space="preserve">     * @param {number} start The start of the range.</w:t>
            </w:r>
          </w:p>
          <w:p w:rsidR="00156FB3" w:rsidRDefault="00156FB3" w:rsidP="00156FB3">
            <w:r>
              <w:t xml:space="preserve">     * @param {number} end The end of the range.</w:t>
            </w:r>
          </w:p>
          <w:p w:rsidR="00156FB3" w:rsidRDefault="00156FB3" w:rsidP="00156FB3">
            <w:r>
              <w:t xml:space="preserve">     * @returns {boolean} Returns `true` if `number` is in the range, else `false`.</w:t>
            </w:r>
          </w:p>
          <w:p w:rsidR="00156FB3" w:rsidRDefault="00156FB3" w:rsidP="00156FB3">
            <w:r>
              <w:t xml:space="preserve">     */</w:t>
            </w:r>
          </w:p>
          <w:p w:rsidR="00156FB3" w:rsidRDefault="00156FB3" w:rsidP="00156FB3">
            <w:r>
              <w:t xml:space="preserve">    function baseInRange(number, start, end) {</w:t>
            </w:r>
          </w:p>
          <w:p w:rsidR="00156FB3" w:rsidRDefault="00156FB3" w:rsidP="00156FB3">
            <w:r>
              <w:t xml:space="preserve">      return number &gt;= nativeMin(start, end) &amp;&amp; number &lt; nativeMax(start, en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methods like `_.intersection`, without support</w:t>
            </w:r>
          </w:p>
          <w:p w:rsidR="00156FB3" w:rsidRDefault="00156FB3" w:rsidP="00156FB3">
            <w:r>
              <w:t xml:space="preserve">     * for iteratee shorthands, that accepts an array of arrays to inspect.</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s The arrays to inspect.</w:t>
            </w:r>
          </w:p>
          <w:p w:rsidR="00156FB3" w:rsidRDefault="00156FB3" w:rsidP="00156FB3">
            <w:r>
              <w:t xml:space="preserve">     * @param {Function} [iteratee] The iteratee invoked per element.</w:t>
            </w:r>
          </w:p>
          <w:p w:rsidR="00156FB3" w:rsidRDefault="00156FB3" w:rsidP="00156FB3">
            <w:r>
              <w:t xml:space="preserve">     * @param {Function} [comparator] The comparator invoked per element.</w:t>
            </w:r>
          </w:p>
          <w:p w:rsidR="00156FB3" w:rsidRDefault="00156FB3" w:rsidP="00156FB3">
            <w:r>
              <w:t xml:space="preserve">     * @returns {Array} Returns the new array of shared values.</w:t>
            </w:r>
          </w:p>
          <w:p w:rsidR="00156FB3" w:rsidRDefault="00156FB3" w:rsidP="00156FB3">
            <w:r>
              <w:t xml:space="preserve">     */</w:t>
            </w:r>
          </w:p>
          <w:p w:rsidR="00156FB3" w:rsidRDefault="00156FB3" w:rsidP="00156FB3">
            <w:r>
              <w:t xml:space="preserve">    function baseIntersection(arrays, iteratee, comparator) {</w:t>
            </w:r>
          </w:p>
          <w:p w:rsidR="00156FB3" w:rsidRDefault="00156FB3" w:rsidP="00156FB3">
            <w:r>
              <w:t xml:space="preserve">      var includes = comparator ? arrayIncludesWith : arrayIncludes,</w:t>
            </w:r>
          </w:p>
          <w:p w:rsidR="00156FB3" w:rsidRDefault="00156FB3" w:rsidP="00156FB3">
            <w:r>
              <w:t xml:space="preserve">          length = arrays[0].length,</w:t>
            </w:r>
          </w:p>
          <w:p w:rsidR="00156FB3" w:rsidRDefault="00156FB3" w:rsidP="00156FB3">
            <w:r>
              <w:t xml:space="preserve">          othLength = arrays.length,</w:t>
            </w:r>
          </w:p>
          <w:p w:rsidR="00156FB3" w:rsidRDefault="00156FB3" w:rsidP="00156FB3">
            <w:r>
              <w:t xml:space="preserve">          othIndex = othLength,</w:t>
            </w:r>
          </w:p>
          <w:p w:rsidR="00156FB3" w:rsidRDefault="00156FB3" w:rsidP="00156FB3">
            <w:r>
              <w:t xml:space="preserve">          caches = Array(othLength),</w:t>
            </w:r>
          </w:p>
          <w:p w:rsidR="00156FB3" w:rsidRDefault="00156FB3" w:rsidP="00156FB3">
            <w:r>
              <w:t xml:space="preserve">          maxLength = Infinity,</w:t>
            </w:r>
          </w:p>
          <w:p w:rsidR="00156FB3" w:rsidRDefault="00156FB3" w:rsidP="00156FB3">
            <w:r>
              <w:t xml:space="preserve">          result = [];</w:t>
            </w:r>
          </w:p>
          <w:p w:rsidR="00156FB3" w:rsidRDefault="00156FB3" w:rsidP="00156FB3"/>
          <w:p w:rsidR="00156FB3" w:rsidRDefault="00156FB3" w:rsidP="00156FB3">
            <w:r>
              <w:t xml:space="preserve">      while (othIndex--) {</w:t>
            </w:r>
          </w:p>
          <w:p w:rsidR="00156FB3" w:rsidRDefault="00156FB3" w:rsidP="00156FB3">
            <w:r>
              <w:t xml:space="preserve">        var array = arrays[othIndex];</w:t>
            </w:r>
          </w:p>
          <w:p w:rsidR="00156FB3" w:rsidRDefault="00156FB3" w:rsidP="00156FB3">
            <w:r>
              <w:t xml:space="preserve">        if (othIndex &amp;&amp; iteratee) {</w:t>
            </w:r>
          </w:p>
          <w:p w:rsidR="00156FB3" w:rsidRDefault="00156FB3" w:rsidP="00156FB3">
            <w:r>
              <w:t xml:space="preserve">          array = arrayMap(array, baseUnary(iteratee));</w:t>
            </w:r>
          </w:p>
          <w:p w:rsidR="00156FB3" w:rsidRDefault="00156FB3" w:rsidP="00156FB3">
            <w:r>
              <w:lastRenderedPageBreak/>
              <w:t xml:space="preserve">        }</w:t>
            </w:r>
          </w:p>
          <w:p w:rsidR="00156FB3" w:rsidRDefault="00156FB3" w:rsidP="00156FB3">
            <w:r>
              <w:t xml:space="preserve">        maxLength = nativeMin(array.length, maxLength);</w:t>
            </w:r>
          </w:p>
          <w:p w:rsidR="00156FB3" w:rsidRDefault="00156FB3" w:rsidP="00156FB3">
            <w:r>
              <w:t xml:space="preserve">        caches[othIndex] = !comparator &amp;&amp; (iteratee || (length &gt;= 120 &amp;&amp; array.length &gt;= 120))</w:t>
            </w:r>
          </w:p>
          <w:p w:rsidR="00156FB3" w:rsidRDefault="00156FB3" w:rsidP="00156FB3">
            <w:r>
              <w:t xml:space="preserve">          ? new SetCache(othIndex &amp;&amp; array)</w:t>
            </w:r>
          </w:p>
          <w:p w:rsidR="00156FB3" w:rsidRDefault="00156FB3" w:rsidP="00156FB3">
            <w:r>
              <w:t xml:space="preserve">          : undefined;</w:t>
            </w:r>
          </w:p>
          <w:p w:rsidR="00156FB3" w:rsidRDefault="00156FB3" w:rsidP="00156FB3">
            <w:r>
              <w:t xml:space="preserve">      }</w:t>
            </w:r>
          </w:p>
          <w:p w:rsidR="00156FB3" w:rsidRDefault="00156FB3" w:rsidP="00156FB3">
            <w:r>
              <w:t xml:space="preserve">      array = arrays[0];</w:t>
            </w:r>
          </w:p>
          <w:p w:rsidR="00156FB3" w:rsidRDefault="00156FB3" w:rsidP="00156FB3"/>
          <w:p w:rsidR="00156FB3" w:rsidRDefault="00156FB3" w:rsidP="00156FB3">
            <w:r>
              <w:t xml:space="preserve">      var index = -1,</w:t>
            </w:r>
          </w:p>
          <w:p w:rsidR="00156FB3" w:rsidRDefault="00156FB3" w:rsidP="00156FB3">
            <w:r>
              <w:t xml:space="preserve">          seen = caches[0];</w:t>
            </w:r>
          </w:p>
          <w:p w:rsidR="00156FB3" w:rsidRDefault="00156FB3" w:rsidP="00156FB3"/>
          <w:p w:rsidR="00156FB3" w:rsidRDefault="00156FB3" w:rsidP="00156FB3">
            <w:r>
              <w:t xml:space="preserve">      outer:</w:t>
            </w:r>
          </w:p>
          <w:p w:rsidR="00156FB3" w:rsidRDefault="00156FB3" w:rsidP="00156FB3">
            <w:r>
              <w:t xml:space="preserve">      while (++index &lt; length &amp;&amp; result.length &lt; maxLength) {</w:t>
            </w:r>
          </w:p>
          <w:p w:rsidR="00156FB3" w:rsidRDefault="00156FB3" w:rsidP="00156FB3">
            <w:r>
              <w:t xml:space="preserve">        var value = array[index],</w:t>
            </w:r>
          </w:p>
          <w:p w:rsidR="00156FB3" w:rsidRDefault="00156FB3" w:rsidP="00156FB3">
            <w:r>
              <w:t xml:space="preserve">            computed = iteratee ? iteratee(value) : value;</w:t>
            </w:r>
          </w:p>
          <w:p w:rsidR="00156FB3" w:rsidRDefault="00156FB3" w:rsidP="00156FB3"/>
          <w:p w:rsidR="00156FB3" w:rsidRDefault="00156FB3" w:rsidP="00156FB3">
            <w:r>
              <w:t xml:space="preserve">        value = (comparator || value !== 0) ? value : 0;</w:t>
            </w:r>
          </w:p>
          <w:p w:rsidR="00156FB3" w:rsidRDefault="00156FB3" w:rsidP="00156FB3">
            <w:r>
              <w:t xml:space="preserve">        if (!(seen</w:t>
            </w:r>
          </w:p>
          <w:p w:rsidR="00156FB3" w:rsidRDefault="00156FB3" w:rsidP="00156FB3">
            <w:r>
              <w:t xml:space="preserve">              ? cacheHas(seen, computed)</w:t>
            </w:r>
          </w:p>
          <w:p w:rsidR="00156FB3" w:rsidRDefault="00156FB3" w:rsidP="00156FB3">
            <w:r>
              <w:t xml:space="preserve">              : includes(result, computed, comparator)</w:t>
            </w:r>
          </w:p>
          <w:p w:rsidR="00156FB3" w:rsidRDefault="00156FB3" w:rsidP="00156FB3">
            <w:r>
              <w:t xml:space="preserve">            )) {</w:t>
            </w:r>
          </w:p>
          <w:p w:rsidR="00156FB3" w:rsidRDefault="00156FB3" w:rsidP="00156FB3">
            <w:r>
              <w:t xml:space="preserve">          othIndex = othLength;</w:t>
            </w:r>
          </w:p>
          <w:p w:rsidR="00156FB3" w:rsidRDefault="00156FB3" w:rsidP="00156FB3">
            <w:r>
              <w:t xml:space="preserve">          while (--othIndex) {</w:t>
            </w:r>
          </w:p>
          <w:p w:rsidR="00156FB3" w:rsidRDefault="00156FB3" w:rsidP="00156FB3">
            <w:r>
              <w:t xml:space="preserve">            var cache = caches[othIndex];</w:t>
            </w:r>
          </w:p>
          <w:p w:rsidR="00156FB3" w:rsidRDefault="00156FB3" w:rsidP="00156FB3">
            <w:r>
              <w:t xml:space="preserve">            if (!(cache</w:t>
            </w:r>
          </w:p>
          <w:p w:rsidR="00156FB3" w:rsidRDefault="00156FB3" w:rsidP="00156FB3">
            <w:r>
              <w:t xml:space="preserve">                  ? cacheHas(cache, computed)</w:t>
            </w:r>
          </w:p>
          <w:p w:rsidR="00156FB3" w:rsidRDefault="00156FB3" w:rsidP="00156FB3">
            <w:r>
              <w:t xml:space="preserve">                  : includes(arrays[othIndex], computed, comparator))</w:t>
            </w:r>
          </w:p>
          <w:p w:rsidR="00156FB3" w:rsidRDefault="00156FB3" w:rsidP="00156FB3">
            <w:r>
              <w:t xml:space="preserve">                ) {</w:t>
            </w:r>
          </w:p>
          <w:p w:rsidR="00156FB3" w:rsidRDefault="00156FB3" w:rsidP="00156FB3">
            <w:r>
              <w:t xml:space="preserve">              continue outer;</w:t>
            </w:r>
          </w:p>
          <w:p w:rsidR="00156FB3" w:rsidRDefault="00156FB3" w:rsidP="00156FB3">
            <w:r>
              <w:t xml:space="preserve">            }</w:t>
            </w:r>
          </w:p>
          <w:p w:rsidR="00156FB3" w:rsidRDefault="00156FB3" w:rsidP="00156FB3">
            <w:r>
              <w:t xml:space="preserve">          }</w:t>
            </w:r>
          </w:p>
          <w:p w:rsidR="00156FB3" w:rsidRDefault="00156FB3" w:rsidP="00156FB3">
            <w:r>
              <w:t xml:space="preserve">          if (seen) {</w:t>
            </w:r>
          </w:p>
          <w:p w:rsidR="00156FB3" w:rsidRDefault="00156FB3" w:rsidP="00156FB3">
            <w:r>
              <w:t xml:space="preserve">            seen.push(computed);</w:t>
            </w:r>
          </w:p>
          <w:p w:rsidR="00156FB3" w:rsidRDefault="00156FB3" w:rsidP="00156FB3">
            <w:r>
              <w:t xml:space="preserve">          }</w:t>
            </w:r>
          </w:p>
          <w:p w:rsidR="00156FB3" w:rsidRDefault="00156FB3" w:rsidP="00156FB3">
            <w:r>
              <w:t xml:space="preserve">          result.push(value);</w:t>
            </w:r>
          </w:p>
          <w:p w:rsidR="00156FB3" w:rsidRDefault="00156FB3" w:rsidP="00156FB3">
            <w:r>
              <w:t xml:space="preserve">        }</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invert` and `_.invertBy` which inverts</w:t>
            </w:r>
          </w:p>
          <w:p w:rsidR="00156FB3" w:rsidRDefault="00156FB3" w:rsidP="00156FB3">
            <w:r>
              <w:t xml:space="preserve">     * `object` with values transformed by `iteratee` and set by `setter`.</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iterate over.</w:t>
            </w:r>
          </w:p>
          <w:p w:rsidR="00156FB3" w:rsidRDefault="00156FB3" w:rsidP="00156FB3">
            <w:r>
              <w:t xml:space="preserve">     * @param {Function} setter The function to set `accumulator` values.</w:t>
            </w:r>
          </w:p>
          <w:p w:rsidR="00156FB3" w:rsidRDefault="00156FB3" w:rsidP="00156FB3">
            <w:r>
              <w:t xml:space="preserve">     * @param {Function} iteratee The iteratee to transform values.</w:t>
            </w:r>
          </w:p>
          <w:p w:rsidR="00156FB3" w:rsidRDefault="00156FB3" w:rsidP="00156FB3">
            <w:r>
              <w:lastRenderedPageBreak/>
              <w:t xml:space="preserve">     * @param {Object} accumulator The initial inverted object.</w:t>
            </w:r>
          </w:p>
          <w:p w:rsidR="00156FB3" w:rsidRDefault="00156FB3" w:rsidP="00156FB3">
            <w:r>
              <w:t xml:space="preserve">     * @returns {Function} Returns `accumulator`.</w:t>
            </w:r>
          </w:p>
          <w:p w:rsidR="00156FB3" w:rsidRDefault="00156FB3" w:rsidP="00156FB3">
            <w:r>
              <w:t xml:space="preserve">     */</w:t>
            </w:r>
          </w:p>
          <w:p w:rsidR="00156FB3" w:rsidRDefault="00156FB3" w:rsidP="00156FB3">
            <w:r>
              <w:t xml:space="preserve">    function baseInverter(object, setter, iteratee, accumulator) {</w:t>
            </w:r>
          </w:p>
          <w:p w:rsidR="00156FB3" w:rsidRDefault="00156FB3" w:rsidP="00156FB3">
            <w:r>
              <w:t xml:space="preserve">      baseForOwn(object, function(value, key, object) {</w:t>
            </w:r>
          </w:p>
          <w:p w:rsidR="00156FB3" w:rsidRDefault="00156FB3" w:rsidP="00156FB3">
            <w:r>
              <w:t xml:space="preserve">        setter(accumulator, iteratee(value), key, object);</w:t>
            </w:r>
          </w:p>
          <w:p w:rsidR="00156FB3" w:rsidRDefault="00156FB3" w:rsidP="00156FB3">
            <w:r>
              <w:t xml:space="preserve">      });</w:t>
            </w:r>
          </w:p>
          <w:p w:rsidR="00156FB3" w:rsidRDefault="00156FB3" w:rsidP="00156FB3">
            <w:r>
              <w:t xml:space="preserve">      return accumulato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invoke` without support for individual</w:t>
            </w:r>
          </w:p>
          <w:p w:rsidR="00156FB3" w:rsidRDefault="00156FB3" w:rsidP="00156FB3">
            <w:r>
              <w:t xml:space="preserve">     * method argument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query.</w:t>
            </w:r>
          </w:p>
          <w:p w:rsidR="00156FB3" w:rsidRDefault="00156FB3" w:rsidP="00156FB3">
            <w:r>
              <w:t xml:space="preserve">     * @param {Array|string} path The path of the method to invoke.</w:t>
            </w:r>
          </w:p>
          <w:p w:rsidR="00156FB3" w:rsidRDefault="00156FB3" w:rsidP="00156FB3">
            <w:r>
              <w:t xml:space="preserve">     * @param {Array} args The arguments to invoke the method with.</w:t>
            </w:r>
          </w:p>
          <w:p w:rsidR="00156FB3" w:rsidRDefault="00156FB3" w:rsidP="00156FB3">
            <w:r>
              <w:t xml:space="preserve">     * @returns {*} Returns the result of the invoked method.</w:t>
            </w:r>
          </w:p>
          <w:p w:rsidR="00156FB3" w:rsidRDefault="00156FB3" w:rsidP="00156FB3">
            <w:r>
              <w:t xml:space="preserve">     */</w:t>
            </w:r>
          </w:p>
          <w:p w:rsidR="00156FB3" w:rsidRDefault="00156FB3" w:rsidP="00156FB3">
            <w:r>
              <w:t xml:space="preserve">    function baseInvoke(object, path, args) {</w:t>
            </w:r>
          </w:p>
          <w:p w:rsidR="00156FB3" w:rsidRDefault="00156FB3" w:rsidP="00156FB3">
            <w:r>
              <w:t xml:space="preserve">      path = castPath(path, object);</w:t>
            </w:r>
          </w:p>
          <w:p w:rsidR="00156FB3" w:rsidRDefault="00156FB3" w:rsidP="00156FB3">
            <w:r>
              <w:t xml:space="preserve">      object = parent(object, path);</w:t>
            </w:r>
          </w:p>
          <w:p w:rsidR="00156FB3" w:rsidRDefault="00156FB3" w:rsidP="00156FB3">
            <w:r>
              <w:t xml:space="preserve">      var func = object == null ? object : object[toKey(last(path))];</w:t>
            </w:r>
          </w:p>
          <w:p w:rsidR="00156FB3" w:rsidRDefault="00156FB3" w:rsidP="00156FB3">
            <w:r>
              <w:t xml:space="preserve">      return func == null ? undefined : apply(func, object, arg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isArguments`.</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check.</w:t>
            </w:r>
          </w:p>
          <w:p w:rsidR="00156FB3" w:rsidRDefault="00156FB3" w:rsidP="00156FB3">
            <w:r>
              <w:t xml:space="preserve">     * @returns {boolean} Returns `true` if `value` is an `arguments` object,</w:t>
            </w:r>
          </w:p>
          <w:p w:rsidR="00156FB3" w:rsidRDefault="00156FB3" w:rsidP="00156FB3">
            <w:r>
              <w:t xml:space="preserve">     */</w:t>
            </w:r>
          </w:p>
          <w:p w:rsidR="00156FB3" w:rsidRDefault="00156FB3" w:rsidP="00156FB3">
            <w:r>
              <w:t xml:space="preserve">    function baseIsArguments(value) {</w:t>
            </w:r>
          </w:p>
          <w:p w:rsidR="00156FB3" w:rsidRDefault="00156FB3" w:rsidP="00156FB3">
            <w:r>
              <w:t xml:space="preserve">      return isObjectLike(value) &amp;&amp; baseGetTag(value) == argsTa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isArrayBuffer` without Node.js optimizations.</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check.</w:t>
            </w:r>
          </w:p>
          <w:p w:rsidR="00156FB3" w:rsidRDefault="00156FB3" w:rsidP="00156FB3">
            <w:r>
              <w:t xml:space="preserve">     * @returns {boolean} Returns `true` if `value` is an array buffer, else `false`.</w:t>
            </w:r>
          </w:p>
          <w:p w:rsidR="00156FB3" w:rsidRDefault="00156FB3" w:rsidP="00156FB3">
            <w:r>
              <w:t xml:space="preserve">     */</w:t>
            </w:r>
          </w:p>
          <w:p w:rsidR="00156FB3" w:rsidRDefault="00156FB3" w:rsidP="00156FB3">
            <w:r>
              <w:t xml:space="preserve">    function baseIsArrayBuffer(value) {</w:t>
            </w:r>
          </w:p>
          <w:p w:rsidR="00156FB3" w:rsidRDefault="00156FB3" w:rsidP="00156FB3">
            <w:r>
              <w:t xml:space="preserve">      return isObjectLike(value) &amp;&amp; baseGetTag(value) == arrayBufferTa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isDate` without Node.js optimizations.</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check.</w:t>
            </w:r>
          </w:p>
          <w:p w:rsidR="00156FB3" w:rsidRDefault="00156FB3" w:rsidP="00156FB3">
            <w:r>
              <w:t xml:space="preserve">     * @returns {boolean} Returns `true` if `value` is a date object, else `false`.</w:t>
            </w:r>
          </w:p>
          <w:p w:rsidR="00156FB3" w:rsidRDefault="00156FB3" w:rsidP="00156FB3">
            <w:r>
              <w:t xml:space="preserve">     */</w:t>
            </w:r>
          </w:p>
          <w:p w:rsidR="00156FB3" w:rsidRDefault="00156FB3" w:rsidP="00156FB3">
            <w:r>
              <w:t xml:space="preserve">    function baseIsDate(value) {</w:t>
            </w:r>
          </w:p>
          <w:p w:rsidR="00156FB3" w:rsidRDefault="00156FB3" w:rsidP="00156FB3">
            <w:r>
              <w:t xml:space="preserve">      return isObjectLike(value) &amp;&amp; baseGetTag(value) == dateTa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isEqual` which supports partial comparisons</w:t>
            </w:r>
          </w:p>
          <w:p w:rsidR="00156FB3" w:rsidRDefault="00156FB3" w:rsidP="00156FB3">
            <w:r>
              <w:t xml:space="preserve">     * and tracks traversed objects.</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compare.</w:t>
            </w:r>
          </w:p>
          <w:p w:rsidR="00156FB3" w:rsidRDefault="00156FB3" w:rsidP="00156FB3">
            <w:r>
              <w:t xml:space="preserve">     * @param {*} other The other value to compare.</w:t>
            </w:r>
          </w:p>
          <w:p w:rsidR="00156FB3" w:rsidRDefault="00156FB3" w:rsidP="00156FB3">
            <w:r>
              <w:t xml:space="preserve">     * @param {boolean} bitmask The bitmask flags.</w:t>
            </w:r>
          </w:p>
          <w:p w:rsidR="00156FB3" w:rsidRDefault="00156FB3" w:rsidP="00156FB3">
            <w:r>
              <w:t xml:space="preserve">     *  1 - Unordered comparison</w:t>
            </w:r>
          </w:p>
          <w:p w:rsidR="00156FB3" w:rsidRDefault="00156FB3" w:rsidP="00156FB3">
            <w:r>
              <w:t xml:space="preserve">     *  2 - Partial comparison</w:t>
            </w:r>
          </w:p>
          <w:p w:rsidR="00156FB3" w:rsidRDefault="00156FB3" w:rsidP="00156FB3">
            <w:r>
              <w:t xml:space="preserve">     * @param {Function} [customizer] The function to customize comparisons.</w:t>
            </w:r>
          </w:p>
          <w:p w:rsidR="00156FB3" w:rsidRDefault="00156FB3" w:rsidP="00156FB3">
            <w:r>
              <w:t xml:space="preserve">     * @param {Object} [stack] Tracks traversed `value` and `other` objects.</w:t>
            </w:r>
          </w:p>
          <w:p w:rsidR="00156FB3" w:rsidRDefault="00156FB3" w:rsidP="00156FB3">
            <w:r>
              <w:t xml:space="preserve">     * @returns {boolean} Returns `true` if the values are equivalent, else `false`.</w:t>
            </w:r>
          </w:p>
          <w:p w:rsidR="00156FB3" w:rsidRDefault="00156FB3" w:rsidP="00156FB3">
            <w:r>
              <w:t xml:space="preserve">     */</w:t>
            </w:r>
          </w:p>
          <w:p w:rsidR="00156FB3" w:rsidRDefault="00156FB3" w:rsidP="00156FB3">
            <w:r>
              <w:t xml:space="preserve">    function baseIsEqual(value, other, bitmask, customizer, stack) {</w:t>
            </w:r>
          </w:p>
          <w:p w:rsidR="00156FB3" w:rsidRDefault="00156FB3" w:rsidP="00156FB3">
            <w:r>
              <w:t xml:space="preserve">      if (value === other) {</w:t>
            </w:r>
          </w:p>
          <w:p w:rsidR="00156FB3" w:rsidRDefault="00156FB3" w:rsidP="00156FB3">
            <w:r>
              <w:t xml:space="preserve">        return true;</w:t>
            </w:r>
          </w:p>
          <w:p w:rsidR="00156FB3" w:rsidRDefault="00156FB3" w:rsidP="00156FB3">
            <w:r>
              <w:t xml:space="preserve">      }</w:t>
            </w:r>
          </w:p>
          <w:p w:rsidR="00156FB3" w:rsidRDefault="00156FB3" w:rsidP="00156FB3">
            <w:r>
              <w:t xml:space="preserve">      if (value == null || other == null || (!isObjectLike(value) &amp;&amp; !isObjectLike(other))) {</w:t>
            </w:r>
          </w:p>
          <w:p w:rsidR="00156FB3" w:rsidRDefault="00156FB3" w:rsidP="00156FB3">
            <w:r>
              <w:t xml:space="preserve">        return value !== value &amp;&amp; other !== other;</w:t>
            </w:r>
          </w:p>
          <w:p w:rsidR="00156FB3" w:rsidRDefault="00156FB3" w:rsidP="00156FB3">
            <w:r>
              <w:t xml:space="preserve">      }</w:t>
            </w:r>
          </w:p>
          <w:p w:rsidR="00156FB3" w:rsidRDefault="00156FB3" w:rsidP="00156FB3">
            <w:r>
              <w:t xml:space="preserve">      return baseIsEqualDeep(value, other, bitmask, customizer, baseIsEqual, stack);</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baseIsEqual` for arrays and objects which performs</w:t>
            </w:r>
          </w:p>
          <w:p w:rsidR="00156FB3" w:rsidRDefault="00156FB3" w:rsidP="00156FB3">
            <w:r>
              <w:t xml:space="preserve">     * deep comparisons and tracks traversed objects enabling objects with circular</w:t>
            </w:r>
          </w:p>
          <w:p w:rsidR="00156FB3" w:rsidRDefault="00156FB3" w:rsidP="00156FB3">
            <w:r>
              <w:t xml:space="preserve">     * references to be compared.</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compare.</w:t>
            </w:r>
          </w:p>
          <w:p w:rsidR="00156FB3" w:rsidRDefault="00156FB3" w:rsidP="00156FB3">
            <w:r>
              <w:t xml:space="preserve">     * @param {Object} other The other object to compare.</w:t>
            </w:r>
          </w:p>
          <w:p w:rsidR="00156FB3" w:rsidRDefault="00156FB3" w:rsidP="00156FB3">
            <w:r>
              <w:t xml:space="preserve">     * @param {number} bitmask The bitmask flags. See `baseIsEqual` for more details.</w:t>
            </w:r>
          </w:p>
          <w:p w:rsidR="00156FB3" w:rsidRDefault="00156FB3" w:rsidP="00156FB3">
            <w:r>
              <w:t xml:space="preserve">     * @param {Function} customizer The function to customize comparisons.</w:t>
            </w:r>
          </w:p>
          <w:p w:rsidR="00156FB3" w:rsidRDefault="00156FB3" w:rsidP="00156FB3">
            <w:r>
              <w:t xml:space="preserve">     * @param {Function} equalFunc The function to determine equivalents of values.</w:t>
            </w:r>
          </w:p>
          <w:p w:rsidR="00156FB3" w:rsidRDefault="00156FB3" w:rsidP="00156FB3">
            <w:r>
              <w:t xml:space="preserve">     * @param {Object} [stack] Tracks traversed `object` and `other` objects.</w:t>
            </w:r>
          </w:p>
          <w:p w:rsidR="00156FB3" w:rsidRDefault="00156FB3" w:rsidP="00156FB3">
            <w:r>
              <w:lastRenderedPageBreak/>
              <w:t xml:space="preserve">     * @returns {boolean} Returns `true` if the objects are equivalent, else `false`.</w:t>
            </w:r>
          </w:p>
          <w:p w:rsidR="00156FB3" w:rsidRDefault="00156FB3" w:rsidP="00156FB3">
            <w:r>
              <w:t xml:space="preserve">     */</w:t>
            </w:r>
          </w:p>
          <w:p w:rsidR="00156FB3" w:rsidRDefault="00156FB3" w:rsidP="00156FB3">
            <w:r>
              <w:t xml:space="preserve">    function baseIsEqualDeep(object, other, bitmask, customizer, equalFunc, stack) {</w:t>
            </w:r>
          </w:p>
          <w:p w:rsidR="00156FB3" w:rsidRDefault="00156FB3" w:rsidP="00156FB3">
            <w:r>
              <w:t xml:space="preserve">      var objIsArr = isArray(object),</w:t>
            </w:r>
          </w:p>
          <w:p w:rsidR="00156FB3" w:rsidRDefault="00156FB3" w:rsidP="00156FB3">
            <w:r>
              <w:t xml:space="preserve">          othIsArr = isArray(other),</w:t>
            </w:r>
          </w:p>
          <w:p w:rsidR="00156FB3" w:rsidRDefault="00156FB3" w:rsidP="00156FB3">
            <w:r>
              <w:t xml:space="preserve">          objTag = objIsArr ? arrayTag : getTag(object),</w:t>
            </w:r>
          </w:p>
          <w:p w:rsidR="00156FB3" w:rsidRDefault="00156FB3" w:rsidP="00156FB3">
            <w:r>
              <w:t xml:space="preserve">          othTag = othIsArr ? arrayTag : getTag(other);</w:t>
            </w:r>
          </w:p>
          <w:p w:rsidR="00156FB3" w:rsidRDefault="00156FB3" w:rsidP="00156FB3"/>
          <w:p w:rsidR="00156FB3" w:rsidRDefault="00156FB3" w:rsidP="00156FB3">
            <w:r>
              <w:t xml:space="preserve">      objTag = objTag == argsTag ? objectTag : objTag;</w:t>
            </w:r>
          </w:p>
          <w:p w:rsidR="00156FB3" w:rsidRDefault="00156FB3" w:rsidP="00156FB3">
            <w:r>
              <w:t xml:space="preserve">      othTag = othTag == argsTag ? objectTag : othTag;</w:t>
            </w:r>
          </w:p>
          <w:p w:rsidR="00156FB3" w:rsidRDefault="00156FB3" w:rsidP="00156FB3"/>
          <w:p w:rsidR="00156FB3" w:rsidRDefault="00156FB3" w:rsidP="00156FB3">
            <w:r>
              <w:t xml:space="preserve">      var objIsObj = objTag == objectTag,</w:t>
            </w:r>
          </w:p>
          <w:p w:rsidR="00156FB3" w:rsidRDefault="00156FB3" w:rsidP="00156FB3">
            <w:r>
              <w:t xml:space="preserve">          othIsObj = othTag == objectTag,</w:t>
            </w:r>
          </w:p>
          <w:p w:rsidR="00156FB3" w:rsidRDefault="00156FB3" w:rsidP="00156FB3">
            <w:r>
              <w:t xml:space="preserve">          isSameTag = objTag == othTag;</w:t>
            </w:r>
          </w:p>
          <w:p w:rsidR="00156FB3" w:rsidRDefault="00156FB3" w:rsidP="00156FB3"/>
          <w:p w:rsidR="00156FB3" w:rsidRDefault="00156FB3" w:rsidP="00156FB3">
            <w:r>
              <w:t xml:space="preserve">      if (isSameTag &amp;&amp; isBuffer(object)) {</w:t>
            </w:r>
          </w:p>
          <w:p w:rsidR="00156FB3" w:rsidRDefault="00156FB3" w:rsidP="00156FB3">
            <w:r>
              <w:t xml:space="preserve">        if (!isBuffer(other)) {</w:t>
            </w:r>
          </w:p>
          <w:p w:rsidR="00156FB3" w:rsidRDefault="00156FB3" w:rsidP="00156FB3">
            <w:r>
              <w:t xml:space="preserve">          return false;</w:t>
            </w:r>
          </w:p>
          <w:p w:rsidR="00156FB3" w:rsidRDefault="00156FB3" w:rsidP="00156FB3">
            <w:r>
              <w:t xml:space="preserve">        }</w:t>
            </w:r>
          </w:p>
          <w:p w:rsidR="00156FB3" w:rsidRDefault="00156FB3" w:rsidP="00156FB3">
            <w:r>
              <w:t xml:space="preserve">        objIsArr = true;</w:t>
            </w:r>
          </w:p>
          <w:p w:rsidR="00156FB3" w:rsidRDefault="00156FB3" w:rsidP="00156FB3">
            <w:r>
              <w:t xml:space="preserve">        objIsObj = false;</w:t>
            </w:r>
          </w:p>
          <w:p w:rsidR="00156FB3" w:rsidRDefault="00156FB3" w:rsidP="00156FB3">
            <w:r>
              <w:t xml:space="preserve">      }</w:t>
            </w:r>
          </w:p>
          <w:p w:rsidR="00156FB3" w:rsidRDefault="00156FB3" w:rsidP="00156FB3">
            <w:r>
              <w:t xml:space="preserve">      if (isSameTag &amp;&amp; !objIsObj) {</w:t>
            </w:r>
          </w:p>
          <w:p w:rsidR="00156FB3" w:rsidRDefault="00156FB3" w:rsidP="00156FB3">
            <w:r>
              <w:t xml:space="preserve">        stack || (stack = new Stack);</w:t>
            </w:r>
          </w:p>
          <w:p w:rsidR="00156FB3" w:rsidRDefault="00156FB3" w:rsidP="00156FB3">
            <w:r>
              <w:t xml:space="preserve">        return (objIsArr || isTypedArray(object))</w:t>
            </w:r>
          </w:p>
          <w:p w:rsidR="00156FB3" w:rsidRDefault="00156FB3" w:rsidP="00156FB3">
            <w:r>
              <w:t xml:space="preserve">          ? equalArrays(object, other, bitmask, customizer, equalFunc, stack)</w:t>
            </w:r>
          </w:p>
          <w:p w:rsidR="00156FB3" w:rsidRDefault="00156FB3" w:rsidP="00156FB3">
            <w:r>
              <w:t xml:space="preserve">          : equalByTag(object, other, objTag, bitmask, customizer, equalFunc, stack);</w:t>
            </w:r>
          </w:p>
          <w:p w:rsidR="00156FB3" w:rsidRDefault="00156FB3" w:rsidP="00156FB3">
            <w:r>
              <w:t xml:space="preserve">      }</w:t>
            </w:r>
          </w:p>
          <w:p w:rsidR="00156FB3" w:rsidRDefault="00156FB3" w:rsidP="00156FB3">
            <w:r>
              <w:t xml:space="preserve">      if (!(bitmask &amp; COMPARE_PARTIAL_FLAG)) {</w:t>
            </w:r>
          </w:p>
          <w:p w:rsidR="00156FB3" w:rsidRDefault="00156FB3" w:rsidP="00156FB3">
            <w:r>
              <w:t xml:space="preserve">        var objIsWrapped = objIsObj &amp;&amp; hasOwnProperty.call(object, '__wrapped__'),</w:t>
            </w:r>
          </w:p>
          <w:p w:rsidR="00156FB3" w:rsidRDefault="00156FB3" w:rsidP="00156FB3">
            <w:r>
              <w:t xml:space="preserve">            othIsWrapped = othIsObj &amp;&amp; hasOwnProperty.call(other, '__wrapped__');</w:t>
            </w:r>
          </w:p>
          <w:p w:rsidR="00156FB3" w:rsidRDefault="00156FB3" w:rsidP="00156FB3"/>
          <w:p w:rsidR="00156FB3" w:rsidRDefault="00156FB3" w:rsidP="00156FB3">
            <w:r>
              <w:t xml:space="preserve">        if (objIsWrapped || othIsWrapped) {</w:t>
            </w:r>
          </w:p>
          <w:p w:rsidR="00156FB3" w:rsidRDefault="00156FB3" w:rsidP="00156FB3">
            <w:r>
              <w:t xml:space="preserve">          var objUnwrapped = objIsWrapped ? object.value() : object,</w:t>
            </w:r>
          </w:p>
          <w:p w:rsidR="00156FB3" w:rsidRDefault="00156FB3" w:rsidP="00156FB3">
            <w:r>
              <w:t xml:space="preserve">              othUnwrapped = othIsWrapped ? other.value() : other;</w:t>
            </w:r>
          </w:p>
          <w:p w:rsidR="00156FB3" w:rsidRDefault="00156FB3" w:rsidP="00156FB3"/>
          <w:p w:rsidR="00156FB3" w:rsidRDefault="00156FB3" w:rsidP="00156FB3">
            <w:r>
              <w:t xml:space="preserve">          stack || (stack = new Stack);</w:t>
            </w:r>
          </w:p>
          <w:p w:rsidR="00156FB3" w:rsidRDefault="00156FB3" w:rsidP="00156FB3">
            <w:r>
              <w:t xml:space="preserve">          return equalFunc(objUnwrapped, othUnwrapped, bitmask, customizer, stack);</w:t>
            </w:r>
          </w:p>
          <w:p w:rsidR="00156FB3" w:rsidRDefault="00156FB3" w:rsidP="00156FB3">
            <w:r>
              <w:t xml:space="preserve">        }</w:t>
            </w:r>
          </w:p>
          <w:p w:rsidR="00156FB3" w:rsidRDefault="00156FB3" w:rsidP="00156FB3">
            <w:r>
              <w:t xml:space="preserve">      }</w:t>
            </w:r>
          </w:p>
          <w:p w:rsidR="00156FB3" w:rsidRDefault="00156FB3" w:rsidP="00156FB3">
            <w:r>
              <w:t xml:space="preserve">      if (!isSameTag) {</w:t>
            </w:r>
          </w:p>
          <w:p w:rsidR="00156FB3" w:rsidRDefault="00156FB3" w:rsidP="00156FB3">
            <w:r>
              <w:t xml:space="preserve">        return false;</w:t>
            </w:r>
          </w:p>
          <w:p w:rsidR="00156FB3" w:rsidRDefault="00156FB3" w:rsidP="00156FB3">
            <w:r>
              <w:t xml:space="preserve">      }</w:t>
            </w:r>
          </w:p>
          <w:p w:rsidR="00156FB3" w:rsidRDefault="00156FB3" w:rsidP="00156FB3">
            <w:r>
              <w:t xml:space="preserve">      stack || (stack = new Stack);</w:t>
            </w:r>
          </w:p>
          <w:p w:rsidR="00156FB3" w:rsidRDefault="00156FB3" w:rsidP="00156FB3">
            <w:r>
              <w:t xml:space="preserve">      return equalObjects(object, other, bitmask, customizer, equalFunc, stack);</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lastRenderedPageBreak/>
              <w:t xml:space="preserve">     * The base implementation of `_.isMap` without Node.js optimizations.</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check.</w:t>
            </w:r>
          </w:p>
          <w:p w:rsidR="00156FB3" w:rsidRDefault="00156FB3" w:rsidP="00156FB3">
            <w:r>
              <w:t xml:space="preserve">     * @returns {boolean} Returns `true` if `value` is a map, else `false`.</w:t>
            </w:r>
          </w:p>
          <w:p w:rsidR="00156FB3" w:rsidRDefault="00156FB3" w:rsidP="00156FB3">
            <w:r>
              <w:t xml:space="preserve">     */</w:t>
            </w:r>
          </w:p>
          <w:p w:rsidR="00156FB3" w:rsidRDefault="00156FB3" w:rsidP="00156FB3">
            <w:r>
              <w:t xml:space="preserve">    function baseIsMap(value) {</w:t>
            </w:r>
          </w:p>
          <w:p w:rsidR="00156FB3" w:rsidRDefault="00156FB3" w:rsidP="00156FB3">
            <w:r>
              <w:t xml:space="preserve">      return isObjectLike(value) &amp;&amp; getTag(value) == mapTa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isMatch` without support for iteratee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inspect.</w:t>
            </w:r>
          </w:p>
          <w:p w:rsidR="00156FB3" w:rsidRDefault="00156FB3" w:rsidP="00156FB3">
            <w:r>
              <w:t xml:space="preserve">     * @param {Object} source The object of property values to match.</w:t>
            </w:r>
          </w:p>
          <w:p w:rsidR="00156FB3" w:rsidRDefault="00156FB3" w:rsidP="00156FB3">
            <w:r>
              <w:t xml:space="preserve">     * @param {Array} matchData The property names, values, and compare flags to match.</w:t>
            </w:r>
          </w:p>
          <w:p w:rsidR="00156FB3" w:rsidRDefault="00156FB3" w:rsidP="00156FB3">
            <w:r>
              <w:t xml:space="preserve">     * @param {Function} [customizer] The function to customize comparisons.</w:t>
            </w:r>
          </w:p>
          <w:p w:rsidR="00156FB3" w:rsidRDefault="00156FB3" w:rsidP="00156FB3">
            <w:r>
              <w:t xml:space="preserve">     * @returns {boolean} Returns `true` if `object` is a match, else `false`.</w:t>
            </w:r>
          </w:p>
          <w:p w:rsidR="00156FB3" w:rsidRDefault="00156FB3" w:rsidP="00156FB3">
            <w:r>
              <w:t xml:space="preserve">     */</w:t>
            </w:r>
          </w:p>
          <w:p w:rsidR="00156FB3" w:rsidRDefault="00156FB3" w:rsidP="00156FB3">
            <w:r>
              <w:t xml:space="preserve">    function baseIsMatch(object, source, matchData, customizer) {</w:t>
            </w:r>
          </w:p>
          <w:p w:rsidR="00156FB3" w:rsidRDefault="00156FB3" w:rsidP="00156FB3">
            <w:r>
              <w:t xml:space="preserve">      var index = matchData.length,</w:t>
            </w:r>
          </w:p>
          <w:p w:rsidR="00156FB3" w:rsidRDefault="00156FB3" w:rsidP="00156FB3">
            <w:r>
              <w:t xml:space="preserve">          length = index,</w:t>
            </w:r>
          </w:p>
          <w:p w:rsidR="00156FB3" w:rsidRDefault="00156FB3" w:rsidP="00156FB3">
            <w:r>
              <w:t xml:space="preserve">          noCustomizer = !customizer;</w:t>
            </w:r>
          </w:p>
          <w:p w:rsidR="00156FB3" w:rsidRDefault="00156FB3" w:rsidP="00156FB3"/>
          <w:p w:rsidR="00156FB3" w:rsidRDefault="00156FB3" w:rsidP="00156FB3">
            <w:r>
              <w:t xml:space="preserve">      if (object == null) {</w:t>
            </w:r>
          </w:p>
          <w:p w:rsidR="00156FB3" w:rsidRDefault="00156FB3" w:rsidP="00156FB3">
            <w:r>
              <w:t xml:space="preserve">        return !length;</w:t>
            </w:r>
          </w:p>
          <w:p w:rsidR="00156FB3" w:rsidRDefault="00156FB3" w:rsidP="00156FB3">
            <w:r>
              <w:t xml:space="preserve">      }</w:t>
            </w:r>
          </w:p>
          <w:p w:rsidR="00156FB3" w:rsidRDefault="00156FB3" w:rsidP="00156FB3">
            <w:r>
              <w:t xml:space="preserve">      object = Object(object);</w:t>
            </w:r>
          </w:p>
          <w:p w:rsidR="00156FB3" w:rsidRDefault="00156FB3" w:rsidP="00156FB3">
            <w:r>
              <w:t xml:space="preserve">      while (index--) {</w:t>
            </w:r>
          </w:p>
          <w:p w:rsidR="00156FB3" w:rsidRDefault="00156FB3" w:rsidP="00156FB3">
            <w:r>
              <w:t xml:space="preserve">        var data = matchData[index];</w:t>
            </w:r>
          </w:p>
          <w:p w:rsidR="00156FB3" w:rsidRDefault="00156FB3" w:rsidP="00156FB3">
            <w:r>
              <w:t xml:space="preserve">        if ((noCustomizer &amp;&amp; data[2])</w:t>
            </w:r>
          </w:p>
          <w:p w:rsidR="00156FB3" w:rsidRDefault="00156FB3" w:rsidP="00156FB3">
            <w:r>
              <w:t xml:space="preserve">              ? data[1] !== object[data[0]]</w:t>
            </w:r>
          </w:p>
          <w:p w:rsidR="00156FB3" w:rsidRDefault="00156FB3" w:rsidP="00156FB3">
            <w:r>
              <w:t xml:space="preserve">              : !(data[0] in object)</w:t>
            </w:r>
          </w:p>
          <w:p w:rsidR="00156FB3" w:rsidRDefault="00156FB3" w:rsidP="00156FB3">
            <w:r>
              <w:t xml:space="preserve">            ) {</w:t>
            </w:r>
          </w:p>
          <w:p w:rsidR="00156FB3" w:rsidRDefault="00156FB3" w:rsidP="00156FB3">
            <w:r>
              <w:t xml:space="preserve">          return false;</w:t>
            </w:r>
          </w:p>
          <w:p w:rsidR="00156FB3" w:rsidRDefault="00156FB3" w:rsidP="00156FB3">
            <w:r>
              <w:t xml:space="preserve">        }</w:t>
            </w:r>
          </w:p>
          <w:p w:rsidR="00156FB3" w:rsidRDefault="00156FB3" w:rsidP="00156FB3">
            <w:r>
              <w:t xml:space="preserve">      }</w:t>
            </w:r>
          </w:p>
          <w:p w:rsidR="00156FB3" w:rsidRDefault="00156FB3" w:rsidP="00156FB3">
            <w:r>
              <w:t xml:space="preserve">      while (++index &lt; length) {</w:t>
            </w:r>
          </w:p>
          <w:p w:rsidR="00156FB3" w:rsidRDefault="00156FB3" w:rsidP="00156FB3">
            <w:r>
              <w:t xml:space="preserve">        data = matchData[index];</w:t>
            </w:r>
          </w:p>
          <w:p w:rsidR="00156FB3" w:rsidRDefault="00156FB3" w:rsidP="00156FB3">
            <w:r>
              <w:t xml:space="preserve">        var key = data[0],</w:t>
            </w:r>
          </w:p>
          <w:p w:rsidR="00156FB3" w:rsidRDefault="00156FB3" w:rsidP="00156FB3">
            <w:r>
              <w:t xml:space="preserve">            objValue = object[key],</w:t>
            </w:r>
          </w:p>
          <w:p w:rsidR="00156FB3" w:rsidRDefault="00156FB3" w:rsidP="00156FB3">
            <w:r>
              <w:t xml:space="preserve">            srcValue = data[1];</w:t>
            </w:r>
          </w:p>
          <w:p w:rsidR="00156FB3" w:rsidRDefault="00156FB3" w:rsidP="00156FB3"/>
          <w:p w:rsidR="00156FB3" w:rsidRDefault="00156FB3" w:rsidP="00156FB3">
            <w:r>
              <w:t xml:space="preserve">        if (noCustomizer &amp;&amp; data[2]) {</w:t>
            </w:r>
          </w:p>
          <w:p w:rsidR="00156FB3" w:rsidRDefault="00156FB3" w:rsidP="00156FB3">
            <w:r>
              <w:t xml:space="preserve">          if (objValue === undefined &amp;&amp; !(key in object)) {</w:t>
            </w:r>
          </w:p>
          <w:p w:rsidR="00156FB3" w:rsidRDefault="00156FB3" w:rsidP="00156FB3">
            <w:r>
              <w:t xml:space="preserve">            return false;</w:t>
            </w:r>
          </w:p>
          <w:p w:rsidR="00156FB3" w:rsidRDefault="00156FB3" w:rsidP="00156FB3">
            <w:r>
              <w:t xml:space="preserve">          }</w:t>
            </w:r>
          </w:p>
          <w:p w:rsidR="00156FB3" w:rsidRDefault="00156FB3" w:rsidP="00156FB3">
            <w:r>
              <w:lastRenderedPageBreak/>
              <w:t xml:space="preserve">        } else {</w:t>
            </w:r>
          </w:p>
          <w:p w:rsidR="00156FB3" w:rsidRDefault="00156FB3" w:rsidP="00156FB3">
            <w:r>
              <w:t xml:space="preserve">          var stack = new Stack;</w:t>
            </w:r>
          </w:p>
          <w:p w:rsidR="00156FB3" w:rsidRDefault="00156FB3" w:rsidP="00156FB3">
            <w:r>
              <w:t xml:space="preserve">          if (customizer) {</w:t>
            </w:r>
          </w:p>
          <w:p w:rsidR="00156FB3" w:rsidRDefault="00156FB3" w:rsidP="00156FB3">
            <w:r>
              <w:t xml:space="preserve">            var result = customizer(objValue, srcValue, key, object, source, stack);</w:t>
            </w:r>
          </w:p>
          <w:p w:rsidR="00156FB3" w:rsidRDefault="00156FB3" w:rsidP="00156FB3">
            <w:r>
              <w:t xml:space="preserve">          }</w:t>
            </w:r>
          </w:p>
          <w:p w:rsidR="00156FB3" w:rsidRDefault="00156FB3" w:rsidP="00156FB3">
            <w:r>
              <w:t xml:space="preserve">          if (!(result === undefined</w:t>
            </w:r>
          </w:p>
          <w:p w:rsidR="00156FB3" w:rsidRDefault="00156FB3" w:rsidP="00156FB3">
            <w:r>
              <w:t xml:space="preserve">                ? baseIsEqual(srcValue, objValue, COMPARE_PARTIAL_FLAG | COMPARE_UNORDERED_FLAG, customizer, stack)</w:t>
            </w:r>
          </w:p>
          <w:p w:rsidR="00156FB3" w:rsidRDefault="00156FB3" w:rsidP="00156FB3">
            <w:r>
              <w:t xml:space="preserve">                : result</w:t>
            </w:r>
          </w:p>
          <w:p w:rsidR="00156FB3" w:rsidRDefault="00156FB3" w:rsidP="00156FB3">
            <w:r>
              <w:t xml:space="preserve">              )) {</w:t>
            </w:r>
          </w:p>
          <w:p w:rsidR="00156FB3" w:rsidRDefault="00156FB3" w:rsidP="00156FB3">
            <w:r>
              <w:t xml:space="preserve">            return false;</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return tr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isNative` without bad shim checks.</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check.</w:t>
            </w:r>
          </w:p>
          <w:p w:rsidR="00156FB3" w:rsidRDefault="00156FB3" w:rsidP="00156FB3">
            <w:r>
              <w:t xml:space="preserve">     * @returns {boolean} Returns `true` if `value` is a native function,</w:t>
            </w:r>
          </w:p>
          <w:p w:rsidR="00156FB3" w:rsidRDefault="00156FB3" w:rsidP="00156FB3">
            <w:r>
              <w:t xml:space="preserve">     *  else `false`.</w:t>
            </w:r>
          </w:p>
          <w:p w:rsidR="00156FB3" w:rsidRDefault="00156FB3" w:rsidP="00156FB3">
            <w:r>
              <w:t xml:space="preserve">     */</w:t>
            </w:r>
          </w:p>
          <w:p w:rsidR="00156FB3" w:rsidRDefault="00156FB3" w:rsidP="00156FB3">
            <w:r>
              <w:t xml:space="preserve">    function baseIsNative(value) {</w:t>
            </w:r>
          </w:p>
          <w:p w:rsidR="00156FB3" w:rsidRDefault="00156FB3" w:rsidP="00156FB3">
            <w:r>
              <w:t xml:space="preserve">      if (!isObject(value) || isMasked(value)) {</w:t>
            </w:r>
          </w:p>
          <w:p w:rsidR="00156FB3" w:rsidRDefault="00156FB3" w:rsidP="00156FB3">
            <w:r>
              <w:t xml:space="preserve">        return false;</w:t>
            </w:r>
          </w:p>
          <w:p w:rsidR="00156FB3" w:rsidRDefault="00156FB3" w:rsidP="00156FB3">
            <w:r>
              <w:t xml:space="preserve">      }</w:t>
            </w:r>
          </w:p>
          <w:p w:rsidR="00156FB3" w:rsidRDefault="00156FB3" w:rsidP="00156FB3">
            <w:r>
              <w:t xml:space="preserve">      var pattern = isFunction(value) ? reIsNative : reIsHostCtor;</w:t>
            </w:r>
          </w:p>
          <w:p w:rsidR="00156FB3" w:rsidRDefault="00156FB3" w:rsidP="00156FB3">
            <w:r>
              <w:t xml:space="preserve">      return pattern.test(toSource(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isRegExp` without Node.js optimizations.</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check.</w:t>
            </w:r>
          </w:p>
          <w:p w:rsidR="00156FB3" w:rsidRDefault="00156FB3" w:rsidP="00156FB3">
            <w:r>
              <w:t xml:space="preserve">     * @returns {boolean} Returns `true` if `value` is a regexp, else `false`.</w:t>
            </w:r>
          </w:p>
          <w:p w:rsidR="00156FB3" w:rsidRDefault="00156FB3" w:rsidP="00156FB3">
            <w:r>
              <w:t xml:space="preserve">     */</w:t>
            </w:r>
          </w:p>
          <w:p w:rsidR="00156FB3" w:rsidRDefault="00156FB3" w:rsidP="00156FB3">
            <w:r>
              <w:t xml:space="preserve">    function baseIsRegExp(value) {</w:t>
            </w:r>
          </w:p>
          <w:p w:rsidR="00156FB3" w:rsidRDefault="00156FB3" w:rsidP="00156FB3">
            <w:r>
              <w:t xml:space="preserve">      return isObjectLike(value) &amp;&amp; baseGetTag(value) == regexpTa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isSet` without Node.js optimizations.</w:t>
            </w:r>
          </w:p>
          <w:p w:rsidR="00156FB3" w:rsidRDefault="00156FB3" w:rsidP="00156FB3">
            <w:r>
              <w:t xml:space="preserve">     *</w:t>
            </w:r>
          </w:p>
          <w:p w:rsidR="00156FB3" w:rsidRDefault="00156FB3" w:rsidP="00156FB3">
            <w:r>
              <w:t xml:space="preserve">     * @private</w:t>
            </w:r>
          </w:p>
          <w:p w:rsidR="00156FB3" w:rsidRDefault="00156FB3" w:rsidP="00156FB3">
            <w:r>
              <w:lastRenderedPageBreak/>
              <w:t xml:space="preserve">     * @param {*} value The value to check.</w:t>
            </w:r>
          </w:p>
          <w:p w:rsidR="00156FB3" w:rsidRDefault="00156FB3" w:rsidP="00156FB3">
            <w:r>
              <w:t xml:space="preserve">     * @returns {boolean} Returns `true` if `value` is a set, else `false`.</w:t>
            </w:r>
          </w:p>
          <w:p w:rsidR="00156FB3" w:rsidRDefault="00156FB3" w:rsidP="00156FB3">
            <w:r>
              <w:t xml:space="preserve">     */</w:t>
            </w:r>
          </w:p>
          <w:p w:rsidR="00156FB3" w:rsidRDefault="00156FB3" w:rsidP="00156FB3">
            <w:r>
              <w:t xml:space="preserve">    function baseIsSet(value) {</w:t>
            </w:r>
          </w:p>
          <w:p w:rsidR="00156FB3" w:rsidRDefault="00156FB3" w:rsidP="00156FB3">
            <w:r>
              <w:t xml:space="preserve">      return isObjectLike(value) &amp;&amp; getTag(value) == setTa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isTypedArray` without Node.js optimizations.</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check.</w:t>
            </w:r>
          </w:p>
          <w:p w:rsidR="00156FB3" w:rsidRDefault="00156FB3" w:rsidP="00156FB3">
            <w:r>
              <w:t xml:space="preserve">     * @returns {boolean} Returns `true` if `value` is a typed array, else `false`.</w:t>
            </w:r>
          </w:p>
          <w:p w:rsidR="00156FB3" w:rsidRDefault="00156FB3" w:rsidP="00156FB3">
            <w:r>
              <w:t xml:space="preserve">     */</w:t>
            </w:r>
          </w:p>
          <w:p w:rsidR="00156FB3" w:rsidRDefault="00156FB3" w:rsidP="00156FB3">
            <w:r>
              <w:t xml:space="preserve">    function baseIsTypedArray(value) {</w:t>
            </w:r>
          </w:p>
          <w:p w:rsidR="00156FB3" w:rsidRDefault="00156FB3" w:rsidP="00156FB3">
            <w:r>
              <w:t xml:space="preserve">      return isObjectLike(value) &amp;&amp;</w:t>
            </w:r>
          </w:p>
          <w:p w:rsidR="00156FB3" w:rsidRDefault="00156FB3" w:rsidP="00156FB3">
            <w:r>
              <w:t xml:space="preserve">        isLength(value.length) &amp;&amp; !!typedArrayTags[baseGetTag(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iteratee`.</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_.identity] The value to convert to an iteratee.</w:t>
            </w:r>
          </w:p>
          <w:p w:rsidR="00156FB3" w:rsidRDefault="00156FB3" w:rsidP="00156FB3">
            <w:r>
              <w:t xml:space="preserve">     * @returns {Function} Returns the iteratee.</w:t>
            </w:r>
          </w:p>
          <w:p w:rsidR="00156FB3" w:rsidRDefault="00156FB3" w:rsidP="00156FB3">
            <w:r>
              <w:t xml:space="preserve">     */</w:t>
            </w:r>
          </w:p>
          <w:p w:rsidR="00156FB3" w:rsidRDefault="00156FB3" w:rsidP="00156FB3">
            <w:r>
              <w:t xml:space="preserve">    function baseIteratee(value) {</w:t>
            </w:r>
          </w:p>
          <w:p w:rsidR="00156FB3" w:rsidRDefault="00156FB3" w:rsidP="00156FB3">
            <w:r>
              <w:t xml:space="preserve">      // Don't store the `typeof` result in a variable to avoid a JIT bug in Safari 9.</w:t>
            </w:r>
          </w:p>
          <w:p w:rsidR="00156FB3" w:rsidRDefault="00156FB3" w:rsidP="00156FB3">
            <w:r>
              <w:t xml:space="preserve">      // See https://bugs.webkit.org/show_bug.cgi?id=156034 for more details.</w:t>
            </w:r>
          </w:p>
          <w:p w:rsidR="00156FB3" w:rsidRDefault="00156FB3" w:rsidP="00156FB3">
            <w:r>
              <w:t xml:space="preserve">      if (typeof value == 'function') {</w:t>
            </w:r>
          </w:p>
          <w:p w:rsidR="00156FB3" w:rsidRDefault="00156FB3" w:rsidP="00156FB3">
            <w:r>
              <w:t xml:space="preserve">        return value;</w:t>
            </w:r>
          </w:p>
          <w:p w:rsidR="00156FB3" w:rsidRDefault="00156FB3" w:rsidP="00156FB3">
            <w:r>
              <w:t xml:space="preserve">      }</w:t>
            </w:r>
          </w:p>
          <w:p w:rsidR="00156FB3" w:rsidRDefault="00156FB3" w:rsidP="00156FB3">
            <w:r>
              <w:t xml:space="preserve">      if (value == null) {</w:t>
            </w:r>
          </w:p>
          <w:p w:rsidR="00156FB3" w:rsidRDefault="00156FB3" w:rsidP="00156FB3">
            <w:r>
              <w:t xml:space="preserve">        return identity;</w:t>
            </w:r>
          </w:p>
          <w:p w:rsidR="00156FB3" w:rsidRDefault="00156FB3" w:rsidP="00156FB3">
            <w:r>
              <w:t xml:space="preserve">      }</w:t>
            </w:r>
          </w:p>
          <w:p w:rsidR="00156FB3" w:rsidRDefault="00156FB3" w:rsidP="00156FB3">
            <w:r>
              <w:t xml:space="preserve">      if (typeof value == 'object') {</w:t>
            </w:r>
          </w:p>
          <w:p w:rsidR="00156FB3" w:rsidRDefault="00156FB3" w:rsidP="00156FB3">
            <w:r>
              <w:t xml:space="preserve">        return isArray(value)</w:t>
            </w:r>
          </w:p>
          <w:p w:rsidR="00156FB3" w:rsidRDefault="00156FB3" w:rsidP="00156FB3">
            <w:r>
              <w:t xml:space="preserve">          ? baseMatchesProperty(value[0], value[1])</w:t>
            </w:r>
          </w:p>
          <w:p w:rsidR="00156FB3" w:rsidRDefault="00156FB3" w:rsidP="00156FB3">
            <w:r>
              <w:t xml:space="preserve">          : baseMatches(value);</w:t>
            </w:r>
          </w:p>
          <w:p w:rsidR="00156FB3" w:rsidRDefault="00156FB3" w:rsidP="00156FB3">
            <w:r>
              <w:t xml:space="preserve">      }</w:t>
            </w:r>
          </w:p>
          <w:p w:rsidR="00156FB3" w:rsidRDefault="00156FB3" w:rsidP="00156FB3">
            <w:r>
              <w:t xml:space="preserve">      return property(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keys` which doesn't treat sparse arrays as dense.</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query.</w:t>
            </w:r>
          </w:p>
          <w:p w:rsidR="00156FB3" w:rsidRDefault="00156FB3" w:rsidP="00156FB3">
            <w:r>
              <w:lastRenderedPageBreak/>
              <w:t xml:space="preserve">     * @returns {Array} Returns the array of property names.</w:t>
            </w:r>
          </w:p>
          <w:p w:rsidR="00156FB3" w:rsidRDefault="00156FB3" w:rsidP="00156FB3">
            <w:r>
              <w:t xml:space="preserve">     */</w:t>
            </w:r>
          </w:p>
          <w:p w:rsidR="00156FB3" w:rsidRDefault="00156FB3" w:rsidP="00156FB3">
            <w:r>
              <w:t xml:space="preserve">    function baseKeys(object) {</w:t>
            </w:r>
          </w:p>
          <w:p w:rsidR="00156FB3" w:rsidRDefault="00156FB3" w:rsidP="00156FB3">
            <w:r>
              <w:t xml:space="preserve">      if (!isPrototype(object)) {</w:t>
            </w:r>
          </w:p>
          <w:p w:rsidR="00156FB3" w:rsidRDefault="00156FB3" w:rsidP="00156FB3">
            <w:r>
              <w:t xml:space="preserve">        return nativeKeys(object);</w:t>
            </w:r>
          </w:p>
          <w:p w:rsidR="00156FB3" w:rsidRDefault="00156FB3" w:rsidP="00156FB3">
            <w:r>
              <w:t xml:space="preserve">      }</w:t>
            </w:r>
          </w:p>
          <w:p w:rsidR="00156FB3" w:rsidRDefault="00156FB3" w:rsidP="00156FB3">
            <w:r>
              <w:t xml:space="preserve">      var result = [];</w:t>
            </w:r>
          </w:p>
          <w:p w:rsidR="00156FB3" w:rsidRDefault="00156FB3" w:rsidP="00156FB3">
            <w:r>
              <w:t xml:space="preserve">      for (var key in Object(object)) {</w:t>
            </w:r>
          </w:p>
          <w:p w:rsidR="00156FB3" w:rsidRDefault="00156FB3" w:rsidP="00156FB3">
            <w:r>
              <w:t xml:space="preserve">        if (hasOwnProperty.call(object, key) &amp;&amp; key != 'constructor') {</w:t>
            </w:r>
          </w:p>
          <w:p w:rsidR="00156FB3" w:rsidRDefault="00156FB3" w:rsidP="00156FB3">
            <w:r>
              <w:t xml:space="preserve">          result.push(key);</w:t>
            </w:r>
          </w:p>
          <w:p w:rsidR="00156FB3" w:rsidRDefault="00156FB3" w:rsidP="00156FB3">
            <w:r>
              <w:t xml:space="preserve">        }</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keysIn` which doesn't treat sparse arrays as dense.</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query.</w:t>
            </w:r>
          </w:p>
          <w:p w:rsidR="00156FB3" w:rsidRDefault="00156FB3" w:rsidP="00156FB3">
            <w:r>
              <w:t xml:space="preserve">     * @returns {Array} Returns the array of property names.</w:t>
            </w:r>
          </w:p>
          <w:p w:rsidR="00156FB3" w:rsidRDefault="00156FB3" w:rsidP="00156FB3">
            <w:r>
              <w:t xml:space="preserve">     */</w:t>
            </w:r>
          </w:p>
          <w:p w:rsidR="00156FB3" w:rsidRDefault="00156FB3" w:rsidP="00156FB3">
            <w:r>
              <w:t xml:space="preserve">    function baseKeysIn(object) {</w:t>
            </w:r>
          </w:p>
          <w:p w:rsidR="00156FB3" w:rsidRDefault="00156FB3" w:rsidP="00156FB3">
            <w:r>
              <w:t xml:space="preserve">      if (!isObject(object)) {</w:t>
            </w:r>
          </w:p>
          <w:p w:rsidR="00156FB3" w:rsidRDefault="00156FB3" w:rsidP="00156FB3">
            <w:r>
              <w:t xml:space="preserve">        return nativeKeysIn(object);</w:t>
            </w:r>
          </w:p>
          <w:p w:rsidR="00156FB3" w:rsidRDefault="00156FB3" w:rsidP="00156FB3">
            <w:r>
              <w:t xml:space="preserve">      }</w:t>
            </w:r>
          </w:p>
          <w:p w:rsidR="00156FB3" w:rsidRDefault="00156FB3" w:rsidP="00156FB3">
            <w:r>
              <w:t xml:space="preserve">      var isProto = isPrototype(object),</w:t>
            </w:r>
          </w:p>
          <w:p w:rsidR="00156FB3" w:rsidRDefault="00156FB3" w:rsidP="00156FB3">
            <w:r>
              <w:t xml:space="preserve">          result = [];</w:t>
            </w:r>
          </w:p>
          <w:p w:rsidR="00156FB3" w:rsidRDefault="00156FB3" w:rsidP="00156FB3"/>
          <w:p w:rsidR="00156FB3" w:rsidRDefault="00156FB3" w:rsidP="00156FB3">
            <w:r>
              <w:t xml:space="preserve">      for (var key in object) {</w:t>
            </w:r>
          </w:p>
          <w:p w:rsidR="00156FB3" w:rsidRDefault="00156FB3" w:rsidP="00156FB3">
            <w:r>
              <w:t xml:space="preserve">        if (!(key == 'constructor' &amp;&amp; (isProto || !hasOwnProperty.call(object, key)))) {</w:t>
            </w:r>
          </w:p>
          <w:p w:rsidR="00156FB3" w:rsidRDefault="00156FB3" w:rsidP="00156FB3">
            <w:r>
              <w:t xml:space="preserve">          result.push(key);</w:t>
            </w:r>
          </w:p>
          <w:p w:rsidR="00156FB3" w:rsidRDefault="00156FB3" w:rsidP="00156FB3">
            <w:r>
              <w:t xml:space="preserve">        }</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lt` which doesn't coerce arguments.</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compare.</w:t>
            </w:r>
          </w:p>
          <w:p w:rsidR="00156FB3" w:rsidRDefault="00156FB3" w:rsidP="00156FB3">
            <w:r>
              <w:t xml:space="preserve">     * @param {*} other The other value to compare.</w:t>
            </w:r>
          </w:p>
          <w:p w:rsidR="00156FB3" w:rsidRDefault="00156FB3" w:rsidP="00156FB3">
            <w:r>
              <w:t xml:space="preserve">     * @returns {boolean} Returns `true` if `value` is less than `other`,</w:t>
            </w:r>
          </w:p>
          <w:p w:rsidR="00156FB3" w:rsidRDefault="00156FB3" w:rsidP="00156FB3">
            <w:r>
              <w:t xml:space="preserve">     *  else `false`.</w:t>
            </w:r>
          </w:p>
          <w:p w:rsidR="00156FB3" w:rsidRDefault="00156FB3" w:rsidP="00156FB3">
            <w:r>
              <w:t xml:space="preserve">     */</w:t>
            </w:r>
          </w:p>
          <w:p w:rsidR="00156FB3" w:rsidRDefault="00156FB3" w:rsidP="00156FB3">
            <w:r>
              <w:t xml:space="preserve">    function baseLt(value, other) {</w:t>
            </w:r>
          </w:p>
          <w:p w:rsidR="00156FB3" w:rsidRDefault="00156FB3" w:rsidP="00156FB3">
            <w:r>
              <w:t xml:space="preserve">      return value &lt; other;</w:t>
            </w:r>
          </w:p>
          <w:p w:rsidR="00156FB3" w:rsidRDefault="00156FB3" w:rsidP="00156FB3">
            <w:r>
              <w:lastRenderedPageBreak/>
              <w:t xml:space="preserve">    }</w:t>
            </w:r>
          </w:p>
          <w:p w:rsidR="00156FB3" w:rsidRDefault="00156FB3" w:rsidP="00156FB3"/>
          <w:p w:rsidR="00156FB3" w:rsidRDefault="00156FB3" w:rsidP="00156FB3">
            <w:r>
              <w:t xml:space="preserve">    /**</w:t>
            </w:r>
          </w:p>
          <w:p w:rsidR="00156FB3" w:rsidRDefault="00156FB3" w:rsidP="00156FB3">
            <w:r>
              <w:t xml:space="preserve">     * The base implementation of `_.map` without support for iteratee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Object} collection The collection to iterate over.</w:t>
            </w:r>
          </w:p>
          <w:p w:rsidR="00156FB3" w:rsidRDefault="00156FB3" w:rsidP="00156FB3">
            <w:r>
              <w:t xml:space="preserve">     * @param {Function} iteratee The function invoked per iteration.</w:t>
            </w:r>
          </w:p>
          <w:p w:rsidR="00156FB3" w:rsidRDefault="00156FB3" w:rsidP="00156FB3">
            <w:r>
              <w:t xml:space="preserve">     * @returns {Array} Returns the new mapped array.</w:t>
            </w:r>
          </w:p>
          <w:p w:rsidR="00156FB3" w:rsidRDefault="00156FB3" w:rsidP="00156FB3">
            <w:r>
              <w:t xml:space="preserve">     */</w:t>
            </w:r>
          </w:p>
          <w:p w:rsidR="00156FB3" w:rsidRDefault="00156FB3" w:rsidP="00156FB3">
            <w:r>
              <w:t xml:space="preserve">    function baseMap(collection, iteratee) {</w:t>
            </w:r>
          </w:p>
          <w:p w:rsidR="00156FB3" w:rsidRDefault="00156FB3" w:rsidP="00156FB3">
            <w:r>
              <w:t xml:space="preserve">      var index = -1,</w:t>
            </w:r>
          </w:p>
          <w:p w:rsidR="00156FB3" w:rsidRDefault="00156FB3" w:rsidP="00156FB3">
            <w:r>
              <w:t xml:space="preserve">          result = isArrayLike(collection) ? Array(collection.length) : [];</w:t>
            </w:r>
          </w:p>
          <w:p w:rsidR="00156FB3" w:rsidRDefault="00156FB3" w:rsidP="00156FB3"/>
          <w:p w:rsidR="00156FB3" w:rsidRDefault="00156FB3" w:rsidP="00156FB3">
            <w:r>
              <w:t xml:space="preserve">      baseEach(collection, function(value, key, collection) {</w:t>
            </w:r>
          </w:p>
          <w:p w:rsidR="00156FB3" w:rsidRDefault="00156FB3" w:rsidP="00156FB3">
            <w:r>
              <w:t xml:space="preserve">        result[++index] = iteratee(value, key, collection);</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matches` which doesn't clone `source`.</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source The object of property values to match.</w:t>
            </w:r>
          </w:p>
          <w:p w:rsidR="00156FB3" w:rsidRDefault="00156FB3" w:rsidP="00156FB3">
            <w:r>
              <w:t xml:space="preserve">     * @returns {Function} Returns the new spec function.</w:t>
            </w:r>
          </w:p>
          <w:p w:rsidR="00156FB3" w:rsidRDefault="00156FB3" w:rsidP="00156FB3">
            <w:r>
              <w:t xml:space="preserve">     */</w:t>
            </w:r>
          </w:p>
          <w:p w:rsidR="00156FB3" w:rsidRDefault="00156FB3" w:rsidP="00156FB3">
            <w:r>
              <w:t xml:space="preserve">    function baseMatches(source) {</w:t>
            </w:r>
          </w:p>
          <w:p w:rsidR="00156FB3" w:rsidRDefault="00156FB3" w:rsidP="00156FB3">
            <w:r>
              <w:t xml:space="preserve">      var matchData = getMatchData(source);</w:t>
            </w:r>
          </w:p>
          <w:p w:rsidR="00156FB3" w:rsidRDefault="00156FB3" w:rsidP="00156FB3">
            <w:r>
              <w:t xml:space="preserve">      if (matchData.length == 1 &amp;&amp; matchData[0][2]) {</w:t>
            </w:r>
          </w:p>
          <w:p w:rsidR="00156FB3" w:rsidRDefault="00156FB3" w:rsidP="00156FB3">
            <w:r>
              <w:t xml:space="preserve">        return matchesStrictComparable(matchData[0][0], matchData[0][1]);</w:t>
            </w:r>
          </w:p>
          <w:p w:rsidR="00156FB3" w:rsidRDefault="00156FB3" w:rsidP="00156FB3">
            <w:r>
              <w:t xml:space="preserve">      }</w:t>
            </w:r>
          </w:p>
          <w:p w:rsidR="00156FB3" w:rsidRDefault="00156FB3" w:rsidP="00156FB3">
            <w:r>
              <w:t xml:space="preserve">      return function(object) {</w:t>
            </w:r>
          </w:p>
          <w:p w:rsidR="00156FB3" w:rsidRDefault="00156FB3" w:rsidP="00156FB3">
            <w:r>
              <w:t xml:space="preserve">        return object === source || baseIsMatch(object, source, matchData);</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matchesProperty` which doesn't clone `srcValue`.</w:t>
            </w:r>
          </w:p>
          <w:p w:rsidR="00156FB3" w:rsidRDefault="00156FB3" w:rsidP="00156FB3">
            <w:r>
              <w:t xml:space="preserve">     *</w:t>
            </w:r>
          </w:p>
          <w:p w:rsidR="00156FB3" w:rsidRDefault="00156FB3" w:rsidP="00156FB3">
            <w:r>
              <w:t xml:space="preserve">     * @private</w:t>
            </w:r>
          </w:p>
          <w:p w:rsidR="00156FB3" w:rsidRDefault="00156FB3" w:rsidP="00156FB3">
            <w:r>
              <w:t xml:space="preserve">     * @param {string} path The path of the property to get.</w:t>
            </w:r>
          </w:p>
          <w:p w:rsidR="00156FB3" w:rsidRDefault="00156FB3" w:rsidP="00156FB3">
            <w:r>
              <w:t xml:space="preserve">     * @param {*} srcValue The value to match.</w:t>
            </w:r>
          </w:p>
          <w:p w:rsidR="00156FB3" w:rsidRDefault="00156FB3" w:rsidP="00156FB3">
            <w:r>
              <w:t xml:space="preserve">     * @returns {Function} Returns the new spec function.</w:t>
            </w:r>
          </w:p>
          <w:p w:rsidR="00156FB3" w:rsidRDefault="00156FB3" w:rsidP="00156FB3">
            <w:r>
              <w:t xml:space="preserve">     */</w:t>
            </w:r>
          </w:p>
          <w:p w:rsidR="00156FB3" w:rsidRDefault="00156FB3" w:rsidP="00156FB3">
            <w:r>
              <w:t xml:space="preserve">    function baseMatchesProperty(path, srcValue) {</w:t>
            </w:r>
          </w:p>
          <w:p w:rsidR="00156FB3" w:rsidRDefault="00156FB3" w:rsidP="00156FB3">
            <w:r>
              <w:t xml:space="preserve">      if (isKey(path) &amp;&amp; isStrictComparable(srcValue)) {</w:t>
            </w:r>
          </w:p>
          <w:p w:rsidR="00156FB3" w:rsidRDefault="00156FB3" w:rsidP="00156FB3">
            <w:r>
              <w:t xml:space="preserve">        return matchesStrictComparable(toKey(path), srcValue);</w:t>
            </w:r>
          </w:p>
          <w:p w:rsidR="00156FB3" w:rsidRDefault="00156FB3" w:rsidP="00156FB3">
            <w:r>
              <w:lastRenderedPageBreak/>
              <w:t xml:space="preserve">      }</w:t>
            </w:r>
          </w:p>
          <w:p w:rsidR="00156FB3" w:rsidRDefault="00156FB3" w:rsidP="00156FB3">
            <w:r>
              <w:t xml:space="preserve">      return function(object) {</w:t>
            </w:r>
          </w:p>
          <w:p w:rsidR="00156FB3" w:rsidRDefault="00156FB3" w:rsidP="00156FB3">
            <w:r>
              <w:t xml:space="preserve">        var objValue = get(object, path);</w:t>
            </w:r>
          </w:p>
          <w:p w:rsidR="00156FB3" w:rsidRDefault="00156FB3" w:rsidP="00156FB3">
            <w:r>
              <w:t xml:space="preserve">        return (objValue === undefined &amp;&amp; objValue === srcValue)</w:t>
            </w:r>
          </w:p>
          <w:p w:rsidR="00156FB3" w:rsidRDefault="00156FB3" w:rsidP="00156FB3">
            <w:r>
              <w:t xml:space="preserve">          ? hasIn(object, path)</w:t>
            </w:r>
          </w:p>
          <w:p w:rsidR="00156FB3" w:rsidRDefault="00156FB3" w:rsidP="00156FB3">
            <w:r>
              <w:t xml:space="preserve">          : baseIsEqual(srcValue, objValue, COMPARE_PARTIAL_FLAG | COMPARE_UNORDERED_FLAG);</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merge` without support for multiple source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destination object.</w:t>
            </w:r>
          </w:p>
          <w:p w:rsidR="00156FB3" w:rsidRDefault="00156FB3" w:rsidP="00156FB3">
            <w:r>
              <w:t xml:space="preserve">     * @param {Object} source The source object.</w:t>
            </w:r>
          </w:p>
          <w:p w:rsidR="00156FB3" w:rsidRDefault="00156FB3" w:rsidP="00156FB3">
            <w:r>
              <w:t xml:space="preserve">     * @param {number} srcIndex The index of `source`.</w:t>
            </w:r>
          </w:p>
          <w:p w:rsidR="00156FB3" w:rsidRDefault="00156FB3" w:rsidP="00156FB3">
            <w:r>
              <w:t xml:space="preserve">     * @param {Function} [customizer] The function to customize merged values.</w:t>
            </w:r>
          </w:p>
          <w:p w:rsidR="00156FB3" w:rsidRDefault="00156FB3" w:rsidP="00156FB3">
            <w:r>
              <w:t xml:space="preserve">     * @param {Object} [stack] Tracks traversed source values and their merged</w:t>
            </w:r>
          </w:p>
          <w:p w:rsidR="00156FB3" w:rsidRDefault="00156FB3" w:rsidP="00156FB3">
            <w:r>
              <w:t xml:space="preserve">     *  counterparts.</w:t>
            </w:r>
          </w:p>
          <w:p w:rsidR="00156FB3" w:rsidRDefault="00156FB3" w:rsidP="00156FB3">
            <w:r>
              <w:t xml:space="preserve">     */</w:t>
            </w:r>
          </w:p>
          <w:p w:rsidR="00156FB3" w:rsidRDefault="00156FB3" w:rsidP="00156FB3">
            <w:r>
              <w:t xml:space="preserve">    function baseMerge(object, source, srcIndex, customizer, stack) {</w:t>
            </w:r>
          </w:p>
          <w:p w:rsidR="00156FB3" w:rsidRDefault="00156FB3" w:rsidP="00156FB3">
            <w:r>
              <w:t xml:space="preserve">      if (object === source) {</w:t>
            </w:r>
          </w:p>
          <w:p w:rsidR="00156FB3" w:rsidRDefault="00156FB3" w:rsidP="00156FB3">
            <w:r>
              <w:t xml:space="preserve">        return;</w:t>
            </w:r>
          </w:p>
          <w:p w:rsidR="00156FB3" w:rsidRDefault="00156FB3" w:rsidP="00156FB3">
            <w:r>
              <w:t xml:space="preserve">      }</w:t>
            </w:r>
          </w:p>
          <w:p w:rsidR="00156FB3" w:rsidRDefault="00156FB3" w:rsidP="00156FB3">
            <w:r>
              <w:t xml:space="preserve">      baseFor(source, function(srcValue, key) {</w:t>
            </w:r>
          </w:p>
          <w:p w:rsidR="00156FB3" w:rsidRDefault="00156FB3" w:rsidP="00156FB3">
            <w:r>
              <w:t xml:space="preserve">        stack || (stack = new Stack);</w:t>
            </w:r>
          </w:p>
          <w:p w:rsidR="00156FB3" w:rsidRDefault="00156FB3" w:rsidP="00156FB3">
            <w:r>
              <w:t xml:space="preserve">        if (isObject(srcValue)) {</w:t>
            </w:r>
          </w:p>
          <w:p w:rsidR="00156FB3" w:rsidRDefault="00156FB3" w:rsidP="00156FB3">
            <w:r>
              <w:t xml:space="preserve">          baseMergeDeep(object, source, key, srcIndex, baseMerge, customizer, stack);</w:t>
            </w:r>
          </w:p>
          <w:p w:rsidR="00156FB3" w:rsidRDefault="00156FB3" w:rsidP="00156FB3">
            <w:r>
              <w:t xml:space="preserve">        }</w:t>
            </w:r>
          </w:p>
          <w:p w:rsidR="00156FB3" w:rsidRDefault="00156FB3" w:rsidP="00156FB3">
            <w:r>
              <w:t xml:space="preserve">        else {</w:t>
            </w:r>
          </w:p>
          <w:p w:rsidR="00156FB3" w:rsidRDefault="00156FB3" w:rsidP="00156FB3">
            <w:r>
              <w:t xml:space="preserve">          var newValue = customizer</w:t>
            </w:r>
          </w:p>
          <w:p w:rsidR="00156FB3" w:rsidRDefault="00156FB3" w:rsidP="00156FB3">
            <w:r>
              <w:t xml:space="preserve">            ? customizer(safeGet(object, key), srcValue, (key + ''), object, source, stack)</w:t>
            </w:r>
          </w:p>
          <w:p w:rsidR="00156FB3" w:rsidRDefault="00156FB3" w:rsidP="00156FB3">
            <w:r>
              <w:t xml:space="preserve">            : undefined;</w:t>
            </w:r>
          </w:p>
          <w:p w:rsidR="00156FB3" w:rsidRDefault="00156FB3" w:rsidP="00156FB3"/>
          <w:p w:rsidR="00156FB3" w:rsidRDefault="00156FB3" w:rsidP="00156FB3">
            <w:r>
              <w:t xml:space="preserve">          if (newValue === undefined) {</w:t>
            </w:r>
          </w:p>
          <w:p w:rsidR="00156FB3" w:rsidRDefault="00156FB3" w:rsidP="00156FB3">
            <w:r>
              <w:t xml:space="preserve">            newValue = srcValue;</w:t>
            </w:r>
          </w:p>
          <w:p w:rsidR="00156FB3" w:rsidRDefault="00156FB3" w:rsidP="00156FB3">
            <w:r>
              <w:t xml:space="preserve">          }</w:t>
            </w:r>
          </w:p>
          <w:p w:rsidR="00156FB3" w:rsidRDefault="00156FB3" w:rsidP="00156FB3">
            <w:r>
              <w:t xml:space="preserve">          assignMergeValue(object, key, newValue);</w:t>
            </w:r>
          </w:p>
          <w:p w:rsidR="00156FB3" w:rsidRDefault="00156FB3" w:rsidP="00156FB3">
            <w:r>
              <w:t xml:space="preserve">        }</w:t>
            </w:r>
          </w:p>
          <w:p w:rsidR="00156FB3" w:rsidRDefault="00156FB3" w:rsidP="00156FB3">
            <w:r>
              <w:t xml:space="preserve">      }, keysIn);</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baseMerge` for arrays and objects which performs</w:t>
            </w:r>
          </w:p>
          <w:p w:rsidR="00156FB3" w:rsidRDefault="00156FB3" w:rsidP="00156FB3">
            <w:r>
              <w:t xml:space="preserve">     * deep merges and tracks traversed objects enabling objects with circular</w:t>
            </w:r>
          </w:p>
          <w:p w:rsidR="00156FB3" w:rsidRDefault="00156FB3" w:rsidP="00156FB3">
            <w:r>
              <w:t xml:space="preserve">     * references to be merged.</w:t>
            </w:r>
          </w:p>
          <w:p w:rsidR="00156FB3" w:rsidRDefault="00156FB3" w:rsidP="00156FB3">
            <w:r>
              <w:t xml:space="preserve">     *</w:t>
            </w:r>
          </w:p>
          <w:p w:rsidR="00156FB3" w:rsidRDefault="00156FB3" w:rsidP="00156FB3">
            <w:r>
              <w:t xml:space="preserve">     * @private</w:t>
            </w:r>
          </w:p>
          <w:p w:rsidR="00156FB3" w:rsidRDefault="00156FB3" w:rsidP="00156FB3">
            <w:r>
              <w:lastRenderedPageBreak/>
              <w:t xml:space="preserve">     * @param {Object} object The destination object.</w:t>
            </w:r>
          </w:p>
          <w:p w:rsidR="00156FB3" w:rsidRDefault="00156FB3" w:rsidP="00156FB3">
            <w:r>
              <w:t xml:space="preserve">     * @param {Object} source The source object.</w:t>
            </w:r>
          </w:p>
          <w:p w:rsidR="00156FB3" w:rsidRDefault="00156FB3" w:rsidP="00156FB3">
            <w:r>
              <w:t xml:space="preserve">     * @param {string} key The key of the value to merge.</w:t>
            </w:r>
          </w:p>
          <w:p w:rsidR="00156FB3" w:rsidRDefault="00156FB3" w:rsidP="00156FB3">
            <w:r>
              <w:t xml:space="preserve">     * @param {number} srcIndex The index of `source`.</w:t>
            </w:r>
          </w:p>
          <w:p w:rsidR="00156FB3" w:rsidRDefault="00156FB3" w:rsidP="00156FB3">
            <w:r>
              <w:t xml:space="preserve">     * @param {Function} mergeFunc The function to merge values.</w:t>
            </w:r>
          </w:p>
          <w:p w:rsidR="00156FB3" w:rsidRDefault="00156FB3" w:rsidP="00156FB3">
            <w:r>
              <w:t xml:space="preserve">     * @param {Function} [customizer] The function to customize assigned values.</w:t>
            </w:r>
          </w:p>
          <w:p w:rsidR="00156FB3" w:rsidRDefault="00156FB3" w:rsidP="00156FB3">
            <w:r>
              <w:t xml:space="preserve">     * @param {Object} [stack] Tracks traversed source values and their merged</w:t>
            </w:r>
          </w:p>
          <w:p w:rsidR="00156FB3" w:rsidRDefault="00156FB3" w:rsidP="00156FB3">
            <w:r>
              <w:t xml:space="preserve">     *  counterparts.</w:t>
            </w:r>
          </w:p>
          <w:p w:rsidR="00156FB3" w:rsidRDefault="00156FB3" w:rsidP="00156FB3">
            <w:r>
              <w:t xml:space="preserve">     */</w:t>
            </w:r>
          </w:p>
          <w:p w:rsidR="00156FB3" w:rsidRDefault="00156FB3" w:rsidP="00156FB3">
            <w:r>
              <w:t xml:space="preserve">    function baseMergeDeep(object, source, key, srcIndex, mergeFunc, customizer, stack) {</w:t>
            </w:r>
          </w:p>
          <w:p w:rsidR="00156FB3" w:rsidRDefault="00156FB3" w:rsidP="00156FB3">
            <w:r>
              <w:t xml:space="preserve">      var objValue = safeGet(object, key),</w:t>
            </w:r>
          </w:p>
          <w:p w:rsidR="00156FB3" w:rsidRDefault="00156FB3" w:rsidP="00156FB3">
            <w:r>
              <w:t xml:space="preserve">          srcValue = safeGet(source, key),</w:t>
            </w:r>
          </w:p>
          <w:p w:rsidR="00156FB3" w:rsidRDefault="00156FB3" w:rsidP="00156FB3">
            <w:r>
              <w:t xml:space="preserve">          stacked = stack.get(srcValue);</w:t>
            </w:r>
          </w:p>
          <w:p w:rsidR="00156FB3" w:rsidRDefault="00156FB3" w:rsidP="00156FB3"/>
          <w:p w:rsidR="00156FB3" w:rsidRDefault="00156FB3" w:rsidP="00156FB3">
            <w:r>
              <w:t xml:space="preserve">      if (stacked) {</w:t>
            </w:r>
          </w:p>
          <w:p w:rsidR="00156FB3" w:rsidRDefault="00156FB3" w:rsidP="00156FB3">
            <w:r>
              <w:t xml:space="preserve">        assignMergeValue(object, key, stacked);</w:t>
            </w:r>
          </w:p>
          <w:p w:rsidR="00156FB3" w:rsidRDefault="00156FB3" w:rsidP="00156FB3">
            <w:r>
              <w:t xml:space="preserve">        return;</w:t>
            </w:r>
          </w:p>
          <w:p w:rsidR="00156FB3" w:rsidRDefault="00156FB3" w:rsidP="00156FB3">
            <w:r>
              <w:t xml:space="preserve">      }</w:t>
            </w:r>
          </w:p>
          <w:p w:rsidR="00156FB3" w:rsidRDefault="00156FB3" w:rsidP="00156FB3">
            <w:r>
              <w:t xml:space="preserve">      var newValue = customizer</w:t>
            </w:r>
          </w:p>
          <w:p w:rsidR="00156FB3" w:rsidRDefault="00156FB3" w:rsidP="00156FB3">
            <w:r>
              <w:t xml:space="preserve">        ? customizer(objValue, srcValue, (key + ''), object, source, stack)</w:t>
            </w:r>
          </w:p>
          <w:p w:rsidR="00156FB3" w:rsidRDefault="00156FB3" w:rsidP="00156FB3">
            <w:r>
              <w:t xml:space="preserve">        : undefined;</w:t>
            </w:r>
          </w:p>
          <w:p w:rsidR="00156FB3" w:rsidRDefault="00156FB3" w:rsidP="00156FB3"/>
          <w:p w:rsidR="00156FB3" w:rsidRDefault="00156FB3" w:rsidP="00156FB3">
            <w:r>
              <w:t xml:space="preserve">      var isCommon = newValue === undefined;</w:t>
            </w:r>
          </w:p>
          <w:p w:rsidR="00156FB3" w:rsidRDefault="00156FB3" w:rsidP="00156FB3"/>
          <w:p w:rsidR="00156FB3" w:rsidRDefault="00156FB3" w:rsidP="00156FB3">
            <w:r>
              <w:t xml:space="preserve">      if (isCommon) {</w:t>
            </w:r>
          </w:p>
          <w:p w:rsidR="00156FB3" w:rsidRDefault="00156FB3" w:rsidP="00156FB3">
            <w:r>
              <w:t xml:space="preserve">        var isArr = isArray(srcValue),</w:t>
            </w:r>
          </w:p>
          <w:p w:rsidR="00156FB3" w:rsidRDefault="00156FB3" w:rsidP="00156FB3">
            <w:r>
              <w:t xml:space="preserve">            isBuff = !isArr &amp;&amp; isBuffer(srcValue),</w:t>
            </w:r>
          </w:p>
          <w:p w:rsidR="00156FB3" w:rsidRDefault="00156FB3" w:rsidP="00156FB3">
            <w:r>
              <w:t xml:space="preserve">            isTyped = !isArr &amp;&amp; !isBuff &amp;&amp; isTypedArray(srcValue);</w:t>
            </w:r>
          </w:p>
          <w:p w:rsidR="00156FB3" w:rsidRDefault="00156FB3" w:rsidP="00156FB3"/>
          <w:p w:rsidR="00156FB3" w:rsidRDefault="00156FB3" w:rsidP="00156FB3">
            <w:r>
              <w:t xml:space="preserve">        newValue = srcValue;</w:t>
            </w:r>
          </w:p>
          <w:p w:rsidR="00156FB3" w:rsidRDefault="00156FB3" w:rsidP="00156FB3">
            <w:r>
              <w:t xml:space="preserve">        if (isArr || isBuff || isTyped) {</w:t>
            </w:r>
          </w:p>
          <w:p w:rsidR="00156FB3" w:rsidRDefault="00156FB3" w:rsidP="00156FB3">
            <w:r>
              <w:t xml:space="preserve">          if (isArray(objValue)) {</w:t>
            </w:r>
          </w:p>
          <w:p w:rsidR="00156FB3" w:rsidRDefault="00156FB3" w:rsidP="00156FB3">
            <w:r>
              <w:t xml:space="preserve">            newValue = objValue;</w:t>
            </w:r>
          </w:p>
          <w:p w:rsidR="00156FB3" w:rsidRDefault="00156FB3" w:rsidP="00156FB3">
            <w:r>
              <w:t xml:space="preserve">          }</w:t>
            </w:r>
          </w:p>
          <w:p w:rsidR="00156FB3" w:rsidRDefault="00156FB3" w:rsidP="00156FB3">
            <w:r>
              <w:t xml:space="preserve">          else if (isArrayLikeObject(objValue)) {</w:t>
            </w:r>
          </w:p>
          <w:p w:rsidR="00156FB3" w:rsidRDefault="00156FB3" w:rsidP="00156FB3">
            <w:r>
              <w:t xml:space="preserve">            newValue = copyArray(objValue);</w:t>
            </w:r>
          </w:p>
          <w:p w:rsidR="00156FB3" w:rsidRDefault="00156FB3" w:rsidP="00156FB3">
            <w:r>
              <w:t xml:space="preserve">          }</w:t>
            </w:r>
          </w:p>
          <w:p w:rsidR="00156FB3" w:rsidRDefault="00156FB3" w:rsidP="00156FB3">
            <w:r>
              <w:t xml:space="preserve">          else if (isBuff) {</w:t>
            </w:r>
          </w:p>
          <w:p w:rsidR="00156FB3" w:rsidRDefault="00156FB3" w:rsidP="00156FB3">
            <w:r>
              <w:t xml:space="preserve">            isCommon = false;</w:t>
            </w:r>
          </w:p>
          <w:p w:rsidR="00156FB3" w:rsidRDefault="00156FB3" w:rsidP="00156FB3">
            <w:r>
              <w:t xml:space="preserve">            newValue = cloneBuffer(srcValue, true);</w:t>
            </w:r>
          </w:p>
          <w:p w:rsidR="00156FB3" w:rsidRDefault="00156FB3" w:rsidP="00156FB3">
            <w:r>
              <w:t xml:space="preserve">          }</w:t>
            </w:r>
          </w:p>
          <w:p w:rsidR="00156FB3" w:rsidRDefault="00156FB3" w:rsidP="00156FB3">
            <w:r>
              <w:t xml:space="preserve">          else if (isTyped) {</w:t>
            </w:r>
          </w:p>
          <w:p w:rsidR="00156FB3" w:rsidRDefault="00156FB3" w:rsidP="00156FB3">
            <w:r>
              <w:t xml:space="preserve">            isCommon = false;</w:t>
            </w:r>
          </w:p>
          <w:p w:rsidR="00156FB3" w:rsidRDefault="00156FB3" w:rsidP="00156FB3">
            <w:r>
              <w:t xml:space="preserve">            newValue = cloneTypedArray(srcValue, true);</w:t>
            </w:r>
          </w:p>
          <w:p w:rsidR="00156FB3" w:rsidRDefault="00156FB3" w:rsidP="00156FB3">
            <w:r>
              <w:t xml:space="preserve">          }</w:t>
            </w:r>
          </w:p>
          <w:p w:rsidR="00156FB3" w:rsidRDefault="00156FB3" w:rsidP="00156FB3">
            <w:r>
              <w:t xml:space="preserve">          else {</w:t>
            </w:r>
          </w:p>
          <w:p w:rsidR="00156FB3" w:rsidRDefault="00156FB3" w:rsidP="00156FB3">
            <w:r>
              <w:t xml:space="preserve">            newValue = [];</w:t>
            </w:r>
          </w:p>
          <w:p w:rsidR="00156FB3" w:rsidRDefault="00156FB3" w:rsidP="00156FB3">
            <w:r>
              <w:t xml:space="preserve">          }</w:t>
            </w:r>
          </w:p>
          <w:p w:rsidR="00156FB3" w:rsidRDefault="00156FB3" w:rsidP="00156FB3">
            <w:r>
              <w:lastRenderedPageBreak/>
              <w:t xml:space="preserve">        }</w:t>
            </w:r>
          </w:p>
          <w:p w:rsidR="00156FB3" w:rsidRDefault="00156FB3" w:rsidP="00156FB3">
            <w:r>
              <w:t xml:space="preserve">        else if (isPlainObject(srcValue) || isArguments(srcValue)) {</w:t>
            </w:r>
          </w:p>
          <w:p w:rsidR="00156FB3" w:rsidRDefault="00156FB3" w:rsidP="00156FB3">
            <w:r>
              <w:t xml:space="preserve">          newValue = objValue;</w:t>
            </w:r>
          </w:p>
          <w:p w:rsidR="00156FB3" w:rsidRDefault="00156FB3" w:rsidP="00156FB3">
            <w:r>
              <w:t xml:space="preserve">          if (isArguments(objValue)) {</w:t>
            </w:r>
          </w:p>
          <w:p w:rsidR="00156FB3" w:rsidRDefault="00156FB3" w:rsidP="00156FB3">
            <w:r>
              <w:t xml:space="preserve">            newValue = toPlainObject(objValue);</w:t>
            </w:r>
          </w:p>
          <w:p w:rsidR="00156FB3" w:rsidRDefault="00156FB3" w:rsidP="00156FB3">
            <w:r>
              <w:t xml:space="preserve">          }</w:t>
            </w:r>
          </w:p>
          <w:p w:rsidR="00156FB3" w:rsidRDefault="00156FB3" w:rsidP="00156FB3">
            <w:r>
              <w:t xml:space="preserve">          else if (!isObject(objValue) || isFunction(objValue)) {</w:t>
            </w:r>
          </w:p>
          <w:p w:rsidR="00156FB3" w:rsidRDefault="00156FB3" w:rsidP="00156FB3">
            <w:r>
              <w:t xml:space="preserve">            newValue = initCloneObject(srcValue);</w:t>
            </w:r>
          </w:p>
          <w:p w:rsidR="00156FB3" w:rsidRDefault="00156FB3" w:rsidP="00156FB3">
            <w:r>
              <w:t xml:space="preserve">          }</w:t>
            </w:r>
          </w:p>
          <w:p w:rsidR="00156FB3" w:rsidRDefault="00156FB3" w:rsidP="00156FB3">
            <w:r>
              <w:t xml:space="preserve">        }</w:t>
            </w:r>
          </w:p>
          <w:p w:rsidR="00156FB3" w:rsidRDefault="00156FB3" w:rsidP="00156FB3">
            <w:r>
              <w:t xml:space="preserve">        else {</w:t>
            </w:r>
          </w:p>
          <w:p w:rsidR="00156FB3" w:rsidRDefault="00156FB3" w:rsidP="00156FB3">
            <w:r>
              <w:t xml:space="preserve">          isCommon = false;</w:t>
            </w:r>
          </w:p>
          <w:p w:rsidR="00156FB3" w:rsidRDefault="00156FB3" w:rsidP="00156FB3">
            <w:r>
              <w:t xml:space="preserve">        }</w:t>
            </w:r>
          </w:p>
          <w:p w:rsidR="00156FB3" w:rsidRDefault="00156FB3" w:rsidP="00156FB3">
            <w:r>
              <w:t xml:space="preserve">      }</w:t>
            </w:r>
          </w:p>
          <w:p w:rsidR="00156FB3" w:rsidRDefault="00156FB3" w:rsidP="00156FB3">
            <w:r>
              <w:t xml:space="preserve">      if (isCommon) {</w:t>
            </w:r>
          </w:p>
          <w:p w:rsidR="00156FB3" w:rsidRDefault="00156FB3" w:rsidP="00156FB3">
            <w:r>
              <w:t xml:space="preserve">        // Recursively merge objects and arrays (susceptible to call stack limits).</w:t>
            </w:r>
          </w:p>
          <w:p w:rsidR="00156FB3" w:rsidRDefault="00156FB3" w:rsidP="00156FB3">
            <w:r>
              <w:t xml:space="preserve">        stack.set(srcValue, newValue);</w:t>
            </w:r>
          </w:p>
          <w:p w:rsidR="00156FB3" w:rsidRDefault="00156FB3" w:rsidP="00156FB3">
            <w:r>
              <w:t xml:space="preserve">        mergeFunc(newValue, srcValue, srcIndex, customizer, stack);</w:t>
            </w:r>
          </w:p>
          <w:p w:rsidR="00156FB3" w:rsidRDefault="00156FB3" w:rsidP="00156FB3">
            <w:r>
              <w:t xml:space="preserve">        stack['delete'](srcValue);</w:t>
            </w:r>
          </w:p>
          <w:p w:rsidR="00156FB3" w:rsidRDefault="00156FB3" w:rsidP="00156FB3">
            <w:r>
              <w:t xml:space="preserve">      }</w:t>
            </w:r>
          </w:p>
          <w:p w:rsidR="00156FB3" w:rsidRDefault="00156FB3" w:rsidP="00156FB3">
            <w:r>
              <w:t xml:space="preserve">      assignMergeValue(object, key, new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nth` which doesn't coerce argument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query.</w:t>
            </w:r>
          </w:p>
          <w:p w:rsidR="00156FB3" w:rsidRDefault="00156FB3" w:rsidP="00156FB3">
            <w:r>
              <w:t xml:space="preserve">     * @param {number} n The index of the element to return.</w:t>
            </w:r>
          </w:p>
          <w:p w:rsidR="00156FB3" w:rsidRDefault="00156FB3" w:rsidP="00156FB3">
            <w:r>
              <w:t xml:space="preserve">     * @returns {*} Returns the nth element of `array`.</w:t>
            </w:r>
          </w:p>
          <w:p w:rsidR="00156FB3" w:rsidRDefault="00156FB3" w:rsidP="00156FB3">
            <w:r>
              <w:t xml:space="preserve">     */</w:t>
            </w:r>
          </w:p>
          <w:p w:rsidR="00156FB3" w:rsidRDefault="00156FB3" w:rsidP="00156FB3">
            <w:r>
              <w:t xml:space="preserve">    function baseNth(array, n) {</w:t>
            </w:r>
          </w:p>
          <w:p w:rsidR="00156FB3" w:rsidRDefault="00156FB3" w:rsidP="00156FB3">
            <w:r>
              <w:t xml:space="preserve">      var length = array.length;</w:t>
            </w:r>
          </w:p>
          <w:p w:rsidR="00156FB3" w:rsidRDefault="00156FB3" w:rsidP="00156FB3">
            <w:r>
              <w:t xml:space="preserve">      if (!length) {</w:t>
            </w:r>
          </w:p>
          <w:p w:rsidR="00156FB3" w:rsidRDefault="00156FB3" w:rsidP="00156FB3">
            <w:r>
              <w:t xml:space="preserve">        return;</w:t>
            </w:r>
          </w:p>
          <w:p w:rsidR="00156FB3" w:rsidRDefault="00156FB3" w:rsidP="00156FB3">
            <w:r>
              <w:t xml:space="preserve">      }</w:t>
            </w:r>
          </w:p>
          <w:p w:rsidR="00156FB3" w:rsidRDefault="00156FB3" w:rsidP="00156FB3">
            <w:r>
              <w:t xml:space="preserve">      n += n &lt; 0 ? length : 0;</w:t>
            </w:r>
          </w:p>
          <w:p w:rsidR="00156FB3" w:rsidRDefault="00156FB3" w:rsidP="00156FB3">
            <w:r>
              <w:t xml:space="preserve">      return isIndex(n, length) ? array[n] : undefine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orderBy` without param guar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Object} collection The collection to iterate over.</w:t>
            </w:r>
          </w:p>
          <w:p w:rsidR="00156FB3" w:rsidRDefault="00156FB3" w:rsidP="00156FB3">
            <w:r>
              <w:t xml:space="preserve">     * @param {Function[]|Object[]|string[]} iteratees The iteratees to sort by.</w:t>
            </w:r>
          </w:p>
          <w:p w:rsidR="00156FB3" w:rsidRDefault="00156FB3" w:rsidP="00156FB3">
            <w:r>
              <w:t xml:space="preserve">     * @param {string[]} orders The sort orders of `iteratees`.</w:t>
            </w:r>
          </w:p>
          <w:p w:rsidR="00156FB3" w:rsidRDefault="00156FB3" w:rsidP="00156FB3">
            <w:r>
              <w:t xml:space="preserve">     * @returns {Array} Returns the new sorted array.</w:t>
            </w:r>
          </w:p>
          <w:p w:rsidR="00156FB3" w:rsidRDefault="00156FB3" w:rsidP="00156FB3">
            <w:r>
              <w:lastRenderedPageBreak/>
              <w:t xml:space="preserve">     */</w:t>
            </w:r>
          </w:p>
          <w:p w:rsidR="00156FB3" w:rsidRDefault="00156FB3" w:rsidP="00156FB3">
            <w:r>
              <w:t xml:space="preserve">    function baseOrderBy(collection, iteratees, orders) {</w:t>
            </w:r>
          </w:p>
          <w:p w:rsidR="00156FB3" w:rsidRDefault="00156FB3" w:rsidP="00156FB3">
            <w:r>
              <w:t xml:space="preserve">      var index = -1;</w:t>
            </w:r>
          </w:p>
          <w:p w:rsidR="00156FB3" w:rsidRDefault="00156FB3" w:rsidP="00156FB3">
            <w:r>
              <w:t xml:space="preserve">      iteratees = arrayMap(iteratees.length ? iteratees : [identity], baseUnary(getIteratee()));</w:t>
            </w:r>
          </w:p>
          <w:p w:rsidR="00156FB3" w:rsidRDefault="00156FB3" w:rsidP="00156FB3"/>
          <w:p w:rsidR="00156FB3" w:rsidRDefault="00156FB3" w:rsidP="00156FB3">
            <w:r>
              <w:t xml:space="preserve">      var result = baseMap(collection, function(value, key, collection) {</w:t>
            </w:r>
          </w:p>
          <w:p w:rsidR="00156FB3" w:rsidRDefault="00156FB3" w:rsidP="00156FB3">
            <w:r>
              <w:t xml:space="preserve">        var criteria = arrayMap(iteratees, function(iteratee) {</w:t>
            </w:r>
          </w:p>
          <w:p w:rsidR="00156FB3" w:rsidRDefault="00156FB3" w:rsidP="00156FB3">
            <w:r>
              <w:t xml:space="preserve">          return iteratee(value);</w:t>
            </w:r>
          </w:p>
          <w:p w:rsidR="00156FB3" w:rsidRDefault="00156FB3" w:rsidP="00156FB3">
            <w:r>
              <w:t xml:space="preserve">        });</w:t>
            </w:r>
          </w:p>
          <w:p w:rsidR="00156FB3" w:rsidRDefault="00156FB3" w:rsidP="00156FB3">
            <w:r>
              <w:t xml:space="preserve">        return { 'criteria': criteria, 'index': ++index, 'value': value };</w:t>
            </w:r>
          </w:p>
          <w:p w:rsidR="00156FB3" w:rsidRDefault="00156FB3" w:rsidP="00156FB3">
            <w:r>
              <w:t xml:space="preserve">      });</w:t>
            </w:r>
          </w:p>
          <w:p w:rsidR="00156FB3" w:rsidRDefault="00156FB3" w:rsidP="00156FB3"/>
          <w:p w:rsidR="00156FB3" w:rsidRDefault="00156FB3" w:rsidP="00156FB3">
            <w:r>
              <w:t xml:space="preserve">      return baseSortBy(result, function(object, other) {</w:t>
            </w:r>
          </w:p>
          <w:p w:rsidR="00156FB3" w:rsidRDefault="00156FB3" w:rsidP="00156FB3">
            <w:r>
              <w:t xml:space="preserve">        return compareMultiple(object, other, order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pick` without support for individual</w:t>
            </w:r>
          </w:p>
          <w:p w:rsidR="00156FB3" w:rsidRDefault="00156FB3" w:rsidP="00156FB3">
            <w:r>
              <w:t xml:space="preserve">     * property identifier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source object.</w:t>
            </w:r>
          </w:p>
          <w:p w:rsidR="00156FB3" w:rsidRDefault="00156FB3" w:rsidP="00156FB3">
            <w:r>
              <w:t xml:space="preserve">     * @param {string[]} paths The property paths to pick.</w:t>
            </w:r>
          </w:p>
          <w:p w:rsidR="00156FB3" w:rsidRDefault="00156FB3" w:rsidP="00156FB3">
            <w:r>
              <w:t xml:space="preserve">     * @returns {Object} Returns the new object.</w:t>
            </w:r>
          </w:p>
          <w:p w:rsidR="00156FB3" w:rsidRDefault="00156FB3" w:rsidP="00156FB3">
            <w:r>
              <w:t xml:space="preserve">     */</w:t>
            </w:r>
          </w:p>
          <w:p w:rsidR="00156FB3" w:rsidRDefault="00156FB3" w:rsidP="00156FB3">
            <w:r>
              <w:t xml:space="preserve">    function basePick(object, paths) {</w:t>
            </w:r>
          </w:p>
          <w:p w:rsidR="00156FB3" w:rsidRDefault="00156FB3" w:rsidP="00156FB3">
            <w:r>
              <w:t xml:space="preserve">      return basePickBy(object, paths, function(value, path) {</w:t>
            </w:r>
          </w:p>
          <w:p w:rsidR="00156FB3" w:rsidRDefault="00156FB3" w:rsidP="00156FB3">
            <w:r>
              <w:t xml:space="preserve">        return hasIn(object, path);</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pickBy` without support for iteratee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source object.</w:t>
            </w:r>
          </w:p>
          <w:p w:rsidR="00156FB3" w:rsidRDefault="00156FB3" w:rsidP="00156FB3">
            <w:r>
              <w:t xml:space="preserve">     * @param {string[]} paths The property paths to pick.</w:t>
            </w:r>
          </w:p>
          <w:p w:rsidR="00156FB3" w:rsidRDefault="00156FB3" w:rsidP="00156FB3">
            <w:r>
              <w:t xml:space="preserve">     * @param {Function} predicate The function invoked per property.</w:t>
            </w:r>
          </w:p>
          <w:p w:rsidR="00156FB3" w:rsidRDefault="00156FB3" w:rsidP="00156FB3">
            <w:r>
              <w:t xml:space="preserve">     * @returns {Object} Returns the new object.</w:t>
            </w:r>
          </w:p>
          <w:p w:rsidR="00156FB3" w:rsidRDefault="00156FB3" w:rsidP="00156FB3">
            <w:r>
              <w:t xml:space="preserve">     */</w:t>
            </w:r>
          </w:p>
          <w:p w:rsidR="00156FB3" w:rsidRDefault="00156FB3" w:rsidP="00156FB3">
            <w:r>
              <w:t xml:space="preserve">    function basePickBy(object, paths, predicate) {</w:t>
            </w:r>
          </w:p>
          <w:p w:rsidR="00156FB3" w:rsidRDefault="00156FB3" w:rsidP="00156FB3">
            <w:r>
              <w:t xml:space="preserve">      var index = -1,</w:t>
            </w:r>
          </w:p>
          <w:p w:rsidR="00156FB3" w:rsidRDefault="00156FB3" w:rsidP="00156FB3">
            <w:r>
              <w:t xml:space="preserve">          length = paths.length,</w:t>
            </w:r>
          </w:p>
          <w:p w:rsidR="00156FB3" w:rsidRDefault="00156FB3" w:rsidP="00156FB3">
            <w:r>
              <w:t xml:space="preserve">          result = {};</w:t>
            </w:r>
          </w:p>
          <w:p w:rsidR="00156FB3" w:rsidRDefault="00156FB3" w:rsidP="00156FB3"/>
          <w:p w:rsidR="00156FB3" w:rsidRDefault="00156FB3" w:rsidP="00156FB3">
            <w:r>
              <w:t xml:space="preserve">      while (++index &lt; length) {</w:t>
            </w:r>
          </w:p>
          <w:p w:rsidR="00156FB3" w:rsidRDefault="00156FB3" w:rsidP="00156FB3">
            <w:r>
              <w:t xml:space="preserve">        var path = paths[index],</w:t>
            </w:r>
          </w:p>
          <w:p w:rsidR="00156FB3" w:rsidRDefault="00156FB3" w:rsidP="00156FB3">
            <w:r>
              <w:lastRenderedPageBreak/>
              <w:t xml:space="preserve">            value = baseGet(object, path);</w:t>
            </w:r>
          </w:p>
          <w:p w:rsidR="00156FB3" w:rsidRDefault="00156FB3" w:rsidP="00156FB3"/>
          <w:p w:rsidR="00156FB3" w:rsidRDefault="00156FB3" w:rsidP="00156FB3">
            <w:r>
              <w:t xml:space="preserve">        if (predicate(value, path)) {</w:t>
            </w:r>
          </w:p>
          <w:p w:rsidR="00156FB3" w:rsidRDefault="00156FB3" w:rsidP="00156FB3">
            <w:r>
              <w:t xml:space="preserve">          baseSet(result, castPath(path, object), value);</w:t>
            </w:r>
          </w:p>
          <w:p w:rsidR="00156FB3" w:rsidRDefault="00156FB3" w:rsidP="00156FB3">
            <w:r>
              <w:t xml:space="preserve">        }</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baseProperty` which supports deep path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string} path The path of the property to get.</w:t>
            </w:r>
          </w:p>
          <w:p w:rsidR="00156FB3" w:rsidRDefault="00156FB3" w:rsidP="00156FB3">
            <w:r>
              <w:t xml:space="preserve">     * @returns {Function} Returns the new accessor function.</w:t>
            </w:r>
          </w:p>
          <w:p w:rsidR="00156FB3" w:rsidRDefault="00156FB3" w:rsidP="00156FB3">
            <w:r>
              <w:t xml:space="preserve">     */</w:t>
            </w:r>
          </w:p>
          <w:p w:rsidR="00156FB3" w:rsidRDefault="00156FB3" w:rsidP="00156FB3">
            <w:r>
              <w:t xml:space="preserve">    function basePropertyDeep(path) {</w:t>
            </w:r>
          </w:p>
          <w:p w:rsidR="00156FB3" w:rsidRDefault="00156FB3" w:rsidP="00156FB3">
            <w:r>
              <w:t xml:space="preserve">      return function(object) {</w:t>
            </w:r>
          </w:p>
          <w:p w:rsidR="00156FB3" w:rsidRDefault="00156FB3" w:rsidP="00156FB3">
            <w:r>
              <w:t xml:space="preserve">        return baseGet(object, path);</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pullAllBy` without support for iteratee</w:t>
            </w:r>
          </w:p>
          <w:p w:rsidR="00156FB3" w:rsidRDefault="00156FB3" w:rsidP="00156FB3">
            <w:r>
              <w:t xml:space="preserve">     *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modify.</w:t>
            </w:r>
          </w:p>
          <w:p w:rsidR="00156FB3" w:rsidRDefault="00156FB3" w:rsidP="00156FB3">
            <w:r>
              <w:t xml:space="preserve">     * @param {Array} values The values to remove.</w:t>
            </w:r>
          </w:p>
          <w:p w:rsidR="00156FB3" w:rsidRDefault="00156FB3" w:rsidP="00156FB3">
            <w:r>
              <w:t xml:space="preserve">     * @param {Function} [iteratee] The iteratee invoked per element.</w:t>
            </w:r>
          </w:p>
          <w:p w:rsidR="00156FB3" w:rsidRDefault="00156FB3" w:rsidP="00156FB3">
            <w:r>
              <w:t xml:space="preserve">     * @param {Function} [comparator] The comparator invoked per element.</w:t>
            </w:r>
          </w:p>
          <w:p w:rsidR="00156FB3" w:rsidRDefault="00156FB3" w:rsidP="00156FB3">
            <w:r>
              <w:t xml:space="preserve">     * @returns {Array} Returns `array`.</w:t>
            </w:r>
          </w:p>
          <w:p w:rsidR="00156FB3" w:rsidRDefault="00156FB3" w:rsidP="00156FB3">
            <w:r>
              <w:t xml:space="preserve">     */</w:t>
            </w:r>
          </w:p>
          <w:p w:rsidR="00156FB3" w:rsidRDefault="00156FB3" w:rsidP="00156FB3">
            <w:r>
              <w:t xml:space="preserve">    function basePullAll(array, values, iteratee, comparator) {</w:t>
            </w:r>
          </w:p>
          <w:p w:rsidR="00156FB3" w:rsidRDefault="00156FB3" w:rsidP="00156FB3">
            <w:r>
              <w:t xml:space="preserve">      var indexOf = comparator ? baseIndexOfWith : baseIndexOf,</w:t>
            </w:r>
          </w:p>
          <w:p w:rsidR="00156FB3" w:rsidRDefault="00156FB3" w:rsidP="00156FB3">
            <w:r>
              <w:t xml:space="preserve">          index = -1,</w:t>
            </w:r>
          </w:p>
          <w:p w:rsidR="00156FB3" w:rsidRDefault="00156FB3" w:rsidP="00156FB3">
            <w:r>
              <w:t xml:space="preserve">          length = values.length,</w:t>
            </w:r>
          </w:p>
          <w:p w:rsidR="00156FB3" w:rsidRDefault="00156FB3" w:rsidP="00156FB3">
            <w:r>
              <w:t xml:space="preserve">          seen = array;</w:t>
            </w:r>
          </w:p>
          <w:p w:rsidR="00156FB3" w:rsidRDefault="00156FB3" w:rsidP="00156FB3"/>
          <w:p w:rsidR="00156FB3" w:rsidRDefault="00156FB3" w:rsidP="00156FB3">
            <w:r>
              <w:t xml:space="preserve">      if (array === values) {</w:t>
            </w:r>
          </w:p>
          <w:p w:rsidR="00156FB3" w:rsidRDefault="00156FB3" w:rsidP="00156FB3">
            <w:r>
              <w:t xml:space="preserve">        values = copyArray(values);</w:t>
            </w:r>
          </w:p>
          <w:p w:rsidR="00156FB3" w:rsidRDefault="00156FB3" w:rsidP="00156FB3">
            <w:r>
              <w:t xml:space="preserve">      }</w:t>
            </w:r>
          </w:p>
          <w:p w:rsidR="00156FB3" w:rsidRDefault="00156FB3" w:rsidP="00156FB3">
            <w:r>
              <w:t xml:space="preserve">      if (iteratee) {</w:t>
            </w:r>
          </w:p>
          <w:p w:rsidR="00156FB3" w:rsidRDefault="00156FB3" w:rsidP="00156FB3">
            <w:r>
              <w:t xml:space="preserve">        seen = arrayMap(array, baseUnary(iteratee));</w:t>
            </w:r>
          </w:p>
          <w:p w:rsidR="00156FB3" w:rsidRDefault="00156FB3" w:rsidP="00156FB3">
            <w:r>
              <w:t xml:space="preserve">      }</w:t>
            </w:r>
          </w:p>
          <w:p w:rsidR="00156FB3" w:rsidRDefault="00156FB3" w:rsidP="00156FB3">
            <w:r>
              <w:t xml:space="preserve">      while (++index &lt; length) {</w:t>
            </w:r>
          </w:p>
          <w:p w:rsidR="00156FB3" w:rsidRDefault="00156FB3" w:rsidP="00156FB3">
            <w:r>
              <w:t xml:space="preserve">        var fromIndex = 0,</w:t>
            </w:r>
          </w:p>
          <w:p w:rsidR="00156FB3" w:rsidRDefault="00156FB3" w:rsidP="00156FB3">
            <w:r>
              <w:t xml:space="preserve">            value = values[index],</w:t>
            </w:r>
          </w:p>
          <w:p w:rsidR="00156FB3" w:rsidRDefault="00156FB3" w:rsidP="00156FB3">
            <w:r>
              <w:lastRenderedPageBreak/>
              <w:t xml:space="preserve">            computed = iteratee ? iteratee(value) : value;</w:t>
            </w:r>
          </w:p>
          <w:p w:rsidR="00156FB3" w:rsidRDefault="00156FB3" w:rsidP="00156FB3"/>
          <w:p w:rsidR="00156FB3" w:rsidRDefault="00156FB3" w:rsidP="00156FB3">
            <w:r>
              <w:t xml:space="preserve">        while ((fromIndex = indexOf(seen, computed, fromIndex, comparator)) &gt; -1) {</w:t>
            </w:r>
          </w:p>
          <w:p w:rsidR="00156FB3" w:rsidRDefault="00156FB3" w:rsidP="00156FB3">
            <w:r>
              <w:t xml:space="preserve">          if (seen !== array) {</w:t>
            </w:r>
          </w:p>
          <w:p w:rsidR="00156FB3" w:rsidRDefault="00156FB3" w:rsidP="00156FB3">
            <w:r>
              <w:t xml:space="preserve">            splice.call(seen, fromIndex, 1);</w:t>
            </w:r>
          </w:p>
          <w:p w:rsidR="00156FB3" w:rsidRDefault="00156FB3" w:rsidP="00156FB3">
            <w:r>
              <w:t xml:space="preserve">          }</w:t>
            </w:r>
          </w:p>
          <w:p w:rsidR="00156FB3" w:rsidRDefault="00156FB3" w:rsidP="00156FB3">
            <w:r>
              <w:t xml:space="preserve">          splice.call(array, fromIndex, 1);</w:t>
            </w:r>
          </w:p>
          <w:p w:rsidR="00156FB3" w:rsidRDefault="00156FB3" w:rsidP="00156FB3">
            <w:r>
              <w:t xml:space="preserve">        }</w:t>
            </w:r>
          </w:p>
          <w:p w:rsidR="00156FB3" w:rsidRDefault="00156FB3" w:rsidP="00156FB3">
            <w:r>
              <w:t xml:space="preserve">      }</w:t>
            </w:r>
          </w:p>
          <w:p w:rsidR="00156FB3" w:rsidRDefault="00156FB3" w:rsidP="00156FB3">
            <w:r>
              <w:t xml:space="preserve">      return arra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pullAt` without support for individual</w:t>
            </w:r>
          </w:p>
          <w:p w:rsidR="00156FB3" w:rsidRDefault="00156FB3" w:rsidP="00156FB3">
            <w:r>
              <w:t xml:space="preserve">     * indexes or capturing the removed element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modify.</w:t>
            </w:r>
          </w:p>
          <w:p w:rsidR="00156FB3" w:rsidRDefault="00156FB3" w:rsidP="00156FB3">
            <w:r>
              <w:t xml:space="preserve">     * @param {number[]} indexes The indexes of elements to remove.</w:t>
            </w:r>
          </w:p>
          <w:p w:rsidR="00156FB3" w:rsidRDefault="00156FB3" w:rsidP="00156FB3">
            <w:r>
              <w:t xml:space="preserve">     * @returns {Array} Returns `array`.</w:t>
            </w:r>
          </w:p>
          <w:p w:rsidR="00156FB3" w:rsidRDefault="00156FB3" w:rsidP="00156FB3">
            <w:r>
              <w:t xml:space="preserve">     */</w:t>
            </w:r>
          </w:p>
          <w:p w:rsidR="00156FB3" w:rsidRDefault="00156FB3" w:rsidP="00156FB3">
            <w:r>
              <w:t xml:space="preserve">    function basePullAt(array, indexes) {</w:t>
            </w:r>
          </w:p>
          <w:p w:rsidR="00156FB3" w:rsidRDefault="00156FB3" w:rsidP="00156FB3">
            <w:r>
              <w:t xml:space="preserve">      var length = array ? indexes.length : 0,</w:t>
            </w:r>
          </w:p>
          <w:p w:rsidR="00156FB3" w:rsidRDefault="00156FB3" w:rsidP="00156FB3">
            <w:r>
              <w:t xml:space="preserve">          lastIndex = length - 1;</w:t>
            </w:r>
          </w:p>
          <w:p w:rsidR="00156FB3" w:rsidRDefault="00156FB3" w:rsidP="00156FB3"/>
          <w:p w:rsidR="00156FB3" w:rsidRDefault="00156FB3" w:rsidP="00156FB3">
            <w:r>
              <w:t xml:space="preserve">      while (length--) {</w:t>
            </w:r>
          </w:p>
          <w:p w:rsidR="00156FB3" w:rsidRDefault="00156FB3" w:rsidP="00156FB3">
            <w:r>
              <w:t xml:space="preserve">        var index = indexes[length];</w:t>
            </w:r>
          </w:p>
          <w:p w:rsidR="00156FB3" w:rsidRDefault="00156FB3" w:rsidP="00156FB3">
            <w:r>
              <w:t xml:space="preserve">        if (length == lastIndex || index !== previous) {</w:t>
            </w:r>
          </w:p>
          <w:p w:rsidR="00156FB3" w:rsidRDefault="00156FB3" w:rsidP="00156FB3">
            <w:r>
              <w:t xml:space="preserve">          var previous = index;</w:t>
            </w:r>
          </w:p>
          <w:p w:rsidR="00156FB3" w:rsidRDefault="00156FB3" w:rsidP="00156FB3">
            <w:r>
              <w:t xml:space="preserve">          if (isIndex(index)) {</w:t>
            </w:r>
          </w:p>
          <w:p w:rsidR="00156FB3" w:rsidRDefault="00156FB3" w:rsidP="00156FB3">
            <w:r>
              <w:t xml:space="preserve">            splice.call(array, index, 1);</w:t>
            </w:r>
          </w:p>
          <w:p w:rsidR="00156FB3" w:rsidRDefault="00156FB3" w:rsidP="00156FB3">
            <w:r>
              <w:t xml:space="preserve">          } else {</w:t>
            </w:r>
          </w:p>
          <w:p w:rsidR="00156FB3" w:rsidRDefault="00156FB3" w:rsidP="00156FB3">
            <w:r>
              <w:t xml:space="preserve">            baseUnset(array, index);</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return arra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random` without support for returning</w:t>
            </w:r>
          </w:p>
          <w:p w:rsidR="00156FB3" w:rsidRDefault="00156FB3" w:rsidP="00156FB3">
            <w:r>
              <w:t xml:space="preserve">     * floating-point numbers.</w:t>
            </w:r>
          </w:p>
          <w:p w:rsidR="00156FB3" w:rsidRDefault="00156FB3" w:rsidP="00156FB3">
            <w:r>
              <w:t xml:space="preserve">     *</w:t>
            </w:r>
          </w:p>
          <w:p w:rsidR="00156FB3" w:rsidRDefault="00156FB3" w:rsidP="00156FB3">
            <w:r>
              <w:t xml:space="preserve">     * @private</w:t>
            </w:r>
          </w:p>
          <w:p w:rsidR="00156FB3" w:rsidRDefault="00156FB3" w:rsidP="00156FB3">
            <w:r>
              <w:t xml:space="preserve">     * @param {number} lower The lower bound.</w:t>
            </w:r>
          </w:p>
          <w:p w:rsidR="00156FB3" w:rsidRDefault="00156FB3" w:rsidP="00156FB3">
            <w:r>
              <w:t xml:space="preserve">     * @param {number} upper The upper bound.</w:t>
            </w:r>
          </w:p>
          <w:p w:rsidR="00156FB3" w:rsidRDefault="00156FB3" w:rsidP="00156FB3">
            <w:r>
              <w:t xml:space="preserve">     * @returns {number} Returns the random number.</w:t>
            </w:r>
          </w:p>
          <w:p w:rsidR="00156FB3" w:rsidRDefault="00156FB3" w:rsidP="00156FB3">
            <w:r>
              <w:t xml:space="preserve">     */</w:t>
            </w:r>
          </w:p>
          <w:p w:rsidR="00156FB3" w:rsidRDefault="00156FB3" w:rsidP="00156FB3">
            <w:r>
              <w:lastRenderedPageBreak/>
              <w:t xml:space="preserve">    function baseRandom(lower, upper) {</w:t>
            </w:r>
          </w:p>
          <w:p w:rsidR="00156FB3" w:rsidRDefault="00156FB3" w:rsidP="00156FB3">
            <w:r>
              <w:t xml:space="preserve">      return lower + nativeFloor(nativeRandom() * (upper - lower + 1));</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range` and `_.rangeRight` which doesn't</w:t>
            </w:r>
          </w:p>
          <w:p w:rsidR="00156FB3" w:rsidRDefault="00156FB3" w:rsidP="00156FB3">
            <w:r>
              <w:t xml:space="preserve">     * coerce arguments.</w:t>
            </w:r>
          </w:p>
          <w:p w:rsidR="00156FB3" w:rsidRDefault="00156FB3" w:rsidP="00156FB3">
            <w:r>
              <w:t xml:space="preserve">     *</w:t>
            </w:r>
          </w:p>
          <w:p w:rsidR="00156FB3" w:rsidRDefault="00156FB3" w:rsidP="00156FB3">
            <w:r>
              <w:t xml:space="preserve">     * @private</w:t>
            </w:r>
          </w:p>
          <w:p w:rsidR="00156FB3" w:rsidRDefault="00156FB3" w:rsidP="00156FB3">
            <w:r>
              <w:t xml:space="preserve">     * @param {number} start The start of the range.</w:t>
            </w:r>
          </w:p>
          <w:p w:rsidR="00156FB3" w:rsidRDefault="00156FB3" w:rsidP="00156FB3">
            <w:r>
              <w:t xml:space="preserve">     * @param {number} end The end of the range.</w:t>
            </w:r>
          </w:p>
          <w:p w:rsidR="00156FB3" w:rsidRDefault="00156FB3" w:rsidP="00156FB3">
            <w:r>
              <w:t xml:space="preserve">     * @param {number} step The value to increment or decrement by.</w:t>
            </w:r>
          </w:p>
          <w:p w:rsidR="00156FB3" w:rsidRDefault="00156FB3" w:rsidP="00156FB3">
            <w:r>
              <w:t xml:space="preserve">     * @param {boolean} [fromRight] Specify iterating from right to left.</w:t>
            </w:r>
          </w:p>
          <w:p w:rsidR="00156FB3" w:rsidRDefault="00156FB3" w:rsidP="00156FB3">
            <w:r>
              <w:t xml:space="preserve">     * @returns {Array} Returns the range of numbers.</w:t>
            </w:r>
          </w:p>
          <w:p w:rsidR="00156FB3" w:rsidRDefault="00156FB3" w:rsidP="00156FB3">
            <w:r>
              <w:t xml:space="preserve">     */</w:t>
            </w:r>
          </w:p>
          <w:p w:rsidR="00156FB3" w:rsidRDefault="00156FB3" w:rsidP="00156FB3">
            <w:r>
              <w:t xml:space="preserve">    function baseRange(start, end, step, fromRight) {</w:t>
            </w:r>
          </w:p>
          <w:p w:rsidR="00156FB3" w:rsidRDefault="00156FB3" w:rsidP="00156FB3">
            <w:r>
              <w:t xml:space="preserve">      var index = -1,</w:t>
            </w:r>
          </w:p>
          <w:p w:rsidR="00156FB3" w:rsidRDefault="00156FB3" w:rsidP="00156FB3">
            <w:r>
              <w:t xml:space="preserve">          length = nativeMax(nativeCeil((end - start) / (step || 1)), 0),</w:t>
            </w:r>
          </w:p>
          <w:p w:rsidR="00156FB3" w:rsidRDefault="00156FB3" w:rsidP="00156FB3">
            <w:r>
              <w:t xml:space="preserve">          result = Array(length);</w:t>
            </w:r>
          </w:p>
          <w:p w:rsidR="00156FB3" w:rsidRDefault="00156FB3" w:rsidP="00156FB3"/>
          <w:p w:rsidR="00156FB3" w:rsidRDefault="00156FB3" w:rsidP="00156FB3">
            <w:r>
              <w:t xml:space="preserve">      while (length--) {</w:t>
            </w:r>
          </w:p>
          <w:p w:rsidR="00156FB3" w:rsidRDefault="00156FB3" w:rsidP="00156FB3">
            <w:r>
              <w:t xml:space="preserve">        result[fromRight ? length : ++index] = start;</w:t>
            </w:r>
          </w:p>
          <w:p w:rsidR="00156FB3" w:rsidRDefault="00156FB3" w:rsidP="00156FB3">
            <w:r>
              <w:t xml:space="preserve">        start += step;</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repeat` which doesn't coerce arguments.</w:t>
            </w:r>
          </w:p>
          <w:p w:rsidR="00156FB3" w:rsidRDefault="00156FB3" w:rsidP="00156FB3">
            <w:r>
              <w:t xml:space="preserve">     *</w:t>
            </w:r>
          </w:p>
          <w:p w:rsidR="00156FB3" w:rsidRDefault="00156FB3" w:rsidP="00156FB3">
            <w:r>
              <w:t xml:space="preserve">     * @private</w:t>
            </w:r>
          </w:p>
          <w:p w:rsidR="00156FB3" w:rsidRDefault="00156FB3" w:rsidP="00156FB3">
            <w:r>
              <w:t xml:space="preserve">     * @param {string} string The string to repeat.</w:t>
            </w:r>
          </w:p>
          <w:p w:rsidR="00156FB3" w:rsidRDefault="00156FB3" w:rsidP="00156FB3">
            <w:r>
              <w:t xml:space="preserve">     * @param {number} n The number of times to repeat the string.</w:t>
            </w:r>
          </w:p>
          <w:p w:rsidR="00156FB3" w:rsidRDefault="00156FB3" w:rsidP="00156FB3">
            <w:r>
              <w:t xml:space="preserve">     * @returns {string} Returns the repeated string.</w:t>
            </w:r>
          </w:p>
          <w:p w:rsidR="00156FB3" w:rsidRDefault="00156FB3" w:rsidP="00156FB3">
            <w:r>
              <w:t xml:space="preserve">     */</w:t>
            </w:r>
          </w:p>
          <w:p w:rsidR="00156FB3" w:rsidRDefault="00156FB3" w:rsidP="00156FB3">
            <w:r>
              <w:t xml:space="preserve">    function baseRepeat(string, n) {</w:t>
            </w:r>
          </w:p>
          <w:p w:rsidR="00156FB3" w:rsidRDefault="00156FB3" w:rsidP="00156FB3">
            <w:r>
              <w:t xml:space="preserve">      var result = '';</w:t>
            </w:r>
          </w:p>
          <w:p w:rsidR="00156FB3" w:rsidRDefault="00156FB3" w:rsidP="00156FB3">
            <w:r>
              <w:t xml:space="preserve">      if (!string || n &lt; 1 || n &gt; MAX_SAFE_INTEGER) {</w:t>
            </w:r>
          </w:p>
          <w:p w:rsidR="00156FB3" w:rsidRDefault="00156FB3" w:rsidP="00156FB3">
            <w:r>
              <w:t xml:space="preserve">        return result;</w:t>
            </w:r>
          </w:p>
          <w:p w:rsidR="00156FB3" w:rsidRDefault="00156FB3" w:rsidP="00156FB3">
            <w:r>
              <w:t xml:space="preserve">      }</w:t>
            </w:r>
          </w:p>
          <w:p w:rsidR="00156FB3" w:rsidRDefault="00156FB3" w:rsidP="00156FB3">
            <w:r>
              <w:t xml:space="preserve">      // Leverage the exponentiation by squaring algorithm for a faster repeat.</w:t>
            </w:r>
          </w:p>
          <w:p w:rsidR="00156FB3" w:rsidRDefault="00156FB3" w:rsidP="00156FB3">
            <w:r>
              <w:t xml:space="preserve">      // See https://en.wikipedia.org/wiki/Exponentiation_by_squaring for more details.</w:t>
            </w:r>
          </w:p>
          <w:p w:rsidR="00156FB3" w:rsidRDefault="00156FB3" w:rsidP="00156FB3">
            <w:r>
              <w:t xml:space="preserve">      do {</w:t>
            </w:r>
          </w:p>
          <w:p w:rsidR="00156FB3" w:rsidRDefault="00156FB3" w:rsidP="00156FB3">
            <w:r>
              <w:t xml:space="preserve">        if (n % 2) {</w:t>
            </w:r>
          </w:p>
          <w:p w:rsidR="00156FB3" w:rsidRDefault="00156FB3" w:rsidP="00156FB3">
            <w:r>
              <w:t xml:space="preserve">          result += string;</w:t>
            </w:r>
          </w:p>
          <w:p w:rsidR="00156FB3" w:rsidRDefault="00156FB3" w:rsidP="00156FB3">
            <w:r>
              <w:t xml:space="preserve">        }</w:t>
            </w:r>
          </w:p>
          <w:p w:rsidR="00156FB3" w:rsidRDefault="00156FB3" w:rsidP="00156FB3">
            <w:r>
              <w:t xml:space="preserve">        n = nativeFloor(n / 2);</w:t>
            </w:r>
          </w:p>
          <w:p w:rsidR="00156FB3" w:rsidRDefault="00156FB3" w:rsidP="00156FB3">
            <w:r>
              <w:t xml:space="preserve">        if (n) {</w:t>
            </w:r>
          </w:p>
          <w:p w:rsidR="00156FB3" w:rsidRDefault="00156FB3" w:rsidP="00156FB3">
            <w:r>
              <w:lastRenderedPageBreak/>
              <w:t xml:space="preserve">          string += string;</w:t>
            </w:r>
          </w:p>
          <w:p w:rsidR="00156FB3" w:rsidRDefault="00156FB3" w:rsidP="00156FB3">
            <w:r>
              <w:t xml:space="preserve">        }</w:t>
            </w:r>
          </w:p>
          <w:p w:rsidR="00156FB3" w:rsidRDefault="00156FB3" w:rsidP="00156FB3">
            <w:r>
              <w:t xml:space="preserve">      } while (n);</w:t>
            </w:r>
          </w:p>
          <w:p w:rsidR="00156FB3" w:rsidRDefault="00156FB3" w:rsidP="00156FB3"/>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rest` which doesn't validate or coerce arguments.</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unc The function to apply a rest parameter to.</w:t>
            </w:r>
          </w:p>
          <w:p w:rsidR="00156FB3" w:rsidRDefault="00156FB3" w:rsidP="00156FB3">
            <w:r>
              <w:t xml:space="preserve">     * @param {number} [start=func.length-1] The start position of the rest parameter.</w:t>
            </w:r>
          </w:p>
          <w:p w:rsidR="00156FB3" w:rsidRDefault="00156FB3" w:rsidP="00156FB3">
            <w:r>
              <w:t xml:space="preserve">     * @returns {Function} Returns the new function.</w:t>
            </w:r>
          </w:p>
          <w:p w:rsidR="00156FB3" w:rsidRDefault="00156FB3" w:rsidP="00156FB3">
            <w:r>
              <w:t xml:space="preserve">     */</w:t>
            </w:r>
          </w:p>
          <w:p w:rsidR="00156FB3" w:rsidRDefault="00156FB3" w:rsidP="00156FB3">
            <w:r>
              <w:t xml:space="preserve">    function baseRest(func, start) {</w:t>
            </w:r>
          </w:p>
          <w:p w:rsidR="00156FB3" w:rsidRDefault="00156FB3" w:rsidP="00156FB3">
            <w:r>
              <w:t xml:space="preserve">      return setToString(overRest(func, start, identity), func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sample`.</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Object} collection The collection to sample.</w:t>
            </w:r>
          </w:p>
          <w:p w:rsidR="00156FB3" w:rsidRDefault="00156FB3" w:rsidP="00156FB3">
            <w:r>
              <w:t xml:space="preserve">     * @returns {*} Returns the random element.</w:t>
            </w:r>
          </w:p>
          <w:p w:rsidR="00156FB3" w:rsidRDefault="00156FB3" w:rsidP="00156FB3">
            <w:r>
              <w:t xml:space="preserve">     */</w:t>
            </w:r>
          </w:p>
          <w:p w:rsidR="00156FB3" w:rsidRDefault="00156FB3" w:rsidP="00156FB3">
            <w:r>
              <w:t xml:space="preserve">    function baseSample(collection) {</w:t>
            </w:r>
          </w:p>
          <w:p w:rsidR="00156FB3" w:rsidRDefault="00156FB3" w:rsidP="00156FB3">
            <w:r>
              <w:t xml:space="preserve">      return arraySample(values(collection));</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sampleSize` without param guar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Object} collection The collection to sample.</w:t>
            </w:r>
          </w:p>
          <w:p w:rsidR="00156FB3" w:rsidRDefault="00156FB3" w:rsidP="00156FB3">
            <w:r>
              <w:t xml:space="preserve">     * @param {number} n The number of elements to sample.</w:t>
            </w:r>
          </w:p>
          <w:p w:rsidR="00156FB3" w:rsidRDefault="00156FB3" w:rsidP="00156FB3">
            <w:r>
              <w:t xml:space="preserve">     * @returns {Array} Returns the random elements.</w:t>
            </w:r>
          </w:p>
          <w:p w:rsidR="00156FB3" w:rsidRDefault="00156FB3" w:rsidP="00156FB3">
            <w:r>
              <w:t xml:space="preserve">     */</w:t>
            </w:r>
          </w:p>
          <w:p w:rsidR="00156FB3" w:rsidRDefault="00156FB3" w:rsidP="00156FB3">
            <w:r>
              <w:t xml:space="preserve">    function baseSampleSize(collection, n) {</w:t>
            </w:r>
          </w:p>
          <w:p w:rsidR="00156FB3" w:rsidRDefault="00156FB3" w:rsidP="00156FB3">
            <w:r>
              <w:t xml:space="preserve">      var array = values(collection);</w:t>
            </w:r>
          </w:p>
          <w:p w:rsidR="00156FB3" w:rsidRDefault="00156FB3" w:rsidP="00156FB3">
            <w:r>
              <w:t xml:space="preserve">      return shuffleSelf(array, baseClamp(n, 0, array.length));</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set`.</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modify.</w:t>
            </w:r>
          </w:p>
          <w:p w:rsidR="00156FB3" w:rsidRDefault="00156FB3" w:rsidP="00156FB3">
            <w:r>
              <w:lastRenderedPageBreak/>
              <w:t xml:space="preserve">     * @param {Array|string} path The path of the property to set.</w:t>
            </w:r>
          </w:p>
          <w:p w:rsidR="00156FB3" w:rsidRDefault="00156FB3" w:rsidP="00156FB3">
            <w:r>
              <w:t xml:space="preserve">     * @param {*} value The value to set.</w:t>
            </w:r>
          </w:p>
          <w:p w:rsidR="00156FB3" w:rsidRDefault="00156FB3" w:rsidP="00156FB3">
            <w:r>
              <w:t xml:space="preserve">     * @param {Function} [customizer] The function to customize path creation.</w:t>
            </w:r>
          </w:p>
          <w:p w:rsidR="00156FB3" w:rsidRDefault="00156FB3" w:rsidP="00156FB3">
            <w:r>
              <w:t xml:space="preserve">     * @returns {Object} Returns `object`.</w:t>
            </w:r>
          </w:p>
          <w:p w:rsidR="00156FB3" w:rsidRDefault="00156FB3" w:rsidP="00156FB3">
            <w:r>
              <w:t xml:space="preserve">     */</w:t>
            </w:r>
          </w:p>
          <w:p w:rsidR="00156FB3" w:rsidRDefault="00156FB3" w:rsidP="00156FB3">
            <w:r>
              <w:t xml:space="preserve">    function baseSet(object, path, value, customizer) {</w:t>
            </w:r>
          </w:p>
          <w:p w:rsidR="00156FB3" w:rsidRDefault="00156FB3" w:rsidP="00156FB3">
            <w:r>
              <w:t xml:space="preserve">      if (!isObject(object)) {</w:t>
            </w:r>
          </w:p>
          <w:p w:rsidR="00156FB3" w:rsidRDefault="00156FB3" w:rsidP="00156FB3">
            <w:r>
              <w:t xml:space="preserve">        return object;</w:t>
            </w:r>
          </w:p>
          <w:p w:rsidR="00156FB3" w:rsidRDefault="00156FB3" w:rsidP="00156FB3">
            <w:r>
              <w:t xml:space="preserve">      }</w:t>
            </w:r>
          </w:p>
          <w:p w:rsidR="00156FB3" w:rsidRDefault="00156FB3" w:rsidP="00156FB3">
            <w:r>
              <w:t xml:space="preserve">      path = castPath(path, object);</w:t>
            </w:r>
          </w:p>
          <w:p w:rsidR="00156FB3" w:rsidRDefault="00156FB3" w:rsidP="00156FB3"/>
          <w:p w:rsidR="00156FB3" w:rsidRDefault="00156FB3" w:rsidP="00156FB3">
            <w:r>
              <w:t xml:space="preserve">      var index = -1,</w:t>
            </w:r>
          </w:p>
          <w:p w:rsidR="00156FB3" w:rsidRDefault="00156FB3" w:rsidP="00156FB3">
            <w:r>
              <w:t xml:space="preserve">          length = path.length,</w:t>
            </w:r>
          </w:p>
          <w:p w:rsidR="00156FB3" w:rsidRDefault="00156FB3" w:rsidP="00156FB3">
            <w:r>
              <w:t xml:space="preserve">          lastIndex = length - 1,</w:t>
            </w:r>
          </w:p>
          <w:p w:rsidR="00156FB3" w:rsidRDefault="00156FB3" w:rsidP="00156FB3">
            <w:r>
              <w:t xml:space="preserve">          nested = object;</w:t>
            </w:r>
          </w:p>
          <w:p w:rsidR="00156FB3" w:rsidRDefault="00156FB3" w:rsidP="00156FB3"/>
          <w:p w:rsidR="00156FB3" w:rsidRDefault="00156FB3" w:rsidP="00156FB3">
            <w:r>
              <w:t xml:space="preserve">      while (nested != null &amp;&amp; ++index &lt; length) {</w:t>
            </w:r>
          </w:p>
          <w:p w:rsidR="00156FB3" w:rsidRDefault="00156FB3" w:rsidP="00156FB3">
            <w:r>
              <w:t xml:space="preserve">        var key = toKey(path[index]),</w:t>
            </w:r>
          </w:p>
          <w:p w:rsidR="00156FB3" w:rsidRDefault="00156FB3" w:rsidP="00156FB3">
            <w:r>
              <w:t xml:space="preserve">            newValue = value;</w:t>
            </w:r>
          </w:p>
          <w:p w:rsidR="00156FB3" w:rsidRDefault="00156FB3" w:rsidP="00156FB3"/>
          <w:p w:rsidR="00156FB3" w:rsidRDefault="00156FB3" w:rsidP="00156FB3">
            <w:r>
              <w:t xml:space="preserve">        if (index != lastIndex) {</w:t>
            </w:r>
          </w:p>
          <w:p w:rsidR="00156FB3" w:rsidRDefault="00156FB3" w:rsidP="00156FB3">
            <w:r>
              <w:t xml:space="preserve">          var objValue = nested[key];</w:t>
            </w:r>
          </w:p>
          <w:p w:rsidR="00156FB3" w:rsidRDefault="00156FB3" w:rsidP="00156FB3">
            <w:r>
              <w:t xml:space="preserve">          newValue = customizer ? customizer(objValue, key, nested) : undefined;</w:t>
            </w:r>
          </w:p>
          <w:p w:rsidR="00156FB3" w:rsidRDefault="00156FB3" w:rsidP="00156FB3">
            <w:r>
              <w:t xml:space="preserve">          if (newValue === undefined) {</w:t>
            </w:r>
          </w:p>
          <w:p w:rsidR="00156FB3" w:rsidRDefault="00156FB3" w:rsidP="00156FB3">
            <w:r>
              <w:t xml:space="preserve">            newValue = isObject(objValue)</w:t>
            </w:r>
          </w:p>
          <w:p w:rsidR="00156FB3" w:rsidRDefault="00156FB3" w:rsidP="00156FB3">
            <w:r>
              <w:t xml:space="preserve">              ? objValue</w:t>
            </w:r>
          </w:p>
          <w:p w:rsidR="00156FB3" w:rsidRDefault="00156FB3" w:rsidP="00156FB3">
            <w:r>
              <w:t xml:space="preserve">              : (isIndex(path[index + 1]) ? [] : {});</w:t>
            </w:r>
          </w:p>
          <w:p w:rsidR="00156FB3" w:rsidRDefault="00156FB3" w:rsidP="00156FB3">
            <w:r>
              <w:t xml:space="preserve">          }</w:t>
            </w:r>
          </w:p>
          <w:p w:rsidR="00156FB3" w:rsidRDefault="00156FB3" w:rsidP="00156FB3">
            <w:r>
              <w:t xml:space="preserve">        }</w:t>
            </w:r>
          </w:p>
          <w:p w:rsidR="00156FB3" w:rsidRDefault="00156FB3" w:rsidP="00156FB3">
            <w:r>
              <w:t xml:space="preserve">        assignValue(nested, key, newValue);</w:t>
            </w:r>
          </w:p>
          <w:p w:rsidR="00156FB3" w:rsidRDefault="00156FB3" w:rsidP="00156FB3">
            <w:r>
              <w:t xml:space="preserve">        nested = nested[key];</w:t>
            </w:r>
          </w:p>
          <w:p w:rsidR="00156FB3" w:rsidRDefault="00156FB3" w:rsidP="00156FB3">
            <w:r>
              <w:t xml:space="preserve">      }</w:t>
            </w:r>
          </w:p>
          <w:p w:rsidR="00156FB3" w:rsidRDefault="00156FB3" w:rsidP="00156FB3">
            <w:r>
              <w:t xml:space="preserve">      return 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setData` without support for hot loop shorting.</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unc The function to associate metadata with.</w:t>
            </w:r>
          </w:p>
          <w:p w:rsidR="00156FB3" w:rsidRDefault="00156FB3" w:rsidP="00156FB3">
            <w:r>
              <w:t xml:space="preserve">     * @param {*} data The metadata.</w:t>
            </w:r>
          </w:p>
          <w:p w:rsidR="00156FB3" w:rsidRDefault="00156FB3" w:rsidP="00156FB3">
            <w:r>
              <w:t xml:space="preserve">     * @returns {Function} Returns `func`.</w:t>
            </w:r>
          </w:p>
          <w:p w:rsidR="00156FB3" w:rsidRDefault="00156FB3" w:rsidP="00156FB3">
            <w:r>
              <w:t xml:space="preserve">     */</w:t>
            </w:r>
          </w:p>
          <w:p w:rsidR="00156FB3" w:rsidRDefault="00156FB3" w:rsidP="00156FB3">
            <w:r>
              <w:t xml:space="preserve">    var baseSetData = !metaMap ? identity : function(func, data) {</w:t>
            </w:r>
          </w:p>
          <w:p w:rsidR="00156FB3" w:rsidRDefault="00156FB3" w:rsidP="00156FB3">
            <w:r>
              <w:t xml:space="preserve">      metaMap.set(func, data);</w:t>
            </w:r>
          </w:p>
          <w:p w:rsidR="00156FB3" w:rsidRDefault="00156FB3" w:rsidP="00156FB3">
            <w:r>
              <w:t xml:space="preserve">      return func;</w:t>
            </w:r>
          </w:p>
          <w:p w:rsidR="00156FB3" w:rsidRDefault="00156FB3" w:rsidP="00156FB3">
            <w:r>
              <w:t xml:space="preserve">    };</w:t>
            </w:r>
          </w:p>
          <w:p w:rsidR="00156FB3" w:rsidRDefault="00156FB3" w:rsidP="00156FB3"/>
          <w:p w:rsidR="00156FB3" w:rsidRDefault="00156FB3" w:rsidP="00156FB3">
            <w:r>
              <w:lastRenderedPageBreak/>
              <w:t xml:space="preserve">    /**</w:t>
            </w:r>
          </w:p>
          <w:p w:rsidR="00156FB3" w:rsidRDefault="00156FB3" w:rsidP="00156FB3">
            <w:r>
              <w:t xml:space="preserve">     * The base implementation of `setToString` without support for hot loop shorting.</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unc The function to modify.</w:t>
            </w:r>
          </w:p>
          <w:p w:rsidR="00156FB3" w:rsidRDefault="00156FB3" w:rsidP="00156FB3">
            <w:r>
              <w:t xml:space="preserve">     * @param {Function} string The `toString` result.</w:t>
            </w:r>
          </w:p>
          <w:p w:rsidR="00156FB3" w:rsidRDefault="00156FB3" w:rsidP="00156FB3">
            <w:r>
              <w:t xml:space="preserve">     * @returns {Function} Returns `func`.</w:t>
            </w:r>
          </w:p>
          <w:p w:rsidR="00156FB3" w:rsidRDefault="00156FB3" w:rsidP="00156FB3">
            <w:r>
              <w:t xml:space="preserve">     */</w:t>
            </w:r>
          </w:p>
          <w:p w:rsidR="00156FB3" w:rsidRDefault="00156FB3" w:rsidP="00156FB3">
            <w:r>
              <w:t xml:space="preserve">    var baseSetToString = !defineProperty ? identity : function(func, string) {</w:t>
            </w:r>
          </w:p>
          <w:p w:rsidR="00156FB3" w:rsidRDefault="00156FB3" w:rsidP="00156FB3">
            <w:r>
              <w:t xml:space="preserve">      return defineProperty(func, 'toString', {</w:t>
            </w:r>
          </w:p>
          <w:p w:rsidR="00156FB3" w:rsidRDefault="00156FB3" w:rsidP="00156FB3">
            <w:r>
              <w:t xml:space="preserve">        'configurable': true,</w:t>
            </w:r>
          </w:p>
          <w:p w:rsidR="00156FB3" w:rsidRDefault="00156FB3" w:rsidP="00156FB3">
            <w:r>
              <w:t xml:space="preserve">        'enumerable': false,</w:t>
            </w:r>
          </w:p>
          <w:p w:rsidR="00156FB3" w:rsidRDefault="00156FB3" w:rsidP="00156FB3">
            <w:r>
              <w:t xml:space="preserve">        'value': constant(string),</w:t>
            </w:r>
          </w:p>
          <w:p w:rsidR="00156FB3" w:rsidRDefault="00156FB3" w:rsidP="00156FB3">
            <w:r>
              <w:t xml:space="preserve">        'writable': tr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shuffle`.</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Object} collection The collection to shuffle.</w:t>
            </w:r>
          </w:p>
          <w:p w:rsidR="00156FB3" w:rsidRDefault="00156FB3" w:rsidP="00156FB3">
            <w:r>
              <w:t xml:space="preserve">     * @returns {Array} Returns the new shuffled array.</w:t>
            </w:r>
          </w:p>
          <w:p w:rsidR="00156FB3" w:rsidRDefault="00156FB3" w:rsidP="00156FB3">
            <w:r>
              <w:t xml:space="preserve">     */</w:t>
            </w:r>
          </w:p>
          <w:p w:rsidR="00156FB3" w:rsidRDefault="00156FB3" w:rsidP="00156FB3">
            <w:r>
              <w:t xml:space="preserve">    function baseShuffle(collection) {</w:t>
            </w:r>
          </w:p>
          <w:p w:rsidR="00156FB3" w:rsidRDefault="00156FB3" w:rsidP="00156FB3">
            <w:r>
              <w:t xml:space="preserve">      return shuffleSelf(values(collection));</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slice` without an iteratee call guard.</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slice.</w:t>
            </w:r>
          </w:p>
          <w:p w:rsidR="00156FB3" w:rsidRDefault="00156FB3" w:rsidP="00156FB3">
            <w:r>
              <w:t xml:space="preserve">     * @param {number} [start=0] The start position.</w:t>
            </w:r>
          </w:p>
          <w:p w:rsidR="00156FB3" w:rsidRDefault="00156FB3" w:rsidP="00156FB3">
            <w:r>
              <w:t xml:space="preserve">     * @param {number} [end=array.length] The end position.</w:t>
            </w:r>
          </w:p>
          <w:p w:rsidR="00156FB3" w:rsidRDefault="00156FB3" w:rsidP="00156FB3">
            <w:r>
              <w:t xml:space="preserve">     * @returns {Array} Returns the slice of `array`.</w:t>
            </w:r>
          </w:p>
          <w:p w:rsidR="00156FB3" w:rsidRDefault="00156FB3" w:rsidP="00156FB3">
            <w:r>
              <w:t xml:space="preserve">     */</w:t>
            </w:r>
          </w:p>
          <w:p w:rsidR="00156FB3" w:rsidRDefault="00156FB3" w:rsidP="00156FB3">
            <w:r>
              <w:t xml:space="preserve">    function baseSlice(array, start, end) {</w:t>
            </w:r>
          </w:p>
          <w:p w:rsidR="00156FB3" w:rsidRDefault="00156FB3" w:rsidP="00156FB3">
            <w:r>
              <w:t xml:space="preserve">      var index = -1,</w:t>
            </w:r>
          </w:p>
          <w:p w:rsidR="00156FB3" w:rsidRDefault="00156FB3" w:rsidP="00156FB3">
            <w:r>
              <w:t xml:space="preserve">          length = array.length;</w:t>
            </w:r>
          </w:p>
          <w:p w:rsidR="00156FB3" w:rsidRDefault="00156FB3" w:rsidP="00156FB3"/>
          <w:p w:rsidR="00156FB3" w:rsidRDefault="00156FB3" w:rsidP="00156FB3">
            <w:r>
              <w:t xml:space="preserve">      if (start &lt; 0) {</w:t>
            </w:r>
          </w:p>
          <w:p w:rsidR="00156FB3" w:rsidRDefault="00156FB3" w:rsidP="00156FB3">
            <w:r>
              <w:t xml:space="preserve">        start = -start &gt; length ? 0 : (length + start);</w:t>
            </w:r>
          </w:p>
          <w:p w:rsidR="00156FB3" w:rsidRDefault="00156FB3" w:rsidP="00156FB3">
            <w:r>
              <w:t xml:space="preserve">      }</w:t>
            </w:r>
          </w:p>
          <w:p w:rsidR="00156FB3" w:rsidRDefault="00156FB3" w:rsidP="00156FB3">
            <w:r>
              <w:t xml:space="preserve">      end = end &gt; length ? length : end;</w:t>
            </w:r>
          </w:p>
          <w:p w:rsidR="00156FB3" w:rsidRDefault="00156FB3" w:rsidP="00156FB3">
            <w:r>
              <w:t xml:space="preserve">      if (end &lt; 0) {</w:t>
            </w:r>
          </w:p>
          <w:p w:rsidR="00156FB3" w:rsidRDefault="00156FB3" w:rsidP="00156FB3">
            <w:r>
              <w:t xml:space="preserve">        end += length;</w:t>
            </w:r>
          </w:p>
          <w:p w:rsidR="00156FB3" w:rsidRDefault="00156FB3" w:rsidP="00156FB3">
            <w:r>
              <w:t xml:space="preserve">      }</w:t>
            </w:r>
          </w:p>
          <w:p w:rsidR="00156FB3" w:rsidRDefault="00156FB3" w:rsidP="00156FB3">
            <w:r>
              <w:lastRenderedPageBreak/>
              <w:t xml:space="preserve">      length = start &gt; end ? 0 : ((end - start) &gt;&gt;&gt; 0);</w:t>
            </w:r>
          </w:p>
          <w:p w:rsidR="00156FB3" w:rsidRDefault="00156FB3" w:rsidP="00156FB3">
            <w:r>
              <w:t xml:space="preserve">      start &gt;&gt;&gt;= 0;</w:t>
            </w:r>
          </w:p>
          <w:p w:rsidR="00156FB3" w:rsidRDefault="00156FB3" w:rsidP="00156FB3"/>
          <w:p w:rsidR="00156FB3" w:rsidRDefault="00156FB3" w:rsidP="00156FB3">
            <w:r>
              <w:t xml:space="preserve">      var result = Array(length);</w:t>
            </w:r>
          </w:p>
          <w:p w:rsidR="00156FB3" w:rsidRDefault="00156FB3" w:rsidP="00156FB3">
            <w:r>
              <w:t xml:space="preserve">      while (++index &lt; length) {</w:t>
            </w:r>
          </w:p>
          <w:p w:rsidR="00156FB3" w:rsidRDefault="00156FB3" w:rsidP="00156FB3">
            <w:r>
              <w:t xml:space="preserve">        result[index] = array[index + start];</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some` without support for iteratee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Object} collection The collection to iterate over.</w:t>
            </w:r>
          </w:p>
          <w:p w:rsidR="00156FB3" w:rsidRDefault="00156FB3" w:rsidP="00156FB3">
            <w:r>
              <w:t xml:space="preserve">     * @param {Function} predicate The function invoked per iteration.</w:t>
            </w:r>
          </w:p>
          <w:p w:rsidR="00156FB3" w:rsidRDefault="00156FB3" w:rsidP="00156FB3">
            <w:r>
              <w:t xml:space="preserve">     * @returns {boolean} Returns `true` if any element passes the predicate check,</w:t>
            </w:r>
          </w:p>
          <w:p w:rsidR="00156FB3" w:rsidRDefault="00156FB3" w:rsidP="00156FB3">
            <w:r>
              <w:t xml:space="preserve">     *  else `false`.</w:t>
            </w:r>
          </w:p>
          <w:p w:rsidR="00156FB3" w:rsidRDefault="00156FB3" w:rsidP="00156FB3">
            <w:r>
              <w:t xml:space="preserve">     */</w:t>
            </w:r>
          </w:p>
          <w:p w:rsidR="00156FB3" w:rsidRDefault="00156FB3" w:rsidP="00156FB3">
            <w:r>
              <w:t xml:space="preserve">    function baseSome(collection, predicate) {</w:t>
            </w:r>
          </w:p>
          <w:p w:rsidR="00156FB3" w:rsidRDefault="00156FB3" w:rsidP="00156FB3">
            <w:r>
              <w:t xml:space="preserve">      var result;</w:t>
            </w:r>
          </w:p>
          <w:p w:rsidR="00156FB3" w:rsidRDefault="00156FB3" w:rsidP="00156FB3"/>
          <w:p w:rsidR="00156FB3" w:rsidRDefault="00156FB3" w:rsidP="00156FB3">
            <w:r>
              <w:t xml:space="preserve">      baseEach(collection, function(value, index, collection) {</w:t>
            </w:r>
          </w:p>
          <w:p w:rsidR="00156FB3" w:rsidRDefault="00156FB3" w:rsidP="00156FB3">
            <w:r>
              <w:t xml:space="preserve">        result = predicate(value, index, collection);</w:t>
            </w:r>
          </w:p>
          <w:p w:rsidR="00156FB3" w:rsidRDefault="00156FB3" w:rsidP="00156FB3">
            <w:r>
              <w:t xml:space="preserve">        return !result;</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sortedIndex` and `_.sortedLastIndex` which</w:t>
            </w:r>
          </w:p>
          <w:p w:rsidR="00156FB3" w:rsidRDefault="00156FB3" w:rsidP="00156FB3">
            <w:r>
              <w:t xml:space="preserve">     * performs a binary search of `array` to determine the index at which `value`</w:t>
            </w:r>
          </w:p>
          <w:p w:rsidR="00156FB3" w:rsidRDefault="00156FB3" w:rsidP="00156FB3">
            <w:r>
              <w:t xml:space="preserve">     * should be inserted into `array` in order to maintain its sort order.</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sorted array to inspect.</w:t>
            </w:r>
          </w:p>
          <w:p w:rsidR="00156FB3" w:rsidRDefault="00156FB3" w:rsidP="00156FB3">
            <w:r>
              <w:t xml:space="preserve">     * @param {*} value The value to evaluate.</w:t>
            </w:r>
          </w:p>
          <w:p w:rsidR="00156FB3" w:rsidRDefault="00156FB3" w:rsidP="00156FB3">
            <w:r>
              <w:t xml:space="preserve">     * @param {boolean} [retHighest] Specify returning the highest qualified index.</w:t>
            </w:r>
          </w:p>
          <w:p w:rsidR="00156FB3" w:rsidRDefault="00156FB3" w:rsidP="00156FB3">
            <w:r>
              <w:t xml:space="preserve">     * @returns {number} Returns the index at which `value` should be inserted</w:t>
            </w:r>
          </w:p>
          <w:p w:rsidR="00156FB3" w:rsidRDefault="00156FB3" w:rsidP="00156FB3">
            <w:r>
              <w:t xml:space="preserve">     *  into `array`.</w:t>
            </w:r>
          </w:p>
          <w:p w:rsidR="00156FB3" w:rsidRDefault="00156FB3" w:rsidP="00156FB3">
            <w:r>
              <w:t xml:space="preserve">     */</w:t>
            </w:r>
          </w:p>
          <w:p w:rsidR="00156FB3" w:rsidRDefault="00156FB3" w:rsidP="00156FB3">
            <w:r>
              <w:t xml:space="preserve">    function baseSortedIndex(array, value, retHighest) {</w:t>
            </w:r>
          </w:p>
          <w:p w:rsidR="00156FB3" w:rsidRDefault="00156FB3" w:rsidP="00156FB3">
            <w:r>
              <w:t xml:space="preserve">      var low = 0,</w:t>
            </w:r>
          </w:p>
          <w:p w:rsidR="00156FB3" w:rsidRDefault="00156FB3" w:rsidP="00156FB3">
            <w:r>
              <w:t xml:space="preserve">          high = array == null ? low : array.length;</w:t>
            </w:r>
          </w:p>
          <w:p w:rsidR="00156FB3" w:rsidRDefault="00156FB3" w:rsidP="00156FB3"/>
          <w:p w:rsidR="00156FB3" w:rsidRDefault="00156FB3" w:rsidP="00156FB3">
            <w:r>
              <w:t xml:space="preserve">      if (typeof value == 'number' &amp;&amp; value === value &amp;&amp; high &lt;= HALF_MAX_ARRAY_LENGTH) {</w:t>
            </w:r>
          </w:p>
          <w:p w:rsidR="00156FB3" w:rsidRDefault="00156FB3" w:rsidP="00156FB3">
            <w:r>
              <w:t xml:space="preserve">        while (low &lt; high) {</w:t>
            </w:r>
          </w:p>
          <w:p w:rsidR="00156FB3" w:rsidRDefault="00156FB3" w:rsidP="00156FB3">
            <w:r>
              <w:t xml:space="preserve">          var mid = (low + high) &gt;&gt;&gt; 1,</w:t>
            </w:r>
          </w:p>
          <w:p w:rsidR="00156FB3" w:rsidRDefault="00156FB3" w:rsidP="00156FB3">
            <w:r>
              <w:lastRenderedPageBreak/>
              <w:t xml:space="preserve">              computed = array[mid];</w:t>
            </w:r>
          </w:p>
          <w:p w:rsidR="00156FB3" w:rsidRDefault="00156FB3" w:rsidP="00156FB3"/>
          <w:p w:rsidR="00156FB3" w:rsidRDefault="00156FB3" w:rsidP="00156FB3">
            <w:r>
              <w:t xml:space="preserve">          if (computed !== null &amp;&amp; !isSymbol(computed) &amp;&amp;</w:t>
            </w:r>
          </w:p>
          <w:p w:rsidR="00156FB3" w:rsidRDefault="00156FB3" w:rsidP="00156FB3">
            <w:r>
              <w:t xml:space="preserve">              (retHighest ? (computed &lt;= value) : (computed &lt; value))) {</w:t>
            </w:r>
          </w:p>
          <w:p w:rsidR="00156FB3" w:rsidRDefault="00156FB3" w:rsidP="00156FB3">
            <w:r>
              <w:t xml:space="preserve">            low = mid + 1;</w:t>
            </w:r>
          </w:p>
          <w:p w:rsidR="00156FB3" w:rsidRDefault="00156FB3" w:rsidP="00156FB3">
            <w:r>
              <w:t xml:space="preserve">          } else {</w:t>
            </w:r>
          </w:p>
          <w:p w:rsidR="00156FB3" w:rsidRDefault="00156FB3" w:rsidP="00156FB3">
            <w:r>
              <w:t xml:space="preserve">            high = mid;</w:t>
            </w:r>
          </w:p>
          <w:p w:rsidR="00156FB3" w:rsidRDefault="00156FB3" w:rsidP="00156FB3">
            <w:r>
              <w:t xml:space="preserve">          }</w:t>
            </w:r>
          </w:p>
          <w:p w:rsidR="00156FB3" w:rsidRDefault="00156FB3" w:rsidP="00156FB3">
            <w:r>
              <w:t xml:space="preserve">        }</w:t>
            </w:r>
          </w:p>
          <w:p w:rsidR="00156FB3" w:rsidRDefault="00156FB3" w:rsidP="00156FB3">
            <w:r>
              <w:t xml:space="preserve">        return high;</w:t>
            </w:r>
          </w:p>
          <w:p w:rsidR="00156FB3" w:rsidRDefault="00156FB3" w:rsidP="00156FB3">
            <w:r>
              <w:t xml:space="preserve">      }</w:t>
            </w:r>
          </w:p>
          <w:p w:rsidR="00156FB3" w:rsidRDefault="00156FB3" w:rsidP="00156FB3">
            <w:r>
              <w:t xml:space="preserve">      return baseSortedIndexBy(array, value, identity, retHighes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sortedIndexBy` and `_.sortedLastIndexBy`</w:t>
            </w:r>
          </w:p>
          <w:p w:rsidR="00156FB3" w:rsidRDefault="00156FB3" w:rsidP="00156FB3">
            <w:r>
              <w:t xml:space="preserve">     * which invokes `iteratee` for `value` and each element of `array` to compute</w:t>
            </w:r>
          </w:p>
          <w:p w:rsidR="00156FB3" w:rsidRDefault="00156FB3" w:rsidP="00156FB3">
            <w:r>
              <w:t xml:space="preserve">     * their sort ranking. The iteratee is invoked with one argument; (value).</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sorted array to inspect.</w:t>
            </w:r>
          </w:p>
          <w:p w:rsidR="00156FB3" w:rsidRDefault="00156FB3" w:rsidP="00156FB3">
            <w:r>
              <w:t xml:space="preserve">     * @param {*} value The value to evaluate.</w:t>
            </w:r>
          </w:p>
          <w:p w:rsidR="00156FB3" w:rsidRDefault="00156FB3" w:rsidP="00156FB3">
            <w:r>
              <w:t xml:space="preserve">     * @param {Function} iteratee The iteratee invoked per element.</w:t>
            </w:r>
          </w:p>
          <w:p w:rsidR="00156FB3" w:rsidRDefault="00156FB3" w:rsidP="00156FB3">
            <w:r>
              <w:t xml:space="preserve">     * @param {boolean} [retHighest] Specify returning the highest qualified index.</w:t>
            </w:r>
          </w:p>
          <w:p w:rsidR="00156FB3" w:rsidRDefault="00156FB3" w:rsidP="00156FB3">
            <w:r>
              <w:t xml:space="preserve">     * @returns {number} Returns the index at which `value` should be inserted</w:t>
            </w:r>
          </w:p>
          <w:p w:rsidR="00156FB3" w:rsidRDefault="00156FB3" w:rsidP="00156FB3">
            <w:r>
              <w:t xml:space="preserve">     *  into `array`.</w:t>
            </w:r>
          </w:p>
          <w:p w:rsidR="00156FB3" w:rsidRDefault="00156FB3" w:rsidP="00156FB3">
            <w:r>
              <w:t xml:space="preserve">     */</w:t>
            </w:r>
          </w:p>
          <w:p w:rsidR="00156FB3" w:rsidRDefault="00156FB3" w:rsidP="00156FB3">
            <w:r>
              <w:t xml:space="preserve">    function baseSortedIndexBy(array, value, iteratee, retHighest) {</w:t>
            </w:r>
          </w:p>
          <w:p w:rsidR="00156FB3" w:rsidRDefault="00156FB3" w:rsidP="00156FB3">
            <w:r>
              <w:t xml:space="preserve">      value = iteratee(value);</w:t>
            </w:r>
          </w:p>
          <w:p w:rsidR="00156FB3" w:rsidRDefault="00156FB3" w:rsidP="00156FB3"/>
          <w:p w:rsidR="00156FB3" w:rsidRDefault="00156FB3" w:rsidP="00156FB3">
            <w:r>
              <w:t xml:space="preserve">      var low = 0,</w:t>
            </w:r>
          </w:p>
          <w:p w:rsidR="00156FB3" w:rsidRDefault="00156FB3" w:rsidP="00156FB3">
            <w:r>
              <w:t xml:space="preserve">          high = array == null ? 0 : array.length,</w:t>
            </w:r>
          </w:p>
          <w:p w:rsidR="00156FB3" w:rsidRDefault="00156FB3" w:rsidP="00156FB3">
            <w:r>
              <w:t xml:space="preserve">          valIsNaN = value !== value,</w:t>
            </w:r>
          </w:p>
          <w:p w:rsidR="00156FB3" w:rsidRDefault="00156FB3" w:rsidP="00156FB3">
            <w:r>
              <w:t xml:space="preserve">          valIsNull = value === null,</w:t>
            </w:r>
          </w:p>
          <w:p w:rsidR="00156FB3" w:rsidRDefault="00156FB3" w:rsidP="00156FB3">
            <w:r>
              <w:t xml:space="preserve">          valIsSymbol = isSymbol(value),</w:t>
            </w:r>
          </w:p>
          <w:p w:rsidR="00156FB3" w:rsidRDefault="00156FB3" w:rsidP="00156FB3">
            <w:r>
              <w:t xml:space="preserve">          valIsUndefined = value === undefined;</w:t>
            </w:r>
          </w:p>
          <w:p w:rsidR="00156FB3" w:rsidRDefault="00156FB3" w:rsidP="00156FB3"/>
          <w:p w:rsidR="00156FB3" w:rsidRDefault="00156FB3" w:rsidP="00156FB3">
            <w:r>
              <w:t xml:space="preserve">      while (low &lt; high) {</w:t>
            </w:r>
          </w:p>
          <w:p w:rsidR="00156FB3" w:rsidRDefault="00156FB3" w:rsidP="00156FB3">
            <w:r>
              <w:t xml:space="preserve">        var mid = nativeFloor((low + high) / 2),</w:t>
            </w:r>
          </w:p>
          <w:p w:rsidR="00156FB3" w:rsidRDefault="00156FB3" w:rsidP="00156FB3">
            <w:r>
              <w:t xml:space="preserve">            computed = iteratee(array[mid]),</w:t>
            </w:r>
          </w:p>
          <w:p w:rsidR="00156FB3" w:rsidRDefault="00156FB3" w:rsidP="00156FB3">
            <w:r>
              <w:t xml:space="preserve">            othIsDefined = computed !== undefined,</w:t>
            </w:r>
          </w:p>
          <w:p w:rsidR="00156FB3" w:rsidRDefault="00156FB3" w:rsidP="00156FB3">
            <w:r>
              <w:t xml:space="preserve">            othIsNull = computed === null,</w:t>
            </w:r>
          </w:p>
          <w:p w:rsidR="00156FB3" w:rsidRDefault="00156FB3" w:rsidP="00156FB3">
            <w:r>
              <w:t xml:space="preserve">            othIsReflexive = computed === computed,</w:t>
            </w:r>
          </w:p>
          <w:p w:rsidR="00156FB3" w:rsidRDefault="00156FB3" w:rsidP="00156FB3">
            <w:r>
              <w:t xml:space="preserve">            othIsSymbol = isSymbol(computed);</w:t>
            </w:r>
          </w:p>
          <w:p w:rsidR="00156FB3" w:rsidRDefault="00156FB3" w:rsidP="00156FB3"/>
          <w:p w:rsidR="00156FB3" w:rsidRDefault="00156FB3" w:rsidP="00156FB3">
            <w:r>
              <w:t xml:space="preserve">        if (valIsNaN) {</w:t>
            </w:r>
          </w:p>
          <w:p w:rsidR="00156FB3" w:rsidRDefault="00156FB3" w:rsidP="00156FB3">
            <w:r>
              <w:t xml:space="preserve">          var setLow = retHighest || othIsReflexive;</w:t>
            </w:r>
          </w:p>
          <w:p w:rsidR="00156FB3" w:rsidRDefault="00156FB3" w:rsidP="00156FB3">
            <w:r>
              <w:t xml:space="preserve">        } else if (valIsUndefined) {</w:t>
            </w:r>
          </w:p>
          <w:p w:rsidR="00156FB3" w:rsidRDefault="00156FB3" w:rsidP="00156FB3">
            <w:r>
              <w:lastRenderedPageBreak/>
              <w:t xml:space="preserve">          setLow = othIsReflexive &amp;&amp; (retHighest || othIsDefined);</w:t>
            </w:r>
          </w:p>
          <w:p w:rsidR="00156FB3" w:rsidRDefault="00156FB3" w:rsidP="00156FB3">
            <w:r>
              <w:t xml:space="preserve">        } else if (valIsNull) {</w:t>
            </w:r>
          </w:p>
          <w:p w:rsidR="00156FB3" w:rsidRDefault="00156FB3" w:rsidP="00156FB3">
            <w:r>
              <w:t xml:space="preserve">          setLow = othIsReflexive &amp;&amp; othIsDefined &amp;&amp; (retHighest || !othIsNull);</w:t>
            </w:r>
          </w:p>
          <w:p w:rsidR="00156FB3" w:rsidRDefault="00156FB3" w:rsidP="00156FB3">
            <w:r>
              <w:t xml:space="preserve">        } else if (valIsSymbol) {</w:t>
            </w:r>
          </w:p>
          <w:p w:rsidR="00156FB3" w:rsidRDefault="00156FB3" w:rsidP="00156FB3">
            <w:r>
              <w:t xml:space="preserve">          setLow = othIsReflexive &amp;&amp; othIsDefined &amp;&amp; !othIsNull &amp;&amp; (retHighest || !othIsSymbol);</w:t>
            </w:r>
          </w:p>
          <w:p w:rsidR="00156FB3" w:rsidRDefault="00156FB3" w:rsidP="00156FB3">
            <w:r>
              <w:t xml:space="preserve">        } else if (othIsNull || othIsSymbol) {</w:t>
            </w:r>
          </w:p>
          <w:p w:rsidR="00156FB3" w:rsidRDefault="00156FB3" w:rsidP="00156FB3">
            <w:r>
              <w:t xml:space="preserve">          setLow = false;</w:t>
            </w:r>
          </w:p>
          <w:p w:rsidR="00156FB3" w:rsidRDefault="00156FB3" w:rsidP="00156FB3">
            <w:r>
              <w:t xml:space="preserve">        } else {</w:t>
            </w:r>
          </w:p>
          <w:p w:rsidR="00156FB3" w:rsidRDefault="00156FB3" w:rsidP="00156FB3">
            <w:r>
              <w:t xml:space="preserve">          setLow = retHighest ? (computed &lt;= value) : (computed &lt; value);</w:t>
            </w:r>
          </w:p>
          <w:p w:rsidR="00156FB3" w:rsidRDefault="00156FB3" w:rsidP="00156FB3">
            <w:r>
              <w:t xml:space="preserve">        }</w:t>
            </w:r>
          </w:p>
          <w:p w:rsidR="00156FB3" w:rsidRDefault="00156FB3" w:rsidP="00156FB3">
            <w:r>
              <w:t xml:space="preserve">        if (setLow) {</w:t>
            </w:r>
          </w:p>
          <w:p w:rsidR="00156FB3" w:rsidRDefault="00156FB3" w:rsidP="00156FB3">
            <w:r>
              <w:t xml:space="preserve">          low = mid + 1;</w:t>
            </w:r>
          </w:p>
          <w:p w:rsidR="00156FB3" w:rsidRDefault="00156FB3" w:rsidP="00156FB3">
            <w:r>
              <w:t xml:space="preserve">        } else {</w:t>
            </w:r>
          </w:p>
          <w:p w:rsidR="00156FB3" w:rsidRDefault="00156FB3" w:rsidP="00156FB3">
            <w:r>
              <w:t xml:space="preserve">          high = mid;</w:t>
            </w:r>
          </w:p>
          <w:p w:rsidR="00156FB3" w:rsidRDefault="00156FB3" w:rsidP="00156FB3">
            <w:r>
              <w:t xml:space="preserve">        }</w:t>
            </w:r>
          </w:p>
          <w:p w:rsidR="00156FB3" w:rsidRDefault="00156FB3" w:rsidP="00156FB3">
            <w:r>
              <w:t xml:space="preserve">      }</w:t>
            </w:r>
          </w:p>
          <w:p w:rsidR="00156FB3" w:rsidRDefault="00156FB3" w:rsidP="00156FB3">
            <w:r>
              <w:t xml:space="preserve">      return nativeMin(high, MAX_ARRAY_INDEX);</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sortedUniq` and `_.sortedUniqBy` without</w:t>
            </w:r>
          </w:p>
          <w:p w:rsidR="00156FB3" w:rsidRDefault="00156FB3" w:rsidP="00156FB3">
            <w:r>
              <w:t xml:space="preserve">     * support for iteratee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nspect.</w:t>
            </w:r>
          </w:p>
          <w:p w:rsidR="00156FB3" w:rsidRDefault="00156FB3" w:rsidP="00156FB3">
            <w:r>
              <w:t xml:space="preserve">     * @param {Function} [iteratee] The iteratee invoked per element.</w:t>
            </w:r>
          </w:p>
          <w:p w:rsidR="00156FB3" w:rsidRDefault="00156FB3" w:rsidP="00156FB3">
            <w:r>
              <w:t xml:space="preserve">     * @returns {Array} Returns the new duplicate free array.</w:t>
            </w:r>
          </w:p>
          <w:p w:rsidR="00156FB3" w:rsidRDefault="00156FB3" w:rsidP="00156FB3">
            <w:r>
              <w:t xml:space="preserve">     */</w:t>
            </w:r>
          </w:p>
          <w:p w:rsidR="00156FB3" w:rsidRDefault="00156FB3" w:rsidP="00156FB3">
            <w:r>
              <w:t xml:space="preserve">    function baseSortedUniq(array, iteratee) {</w:t>
            </w:r>
          </w:p>
          <w:p w:rsidR="00156FB3" w:rsidRDefault="00156FB3" w:rsidP="00156FB3">
            <w:r>
              <w:t xml:space="preserve">      var index = -1,</w:t>
            </w:r>
          </w:p>
          <w:p w:rsidR="00156FB3" w:rsidRDefault="00156FB3" w:rsidP="00156FB3">
            <w:r>
              <w:t xml:space="preserve">          length = array.length,</w:t>
            </w:r>
          </w:p>
          <w:p w:rsidR="00156FB3" w:rsidRDefault="00156FB3" w:rsidP="00156FB3">
            <w:r>
              <w:t xml:space="preserve">          resIndex = 0,</w:t>
            </w:r>
          </w:p>
          <w:p w:rsidR="00156FB3" w:rsidRDefault="00156FB3" w:rsidP="00156FB3">
            <w:r>
              <w:t xml:space="preserve">          result = [];</w:t>
            </w:r>
          </w:p>
          <w:p w:rsidR="00156FB3" w:rsidRDefault="00156FB3" w:rsidP="00156FB3"/>
          <w:p w:rsidR="00156FB3" w:rsidRDefault="00156FB3" w:rsidP="00156FB3">
            <w:r>
              <w:t xml:space="preserve">      while (++index &lt; length) {</w:t>
            </w:r>
          </w:p>
          <w:p w:rsidR="00156FB3" w:rsidRDefault="00156FB3" w:rsidP="00156FB3">
            <w:r>
              <w:t xml:space="preserve">        var value = array[index],</w:t>
            </w:r>
          </w:p>
          <w:p w:rsidR="00156FB3" w:rsidRDefault="00156FB3" w:rsidP="00156FB3">
            <w:r>
              <w:t xml:space="preserve">            computed = iteratee ? iteratee(value) : value;</w:t>
            </w:r>
          </w:p>
          <w:p w:rsidR="00156FB3" w:rsidRDefault="00156FB3" w:rsidP="00156FB3"/>
          <w:p w:rsidR="00156FB3" w:rsidRDefault="00156FB3" w:rsidP="00156FB3">
            <w:r>
              <w:t xml:space="preserve">        if (!index || !eq(computed, seen)) {</w:t>
            </w:r>
          </w:p>
          <w:p w:rsidR="00156FB3" w:rsidRDefault="00156FB3" w:rsidP="00156FB3">
            <w:r>
              <w:t xml:space="preserve">          var seen = computed;</w:t>
            </w:r>
          </w:p>
          <w:p w:rsidR="00156FB3" w:rsidRDefault="00156FB3" w:rsidP="00156FB3">
            <w:r>
              <w:t xml:space="preserve">          result[resIndex++] = value === 0 ? 0 : value;</w:t>
            </w:r>
          </w:p>
          <w:p w:rsidR="00156FB3" w:rsidRDefault="00156FB3" w:rsidP="00156FB3">
            <w:r>
              <w:t xml:space="preserve">        }</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toNumber` which doesn't ensure correct</w:t>
            </w:r>
          </w:p>
          <w:p w:rsidR="00156FB3" w:rsidRDefault="00156FB3" w:rsidP="00156FB3">
            <w:r>
              <w:lastRenderedPageBreak/>
              <w:t xml:space="preserve">     * conversions of binary, hexadecimal, or octal string values.</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process.</w:t>
            </w:r>
          </w:p>
          <w:p w:rsidR="00156FB3" w:rsidRDefault="00156FB3" w:rsidP="00156FB3">
            <w:r>
              <w:t xml:space="preserve">     * @returns {number} Returns the number.</w:t>
            </w:r>
          </w:p>
          <w:p w:rsidR="00156FB3" w:rsidRDefault="00156FB3" w:rsidP="00156FB3">
            <w:r>
              <w:t xml:space="preserve">     */</w:t>
            </w:r>
          </w:p>
          <w:p w:rsidR="00156FB3" w:rsidRDefault="00156FB3" w:rsidP="00156FB3">
            <w:r>
              <w:t xml:space="preserve">    function baseToNumber(value) {</w:t>
            </w:r>
          </w:p>
          <w:p w:rsidR="00156FB3" w:rsidRDefault="00156FB3" w:rsidP="00156FB3">
            <w:r>
              <w:t xml:space="preserve">      if (typeof value == 'number') {</w:t>
            </w:r>
          </w:p>
          <w:p w:rsidR="00156FB3" w:rsidRDefault="00156FB3" w:rsidP="00156FB3">
            <w:r>
              <w:t xml:space="preserve">        return value;</w:t>
            </w:r>
          </w:p>
          <w:p w:rsidR="00156FB3" w:rsidRDefault="00156FB3" w:rsidP="00156FB3">
            <w:r>
              <w:t xml:space="preserve">      }</w:t>
            </w:r>
          </w:p>
          <w:p w:rsidR="00156FB3" w:rsidRDefault="00156FB3" w:rsidP="00156FB3">
            <w:r>
              <w:t xml:space="preserve">      if (isSymbol(value)) {</w:t>
            </w:r>
          </w:p>
          <w:p w:rsidR="00156FB3" w:rsidRDefault="00156FB3" w:rsidP="00156FB3">
            <w:r>
              <w:t xml:space="preserve">        return NAN;</w:t>
            </w:r>
          </w:p>
          <w:p w:rsidR="00156FB3" w:rsidRDefault="00156FB3" w:rsidP="00156FB3">
            <w:r>
              <w:t xml:space="preserve">      }</w:t>
            </w:r>
          </w:p>
          <w:p w:rsidR="00156FB3" w:rsidRDefault="00156FB3" w:rsidP="00156FB3">
            <w:r>
              <w:t xml:space="preserve">      return +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toString` which doesn't convert nullish</w:t>
            </w:r>
          </w:p>
          <w:p w:rsidR="00156FB3" w:rsidRDefault="00156FB3" w:rsidP="00156FB3">
            <w:r>
              <w:t xml:space="preserve">     * values to empty strings.</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process.</w:t>
            </w:r>
          </w:p>
          <w:p w:rsidR="00156FB3" w:rsidRDefault="00156FB3" w:rsidP="00156FB3">
            <w:r>
              <w:t xml:space="preserve">     * @returns {string} Returns the string.</w:t>
            </w:r>
          </w:p>
          <w:p w:rsidR="00156FB3" w:rsidRDefault="00156FB3" w:rsidP="00156FB3">
            <w:r>
              <w:t xml:space="preserve">     */</w:t>
            </w:r>
          </w:p>
          <w:p w:rsidR="00156FB3" w:rsidRDefault="00156FB3" w:rsidP="00156FB3">
            <w:r>
              <w:t xml:space="preserve">    function baseToString(value) {</w:t>
            </w:r>
          </w:p>
          <w:p w:rsidR="00156FB3" w:rsidRDefault="00156FB3" w:rsidP="00156FB3">
            <w:r>
              <w:t xml:space="preserve">      // Exit early for strings to avoid a performance hit in some environments.</w:t>
            </w:r>
          </w:p>
          <w:p w:rsidR="00156FB3" w:rsidRDefault="00156FB3" w:rsidP="00156FB3">
            <w:r>
              <w:t xml:space="preserve">      if (typeof value == 'string') {</w:t>
            </w:r>
          </w:p>
          <w:p w:rsidR="00156FB3" w:rsidRDefault="00156FB3" w:rsidP="00156FB3">
            <w:r>
              <w:t xml:space="preserve">        return value;</w:t>
            </w:r>
          </w:p>
          <w:p w:rsidR="00156FB3" w:rsidRDefault="00156FB3" w:rsidP="00156FB3">
            <w:r>
              <w:t xml:space="preserve">      }</w:t>
            </w:r>
          </w:p>
          <w:p w:rsidR="00156FB3" w:rsidRDefault="00156FB3" w:rsidP="00156FB3">
            <w:r>
              <w:t xml:space="preserve">      if (isArray(value)) {</w:t>
            </w:r>
          </w:p>
          <w:p w:rsidR="00156FB3" w:rsidRDefault="00156FB3" w:rsidP="00156FB3">
            <w:r>
              <w:t xml:space="preserve">        // Recursively convert values (susceptible to call stack limits).</w:t>
            </w:r>
          </w:p>
          <w:p w:rsidR="00156FB3" w:rsidRDefault="00156FB3" w:rsidP="00156FB3">
            <w:r>
              <w:t xml:space="preserve">        return arrayMap(value, baseToString) + '';</w:t>
            </w:r>
          </w:p>
          <w:p w:rsidR="00156FB3" w:rsidRDefault="00156FB3" w:rsidP="00156FB3">
            <w:r>
              <w:t xml:space="preserve">      }</w:t>
            </w:r>
          </w:p>
          <w:p w:rsidR="00156FB3" w:rsidRDefault="00156FB3" w:rsidP="00156FB3">
            <w:r>
              <w:t xml:space="preserve">      if (isSymbol(value)) {</w:t>
            </w:r>
          </w:p>
          <w:p w:rsidR="00156FB3" w:rsidRDefault="00156FB3" w:rsidP="00156FB3">
            <w:r>
              <w:t xml:space="preserve">        return symbolToString ? symbolToString.call(value) : '';</w:t>
            </w:r>
          </w:p>
          <w:p w:rsidR="00156FB3" w:rsidRDefault="00156FB3" w:rsidP="00156FB3">
            <w:r>
              <w:t xml:space="preserve">      }</w:t>
            </w:r>
          </w:p>
          <w:p w:rsidR="00156FB3" w:rsidRDefault="00156FB3" w:rsidP="00156FB3">
            <w:r>
              <w:t xml:space="preserve">      var result = (value + '');</w:t>
            </w:r>
          </w:p>
          <w:p w:rsidR="00156FB3" w:rsidRDefault="00156FB3" w:rsidP="00156FB3">
            <w:r>
              <w:t xml:space="preserve">      return (result == '0' &amp;&amp; (1 / value) == -INFINITY) ? '-0' :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uniqBy` without support for iteratee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nspect.</w:t>
            </w:r>
          </w:p>
          <w:p w:rsidR="00156FB3" w:rsidRDefault="00156FB3" w:rsidP="00156FB3">
            <w:r>
              <w:t xml:space="preserve">     * @param {Function} [iteratee] The iteratee invoked per element.</w:t>
            </w:r>
          </w:p>
          <w:p w:rsidR="00156FB3" w:rsidRDefault="00156FB3" w:rsidP="00156FB3">
            <w:r>
              <w:t xml:space="preserve">     * @param {Function} [comparator] The comparator invoked per element.</w:t>
            </w:r>
          </w:p>
          <w:p w:rsidR="00156FB3" w:rsidRDefault="00156FB3" w:rsidP="00156FB3">
            <w:r>
              <w:t xml:space="preserve">     * @returns {Array} Returns the new duplicate free array.</w:t>
            </w:r>
          </w:p>
          <w:p w:rsidR="00156FB3" w:rsidRDefault="00156FB3" w:rsidP="00156FB3">
            <w:r>
              <w:lastRenderedPageBreak/>
              <w:t xml:space="preserve">     */</w:t>
            </w:r>
          </w:p>
          <w:p w:rsidR="00156FB3" w:rsidRDefault="00156FB3" w:rsidP="00156FB3">
            <w:r>
              <w:t xml:space="preserve">    function baseUniq(array, iteratee, comparator) {</w:t>
            </w:r>
          </w:p>
          <w:p w:rsidR="00156FB3" w:rsidRDefault="00156FB3" w:rsidP="00156FB3">
            <w:r>
              <w:t xml:space="preserve">      var index = -1,</w:t>
            </w:r>
          </w:p>
          <w:p w:rsidR="00156FB3" w:rsidRDefault="00156FB3" w:rsidP="00156FB3">
            <w:r>
              <w:t xml:space="preserve">          includes = arrayIncludes,</w:t>
            </w:r>
          </w:p>
          <w:p w:rsidR="00156FB3" w:rsidRDefault="00156FB3" w:rsidP="00156FB3">
            <w:r>
              <w:t xml:space="preserve">          length = array.length,</w:t>
            </w:r>
          </w:p>
          <w:p w:rsidR="00156FB3" w:rsidRDefault="00156FB3" w:rsidP="00156FB3">
            <w:r>
              <w:t xml:space="preserve">          isCommon = true,</w:t>
            </w:r>
          </w:p>
          <w:p w:rsidR="00156FB3" w:rsidRDefault="00156FB3" w:rsidP="00156FB3">
            <w:r>
              <w:t xml:space="preserve">          result = [],</w:t>
            </w:r>
          </w:p>
          <w:p w:rsidR="00156FB3" w:rsidRDefault="00156FB3" w:rsidP="00156FB3">
            <w:r>
              <w:t xml:space="preserve">          seen = result;</w:t>
            </w:r>
          </w:p>
          <w:p w:rsidR="00156FB3" w:rsidRDefault="00156FB3" w:rsidP="00156FB3"/>
          <w:p w:rsidR="00156FB3" w:rsidRDefault="00156FB3" w:rsidP="00156FB3">
            <w:r>
              <w:t xml:space="preserve">      if (comparator) {</w:t>
            </w:r>
          </w:p>
          <w:p w:rsidR="00156FB3" w:rsidRDefault="00156FB3" w:rsidP="00156FB3">
            <w:r>
              <w:t xml:space="preserve">        isCommon = false;</w:t>
            </w:r>
          </w:p>
          <w:p w:rsidR="00156FB3" w:rsidRDefault="00156FB3" w:rsidP="00156FB3">
            <w:r>
              <w:t xml:space="preserve">        includes = arrayIncludesWith;</w:t>
            </w:r>
          </w:p>
          <w:p w:rsidR="00156FB3" w:rsidRDefault="00156FB3" w:rsidP="00156FB3">
            <w:r>
              <w:t xml:space="preserve">      }</w:t>
            </w:r>
          </w:p>
          <w:p w:rsidR="00156FB3" w:rsidRDefault="00156FB3" w:rsidP="00156FB3">
            <w:r>
              <w:t xml:space="preserve">      else if (length &gt;= LARGE_ARRAY_SIZE) {</w:t>
            </w:r>
          </w:p>
          <w:p w:rsidR="00156FB3" w:rsidRDefault="00156FB3" w:rsidP="00156FB3">
            <w:r>
              <w:t xml:space="preserve">        var set = iteratee ? null : createSet(array);</w:t>
            </w:r>
          </w:p>
          <w:p w:rsidR="00156FB3" w:rsidRDefault="00156FB3" w:rsidP="00156FB3">
            <w:r>
              <w:t xml:space="preserve">        if (set) {</w:t>
            </w:r>
          </w:p>
          <w:p w:rsidR="00156FB3" w:rsidRDefault="00156FB3" w:rsidP="00156FB3">
            <w:r>
              <w:t xml:space="preserve">          return setToArray(set);</w:t>
            </w:r>
          </w:p>
          <w:p w:rsidR="00156FB3" w:rsidRDefault="00156FB3" w:rsidP="00156FB3">
            <w:r>
              <w:t xml:space="preserve">        }</w:t>
            </w:r>
          </w:p>
          <w:p w:rsidR="00156FB3" w:rsidRDefault="00156FB3" w:rsidP="00156FB3">
            <w:r>
              <w:t xml:space="preserve">        isCommon = false;</w:t>
            </w:r>
          </w:p>
          <w:p w:rsidR="00156FB3" w:rsidRDefault="00156FB3" w:rsidP="00156FB3">
            <w:r>
              <w:t xml:space="preserve">        includes = cacheHas;</w:t>
            </w:r>
          </w:p>
          <w:p w:rsidR="00156FB3" w:rsidRDefault="00156FB3" w:rsidP="00156FB3">
            <w:r>
              <w:t xml:space="preserve">        seen = new SetCache;</w:t>
            </w:r>
          </w:p>
          <w:p w:rsidR="00156FB3" w:rsidRDefault="00156FB3" w:rsidP="00156FB3">
            <w:r>
              <w:t xml:space="preserve">      }</w:t>
            </w:r>
          </w:p>
          <w:p w:rsidR="00156FB3" w:rsidRDefault="00156FB3" w:rsidP="00156FB3">
            <w:r>
              <w:t xml:space="preserve">      else {</w:t>
            </w:r>
          </w:p>
          <w:p w:rsidR="00156FB3" w:rsidRDefault="00156FB3" w:rsidP="00156FB3">
            <w:r>
              <w:t xml:space="preserve">        seen = iteratee ? [] : result;</w:t>
            </w:r>
          </w:p>
          <w:p w:rsidR="00156FB3" w:rsidRDefault="00156FB3" w:rsidP="00156FB3">
            <w:r>
              <w:t xml:space="preserve">      }</w:t>
            </w:r>
          </w:p>
          <w:p w:rsidR="00156FB3" w:rsidRDefault="00156FB3" w:rsidP="00156FB3">
            <w:r>
              <w:t xml:space="preserve">      outer:</w:t>
            </w:r>
          </w:p>
          <w:p w:rsidR="00156FB3" w:rsidRDefault="00156FB3" w:rsidP="00156FB3">
            <w:r>
              <w:t xml:space="preserve">      while (++index &lt; length) {</w:t>
            </w:r>
          </w:p>
          <w:p w:rsidR="00156FB3" w:rsidRDefault="00156FB3" w:rsidP="00156FB3">
            <w:r>
              <w:t xml:space="preserve">        var value = array[index],</w:t>
            </w:r>
          </w:p>
          <w:p w:rsidR="00156FB3" w:rsidRDefault="00156FB3" w:rsidP="00156FB3">
            <w:r>
              <w:t xml:space="preserve">            computed = iteratee ? iteratee(value) : value;</w:t>
            </w:r>
          </w:p>
          <w:p w:rsidR="00156FB3" w:rsidRDefault="00156FB3" w:rsidP="00156FB3"/>
          <w:p w:rsidR="00156FB3" w:rsidRDefault="00156FB3" w:rsidP="00156FB3">
            <w:r>
              <w:t xml:space="preserve">        value = (comparator || value !== 0) ? value : 0;</w:t>
            </w:r>
          </w:p>
          <w:p w:rsidR="00156FB3" w:rsidRDefault="00156FB3" w:rsidP="00156FB3">
            <w:r>
              <w:t xml:space="preserve">        if (isCommon &amp;&amp; computed === computed) {</w:t>
            </w:r>
          </w:p>
          <w:p w:rsidR="00156FB3" w:rsidRDefault="00156FB3" w:rsidP="00156FB3">
            <w:r>
              <w:t xml:space="preserve">          var seenIndex = seen.length;</w:t>
            </w:r>
          </w:p>
          <w:p w:rsidR="00156FB3" w:rsidRDefault="00156FB3" w:rsidP="00156FB3">
            <w:r>
              <w:t xml:space="preserve">          while (seenIndex--) {</w:t>
            </w:r>
          </w:p>
          <w:p w:rsidR="00156FB3" w:rsidRDefault="00156FB3" w:rsidP="00156FB3">
            <w:r>
              <w:t xml:space="preserve">            if (seen[seenIndex] === computed) {</w:t>
            </w:r>
          </w:p>
          <w:p w:rsidR="00156FB3" w:rsidRDefault="00156FB3" w:rsidP="00156FB3">
            <w:r>
              <w:t xml:space="preserve">              continue outer;</w:t>
            </w:r>
          </w:p>
          <w:p w:rsidR="00156FB3" w:rsidRDefault="00156FB3" w:rsidP="00156FB3">
            <w:r>
              <w:t xml:space="preserve">            }</w:t>
            </w:r>
          </w:p>
          <w:p w:rsidR="00156FB3" w:rsidRDefault="00156FB3" w:rsidP="00156FB3">
            <w:r>
              <w:t xml:space="preserve">          }</w:t>
            </w:r>
          </w:p>
          <w:p w:rsidR="00156FB3" w:rsidRDefault="00156FB3" w:rsidP="00156FB3">
            <w:r>
              <w:t xml:space="preserve">          if (iteratee) {</w:t>
            </w:r>
          </w:p>
          <w:p w:rsidR="00156FB3" w:rsidRDefault="00156FB3" w:rsidP="00156FB3">
            <w:r>
              <w:t xml:space="preserve">            seen.push(computed);</w:t>
            </w:r>
          </w:p>
          <w:p w:rsidR="00156FB3" w:rsidRDefault="00156FB3" w:rsidP="00156FB3">
            <w:r>
              <w:t xml:space="preserve">          }</w:t>
            </w:r>
          </w:p>
          <w:p w:rsidR="00156FB3" w:rsidRDefault="00156FB3" w:rsidP="00156FB3">
            <w:r>
              <w:t xml:space="preserve">          result.push(value);</w:t>
            </w:r>
          </w:p>
          <w:p w:rsidR="00156FB3" w:rsidRDefault="00156FB3" w:rsidP="00156FB3">
            <w:r>
              <w:t xml:space="preserve">        }</w:t>
            </w:r>
          </w:p>
          <w:p w:rsidR="00156FB3" w:rsidRDefault="00156FB3" w:rsidP="00156FB3">
            <w:r>
              <w:t xml:space="preserve">        else if (!includes(seen, computed, comparator)) {</w:t>
            </w:r>
          </w:p>
          <w:p w:rsidR="00156FB3" w:rsidRDefault="00156FB3" w:rsidP="00156FB3">
            <w:r>
              <w:t xml:space="preserve">          if (seen !== result) {</w:t>
            </w:r>
          </w:p>
          <w:p w:rsidR="00156FB3" w:rsidRDefault="00156FB3" w:rsidP="00156FB3">
            <w:r>
              <w:t xml:space="preserve">            seen.push(computed);</w:t>
            </w:r>
          </w:p>
          <w:p w:rsidR="00156FB3" w:rsidRDefault="00156FB3" w:rsidP="00156FB3">
            <w:r>
              <w:t xml:space="preserve">          }</w:t>
            </w:r>
          </w:p>
          <w:p w:rsidR="00156FB3" w:rsidRDefault="00156FB3" w:rsidP="00156FB3">
            <w:r>
              <w:t xml:space="preserve">          result.push(value);</w:t>
            </w:r>
          </w:p>
          <w:p w:rsidR="00156FB3" w:rsidRDefault="00156FB3" w:rsidP="00156FB3">
            <w:r>
              <w:lastRenderedPageBreak/>
              <w:t xml:space="preserve">        }</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unset`.</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modify.</w:t>
            </w:r>
          </w:p>
          <w:p w:rsidR="00156FB3" w:rsidRDefault="00156FB3" w:rsidP="00156FB3">
            <w:r>
              <w:t xml:space="preserve">     * @param {Array|string} path The property path to unset.</w:t>
            </w:r>
          </w:p>
          <w:p w:rsidR="00156FB3" w:rsidRDefault="00156FB3" w:rsidP="00156FB3">
            <w:r>
              <w:t xml:space="preserve">     * @returns {boolean} Returns `true` if the property is deleted, else `false`.</w:t>
            </w:r>
          </w:p>
          <w:p w:rsidR="00156FB3" w:rsidRDefault="00156FB3" w:rsidP="00156FB3">
            <w:r>
              <w:t xml:space="preserve">     */</w:t>
            </w:r>
          </w:p>
          <w:p w:rsidR="00156FB3" w:rsidRDefault="00156FB3" w:rsidP="00156FB3">
            <w:r>
              <w:t xml:space="preserve">    function baseUnset(object, path) {</w:t>
            </w:r>
          </w:p>
          <w:p w:rsidR="00156FB3" w:rsidRDefault="00156FB3" w:rsidP="00156FB3">
            <w:r>
              <w:t xml:space="preserve">      path = castPath(path, object);</w:t>
            </w:r>
          </w:p>
          <w:p w:rsidR="00156FB3" w:rsidRDefault="00156FB3" w:rsidP="00156FB3">
            <w:r>
              <w:t xml:space="preserve">      object = parent(object, path);</w:t>
            </w:r>
          </w:p>
          <w:p w:rsidR="00156FB3" w:rsidRDefault="00156FB3" w:rsidP="00156FB3">
            <w:r>
              <w:t xml:space="preserve">      return object == null || delete object[toKey(last(path))];</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_.update`.</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modify.</w:t>
            </w:r>
          </w:p>
          <w:p w:rsidR="00156FB3" w:rsidRDefault="00156FB3" w:rsidP="00156FB3">
            <w:r>
              <w:t xml:space="preserve">     * @param {Array|string} path The path of the property to update.</w:t>
            </w:r>
          </w:p>
          <w:p w:rsidR="00156FB3" w:rsidRDefault="00156FB3" w:rsidP="00156FB3">
            <w:r>
              <w:t xml:space="preserve">     * @param {Function} updater The function to produce the updated value.</w:t>
            </w:r>
          </w:p>
          <w:p w:rsidR="00156FB3" w:rsidRDefault="00156FB3" w:rsidP="00156FB3">
            <w:r>
              <w:t xml:space="preserve">     * @param {Function} [customizer] The function to customize path creation.</w:t>
            </w:r>
          </w:p>
          <w:p w:rsidR="00156FB3" w:rsidRDefault="00156FB3" w:rsidP="00156FB3">
            <w:r>
              <w:t xml:space="preserve">     * @returns {Object} Returns `object`.</w:t>
            </w:r>
          </w:p>
          <w:p w:rsidR="00156FB3" w:rsidRDefault="00156FB3" w:rsidP="00156FB3">
            <w:r>
              <w:t xml:space="preserve">     */</w:t>
            </w:r>
          </w:p>
          <w:p w:rsidR="00156FB3" w:rsidRDefault="00156FB3" w:rsidP="00156FB3">
            <w:r>
              <w:t xml:space="preserve">    function baseUpdate(object, path, updater, customizer) {</w:t>
            </w:r>
          </w:p>
          <w:p w:rsidR="00156FB3" w:rsidRDefault="00156FB3" w:rsidP="00156FB3">
            <w:r>
              <w:t xml:space="preserve">      return baseSet(object, path, updater(baseGet(object, path)), customiz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methods like `_.dropWhile` and `_.takeWhile`</w:t>
            </w:r>
          </w:p>
          <w:p w:rsidR="00156FB3" w:rsidRDefault="00156FB3" w:rsidP="00156FB3">
            <w:r>
              <w:t xml:space="preserve">     * without support for iteratee shorthand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query.</w:t>
            </w:r>
          </w:p>
          <w:p w:rsidR="00156FB3" w:rsidRDefault="00156FB3" w:rsidP="00156FB3">
            <w:r>
              <w:t xml:space="preserve">     * @param {Function} predicate The function invoked per iteration.</w:t>
            </w:r>
          </w:p>
          <w:p w:rsidR="00156FB3" w:rsidRDefault="00156FB3" w:rsidP="00156FB3">
            <w:r>
              <w:t xml:space="preserve">     * @param {boolean} [isDrop] Specify dropping elements instead of taking them.</w:t>
            </w:r>
          </w:p>
          <w:p w:rsidR="00156FB3" w:rsidRDefault="00156FB3" w:rsidP="00156FB3">
            <w:r>
              <w:t xml:space="preserve">     * @param {boolean} [fromRight] Specify iterating from right to left.</w:t>
            </w:r>
          </w:p>
          <w:p w:rsidR="00156FB3" w:rsidRDefault="00156FB3" w:rsidP="00156FB3">
            <w:r>
              <w:t xml:space="preserve">     * @returns {Array} Returns the slice of `array`.</w:t>
            </w:r>
          </w:p>
          <w:p w:rsidR="00156FB3" w:rsidRDefault="00156FB3" w:rsidP="00156FB3">
            <w:r>
              <w:t xml:space="preserve">     */</w:t>
            </w:r>
          </w:p>
          <w:p w:rsidR="00156FB3" w:rsidRDefault="00156FB3" w:rsidP="00156FB3">
            <w:r>
              <w:t xml:space="preserve">    function baseWhile(array, predicate, isDrop, fromRight) {</w:t>
            </w:r>
          </w:p>
          <w:p w:rsidR="00156FB3" w:rsidRDefault="00156FB3" w:rsidP="00156FB3">
            <w:r>
              <w:t xml:space="preserve">      var length = array.length,</w:t>
            </w:r>
          </w:p>
          <w:p w:rsidR="00156FB3" w:rsidRDefault="00156FB3" w:rsidP="00156FB3">
            <w:r>
              <w:t xml:space="preserve">          index = fromRight ? length : -1;</w:t>
            </w:r>
          </w:p>
          <w:p w:rsidR="00156FB3" w:rsidRDefault="00156FB3" w:rsidP="00156FB3"/>
          <w:p w:rsidR="00156FB3" w:rsidRDefault="00156FB3" w:rsidP="00156FB3">
            <w:r>
              <w:lastRenderedPageBreak/>
              <w:t xml:space="preserve">      while ((fromRight ? index-- : ++index &lt; length) &amp;&amp;</w:t>
            </w:r>
          </w:p>
          <w:p w:rsidR="00156FB3" w:rsidRDefault="00156FB3" w:rsidP="00156FB3">
            <w:r>
              <w:t xml:space="preserve">        predicate(array[index], index, array)) {}</w:t>
            </w:r>
          </w:p>
          <w:p w:rsidR="00156FB3" w:rsidRDefault="00156FB3" w:rsidP="00156FB3"/>
          <w:p w:rsidR="00156FB3" w:rsidRDefault="00156FB3" w:rsidP="00156FB3">
            <w:r>
              <w:t xml:space="preserve">      return isDrop</w:t>
            </w:r>
          </w:p>
          <w:p w:rsidR="00156FB3" w:rsidRDefault="00156FB3" w:rsidP="00156FB3">
            <w:r>
              <w:t xml:space="preserve">        ? baseSlice(array, (fromRight ? 0 : index), (fromRight ? index + 1 : length))</w:t>
            </w:r>
          </w:p>
          <w:p w:rsidR="00156FB3" w:rsidRDefault="00156FB3" w:rsidP="00156FB3">
            <w:r>
              <w:t xml:space="preserve">        : baseSlice(array, (fromRight ? index + 1 : 0), (fromRight ? length : index));</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wrapperValue` which returns the result of</w:t>
            </w:r>
          </w:p>
          <w:p w:rsidR="00156FB3" w:rsidRDefault="00156FB3" w:rsidP="00156FB3">
            <w:r>
              <w:t xml:space="preserve">     * performing a sequence of actions on the unwrapped `value`, where each</w:t>
            </w:r>
          </w:p>
          <w:p w:rsidR="00156FB3" w:rsidRDefault="00156FB3" w:rsidP="00156FB3">
            <w:r>
              <w:t xml:space="preserve">     * successive action is supplied the return value of the previous.</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unwrapped value.</w:t>
            </w:r>
          </w:p>
          <w:p w:rsidR="00156FB3" w:rsidRDefault="00156FB3" w:rsidP="00156FB3">
            <w:r>
              <w:t xml:space="preserve">     * @param {Array} actions Actions to perform to resolve the unwrapped value.</w:t>
            </w:r>
          </w:p>
          <w:p w:rsidR="00156FB3" w:rsidRDefault="00156FB3" w:rsidP="00156FB3">
            <w:r>
              <w:t xml:space="preserve">     * @returns {*} Returns the resolved value.</w:t>
            </w:r>
          </w:p>
          <w:p w:rsidR="00156FB3" w:rsidRDefault="00156FB3" w:rsidP="00156FB3">
            <w:r>
              <w:t xml:space="preserve">     */</w:t>
            </w:r>
          </w:p>
          <w:p w:rsidR="00156FB3" w:rsidRDefault="00156FB3" w:rsidP="00156FB3">
            <w:r>
              <w:t xml:space="preserve">    function baseWrapperValue(value, actions) {</w:t>
            </w:r>
          </w:p>
          <w:p w:rsidR="00156FB3" w:rsidRDefault="00156FB3" w:rsidP="00156FB3">
            <w:r>
              <w:t xml:space="preserve">      var result = value;</w:t>
            </w:r>
          </w:p>
          <w:p w:rsidR="00156FB3" w:rsidRDefault="00156FB3" w:rsidP="00156FB3">
            <w:r>
              <w:t xml:space="preserve">      if (result instanceof LazyWrapper) {</w:t>
            </w:r>
          </w:p>
          <w:p w:rsidR="00156FB3" w:rsidRDefault="00156FB3" w:rsidP="00156FB3">
            <w:r>
              <w:t xml:space="preserve">        result = result.value();</w:t>
            </w:r>
          </w:p>
          <w:p w:rsidR="00156FB3" w:rsidRDefault="00156FB3" w:rsidP="00156FB3">
            <w:r>
              <w:t xml:space="preserve">      }</w:t>
            </w:r>
          </w:p>
          <w:p w:rsidR="00156FB3" w:rsidRDefault="00156FB3" w:rsidP="00156FB3">
            <w:r>
              <w:t xml:space="preserve">      return arrayReduce(actions, function(result, action) {</w:t>
            </w:r>
          </w:p>
          <w:p w:rsidR="00156FB3" w:rsidRDefault="00156FB3" w:rsidP="00156FB3">
            <w:r>
              <w:t xml:space="preserve">        return action.func.apply(action.thisArg, arrayPush([result], action.args));</w:t>
            </w:r>
          </w:p>
          <w:p w:rsidR="00156FB3" w:rsidRDefault="00156FB3" w:rsidP="00156FB3">
            <w:r>
              <w:t xml:space="preserve">      },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base implementation of methods like `_.xor`, without support for</w:t>
            </w:r>
          </w:p>
          <w:p w:rsidR="00156FB3" w:rsidRDefault="00156FB3" w:rsidP="00156FB3">
            <w:r>
              <w:t xml:space="preserve">     * iteratee shorthands, that accepts an array of arrays to inspect.</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s The arrays to inspect.</w:t>
            </w:r>
          </w:p>
          <w:p w:rsidR="00156FB3" w:rsidRDefault="00156FB3" w:rsidP="00156FB3">
            <w:r>
              <w:t xml:space="preserve">     * @param {Function} [iteratee] The iteratee invoked per element.</w:t>
            </w:r>
          </w:p>
          <w:p w:rsidR="00156FB3" w:rsidRDefault="00156FB3" w:rsidP="00156FB3">
            <w:r>
              <w:t xml:space="preserve">     * @param {Function} [comparator] The comparator invoked per element.</w:t>
            </w:r>
          </w:p>
          <w:p w:rsidR="00156FB3" w:rsidRDefault="00156FB3" w:rsidP="00156FB3">
            <w:r>
              <w:t xml:space="preserve">     * @returns {Array} Returns the new array of values.</w:t>
            </w:r>
          </w:p>
          <w:p w:rsidR="00156FB3" w:rsidRDefault="00156FB3" w:rsidP="00156FB3">
            <w:r>
              <w:t xml:space="preserve">     */</w:t>
            </w:r>
          </w:p>
          <w:p w:rsidR="00156FB3" w:rsidRDefault="00156FB3" w:rsidP="00156FB3">
            <w:r>
              <w:t xml:space="preserve">    function baseXor(arrays, iteratee, comparator) {</w:t>
            </w:r>
          </w:p>
          <w:p w:rsidR="00156FB3" w:rsidRDefault="00156FB3" w:rsidP="00156FB3">
            <w:r>
              <w:t xml:space="preserve">      var length = arrays.length;</w:t>
            </w:r>
          </w:p>
          <w:p w:rsidR="00156FB3" w:rsidRDefault="00156FB3" w:rsidP="00156FB3">
            <w:r>
              <w:t xml:space="preserve">      if (length &lt; 2) {</w:t>
            </w:r>
          </w:p>
          <w:p w:rsidR="00156FB3" w:rsidRDefault="00156FB3" w:rsidP="00156FB3">
            <w:r>
              <w:t xml:space="preserve">        return length ? baseUniq(arrays[0]) : [];</w:t>
            </w:r>
          </w:p>
          <w:p w:rsidR="00156FB3" w:rsidRDefault="00156FB3" w:rsidP="00156FB3">
            <w:r>
              <w:t xml:space="preserve">      }</w:t>
            </w:r>
          </w:p>
          <w:p w:rsidR="00156FB3" w:rsidRDefault="00156FB3" w:rsidP="00156FB3">
            <w:r>
              <w:t xml:space="preserve">      var index = -1,</w:t>
            </w:r>
          </w:p>
          <w:p w:rsidR="00156FB3" w:rsidRDefault="00156FB3" w:rsidP="00156FB3">
            <w:r>
              <w:t xml:space="preserve">          result = Array(length);</w:t>
            </w:r>
          </w:p>
          <w:p w:rsidR="00156FB3" w:rsidRDefault="00156FB3" w:rsidP="00156FB3"/>
          <w:p w:rsidR="00156FB3" w:rsidRDefault="00156FB3" w:rsidP="00156FB3">
            <w:r>
              <w:t xml:space="preserve">      while (++index &lt; length) {</w:t>
            </w:r>
          </w:p>
          <w:p w:rsidR="00156FB3" w:rsidRDefault="00156FB3" w:rsidP="00156FB3">
            <w:r>
              <w:t xml:space="preserve">        var array = arrays[index],</w:t>
            </w:r>
          </w:p>
          <w:p w:rsidR="00156FB3" w:rsidRDefault="00156FB3" w:rsidP="00156FB3">
            <w:r>
              <w:lastRenderedPageBreak/>
              <w:t xml:space="preserve">            othIndex = -1;</w:t>
            </w:r>
          </w:p>
          <w:p w:rsidR="00156FB3" w:rsidRDefault="00156FB3" w:rsidP="00156FB3"/>
          <w:p w:rsidR="00156FB3" w:rsidRDefault="00156FB3" w:rsidP="00156FB3">
            <w:r>
              <w:t xml:space="preserve">        while (++othIndex &lt; length) {</w:t>
            </w:r>
          </w:p>
          <w:p w:rsidR="00156FB3" w:rsidRDefault="00156FB3" w:rsidP="00156FB3">
            <w:r>
              <w:t xml:space="preserve">          if (othIndex != index) {</w:t>
            </w:r>
          </w:p>
          <w:p w:rsidR="00156FB3" w:rsidRDefault="00156FB3" w:rsidP="00156FB3">
            <w:r>
              <w:t xml:space="preserve">            result[index] = baseDifference(result[index] || array, arrays[othIndex], iteratee, comparator);</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return baseUniq(baseFlatten(result, 1), iteratee, comparato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base implementation of `_.zipObject` which assigns values using `assignFunc`.</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props The property identifiers.</w:t>
            </w:r>
          </w:p>
          <w:p w:rsidR="00156FB3" w:rsidRDefault="00156FB3" w:rsidP="00156FB3">
            <w:r>
              <w:t xml:space="preserve">     * @param {Array} values The property values.</w:t>
            </w:r>
          </w:p>
          <w:p w:rsidR="00156FB3" w:rsidRDefault="00156FB3" w:rsidP="00156FB3">
            <w:r>
              <w:t xml:space="preserve">     * @param {Function} assignFunc The function to assign values.</w:t>
            </w:r>
          </w:p>
          <w:p w:rsidR="00156FB3" w:rsidRDefault="00156FB3" w:rsidP="00156FB3">
            <w:r>
              <w:t xml:space="preserve">     * @returns {Object} Returns the new object.</w:t>
            </w:r>
          </w:p>
          <w:p w:rsidR="00156FB3" w:rsidRDefault="00156FB3" w:rsidP="00156FB3">
            <w:r>
              <w:t xml:space="preserve">     */</w:t>
            </w:r>
          </w:p>
          <w:p w:rsidR="00156FB3" w:rsidRDefault="00156FB3" w:rsidP="00156FB3">
            <w:r>
              <w:t xml:space="preserve">    function baseZipObject(props, values, assignFunc) {</w:t>
            </w:r>
          </w:p>
          <w:p w:rsidR="00156FB3" w:rsidRDefault="00156FB3" w:rsidP="00156FB3">
            <w:r>
              <w:t xml:space="preserve">      var index = -1,</w:t>
            </w:r>
          </w:p>
          <w:p w:rsidR="00156FB3" w:rsidRDefault="00156FB3" w:rsidP="00156FB3">
            <w:r>
              <w:t xml:space="preserve">          length = props.length,</w:t>
            </w:r>
          </w:p>
          <w:p w:rsidR="00156FB3" w:rsidRDefault="00156FB3" w:rsidP="00156FB3">
            <w:r>
              <w:t xml:space="preserve">          valsLength = values.length,</w:t>
            </w:r>
          </w:p>
          <w:p w:rsidR="00156FB3" w:rsidRDefault="00156FB3" w:rsidP="00156FB3">
            <w:r>
              <w:t xml:space="preserve">          result = {};</w:t>
            </w:r>
          </w:p>
          <w:p w:rsidR="00156FB3" w:rsidRDefault="00156FB3" w:rsidP="00156FB3"/>
          <w:p w:rsidR="00156FB3" w:rsidRDefault="00156FB3" w:rsidP="00156FB3">
            <w:r>
              <w:t xml:space="preserve">      while (++index &lt; length) {</w:t>
            </w:r>
          </w:p>
          <w:p w:rsidR="00156FB3" w:rsidRDefault="00156FB3" w:rsidP="00156FB3">
            <w:r>
              <w:t xml:space="preserve">        var value = index &lt; valsLength ? values[index] : undefined;</w:t>
            </w:r>
          </w:p>
          <w:p w:rsidR="00156FB3" w:rsidRDefault="00156FB3" w:rsidP="00156FB3">
            <w:r>
              <w:t xml:space="preserve">        assignFunc(result, props[index], value);</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asts `value` to an empty array if it's not an array like object.</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inspect.</w:t>
            </w:r>
          </w:p>
          <w:p w:rsidR="00156FB3" w:rsidRDefault="00156FB3" w:rsidP="00156FB3">
            <w:r>
              <w:t xml:space="preserve">     * @returns {Array|Object} Returns the cast array-like object.</w:t>
            </w:r>
          </w:p>
          <w:p w:rsidR="00156FB3" w:rsidRDefault="00156FB3" w:rsidP="00156FB3">
            <w:r>
              <w:t xml:space="preserve">     */</w:t>
            </w:r>
          </w:p>
          <w:p w:rsidR="00156FB3" w:rsidRDefault="00156FB3" w:rsidP="00156FB3">
            <w:r>
              <w:t xml:space="preserve">    function castArrayLikeObject(value) {</w:t>
            </w:r>
          </w:p>
          <w:p w:rsidR="00156FB3" w:rsidRDefault="00156FB3" w:rsidP="00156FB3">
            <w:r>
              <w:t xml:space="preserve">      return isArrayLikeObject(value) ? value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asts `value` to `identity` if it's not a function.</w:t>
            </w:r>
          </w:p>
          <w:p w:rsidR="00156FB3" w:rsidRDefault="00156FB3" w:rsidP="00156FB3">
            <w:r>
              <w:t xml:space="preserve">     *</w:t>
            </w:r>
          </w:p>
          <w:p w:rsidR="00156FB3" w:rsidRDefault="00156FB3" w:rsidP="00156FB3">
            <w:r>
              <w:t xml:space="preserve">     * @private</w:t>
            </w:r>
          </w:p>
          <w:p w:rsidR="00156FB3" w:rsidRDefault="00156FB3" w:rsidP="00156FB3">
            <w:r>
              <w:lastRenderedPageBreak/>
              <w:t xml:space="preserve">     * @param {*} value The value to inspect.</w:t>
            </w:r>
          </w:p>
          <w:p w:rsidR="00156FB3" w:rsidRDefault="00156FB3" w:rsidP="00156FB3">
            <w:r>
              <w:t xml:space="preserve">     * @returns {Function} Returns cast function.</w:t>
            </w:r>
          </w:p>
          <w:p w:rsidR="00156FB3" w:rsidRDefault="00156FB3" w:rsidP="00156FB3">
            <w:r>
              <w:t xml:space="preserve">     */</w:t>
            </w:r>
          </w:p>
          <w:p w:rsidR="00156FB3" w:rsidRDefault="00156FB3" w:rsidP="00156FB3">
            <w:r>
              <w:t xml:space="preserve">    function castFunction(value) {</w:t>
            </w:r>
          </w:p>
          <w:p w:rsidR="00156FB3" w:rsidRDefault="00156FB3" w:rsidP="00156FB3">
            <w:r>
              <w:t xml:space="preserve">      return typeof value == 'function' ? value : identit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asts `value` to a path array if it's not one.</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inspect.</w:t>
            </w:r>
          </w:p>
          <w:p w:rsidR="00156FB3" w:rsidRDefault="00156FB3" w:rsidP="00156FB3">
            <w:r>
              <w:t xml:space="preserve">     * @param {Object} [object] The object to query keys on.</w:t>
            </w:r>
          </w:p>
          <w:p w:rsidR="00156FB3" w:rsidRDefault="00156FB3" w:rsidP="00156FB3">
            <w:r>
              <w:t xml:space="preserve">     * @returns {Array} Returns the cast property path array.</w:t>
            </w:r>
          </w:p>
          <w:p w:rsidR="00156FB3" w:rsidRDefault="00156FB3" w:rsidP="00156FB3">
            <w:r>
              <w:t xml:space="preserve">     */</w:t>
            </w:r>
          </w:p>
          <w:p w:rsidR="00156FB3" w:rsidRDefault="00156FB3" w:rsidP="00156FB3">
            <w:r>
              <w:t xml:space="preserve">    function castPath(value, object) {</w:t>
            </w:r>
          </w:p>
          <w:p w:rsidR="00156FB3" w:rsidRDefault="00156FB3" w:rsidP="00156FB3">
            <w:r>
              <w:t xml:space="preserve">      if (isArray(value)) {</w:t>
            </w:r>
          </w:p>
          <w:p w:rsidR="00156FB3" w:rsidRDefault="00156FB3" w:rsidP="00156FB3">
            <w:r>
              <w:t xml:space="preserve">        return value;</w:t>
            </w:r>
          </w:p>
          <w:p w:rsidR="00156FB3" w:rsidRDefault="00156FB3" w:rsidP="00156FB3">
            <w:r>
              <w:t xml:space="preserve">      }</w:t>
            </w:r>
          </w:p>
          <w:p w:rsidR="00156FB3" w:rsidRDefault="00156FB3" w:rsidP="00156FB3">
            <w:r>
              <w:t xml:space="preserve">      return isKey(value, object) ? [value] : stringToPath(toString(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baseRest` alias which can be replaced with `identity` by module</w:t>
            </w:r>
          </w:p>
          <w:p w:rsidR="00156FB3" w:rsidRDefault="00156FB3" w:rsidP="00156FB3">
            <w:r>
              <w:t xml:space="preserve">     * replacement plugins.</w:t>
            </w:r>
          </w:p>
          <w:p w:rsidR="00156FB3" w:rsidRDefault="00156FB3" w:rsidP="00156FB3">
            <w:r>
              <w:t xml:space="preserve">     *</w:t>
            </w:r>
          </w:p>
          <w:p w:rsidR="00156FB3" w:rsidRDefault="00156FB3" w:rsidP="00156FB3">
            <w:r>
              <w:t xml:space="preserve">     * @private</w:t>
            </w:r>
          </w:p>
          <w:p w:rsidR="00156FB3" w:rsidRDefault="00156FB3" w:rsidP="00156FB3">
            <w:r>
              <w:t xml:space="preserve">     * @type {Function}</w:t>
            </w:r>
          </w:p>
          <w:p w:rsidR="00156FB3" w:rsidRDefault="00156FB3" w:rsidP="00156FB3">
            <w:r>
              <w:t xml:space="preserve">     * @param {Function} func The function to apply a rest parameter to.</w:t>
            </w:r>
          </w:p>
          <w:p w:rsidR="00156FB3" w:rsidRDefault="00156FB3" w:rsidP="00156FB3">
            <w:r>
              <w:t xml:space="preserve">     * @returns {Function} Returns the new function.</w:t>
            </w:r>
          </w:p>
          <w:p w:rsidR="00156FB3" w:rsidRDefault="00156FB3" w:rsidP="00156FB3">
            <w:r>
              <w:t xml:space="preserve">     */</w:t>
            </w:r>
          </w:p>
          <w:p w:rsidR="00156FB3" w:rsidRDefault="00156FB3" w:rsidP="00156FB3">
            <w:r>
              <w:t xml:space="preserve">    var castRest = baseRest;</w:t>
            </w:r>
          </w:p>
          <w:p w:rsidR="00156FB3" w:rsidRDefault="00156FB3" w:rsidP="00156FB3"/>
          <w:p w:rsidR="00156FB3" w:rsidRDefault="00156FB3" w:rsidP="00156FB3">
            <w:r>
              <w:t xml:space="preserve">    /**</w:t>
            </w:r>
          </w:p>
          <w:p w:rsidR="00156FB3" w:rsidRDefault="00156FB3" w:rsidP="00156FB3">
            <w:r>
              <w:t xml:space="preserve">     * Casts `array` to a slice if it's needed.</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inspect.</w:t>
            </w:r>
          </w:p>
          <w:p w:rsidR="00156FB3" w:rsidRDefault="00156FB3" w:rsidP="00156FB3">
            <w:r>
              <w:t xml:space="preserve">     * @param {number} start The start position.</w:t>
            </w:r>
          </w:p>
          <w:p w:rsidR="00156FB3" w:rsidRDefault="00156FB3" w:rsidP="00156FB3">
            <w:r>
              <w:t xml:space="preserve">     * @param {number} [end=array.length] The end position.</w:t>
            </w:r>
          </w:p>
          <w:p w:rsidR="00156FB3" w:rsidRDefault="00156FB3" w:rsidP="00156FB3">
            <w:r>
              <w:t xml:space="preserve">     * @returns {Array} Returns the cast slice.</w:t>
            </w:r>
          </w:p>
          <w:p w:rsidR="00156FB3" w:rsidRDefault="00156FB3" w:rsidP="00156FB3">
            <w:r>
              <w:t xml:space="preserve">     */</w:t>
            </w:r>
          </w:p>
          <w:p w:rsidR="00156FB3" w:rsidRDefault="00156FB3" w:rsidP="00156FB3">
            <w:r>
              <w:t xml:space="preserve">    function castSlice(array, start, end) {</w:t>
            </w:r>
          </w:p>
          <w:p w:rsidR="00156FB3" w:rsidRDefault="00156FB3" w:rsidP="00156FB3">
            <w:r>
              <w:t xml:space="preserve">      var length = array.length;</w:t>
            </w:r>
          </w:p>
          <w:p w:rsidR="00156FB3" w:rsidRDefault="00156FB3" w:rsidP="00156FB3">
            <w:r>
              <w:t xml:space="preserve">      end = end === undefined ? length : end;</w:t>
            </w:r>
          </w:p>
          <w:p w:rsidR="00156FB3" w:rsidRDefault="00156FB3" w:rsidP="00156FB3">
            <w:r>
              <w:t xml:space="preserve">      return (!start &amp;&amp; end &gt;= length) ? array : baseSlice(array, start, end);</w:t>
            </w:r>
          </w:p>
          <w:p w:rsidR="00156FB3" w:rsidRDefault="00156FB3" w:rsidP="00156FB3">
            <w:r>
              <w:t xml:space="preserve">    }</w:t>
            </w:r>
          </w:p>
          <w:p w:rsidR="00156FB3" w:rsidRDefault="00156FB3" w:rsidP="00156FB3"/>
          <w:p w:rsidR="00156FB3" w:rsidRDefault="00156FB3" w:rsidP="00156FB3">
            <w:r>
              <w:lastRenderedPageBreak/>
              <w:t xml:space="preserve">    /**</w:t>
            </w:r>
          </w:p>
          <w:p w:rsidR="00156FB3" w:rsidRDefault="00156FB3" w:rsidP="00156FB3">
            <w:r>
              <w:t xml:space="preserve">     * A simple wrapper around the global [`clearTimeout`](https://mdn.io/clearTimeout).</w:t>
            </w:r>
          </w:p>
          <w:p w:rsidR="00156FB3" w:rsidRDefault="00156FB3" w:rsidP="00156FB3">
            <w:r>
              <w:t xml:space="preserve">     *</w:t>
            </w:r>
          </w:p>
          <w:p w:rsidR="00156FB3" w:rsidRDefault="00156FB3" w:rsidP="00156FB3">
            <w:r>
              <w:t xml:space="preserve">     * @private</w:t>
            </w:r>
          </w:p>
          <w:p w:rsidR="00156FB3" w:rsidRDefault="00156FB3" w:rsidP="00156FB3">
            <w:r>
              <w:t xml:space="preserve">     * @param {number|Object} id The timer id or timeout object of the timer to clear.</w:t>
            </w:r>
          </w:p>
          <w:p w:rsidR="00156FB3" w:rsidRDefault="00156FB3" w:rsidP="00156FB3">
            <w:r>
              <w:t xml:space="preserve">     */</w:t>
            </w:r>
          </w:p>
          <w:p w:rsidR="00156FB3" w:rsidRDefault="00156FB3" w:rsidP="00156FB3">
            <w:r>
              <w:t xml:space="preserve">    var clearTimeout = ctxClearTimeout || function(id) {</w:t>
            </w:r>
          </w:p>
          <w:p w:rsidR="00156FB3" w:rsidRDefault="00156FB3" w:rsidP="00156FB3">
            <w:r>
              <w:t xml:space="preserve">      return root.clearTimeout(i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clone of  `buffer`.</w:t>
            </w:r>
          </w:p>
          <w:p w:rsidR="00156FB3" w:rsidRDefault="00156FB3" w:rsidP="00156FB3">
            <w:r>
              <w:t xml:space="preserve">     *</w:t>
            </w:r>
          </w:p>
          <w:p w:rsidR="00156FB3" w:rsidRDefault="00156FB3" w:rsidP="00156FB3">
            <w:r>
              <w:t xml:space="preserve">     * @private</w:t>
            </w:r>
          </w:p>
          <w:p w:rsidR="00156FB3" w:rsidRDefault="00156FB3" w:rsidP="00156FB3">
            <w:r>
              <w:t xml:space="preserve">     * @param {Buffer} buffer The buffer to clone.</w:t>
            </w:r>
          </w:p>
          <w:p w:rsidR="00156FB3" w:rsidRDefault="00156FB3" w:rsidP="00156FB3">
            <w:r>
              <w:t xml:space="preserve">     * @param {boolean} [isDeep] Specify a deep clone.</w:t>
            </w:r>
          </w:p>
          <w:p w:rsidR="00156FB3" w:rsidRDefault="00156FB3" w:rsidP="00156FB3">
            <w:r>
              <w:t xml:space="preserve">     * @returns {Buffer} Returns the cloned buffer.</w:t>
            </w:r>
          </w:p>
          <w:p w:rsidR="00156FB3" w:rsidRDefault="00156FB3" w:rsidP="00156FB3">
            <w:r>
              <w:t xml:space="preserve">     */</w:t>
            </w:r>
          </w:p>
          <w:p w:rsidR="00156FB3" w:rsidRDefault="00156FB3" w:rsidP="00156FB3">
            <w:r>
              <w:t xml:space="preserve">    function cloneBuffer(buffer, isDeep) {</w:t>
            </w:r>
          </w:p>
          <w:p w:rsidR="00156FB3" w:rsidRDefault="00156FB3" w:rsidP="00156FB3">
            <w:r>
              <w:t xml:space="preserve">      if (isDeep) {</w:t>
            </w:r>
          </w:p>
          <w:p w:rsidR="00156FB3" w:rsidRDefault="00156FB3" w:rsidP="00156FB3">
            <w:r>
              <w:t xml:space="preserve">        return buffer.slice();</w:t>
            </w:r>
          </w:p>
          <w:p w:rsidR="00156FB3" w:rsidRDefault="00156FB3" w:rsidP="00156FB3">
            <w:r>
              <w:t xml:space="preserve">      }</w:t>
            </w:r>
          </w:p>
          <w:p w:rsidR="00156FB3" w:rsidRDefault="00156FB3" w:rsidP="00156FB3">
            <w:r>
              <w:t xml:space="preserve">      var length = buffer.length,</w:t>
            </w:r>
          </w:p>
          <w:p w:rsidR="00156FB3" w:rsidRDefault="00156FB3" w:rsidP="00156FB3">
            <w:r>
              <w:t xml:space="preserve">          result = allocUnsafe ? allocUnsafe(length) : new buffer.constructor(length);</w:t>
            </w:r>
          </w:p>
          <w:p w:rsidR="00156FB3" w:rsidRDefault="00156FB3" w:rsidP="00156FB3"/>
          <w:p w:rsidR="00156FB3" w:rsidRDefault="00156FB3" w:rsidP="00156FB3">
            <w:r>
              <w:t xml:space="preserve">      buffer.copy(result);</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clone of `arrayBuffer`.</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Buffer} arrayBuffer The array buffer to clone.</w:t>
            </w:r>
          </w:p>
          <w:p w:rsidR="00156FB3" w:rsidRDefault="00156FB3" w:rsidP="00156FB3">
            <w:r>
              <w:t xml:space="preserve">     * @returns {ArrayBuffer} Returns the cloned array buffer.</w:t>
            </w:r>
          </w:p>
          <w:p w:rsidR="00156FB3" w:rsidRDefault="00156FB3" w:rsidP="00156FB3">
            <w:r>
              <w:t xml:space="preserve">     */</w:t>
            </w:r>
          </w:p>
          <w:p w:rsidR="00156FB3" w:rsidRDefault="00156FB3" w:rsidP="00156FB3">
            <w:r>
              <w:t xml:space="preserve">    function cloneArrayBuffer(arrayBuffer) {</w:t>
            </w:r>
          </w:p>
          <w:p w:rsidR="00156FB3" w:rsidRDefault="00156FB3" w:rsidP="00156FB3">
            <w:r>
              <w:t xml:space="preserve">      var result = new arrayBuffer.constructor(arrayBuffer.byteLength);</w:t>
            </w:r>
          </w:p>
          <w:p w:rsidR="00156FB3" w:rsidRDefault="00156FB3" w:rsidP="00156FB3">
            <w:r>
              <w:t xml:space="preserve">      new Uint8Array(result).set(new Uint8Array(arrayBuffer));</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clone of `dataView`.</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dataView The data view to clone.</w:t>
            </w:r>
          </w:p>
          <w:p w:rsidR="00156FB3" w:rsidRDefault="00156FB3" w:rsidP="00156FB3">
            <w:r>
              <w:t xml:space="preserve">     * @param {boolean} [isDeep] Specify a deep clone.</w:t>
            </w:r>
          </w:p>
          <w:p w:rsidR="00156FB3" w:rsidRDefault="00156FB3" w:rsidP="00156FB3">
            <w:r>
              <w:lastRenderedPageBreak/>
              <w:t xml:space="preserve">     * @returns {Object} Returns the cloned data view.</w:t>
            </w:r>
          </w:p>
          <w:p w:rsidR="00156FB3" w:rsidRDefault="00156FB3" w:rsidP="00156FB3">
            <w:r>
              <w:t xml:space="preserve">     */</w:t>
            </w:r>
          </w:p>
          <w:p w:rsidR="00156FB3" w:rsidRDefault="00156FB3" w:rsidP="00156FB3">
            <w:r>
              <w:t xml:space="preserve">    function cloneDataView(dataView, isDeep) {</w:t>
            </w:r>
          </w:p>
          <w:p w:rsidR="00156FB3" w:rsidRDefault="00156FB3" w:rsidP="00156FB3">
            <w:r>
              <w:t xml:space="preserve">      var buffer = isDeep ? cloneArrayBuffer(dataView.buffer) : dataView.buffer;</w:t>
            </w:r>
          </w:p>
          <w:p w:rsidR="00156FB3" w:rsidRDefault="00156FB3" w:rsidP="00156FB3">
            <w:r>
              <w:t xml:space="preserve">      return new dataView.constructor(buffer, dataView.byteOffset, dataView.byteLength);</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clone of `regexp`.</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regexp The regexp to clone.</w:t>
            </w:r>
          </w:p>
          <w:p w:rsidR="00156FB3" w:rsidRDefault="00156FB3" w:rsidP="00156FB3">
            <w:r>
              <w:t xml:space="preserve">     * @returns {Object} Returns the cloned regexp.</w:t>
            </w:r>
          </w:p>
          <w:p w:rsidR="00156FB3" w:rsidRDefault="00156FB3" w:rsidP="00156FB3">
            <w:r>
              <w:t xml:space="preserve">     */</w:t>
            </w:r>
          </w:p>
          <w:p w:rsidR="00156FB3" w:rsidRDefault="00156FB3" w:rsidP="00156FB3">
            <w:r>
              <w:t xml:space="preserve">    function cloneRegExp(regexp) {</w:t>
            </w:r>
          </w:p>
          <w:p w:rsidR="00156FB3" w:rsidRDefault="00156FB3" w:rsidP="00156FB3">
            <w:r>
              <w:t xml:space="preserve">      var result = new regexp.constructor(regexp.source, reFlags.exec(regexp));</w:t>
            </w:r>
          </w:p>
          <w:p w:rsidR="00156FB3" w:rsidRDefault="00156FB3" w:rsidP="00156FB3">
            <w:r>
              <w:t xml:space="preserve">      result.lastIndex = regexp.lastIndex;</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clone of the `symbol` object.</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symbol The symbol object to clone.</w:t>
            </w:r>
          </w:p>
          <w:p w:rsidR="00156FB3" w:rsidRDefault="00156FB3" w:rsidP="00156FB3">
            <w:r>
              <w:t xml:space="preserve">     * @returns {Object} Returns the cloned symbol object.</w:t>
            </w:r>
          </w:p>
          <w:p w:rsidR="00156FB3" w:rsidRDefault="00156FB3" w:rsidP="00156FB3">
            <w:r>
              <w:t xml:space="preserve">     */</w:t>
            </w:r>
          </w:p>
          <w:p w:rsidR="00156FB3" w:rsidRDefault="00156FB3" w:rsidP="00156FB3">
            <w:r>
              <w:t xml:space="preserve">    function cloneSymbol(symbol) {</w:t>
            </w:r>
          </w:p>
          <w:p w:rsidR="00156FB3" w:rsidRDefault="00156FB3" w:rsidP="00156FB3">
            <w:r>
              <w:t xml:space="preserve">      return symbolValueOf ? Object(symbolValueOf.call(symbol))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clone of `typedArray`.</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typedArray The typed array to clone.</w:t>
            </w:r>
          </w:p>
          <w:p w:rsidR="00156FB3" w:rsidRDefault="00156FB3" w:rsidP="00156FB3">
            <w:r>
              <w:t xml:space="preserve">     * @param {boolean} [isDeep] Specify a deep clone.</w:t>
            </w:r>
          </w:p>
          <w:p w:rsidR="00156FB3" w:rsidRDefault="00156FB3" w:rsidP="00156FB3">
            <w:r>
              <w:t xml:space="preserve">     * @returns {Object} Returns the cloned typed array.</w:t>
            </w:r>
          </w:p>
          <w:p w:rsidR="00156FB3" w:rsidRDefault="00156FB3" w:rsidP="00156FB3">
            <w:r>
              <w:t xml:space="preserve">     */</w:t>
            </w:r>
          </w:p>
          <w:p w:rsidR="00156FB3" w:rsidRDefault="00156FB3" w:rsidP="00156FB3">
            <w:r>
              <w:t xml:space="preserve">    function cloneTypedArray(typedArray, isDeep) {</w:t>
            </w:r>
          </w:p>
          <w:p w:rsidR="00156FB3" w:rsidRDefault="00156FB3" w:rsidP="00156FB3">
            <w:r>
              <w:t xml:space="preserve">      var buffer = isDeep ? cloneArrayBuffer(typedArray.buffer) : typedArray.buffer;</w:t>
            </w:r>
          </w:p>
          <w:p w:rsidR="00156FB3" w:rsidRDefault="00156FB3" w:rsidP="00156FB3">
            <w:r>
              <w:t xml:space="preserve">      return new typedArray.constructor(buffer, typedArray.byteOffset, typedArray.length);</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mpares values to sort them in ascending order.</w:t>
            </w:r>
          </w:p>
          <w:p w:rsidR="00156FB3" w:rsidRDefault="00156FB3" w:rsidP="00156FB3">
            <w:r>
              <w:t xml:space="preserve">     *</w:t>
            </w:r>
          </w:p>
          <w:p w:rsidR="00156FB3" w:rsidRDefault="00156FB3" w:rsidP="00156FB3">
            <w:r>
              <w:t xml:space="preserve">     * @private</w:t>
            </w:r>
          </w:p>
          <w:p w:rsidR="00156FB3" w:rsidRDefault="00156FB3" w:rsidP="00156FB3">
            <w:r>
              <w:lastRenderedPageBreak/>
              <w:t xml:space="preserve">     * @param {*} value The value to compare.</w:t>
            </w:r>
          </w:p>
          <w:p w:rsidR="00156FB3" w:rsidRDefault="00156FB3" w:rsidP="00156FB3">
            <w:r>
              <w:t xml:space="preserve">     * @param {*} other The other value to compare.</w:t>
            </w:r>
          </w:p>
          <w:p w:rsidR="00156FB3" w:rsidRDefault="00156FB3" w:rsidP="00156FB3">
            <w:r>
              <w:t xml:space="preserve">     * @returns {number} Returns the sort order indicator for `value`.</w:t>
            </w:r>
          </w:p>
          <w:p w:rsidR="00156FB3" w:rsidRDefault="00156FB3" w:rsidP="00156FB3">
            <w:r>
              <w:t xml:space="preserve">     */</w:t>
            </w:r>
          </w:p>
          <w:p w:rsidR="00156FB3" w:rsidRDefault="00156FB3" w:rsidP="00156FB3">
            <w:r>
              <w:t xml:space="preserve">    function compareAscending(value, other) {</w:t>
            </w:r>
          </w:p>
          <w:p w:rsidR="00156FB3" w:rsidRDefault="00156FB3" w:rsidP="00156FB3">
            <w:r>
              <w:t xml:space="preserve">      if (value !== other) {</w:t>
            </w:r>
          </w:p>
          <w:p w:rsidR="00156FB3" w:rsidRDefault="00156FB3" w:rsidP="00156FB3">
            <w:r>
              <w:t xml:space="preserve">        var valIsDefined = value !== undefined,</w:t>
            </w:r>
          </w:p>
          <w:p w:rsidR="00156FB3" w:rsidRDefault="00156FB3" w:rsidP="00156FB3">
            <w:r>
              <w:t xml:space="preserve">            valIsNull = value === null,</w:t>
            </w:r>
          </w:p>
          <w:p w:rsidR="00156FB3" w:rsidRDefault="00156FB3" w:rsidP="00156FB3">
            <w:r>
              <w:t xml:space="preserve">            valIsReflexive = value === value,</w:t>
            </w:r>
          </w:p>
          <w:p w:rsidR="00156FB3" w:rsidRDefault="00156FB3" w:rsidP="00156FB3">
            <w:r>
              <w:t xml:space="preserve">            valIsSymbol = isSymbol(value);</w:t>
            </w:r>
          </w:p>
          <w:p w:rsidR="00156FB3" w:rsidRDefault="00156FB3" w:rsidP="00156FB3"/>
          <w:p w:rsidR="00156FB3" w:rsidRDefault="00156FB3" w:rsidP="00156FB3">
            <w:r>
              <w:t xml:space="preserve">        var othIsDefined = other !== undefined,</w:t>
            </w:r>
          </w:p>
          <w:p w:rsidR="00156FB3" w:rsidRDefault="00156FB3" w:rsidP="00156FB3">
            <w:r>
              <w:t xml:space="preserve">            othIsNull = other === null,</w:t>
            </w:r>
          </w:p>
          <w:p w:rsidR="00156FB3" w:rsidRDefault="00156FB3" w:rsidP="00156FB3">
            <w:r>
              <w:t xml:space="preserve">            othIsReflexive = other === other,</w:t>
            </w:r>
          </w:p>
          <w:p w:rsidR="00156FB3" w:rsidRDefault="00156FB3" w:rsidP="00156FB3">
            <w:r>
              <w:t xml:space="preserve">            othIsSymbol = isSymbol(other);</w:t>
            </w:r>
          </w:p>
          <w:p w:rsidR="00156FB3" w:rsidRDefault="00156FB3" w:rsidP="00156FB3"/>
          <w:p w:rsidR="00156FB3" w:rsidRDefault="00156FB3" w:rsidP="00156FB3">
            <w:r>
              <w:t xml:space="preserve">        if ((!othIsNull &amp;&amp; !othIsSymbol &amp;&amp; !valIsSymbol &amp;&amp; value &gt; other) ||</w:t>
            </w:r>
          </w:p>
          <w:p w:rsidR="00156FB3" w:rsidRDefault="00156FB3" w:rsidP="00156FB3">
            <w:r>
              <w:t xml:space="preserve">            (valIsSymbol &amp;&amp; othIsDefined &amp;&amp; othIsReflexive &amp;&amp; !othIsNull &amp;&amp; !othIsSymbol) ||</w:t>
            </w:r>
          </w:p>
          <w:p w:rsidR="00156FB3" w:rsidRDefault="00156FB3" w:rsidP="00156FB3">
            <w:r>
              <w:t xml:space="preserve">            (valIsNull &amp;&amp; othIsDefined &amp;&amp; othIsReflexive) ||</w:t>
            </w:r>
          </w:p>
          <w:p w:rsidR="00156FB3" w:rsidRDefault="00156FB3" w:rsidP="00156FB3">
            <w:r>
              <w:t xml:space="preserve">            (!valIsDefined &amp;&amp; othIsReflexive) ||</w:t>
            </w:r>
          </w:p>
          <w:p w:rsidR="00156FB3" w:rsidRDefault="00156FB3" w:rsidP="00156FB3">
            <w:r>
              <w:t xml:space="preserve">            !valIsReflexive) {</w:t>
            </w:r>
          </w:p>
          <w:p w:rsidR="00156FB3" w:rsidRDefault="00156FB3" w:rsidP="00156FB3">
            <w:r>
              <w:t xml:space="preserve">          return 1;</w:t>
            </w:r>
          </w:p>
          <w:p w:rsidR="00156FB3" w:rsidRDefault="00156FB3" w:rsidP="00156FB3">
            <w:r>
              <w:t xml:space="preserve">        }</w:t>
            </w:r>
          </w:p>
          <w:p w:rsidR="00156FB3" w:rsidRDefault="00156FB3" w:rsidP="00156FB3">
            <w:r>
              <w:t xml:space="preserve">        if ((!valIsNull &amp;&amp; !valIsSymbol &amp;&amp; !othIsSymbol &amp;&amp; value &lt; other) ||</w:t>
            </w:r>
          </w:p>
          <w:p w:rsidR="00156FB3" w:rsidRDefault="00156FB3" w:rsidP="00156FB3">
            <w:r>
              <w:t xml:space="preserve">            (othIsSymbol &amp;&amp; valIsDefined &amp;&amp; valIsReflexive &amp;&amp; !valIsNull &amp;&amp; !valIsSymbol) ||</w:t>
            </w:r>
          </w:p>
          <w:p w:rsidR="00156FB3" w:rsidRDefault="00156FB3" w:rsidP="00156FB3">
            <w:r>
              <w:t xml:space="preserve">            (othIsNull &amp;&amp; valIsDefined &amp;&amp; valIsReflexive) ||</w:t>
            </w:r>
          </w:p>
          <w:p w:rsidR="00156FB3" w:rsidRDefault="00156FB3" w:rsidP="00156FB3">
            <w:r>
              <w:t xml:space="preserve">            (!othIsDefined &amp;&amp; valIsReflexive) ||</w:t>
            </w:r>
          </w:p>
          <w:p w:rsidR="00156FB3" w:rsidRDefault="00156FB3" w:rsidP="00156FB3">
            <w:r>
              <w:t xml:space="preserve">            !othIsReflexive) {</w:t>
            </w:r>
          </w:p>
          <w:p w:rsidR="00156FB3" w:rsidRDefault="00156FB3" w:rsidP="00156FB3">
            <w:r>
              <w:t xml:space="preserve">          return -1;</w:t>
            </w:r>
          </w:p>
          <w:p w:rsidR="00156FB3" w:rsidRDefault="00156FB3" w:rsidP="00156FB3">
            <w:r>
              <w:t xml:space="preserve">        }</w:t>
            </w:r>
          </w:p>
          <w:p w:rsidR="00156FB3" w:rsidRDefault="00156FB3" w:rsidP="00156FB3">
            <w:r>
              <w:t xml:space="preserve">      }</w:t>
            </w:r>
          </w:p>
          <w:p w:rsidR="00156FB3" w:rsidRDefault="00156FB3" w:rsidP="00156FB3">
            <w:r>
              <w:t xml:space="preserve">      return 0;</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Used by `_.orderBy` to compare multiple properties of a value to another</w:t>
            </w:r>
          </w:p>
          <w:p w:rsidR="00156FB3" w:rsidRDefault="00156FB3" w:rsidP="00156FB3">
            <w:r>
              <w:t xml:space="preserve">     * and stable sort them.</w:t>
            </w:r>
          </w:p>
          <w:p w:rsidR="00156FB3" w:rsidRDefault="00156FB3" w:rsidP="00156FB3">
            <w:r>
              <w:t xml:space="preserve">     *</w:t>
            </w:r>
          </w:p>
          <w:p w:rsidR="00156FB3" w:rsidRDefault="00156FB3" w:rsidP="00156FB3">
            <w:r>
              <w:t xml:space="preserve">     * If `orders` is unspecified, all values are sorted in ascending order. Otherwise,</w:t>
            </w:r>
          </w:p>
          <w:p w:rsidR="00156FB3" w:rsidRDefault="00156FB3" w:rsidP="00156FB3">
            <w:r>
              <w:t xml:space="preserve">     * specify an order of "desc" for descending or "asc" for ascending sort order</w:t>
            </w:r>
          </w:p>
          <w:p w:rsidR="00156FB3" w:rsidRDefault="00156FB3" w:rsidP="00156FB3">
            <w:r>
              <w:t xml:space="preserve">     * of corresponding value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compare.</w:t>
            </w:r>
          </w:p>
          <w:p w:rsidR="00156FB3" w:rsidRDefault="00156FB3" w:rsidP="00156FB3">
            <w:r>
              <w:t xml:space="preserve">     * @param {Object} other The other object to compare.</w:t>
            </w:r>
          </w:p>
          <w:p w:rsidR="00156FB3" w:rsidRDefault="00156FB3" w:rsidP="00156FB3">
            <w:r>
              <w:t xml:space="preserve">     * @param {boolean[]|string[]} orders The order to sort by for each property.</w:t>
            </w:r>
          </w:p>
          <w:p w:rsidR="00156FB3" w:rsidRDefault="00156FB3" w:rsidP="00156FB3">
            <w:r>
              <w:t xml:space="preserve">     * @returns {number} Returns the sort order indicator for `object`.</w:t>
            </w:r>
          </w:p>
          <w:p w:rsidR="00156FB3" w:rsidRDefault="00156FB3" w:rsidP="00156FB3">
            <w:r>
              <w:t xml:space="preserve">     */</w:t>
            </w:r>
          </w:p>
          <w:p w:rsidR="00156FB3" w:rsidRDefault="00156FB3" w:rsidP="00156FB3">
            <w:r>
              <w:lastRenderedPageBreak/>
              <w:t xml:space="preserve">    function compareMultiple(object, other, orders) {</w:t>
            </w:r>
          </w:p>
          <w:p w:rsidR="00156FB3" w:rsidRDefault="00156FB3" w:rsidP="00156FB3">
            <w:r>
              <w:t xml:space="preserve">      var index = -1,</w:t>
            </w:r>
          </w:p>
          <w:p w:rsidR="00156FB3" w:rsidRDefault="00156FB3" w:rsidP="00156FB3">
            <w:r>
              <w:t xml:space="preserve">          objCriteria = object.criteria,</w:t>
            </w:r>
          </w:p>
          <w:p w:rsidR="00156FB3" w:rsidRDefault="00156FB3" w:rsidP="00156FB3">
            <w:r>
              <w:t xml:space="preserve">          othCriteria = other.criteria,</w:t>
            </w:r>
          </w:p>
          <w:p w:rsidR="00156FB3" w:rsidRDefault="00156FB3" w:rsidP="00156FB3">
            <w:r>
              <w:t xml:space="preserve">          length = objCriteria.length,</w:t>
            </w:r>
          </w:p>
          <w:p w:rsidR="00156FB3" w:rsidRDefault="00156FB3" w:rsidP="00156FB3">
            <w:r>
              <w:t xml:space="preserve">          ordersLength = orders.length;</w:t>
            </w:r>
          </w:p>
          <w:p w:rsidR="00156FB3" w:rsidRDefault="00156FB3" w:rsidP="00156FB3"/>
          <w:p w:rsidR="00156FB3" w:rsidRDefault="00156FB3" w:rsidP="00156FB3">
            <w:r>
              <w:t xml:space="preserve">      while (++index &lt; length) {</w:t>
            </w:r>
          </w:p>
          <w:p w:rsidR="00156FB3" w:rsidRDefault="00156FB3" w:rsidP="00156FB3">
            <w:r>
              <w:t xml:space="preserve">        var result = compareAscending(objCriteria[index], othCriteria[index]);</w:t>
            </w:r>
          </w:p>
          <w:p w:rsidR="00156FB3" w:rsidRDefault="00156FB3" w:rsidP="00156FB3">
            <w:r>
              <w:t xml:space="preserve">        if (result) {</w:t>
            </w:r>
          </w:p>
          <w:p w:rsidR="00156FB3" w:rsidRDefault="00156FB3" w:rsidP="00156FB3">
            <w:r>
              <w:t xml:space="preserve">          if (index &gt;= ordersLength) {</w:t>
            </w:r>
          </w:p>
          <w:p w:rsidR="00156FB3" w:rsidRDefault="00156FB3" w:rsidP="00156FB3">
            <w:r>
              <w:t xml:space="preserve">            return result;</w:t>
            </w:r>
          </w:p>
          <w:p w:rsidR="00156FB3" w:rsidRDefault="00156FB3" w:rsidP="00156FB3">
            <w:r>
              <w:t xml:space="preserve">          }</w:t>
            </w:r>
          </w:p>
          <w:p w:rsidR="00156FB3" w:rsidRDefault="00156FB3" w:rsidP="00156FB3">
            <w:r>
              <w:t xml:space="preserve">          var order = orders[index];</w:t>
            </w:r>
          </w:p>
          <w:p w:rsidR="00156FB3" w:rsidRDefault="00156FB3" w:rsidP="00156FB3">
            <w:r>
              <w:t xml:space="preserve">          return result * (order == 'desc' ? -1 : 1);</w:t>
            </w:r>
          </w:p>
          <w:p w:rsidR="00156FB3" w:rsidRDefault="00156FB3" w:rsidP="00156FB3">
            <w:r>
              <w:t xml:space="preserve">        }</w:t>
            </w:r>
          </w:p>
          <w:p w:rsidR="00156FB3" w:rsidRDefault="00156FB3" w:rsidP="00156FB3">
            <w:r>
              <w:t xml:space="preserve">      }</w:t>
            </w:r>
          </w:p>
          <w:p w:rsidR="00156FB3" w:rsidRDefault="00156FB3" w:rsidP="00156FB3">
            <w:r>
              <w:t xml:space="preserve">      // Fixes an `Array#sort` bug in the JS engine embedded in Adobe applications</w:t>
            </w:r>
          </w:p>
          <w:p w:rsidR="00156FB3" w:rsidRDefault="00156FB3" w:rsidP="00156FB3">
            <w:r>
              <w:t xml:space="preserve">      // that causes it, under certain circumstances, to provide the same value for</w:t>
            </w:r>
          </w:p>
          <w:p w:rsidR="00156FB3" w:rsidRDefault="00156FB3" w:rsidP="00156FB3">
            <w:r>
              <w:t xml:space="preserve">      // `object` and `other`. See https://github.com/jashkenas/underscore/pull/1247</w:t>
            </w:r>
          </w:p>
          <w:p w:rsidR="00156FB3" w:rsidRDefault="00156FB3" w:rsidP="00156FB3">
            <w:r>
              <w:t xml:space="preserve">      // for more details.</w:t>
            </w:r>
          </w:p>
          <w:p w:rsidR="00156FB3" w:rsidRDefault="00156FB3" w:rsidP="00156FB3">
            <w:r>
              <w:t xml:space="preserve">      //</w:t>
            </w:r>
          </w:p>
          <w:p w:rsidR="00156FB3" w:rsidRDefault="00156FB3" w:rsidP="00156FB3">
            <w:r>
              <w:t xml:space="preserve">      // This also ensures a stable sort in V8 and other engines.</w:t>
            </w:r>
          </w:p>
          <w:p w:rsidR="00156FB3" w:rsidRDefault="00156FB3" w:rsidP="00156FB3">
            <w:r>
              <w:t xml:space="preserve">      // See https://bugs.chromium.org/p/v8/issues/detail?id=90 for more details.</w:t>
            </w:r>
          </w:p>
          <w:p w:rsidR="00156FB3" w:rsidRDefault="00156FB3" w:rsidP="00156FB3">
            <w:r>
              <w:t xml:space="preserve">      return object.index - other.index;</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that is the composition of partially applied arguments,</w:t>
            </w:r>
          </w:p>
          <w:p w:rsidR="00156FB3" w:rsidRDefault="00156FB3" w:rsidP="00156FB3">
            <w:r>
              <w:t xml:space="preserve">     * placeholders, and provided arguments into a single array of argument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gs The provided arguments.</w:t>
            </w:r>
          </w:p>
          <w:p w:rsidR="00156FB3" w:rsidRDefault="00156FB3" w:rsidP="00156FB3">
            <w:r>
              <w:t xml:space="preserve">     * @param {Array} partials The arguments to prepend to those provided.</w:t>
            </w:r>
          </w:p>
          <w:p w:rsidR="00156FB3" w:rsidRDefault="00156FB3" w:rsidP="00156FB3">
            <w:r>
              <w:t xml:space="preserve">     * @param {Array} holders The `partials` placeholder indexes.</w:t>
            </w:r>
          </w:p>
          <w:p w:rsidR="00156FB3" w:rsidRDefault="00156FB3" w:rsidP="00156FB3">
            <w:r>
              <w:t xml:space="preserve">     * @params {boolean} [isCurried] Specify composing for a curried function.</w:t>
            </w:r>
          </w:p>
          <w:p w:rsidR="00156FB3" w:rsidRDefault="00156FB3" w:rsidP="00156FB3">
            <w:r>
              <w:t xml:space="preserve">     * @returns {Array} Returns the new array of composed arguments.</w:t>
            </w:r>
          </w:p>
          <w:p w:rsidR="00156FB3" w:rsidRDefault="00156FB3" w:rsidP="00156FB3">
            <w:r>
              <w:t xml:space="preserve">     */</w:t>
            </w:r>
          </w:p>
          <w:p w:rsidR="00156FB3" w:rsidRDefault="00156FB3" w:rsidP="00156FB3">
            <w:r>
              <w:t xml:space="preserve">    function composeArgs(args, partials, holders, isCurried) {</w:t>
            </w:r>
          </w:p>
          <w:p w:rsidR="00156FB3" w:rsidRDefault="00156FB3" w:rsidP="00156FB3">
            <w:r>
              <w:t xml:space="preserve">      var argsIndex = -1,</w:t>
            </w:r>
          </w:p>
          <w:p w:rsidR="00156FB3" w:rsidRDefault="00156FB3" w:rsidP="00156FB3">
            <w:r>
              <w:t xml:space="preserve">          argsLength = args.length,</w:t>
            </w:r>
          </w:p>
          <w:p w:rsidR="00156FB3" w:rsidRDefault="00156FB3" w:rsidP="00156FB3">
            <w:r>
              <w:t xml:space="preserve">          holdersLength = holders.length,</w:t>
            </w:r>
          </w:p>
          <w:p w:rsidR="00156FB3" w:rsidRDefault="00156FB3" w:rsidP="00156FB3">
            <w:r>
              <w:t xml:space="preserve">          leftIndex = -1,</w:t>
            </w:r>
          </w:p>
          <w:p w:rsidR="00156FB3" w:rsidRDefault="00156FB3" w:rsidP="00156FB3">
            <w:r>
              <w:t xml:space="preserve">          leftLength = partials.length,</w:t>
            </w:r>
          </w:p>
          <w:p w:rsidR="00156FB3" w:rsidRDefault="00156FB3" w:rsidP="00156FB3">
            <w:r>
              <w:t xml:space="preserve">          rangeLength = nativeMax(argsLength - holdersLength, 0),</w:t>
            </w:r>
          </w:p>
          <w:p w:rsidR="00156FB3" w:rsidRDefault="00156FB3" w:rsidP="00156FB3">
            <w:r>
              <w:t xml:space="preserve">          result = Array(leftLength + rangeLength),</w:t>
            </w:r>
          </w:p>
          <w:p w:rsidR="00156FB3" w:rsidRDefault="00156FB3" w:rsidP="00156FB3">
            <w:r>
              <w:t xml:space="preserve">          isUncurried = !isCurried;</w:t>
            </w:r>
          </w:p>
          <w:p w:rsidR="00156FB3" w:rsidRDefault="00156FB3" w:rsidP="00156FB3"/>
          <w:p w:rsidR="00156FB3" w:rsidRDefault="00156FB3" w:rsidP="00156FB3">
            <w:r>
              <w:lastRenderedPageBreak/>
              <w:t xml:space="preserve">      while (++leftIndex &lt; leftLength) {</w:t>
            </w:r>
          </w:p>
          <w:p w:rsidR="00156FB3" w:rsidRDefault="00156FB3" w:rsidP="00156FB3">
            <w:r>
              <w:t xml:space="preserve">        result[leftIndex] = partials[leftIndex];</w:t>
            </w:r>
          </w:p>
          <w:p w:rsidR="00156FB3" w:rsidRDefault="00156FB3" w:rsidP="00156FB3">
            <w:r>
              <w:t xml:space="preserve">      }</w:t>
            </w:r>
          </w:p>
          <w:p w:rsidR="00156FB3" w:rsidRDefault="00156FB3" w:rsidP="00156FB3">
            <w:r>
              <w:t xml:space="preserve">      while (++argsIndex &lt; holdersLength) {</w:t>
            </w:r>
          </w:p>
          <w:p w:rsidR="00156FB3" w:rsidRDefault="00156FB3" w:rsidP="00156FB3">
            <w:r>
              <w:t xml:space="preserve">        if (isUncurried || argsIndex &lt; argsLength) {</w:t>
            </w:r>
          </w:p>
          <w:p w:rsidR="00156FB3" w:rsidRDefault="00156FB3" w:rsidP="00156FB3">
            <w:r>
              <w:t xml:space="preserve">          result[holders[argsIndex]] = args[argsIndex];</w:t>
            </w:r>
          </w:p>
          <w:p w:rsidR="00156FB3" w:rsidRDefault="00156FB3" w:rsidP="00156FB3">
            <w:r>
              <w:t xml:space="preserve">        }</w:t>
            </w:r>
          </w:p>
          <w:p w:rsidR="00156FB3" w:rsidRDefault="00156FB3" w:rsidP="00156FB3">
            <w:r>
              <w:t xml:space="preserve">      }</w:t>
            </w:r>
          </w:p>
          <w:p w:rsidR="00156FB3" w:rsidRDefault="00156FB3" w:rsidP="00156FB3">
            <w:r>
              <w:t xml:space="preserve">      while (rangeLength--) {</w:t>
            </w:r>
          </w:p>
          <w:p w:rsidR="00156FB3" w:rsidRDefault="00156FB3" w:rsidP="00156FB3">
            <w:r>
              <w:t xml:space="preserve">        result[leftIndex++] = args[argsIndex++];</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function is like `composeArgs` except that the arguments composition</w:t>
            </w:r>
          </w:p>
          <w:p w:rsidR="00156FB3" w:rsidRDefault="00156FB3" w:rsidP="00156FB3">
            <w:r>
              <w:t xml:space="preserve">     * is tailored for `_.partialRight`.</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gs The provided arguments.</w:t>
            </w:r>
          </w:p>
          <w:p w:rsidR="00156FB3" w:rsidRDefault="00156FB3" w:rsidP="00156FB3">
            <w:r>
              <w:t xml:space="preserve">     * @param {Array} partials The arguments to append to those provided.</w:t>
            </w:r>
          </w:p>
          <w:p w:rsidR="00156FB3" w:rsidRDefault="00156FB3" w:rsidP="00156FB3">
            <w:r>
              <w:t xml:space="preserve">     * @param {Array} holders The `partials` placeholder indexes.</w:t>
            </w:r>
          </w:p>
          <w:p w:rsidR="00156FB3" w:rsidRDefault="00156FB3" w:rsidP="00156FB3">
            <w:r>
              <w:t xml:space="preserve">     * @params {boolean} [isCurried] Specify composing for a curried function.</w:t>
            </w:r>
          </w:p>
          <w:p w:rsidR="00156FB3" w:rsidRDefault="00156FB3" w:rsidP="00156FB3">
            <w:r>
              <w:t xml:space="preserve">     * @returns {Array} Returns the new array of composed arguments.</w:t>
            </w:r>
          </w:p>
          <w:p w:rsidR="00156FB3" w:rsidRDefault="00156FB3" w:rsidP="00156FB3">
            <w:r>
              <w:t xml:space="preserve">     */</w:t>
            </w:r>
          </w:p>
          <w:p w:rsidR="00156FB3" w:rsidRDefault="00156FB3" w:rsidP="00156FB3">
            <w:r>
              <w:t xml:space="preserve">    function composeArgsRight(args, partials, holders, isCurried) {</w:t>
            </w:r>
          </w:p>
          <w:p w:rsidR="00156FB3" w:rsidRDefault="00156FB3" w:rsidP="00156FB3">
            <w:r>
              <w:t xml:space="preserve">      var argsIndex = -1,</w:t>
            </w:r>
          </w:p>
          <w:p w:rsidR="00156FB3" w:rsidRDefault="00156FB3" w:rsidP="00156FB3">
            <w:r>
              <w:t xml:space="preserve">          argsLength = args.length,</w:t>
            </w:r>
          </w:p>
          <w:p w:rsidR="00156FB3" w:rsidRDefault="00156FB3" w:rsidP="00156FB3">
            <w:r>
              <w:t xml:space="preserve">          holdersIndex = -1,</w:t>
            </w:r>
          </w:p>
          <w:p w:rsidR="00156FB3" w:rsidRDefault="00156FB3" w:rsidP="00156FB3">
            <w:r>
              <w:t xml:space="preserve">          holdersLength = holders.length,</w:t>
            </w:r>
          </w:p>
          <w:p w:rsidR="00156FB3" w:rsidRDefault="00156FB3" w:rsidP="00156FB3">
            <w:r>
              <w:t xml:space="preserve">          rightIndex = -1,</w:t>
            </w:r>
          </w:p>
          <w:p w:rsidR="00156FB3" w:rsidRDefault="00156FB3" w:rsidP="00156FB3">
            <w:r>
              <w:t xml:space="preserve">          rightLength = partials.length,</w:t>
            </w:r>
          </w:p>
          <w:p w:rsidR="00156FB3" w:rsidRDefault="00156FB3" w:rsidP="00156FB3">
            <w:r>
              <w:t xml:space="preserve">          rangeLength = nativeMax(argsLength - holdersLength, 0),</w:t>
            </w:r>
          </w:p>
          <w:p w:rsidR="00156FB3" w:rsidRDefault="00156FB3" w:rsidP="00156FB3">
            <w:r>
              <w:t xml:space="preserve">          result = Array(rangeLength + rightLength),</w:t>
            </w:r>
          </w:p>
          <w:p w:rsidR="00156FB3" w:rsidRDefault="00156FB3" w:rsidP="00156FB3">
            <w:r>
              <w:t xml:space="preserve">          isUncurried = !isCurried;</w:t>
            </w:r>
          </w:p>
          <w:p w:rsidR="00156FB3" w:rsidRDefault="00156FB3" w:rsidP="00156FB3"/>
          <w:p w:rsidR="00156FB3" w:rsidRDefault="00156FB3" w:rsidP="00156FB3">
            <w:r>
              <w:t xml:space="preserve">      while (++argsIndex &lt; rangeLength) {</w:t>
            </w:r>
          </w:p>
          <w:p w:rsidR="00156FB3" w:rsidRDefault="00156FB3" w:rsidP="00156FB3">
            <w:r>
              <w:t xml:space="preserve">        result[argsIndex] = args[argsIndex];</w:t>
            </w:r>
          </w:p>
          <w:p w:rsidR="00156FB3" w:rsidRDefault="00156FB3" w:rsidP="00156FB3">
            <w:r>
              <w:t xml:space="preserve">      }</w:t>
            </w:r>
          </w:p>
          <w:p w:rsidR="00156FB3" w:rsidRDefault="00156FB3" w:rsidP="00156FB3">
            <w:r>
              <w:t xml:space="preserve">      var offset = argsIndex;</w:t>
            </w:r>
          </w:p>
          <w:p w:rsidR="00156FB3" w:rsidRDefault="00156FB3" w:rsidP="00156FB3">
            <w:r>
              <w:t xml:space="preserve">      while (++rightIndex &lt; rightLength) {</w:t>
            </w:r>
          </w:p>
          <w:p w:rsidR="00156FB3" w:rsidRDefault="00156FB3" w:rsidP="00156FB3">
            <w:r>
              <w:t xml:space="preserve">        result[offset + rightIndex] = partials[rightIndex];</w:t>
            </w:r>
          </w:p>
          <w:p w:rsidR="00156FB3" w:rsidRDefault="00156FB3" w:rsidP="00156FB3">
            <w:r>
              <w:t xml:space="preserve">      }</w:t>
            </w:r>
          </w:p>
          <w:p w:rsidR="00156FB3" w:rsidRDefault="00156FB3" w:rsidP="00156FB3">
            <w:r>
              <w:t xml:space="preserve">      while (++holdersIndex &lt; holdersLength) {</w:t>
            </w:r>
          </w:p>
          <w:p w:rsidR="00156FB3" w:rsidRDefault="00156FB3" w:rsidP="00156FB3">
            <w:r>
              <w:t xml:space="preserve">        if (isUncurried || argsIndex &lt; argsLength) {</w:t>
            </w:r>
          </w:p>
          <w:p w:rsidR="00156FB3" w:rsidRDefault="00156FB3" w:rsidP="00156FB3">
            <w:r>
              <w:t xml:space="preserve">          result[offset + holders[holdersIndex]] = args[argsIndex++];</w:t>
            </w:r>
          </w:p>
          <w:p w:rsidR="00156FB3" w:rsidRDefault="00156FB3" w:rsidP="00156FB3">
            <w:r>
              <w:t xml:space="preserve">        }</w:t>
            </w:r>
          </w:p>
          <w:p w:rsidR="00156FB3" w:rsidRDefault="00156FB3" w:rsidP="00156FB3">
            <w:r>
              <w:t xml:space="preserve">      }</w:t>
            </w:r>
          </w:p>
          <w:p w:rsidR="00156FB3" w:rsidRDefault="00156FB3" w:rsidP="00156FB3">
            <w:r>
              <w:lastRenderedPageBreak/>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pies the values of `source` to `array`.</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source The array to copy values from.</w:t>
            </w:r>
          </w:p>
          <w:p w:rsidR="00156FB3" w:rsidRDefault="00156FB3" w:rsidP="00156FB3">
            <w:r>
              <w:t xml:space="preserve">     * @param {Array} [array=[]] The array to copy values to.</w:t>
            </w:r>
          </w:p>
          <w:p w:rsidR="00156FB3" w:rsidRDefault="00156FB3" w:rsidP="00156FB3">
            <w:r>
              <w:t xml:space="preserve">     * @returns {Array} Returns `array`.</w:t>
            </w:r>
          </w:p>
          <w:p w:rsidR="00156FB3" w:rsidRDefault="00156FB3" w:rsidP="00156FB3">
            <w:r>
              <w:t xml:space="preserve">     */</w:t>
            </w:r>
          </w:p>
          <w:p w:rsidR="00156FB3" w:rsidRDefault="00156FB3" w:rsidP="00156FB3">
            <w:r>
              <w:t xml:space="preserve">    function copyArray(source, array) {</w:t>
            </w:r>
          </w:p>
          <w:p w:rsidR="00156FB3" w:rsidRDefault="00156FB3" w:rsidP="00156FB3">
            <w:r>
              <w:t xml:space="preserve">      var index = -1,</w:t>
            </w:r>
          </w:p>
          <w:p w:rsidR="00156FB3" w:rsidRDefault="00156FB3" w:rsidP="00156FB3">
            <w:r>
              <w:t xml:space="preserve">          length = source.length;</w:t>
            </w:r>
          </w:p>
          <w:p w:rsidR="00156FB3" w:rsidRDefault="00156FB3" w:rsidP="00156FB3"/>
          <w:p w:rsidR="00156FB3" w:rsidRDefault="00156FB3" w:rsidP="00156FB3">
            <w:r>
              <w:t xml:space="preserve">      array || (array = Array(length));</w:t>
            </w:r>
          </w:p>
          <w:p w:rsidR="00156FB3" w:rsidRDefault="00156FB3" w:rsidP="00156FB3">
            <w:r>
              <w:t xml:space="preserve">      while (++index &lt; length) {</w:t>
            </w:r>
          </w:p>
          <w:p w:rsidR="00156FB3" w:rsidRDefault="00156FB3" w:rsidP="00156FB3">
            <w:r>
              <w:t xml:space="preserve">        array[index] = source[index];</w:t>
            </w:r>
          </w:p>
          <w:p w:rsidR="00156FB3" w:rsidRDefault="00156FB3" w:rsidP="00156FB3">
            <w:r>
              <w:t xml:space="preserve">      }</w:t>
            </w:r>
          </w:p>
          <w:p w:rsidR="00156FB3" w:rsidRDefault="00156FB3" w:rsidP="00156FB3">
            <w:r>
              <w:t xml:space="preserve">      return arra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pies properties of `source` to `object`.</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source The object to copy properties from.</w:t>
            </w:r>
          </w:p>
          <w:p w:rsidR="00156FB3" w:rsidRDefault="00156FB3" w:rsidP="00156FB3">
            <w:r>
              <w:t xml:space="preserve">     * @param {Array} props The property identifiers to copy.</w:t>
            </w:r>
          </w:p>
          <w:p w:rsidR="00156FB3" w:rsidRDefault="00156FB3" w:rsidP="00156FB3">
            <w:r>
              <w:t xml:space="preserve">     * @param {Object} [object={}] The object to copy properties to.</w:t>
            </w:r>
          </w:p>
          <w:p w:rsidR="00156FB3" w:rsidRDefault="00156FB3" w:rsidP="00156FB3">
            <w:r>
              <w:t xml:space="preserve">     * @param {Function} [customizer] The function to customize copied values.</w:t>
            </w:r>
          </w:p>
          <w:p w:rsidR="00156FB3" w:rsidRDefault="00156FB3" w:rsidP="00156FB3">
            <w:r>
              <w:t xml:space="preserve">     * @returns {Object} Returns `object`.</w:t>
            </w:r>
          </w:p>
          <w:p w:rsidR="00156FB3" w:rsidRDefault="00156FB3" w:rsidP="00156FB3">
            <w:r>
              <w:t xml:space="preserve">     */</w:t>
            </w:r>
          </w:p>
          <w:p w:rsidR="00156FB3" w:rsidRDefault="00156FB3" w:rsidP="00156FB3">
            <w:r>
              <w:t xml:space="preserve">    function copyObject(source, props, object, customizer) {</w:t>
            </w:r>
          </w:p>
          <w:p w:rsidR="00156FB3" w:rsidRDefault="00156FB3" w:rsidP="00156FB3">
            <w:r>
              <w:t xml:space="preserve">      var isNew = !object;</w:t>
            </w:r>
          </w:p>
          <w:p w:rsidR="00156FB3" w:rsidRDefault="00156FB3" w:rsidP="00156FB3">
            <w:r>
              <w:t xml:space="preserve">      object || (object = {});</w:t>
            </w:r>
          </w:p>
          <w:p w:rsidR="00156FB3" w:rsidRDefault="00156FB3" w:rsidP="00156FB3"/>
          <w:p w:rsidR="00156FB3" w:rsidRDefault="00156FB3" w:rsidP="00156FB3">
            <w:r>
              <w:t xml:space="preserve">      var index = -1,</w:t>
            </w:r>
          </w:p>
          <w:p w:rsidR="00156FB3" w:rsidRDefault="00156FB3" w:rsidP="00156FB3">
            <w:r>
              <w:t xml:space="preserve">          length = props.length;</w:t>
            </w:r>
          </w:p>
          <w:p w:rsidR="00156FB3" w:rsidRDefault="00156FB3" w:rsidP="00156FB3"/>
          <w:p w:rsidR="00156FB3" w:rsidRDefault="00156FB3" w:rsidP="00156FB3">
            <w:r>
              <w:t xml:space="preserve">      while (++index &lt; length) {</w:t>
            </w:r>
          </w:p>
          <w:p w:rsidR="00156FB3" w:rsidRDefault="00156FB3" w:rsidP="00156FB3">
            <w:r>
              <w:t xml:space="preserve">        var key = props[index];</w:t>
            </w:r>
          </w:p>
          <w:p w:rsidR="00156FB3" w:rsidRDefault="00156FB3" w:rsidP="00156FB3"/>
          <w:p w:rsidR="00156FB3" w:rsidRDefault="00156FB3" w:rsidP="00156FB3">
            <w:r>
              <w:t xml:space="preserve">        var newValue = customizer</w:t>
            </w:r>
          </w:p>
          <w:p w:rsidR="00156FB3" w:rsidRDefault="00156FB3" w:rsidP="00156FB3">
            <w:r>
              <w:t xml:space="preserve">          ? customizer(object[key], source[key], key, object, source)</w:t>
            </w:r>
          </w:p>
          <w:p w:rsidR="00156FB3" w:rsidRDefault="00156FB3" w:rsidP="00156FB3">
            <w:r>
              <w:t xml:space="preserve">          : undefined;</w:t>
            </w:r>
          </w:p>
          <w:p w:rsidR="00156FB3" w:rsidRDefault="00156FB3" w:rsidP="00156FB3"/>
          <w:p w:rsidR="00156FB3" w:rsidRDefault="00156FB3" w:rsidP="00156FB3">
            <w:r>
              <w:t xml:space="preserve">        if (newValue === undefined) {</w:t>
            </w:r>
          </w:p>
          <w:p w:rsidR="00156FB3" w:rsidRDefault="00156FB3" w:rsidP="00156FB3">
            <w:r>
              <w:t xml:space="preserve">          newValue = source[key];</w:t>
            </w:r>
          </w:p>
          <w:p w:rsidR="00156FB3" w:rsidRDefault="00156FB3" w:rsidP="00156FB3">
            <w:r>
              <w:lastRenderedPageBreak/>
              <w:t xml:space="preserve">        }</w:t>
            </w:r>
          </w:p>
          <w:p w:rsidR="00156FB3" w:rsidRDefault="00156FB3" w:rsidP="00156FB3">
            <w:r>
              <w:t xml:space="preserve">        if (isNew) {</w:t>
            </w:r>
          </w:p>
          <w:p w:rsidR="00156FB3" w:rsidRDefault="00156FB3" w:rsidP="00156FB3">
            <w:r>
              <w:t xml:space="preserve">          baseAssignValue(object, key, newValue);</w:t>
            </w:r>
          </w:p>
          <w:p w:rsidR="00156FB3" w:rsidRDefault="00156FB3" w:rsidP="00156FB3">
            <w:r>
              <w:t xml:space="preserve">        } else {</w:t>
            </w:r>
          </w:p>
          <w:p w:rsidR="00156FB3" w:rsidRDefault="00156FB3" w:rsidP="00156FB3">
            <w:r>
              <w:t xml:space="preserve">          assignValue(object, key, newValue);</w:t>
            </w:r>
          </w:p>
          <w:p w:rsidR="00156FB3" w:rsidRDefault="00156FB3" w:rsidP="00156FB3">
            <w:r>
              <w:t xml:space="preserve">        }</w:t>
            </w:r>
          </w:p>
          <w:p w:rsidR="00156FB3" w:rsidRDefault="00156FB3" w:rsidP="00156FB3">
            <w:r>
              <w:t xml:space="preserve">      }</w:t>
            </w:r>
          </w:p>
          <w:p w:rsidR="00156FB3" w:rsidRDefault="00156FB3" w:rsidP="00156FB3">
            <w:r>
              <w:t xml:space="preserve">      return 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pies own symbols of `source` to `object`.</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source The object to copy symbols from.</w:t>
            </w:r>
          </w:p>
          <w:p w:rsidR="00156FB3" w:rsidRDefault="00156FB3" w:rsidP="00156FB3">
            <w:r>
              <w:t xml:space="preserve">     * @param {Object} [object={}] The object to copy symbols to.</w:t>
            </w:r>
          </w:p>
          <w:p w:rsidR="00156FB3" w:rsidRDefault="00156FB3" w:rsidP="00156FB3">
            <w:r>
              <w:t xml:space="preserve">     * @returns {Object} Returns `object`.</w:t>
            </w:r>
          </w:p>
          <w:p w:rsidR="00156FB3" w:rsidRDefault="00156FB3" w:rsidP="00156FB3">
            <w:r>
              <w:t xml:space="preserve">     */</w:t>
            </w:r>
          </w:p>
          <w:p w:rsidR="00156FB3" w:rsidRDefault="00156FB3" w:rsidP="00156FB3">
            <w:r>
              <w:t xml:space="preserve">    function copySymbols(source, object) {</w:t>
            </w:r>
          </w:p>
          <w:p w:rsidR="00156FB3" w:rsidRDefault="00156FB3" w:rsidP="00156FB3">
            <w:r>
              <w:t xml:space="preserve">      return copyObject(source, getSymbols(source), 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pies own and inherited symbols of `source` to `object`.</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source The object to copy symbols from.</w:t>
            </w:r>
          </w:p>
          <w:p w:rsidR="00156FB3" w:rsidRDefault="00156FB3" w:rsidP="00156FB3">
            <w:r>
              <w:t xml:space="preserve">     * @param {Object} [object={}] The object to copy symbols to.</w:t>
            </w:r>
          </w:p>
          <w:p w:rsidR="00156FB3" w:rsidRDefault="00156FB3" w:rsidP="00156FB3">
            <w:r>
              <w:t xml:space="preserve">     * @returns {Object} Returns `object`.</w:t>
            </w:r>
          </w:p>
          <w:p w:rsidR="00156FB3" w:rsidRDefault="00156FB3" w:rsidP="00156FB3">
            <w:r>
              <w:t xml:space="preserve">     */</w:t>
            </w:r>
          </w:p>
          <w:p w:rsidR="00156FB3" w:rsidRDefault="00156FB3" w:rsidP="00156FB3">
            <w:r>
              <w:t xml:space="preserve">    function copySymbolsIn(source, object) {</w:t>
            </w:r>
          </w:p>
          <w:p w:rsidR="00156FB3" w:rsidRDefault="00156FB3" w:rsidP="00156FB3">
            <w:r>
              <w:t xml:space="preserve">      return copyObject(source, getSymbolsIn(source), 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like `_.groupBy`.</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setter The function to set accumulator values.</w:t>
            </w:r>
          </w:p>
          <w:p w:rsidR="00156FB3" w:rsidRDefault="00156FB3" w:rsidP="00156FB3">
            <w:r>
              <w:t xml:space="preserve">     * @param {Function} [initializer] The accumulator object initializer.</w:t>
            </w:r>
          </w:p>
          <w:p w:rsidR="00156FB3" w:rsidRDefault="00156FB3" w:rsidP="00156FB3">
            <w:r>
              <w:t xml:space="preserve">     * @returns {Function} Returns the new aggregator function.</w:t>
            </w:r>
          </w:p>
          <w:p w:rsidR="00156FB3" w:rsidRDefault="00156FB3" w:rsidP="00156FB3">
            <w:r>
              <w:t xml:space="preserve">     */</w:t>
            </w:r>
          </w:p>
          <w:p w:rsidR="00156FB3" w:rsidRDefault="00156FB3" w:rsidP="00156FB3">
            <w:r>
              <w:t xml:space="preserve">    function createAggregator(setter, initializer) {</w:t>
            </w:r>
          </w:p>
          <w:p w:rsidR="00156FB3" w:rsidRDefault="00156FB3" w:rsidP="00156FB3">
            <w:r>
              <w:t xml:space="preserve">      return function(collection, iteratee) {</w:t>
            </w:r>
          </w:p>
          <w:p w:rsidR="00156FB3" w:rsidRDefault="00156FB3" w:rsidP="00156FB3">
            <w:r>
              <w:t xml:space="preserve">        var func = isArray(collection) ? arrayAggregator : baseAggregator,</w:t>
            </w:r>
          </w:p>
          <w:p w:rsidR="00156FB3" w:rsidRDefault="00156FB3" w:rsidP="00156FB3">
            <w:r>
              <w:t xml:space="preserve">            accumulator = initializer ? initializer() : {};</w:t>
            </w:r>
          </w:p>
          <w:p w:rsidR="00156FB3" w:rsidRDefault="00156FB3" w:rsidP="00156FB3"/>
          <w:p w:rsidR="00156FB3" w:rsidRDefault="00156FB3" w:rsidP="00156FB3">
            <w:r>
              <w:t xml:space="preserve">        return func(collection, setter, getIteratee(iteratee, 2), accumulator);</w:t>
            </w:r>
          </w:p>
          <w:p w:rsidR="00156FB3" w:rsidRDefault="00156FB3" w:rsidP="00156FB3">
            <w:r>
              <w:lastRenderedPageBreak/>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like `_.assign`.</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assigner The function to assign values.</w:t>
            </w:r>
          </w:p>
          <w:p w:rsidR="00156FB3" w:rsidRDefault="00156FB3" w:rsidP="00156FB3">
            <w:r>
              <w:t xml:space="preserve">     * @returns {Function} Returns the new assigner function.</w:t>
            </w:r>
          </w:p>
          <w:p w:rsidR="00156FB3" w:rsidRDefault="00156FB3" w:rsidP="00156FB3">
            <w:r>
              <w:t xml:space="preserve">     */</w:t>
            </w:r>
          </w:p>
          <w:p w:rsidR="00156FB3" w:rsidRDefault="00156FB3" w:rsidP="00156FB3">
            <w:r>
              <w:t xml:space="preserve">    function createAssigner(assigner) {</w:t>
            </w:r>
          </w:p>
          <w:p w:rsidR="00156FB3" w:rsidRDefault="00156FB3" w:rsidP="00156FB3">
            <w:r>
              <w:t xml:space="preserve">      return baseRest(function(object, sources) {</w:t>
            </w:r>
          </w:p>
          <w:p w:rsidR="00156FB3" w:rsidRDefault="00156FB3" w:rsidP="00156FB3">
            <w:r>
              <w:t xml:space="preserve">        var index = -1,</w:t>
            </w:r>
          </w:p>
          <w:p w:rsidR="00156FB3" w:rsidRDefault="00156FB3" w:rsidP="00156FB3">
            <w:r>
              <w:t xml:space="preserve">            length = sources.length,</w:t>
            </w:r>
          </w:p>
          <w:p w:rsidR="00156FB3" w:rsidRDefault="00156FB3" w:rsidP="00156FB3">
            <w:r>
              <w:t xml:space="preserve">            customizer = length &gt; 1 ? sources[length - 1] : undefined,</w:t>
            </w:r>
          </w:p>
          <w:p w:rsidR="00156FB3" w:rsidRDefault="00156FB3" w:rsidP="00156FB3">
            <w:r>
              <w:t xml:space="preserve">            guard = length &gt; 2 ? sources[2] : undefined;</w:t>
            </w:r>
          </w:p>
          <w:p w:rsidR="00156FB3" w:rsidRDefault="00156FB3" w:rsidP="00156FB3"/>
          <w:p w:rsidR="00156FB3" w:rsidRDefault="00156FB3" w:rsidP="00156FB3">
            <w:r>
              <w:t xml:space="preserve">        customizer = (assigner.length &gt; 3 &amp;&amp; typeof customizer == 'function')</w:t>
            </w:r>
          </w:p>
          <w:p w:rsidR="00156FB3" w:rsidRDefault="00156FB3" w:rsidP="00156FB3">
            <w:r>
              <w:t xml:space="preserve">          ? (length--, customizer)</w:t>
            </w:r>
          </w:p>
          <w:p w:rsidR="00156FB3" w:rsidRDefault="00156FB3" w:rsidP="00156FB3">
            <w:r>
              <w:t xml:space="preserve">          : undefined;</w:t>
            </w:r>
          </w:p>
          <w:p w:rsidR="00156FB3" w:rsidRDefault="00156FB3" w:rsidP="00156FB3"/>
          <w:p w:rsidR="00156FB3" w:rsidRDefault="00156FB3" w:rsidP="00156FB3">
            <w:r>
              <w:t xml:space="preserve">        if (guard &amp;&amp; isIterateeCall(sources[0], sources[1], guard)) {</w:t>
            </w:r>
          </w:p>
          <w:p w:rsidR="00156FB3" w:rsidRDefault="00156FB3" w:rsidP="00156FB3">
            <w:r>
              <w:t xml:space="preserve">          customizer = length &lt; 3 ? undefined : customizer;</w:t>
            </w:r>
          </w:p>
          <w:p w:rsidR="00156FB3" w:rsidRDefault="00156FB3" w:rsidP="00156FB3">
            <w:r>
              <w:t xml:space="preserve">          length = 1;</w:t>
            </w:r>
          </w:p>
          <w:p w:rsidR="00156FB3" w:rsidRDefault="00156FB3" w:rsidP="00156FB3">
            <w:r>
              <w:t xml:space="preserve">        }</w:t>
            </w:r>
          </w:p>
          <w:p w:rsidR="00156FB3" w:rsidRDefault="00156FB3" w:rsidP="00156FB3">
            <w:r>
              <w:t xml:space="preserve">        object = Object(object);</w:t>
            </w:r>
          </w:p>
          <w:p w:rsidR="00156FB3" w:rsidRDefault="00156FB3" w:rsidP="00156FB3">
            <w:r>
              <w:t xml:space="preserve">        while (++index &lt; length) {</w:t>
            </w:r>
          </w:p>
          <w:p w:rsidR="00156FB3" w:rsidRDefault="00156FB3" w:rsidP="00156FB3">
            <w:r>
              <w:t xml:space="preserve">          var source = sources[index];</w:t>
            </w:r>
          </w:p>
          <w:p w:rsidR="00156FB3" w:rsidRDefault="00156FB3" w:rsidP="00156FB3">
            <w:r>
              <w:t xml:space="preserve">          if (source) {</w:t>
            </w:r>
          </w:p>
          <w:p w:rsidR="00156FB3" w:rsidRDefault="00156FB3" w:rsidP="00156FB3">
            <w:r>
              <w:t xml:space="preserve">            assigner(object, source, index, customizer);</w:t>
            </w:r>
          </w:p>
          <w:p w:rsidR="00156FB3" w:rsidRDefault="00156FB3" w:rsidP="00156FB3">
            <w:r>
              <w:t xml:space="preserve">          }</w:t>
            </w:r>
          </w:p>
          <w:p w:rsidR="00156FB3" w:rsidRDefault="00156FB3" w:rsidP="00156FB3">
            <w:r>
              <w:t xml:space="preserve">        }</w:t>
            </w:r>
          </w:p>
          <w:p w:rsidR="00156FB3" w:rsidRDefault="00156FB3" w:rsidP="00156FB3">
            <w:r>
              <w:t xml:space="preserve">        return objec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baseEach` or `baseEachRight` function.</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eachFunc The function to iterate over a collection.</w:t>
            </w:r>
          </w:p>
          <w:p w:rsidR="00156FB3" w:rsidRDefault="00156FB3" w:rsidP="00156FB3">
            <w:r>
              <w:t xml:space="preserve">     * @param {boolean} [fromRight] Specify iterating from right to left.</w:t>
            </w:r>
          </w:p>
          <w:p w:rsidR="00156FB3" w:rsidRDefault="00156FB3" w:rsidP="00156FB3">
            <w:r>
              <w:t xml:space="preserve">     * @returns {Function} Returns the new base function.</w:t>
            </w:r>
          </w:p>
          <w:p w:rsidR="00156FB3" w:rsidRDefault="00156FB3" w:rsidP="00156FB3">
            <w:r>
              <w:t xml:space="preserve">     */</w:t>
            </w:r>
          </w:p>
          <w:p w:rsidR="00156FB3" w:rsidRDefault="00156FB3" w:rsidP="00156FB3">
            <w:r>
              <w:t xml:space="preserve">    function createBaseEach(eachFunc, fromRight) {</w:t>
            </w:r>
          </w:p>
          <w:p w:rsidR="00156FB3" w:rsidRDefault="00156FB3" w:rsidP="00156FB3">
            <w:r>
              <w:t xml:space="preserve">      return function(collection, iteratee) {</w:t>
            </w:r>
          </w:p>
          <w:p w:rsidR="00156FB3" w:rsidRDefault="00156FB3" w:rsidP="00156FB3">
            <w:r>
              <w:t xml:space="preserve">        if (collection == null) {</w:t>
            </w:r>
          </w:p>
          <w:p w:rsidR="00156FB3" w:rsidRDefault="00156FB3" w:rsidP="00156FB3">
            <w:r>
              <w:t xml:space="preserve">          return collection;</w:t>
            </w:r>
          </w:p>
          <w:p w:rsidR="00156FB3" w:rsidRDefault="00156FB3" w:rsidP="00156FB3">
            <w:r>
              <w:lastRenderedPageBreak/>
              <w:t xml:space="preserve">        }</w:t>
            </w:r>
          </w:p>
          <w:p w:rsidR="00156FB3" w:rsidRDefault="00156FB3" w:rsidP="00156FB3">
            <w:r>
              <w:t xml:space="preserve">        if (!isArrayLike(collection)) {</w:t>
            </w:r>
          </w:p>
          <w:p w:rsidR="00156FB3" w:rsidRDefault="00156FB3" w:rsidP="00156FB3">
            <w:r>
              <w:t xml:space="preserve">          return eachFunc(collection, iteratee);</w:t>
            </w:r>
          </w:p>
          <w:p w:rsidR="00156FB3" w:rsidRDefault="00156FB3" w:rsidP="00156FB3">
            <w:r>
              <w:t xml:space="preserve">        }</w:t>
            </w:r>
          </w:p>
          <w:p w:rsidR="00156FB3" w:rsidRDefault="00156FB3" w:rsidP="00156FB3">
            <w:r>
              <w:t xml:space="preserve">        var length = collection.length,</w:t>
            </w:r>
          </w:p>
          <w:p w:rsidR="00156FB3" w:rsidRDefault="00156FB3" w:rsidP="00156FB3">
            <w:r>
              <w:t xml:space="preserve">            index = fromRight ? length : -1,</w:t>
            </w:r>
          </w:p>
          <w:p w:rsidR="00156FB3" w:rsidRDefault="00156FB3" w:rsidP="00156FB3">
            <w:r>
              <w:t xml:space="preserve">            iterable = Object(collection);</w:t>
            </w:r>
          </w:p>
          <w:p w:rsidR="00156FB3" w:rsidRDefault="00156FB3" w:rsidP="00156FB3"/>
          <w:p w:rsidR="00156FB3" w:rsidRDefault="00156FB3" w:rsidP="00156FB3">
            <w:r>
              <w:t xml:space="preserve">        while ((fromRight ? index-- : ++index &lt; length)) {</w:t>
            </w:r>
          </w:p>
          <w:p w:rsidR="00156FB3" w:rsidRDefault="00156FB3" w:rsidP="00156FB3">
            <w:r>
              <w:t xml:space="preserve">          if (iteratee(iterable[index], index, iterable) === false) {</w:t>
            </w:r>
          </w:p>
          <w:p w:rsidR="00156FB3" w:rsidRDefault="00156FB3" w:rsidP="00156FB3">
            <w:r>
              <w:t xml:space="preserve">            break;</w:t>
            </w:r>
          </w:p>
          <w:p w:rsidR="00156FB3" w:rsidRDefault="00156FB3" w:rsidP="00156FB3">
            <w:r>
              <w:t xml:space="preserve">          }</w:t>
            </w:r>
          </w:p>
          <w:p w:rsidR="00156FB3" w:rsidRDefault="00156FB3" w:rsidP="00156FB3">
            <w:r>
              <w:t xml:space="preserve">        }</w:t>
            </w:r>
          </w:p>
          <w:p w:rsidR="00156FB3" w:rsidRDefault="00156FB3" w:rsidP="00156FB3">
            <w:r>
              <w:t xml:space="preserve">        return collection;</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base function for methods like `_.forIn` and `_.forOwn`.</w:t>
            </w:r>
          </w:p>
          <w:p w:rsidR="00156FB3" w:rsidRDefault="00156FB3" w:rsidP="00156FB3">
            <w:r>
              <w:t xml:space="preserve">     *</w:t>
            </w:r>
          </w:p>
          <w:p w:rsidR="00156FB3" w:rsidRDefault="00156FB3" w:rsidP="00156FB3">
            <w:r>
              <w:t xml:space="preserve">     * @private</w:t>
            </w:r>
          </w:p>
          <w:p w:rsidR="00156FB3" w:rsidRDefault="00156FB3" w:rsidP="00156FB3">
            <w:r>
              <w:t xml:space="preserve">     * @param {boolean} [fromRight] Specify iterating from right to left.</w:t>
            </w:r>
          </w:p>
          <w:p w:rsidR="00156FB3" w:rsidRDefault="00156FB3" w:rsidP="00156FB3">
            <w:r>
              <w:t xml:space="preserve">     * @returns {Function} Returns the new base function.</w:t>
            </w:r>
          </w:p>
          <w:p w:rsidR="00156FB3" w:rsidRDefault="00156FB3" w:rsidP="00156FB3">
            <w:r>
              <w:t xml:space="preserve">     */</w:t>
            </w:r>
          </w:p>
          <w:p w:rsidR="00156FB3" w:rsidRDefault="00156FB3" w:rsidP="00156FB3">
            <w:r>
              <w:t xml:space="preserve">    function createBaseFor(fromRight) {</w:t>
            </w:r>
          </w:p>
          <w:p w:rsidR="00156FB3" w:rsidRDefault="00156FB3" w:rsidP="00156FB3">
            <w:r>
              <w:t xml:space="preserve">      return function(object, iteratee, keysFunc) {</w:t>
            </w:r>
          </w:p>
          <w:p w:rsidR="00156FB3" w:rsidRDefault="00156FB3" w:rsidP="00156FB3">
            <w:r>
              <w:t xml:space="preserve">        var index = -1,</w:t>
            </w:r>
          </w:p>
          <w:p w:rsidR="00156FB3" w:rsidRDefault="00156FB3" w:rsidP="00156FB3">
            <w:r>
              <w:t xml:space="preserve">            iterable = Object(object),</w:t>
            </w:r>
          </w:p>
          <w:p w:rsidR="00156FB3" w:rsidRDefault="00156FB3" w:rsidP="00156FB3">
            <w:r>
              <w:t xml:space="preserve">            props = keysFunc(object),</w:t>
            </w:r>
          </w:p>
          <w:p w:rsidR="00156FB3" w:rsidRDefault="00156FB3" w:rsidP="00156FB3">
            <w:r>
              <w:t xml:space="preserve">            length = props.length;</w:t>
            </w:r>
          </w:p>
          <w:p w:rsidR="00156FB3" w:rsidRDefault="00156FB3" w:rsidP="00156FB3"/>
          <w:p w:rsidR="00156FB3" w:rsidRDefault="00156FB3" w:rsidP="00156FB3">
            <w:r>
              <w:t xml:space="preserve">        while (length--) {</w:t>
            </w:r>
          </w:p>
          <w:p w:rsidR="00156FB3" w:rsidRDefault="00156FB3" w:rsidP="00156FB3">
            <w:r>
              <w:t xml:space="preserve">          var key = props[fromRight ? length : ++index];</w:t>
            </w:r>
          </w:p>
          <w:p w:rsidR="00156FB3" w:rsidRDefault="00156FB3" w:rsidP="00156FB3">
            <w:r>
              <w:t xml:space="preserve">          if (iteratee(iterable[key], key, iterable) === false) {</w:t>
            </w:r>
          </w:p>
          <w:p w:rsidR="00156FB3" w:rsidRDefault="00156FB3" w:rsidP="00156FB3">
            <w:r>
              <w:t xml:space="preserve">            break;</w:t>
            </w:r>
          </w:p>
          <w:p w:rsidR="00156FB3" w:rsidRDefault="00156FB3" w:rsidP="00156FB3">
            <w:r>
              <w:t xml:space="preserve">          }</w:t>
            </w:r>
          </w:p>
          <w:p w:rsidR="00156FB3" w:rsidRDefault="00156FB3" w:rsidP="00156FB3">
            <w:r>
              <w:t xml:space="preserve">        }</w:t>
            </w:r>
          </w:p>
          <w:p w:rsidR="00156FB3" w:rsidRDefault="00156FB3" w:rsidP="00156FB3">
            <w:r>
              <w:t xml:space="preserve">        return objec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wraps `func` to invoke it with the optional `this`</w:t>
            </w:r>
          </w:p>
          <w:p w:rsidR="00156FB3" w:rsidRDefault="00156FB3" w:rsidP="00156FB3">
            <w:r>
              <w:t xml:space="preserve">     * binding of `thisArg`.</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unc The function to wrap.</w:t>
            </w:r>
          </w:p>
          <w:p w:rsidR="00156FB3" w:rsidRDefault="00156FB3" w:rsidP="00156FB3">
            <w:r>
              <w:t xml:space="preserve">     * @param {number} bitmask The bitmask flags. See `createWrap` for more details.</w:t>
            </w:r>
          </w:p>
          <w:p w:rsidR="00156FB3" w:rsidRDefault="00156FB3" w:rsidP="00156FB3">
            <w:r>
              <w:lastRenderedPageBreak/>
              <w:t xml:space="preserve">     * @param {*} [thisArg] The `this` binding of `func`.</w:t>
            </w:r>
          </w:p>
          <w:p w:rsidR="00156FB3" w:rsidRDefault="00156FB3" w:rsidP="00156FB3">
            <w:r>
              <w:t xml:space="preserve">     * @returns {Function} Returns the new wrapped function.</w:t>
            </w:r>
          </w:p>
          <w:p w:rsidR="00156FB3" w:rsidRDefault="00156FB3" w:rsidP="00156FB3">
            <w:r>
              <w:t xml:space="preserve">     */</w:t>
            </w:r>
          </w:p>
          <w:p w:rsidR="00156FB3" w:rsidRDefault="00156FB3" w:rsidP="00156FB3">
            <w:r>
              <w:t xml:space="preserve">    function createBind(func, bitmask, thisArg) {</w:t>
            </w:r>
          </w:p>
          <w:p w:rsidR="00156FB3" w:rsidRDefault="00156FB3" w:rsidP="00156FB3">
            <w:r>
              <w:t xml:space="preserve">      var isBind = bitmask &amp; WRAP_BIND_FLAG,</w:t>
            </w:r>
          </w:p>
          <w:p w:rsidR="00156FB3" w:rsidRDefault="00156FB3" w:rsidP="00156FB3">
            <w:r>
              <w:t xml:space="preserve">          Ctor = createCtor(func);</w:t>
            </w:r>
          </w:p>
          <w:p w:rsidR="00156FB3" w:rsidRDefault="00156FB3" w:rsidP="00156FB3"/>
          <w:p w:rsidR="00156FB3" w:rsidRDefault="00156FB3" w:rsidP="00156FB3">
            <w:r>
              <w:t xml:space="preserve">      function wrapper() {</w:t>
            </w:r>
          </w:p>
          <w:p w:rsidR="00156FB3" w:rsidRDefault="00156FB3" w:rsidP="00156FB3">
            <w:r>
              <w:t xml:space="preserve">        var fn = (this &amp;&amp; this !== root &amp;&amp; this instanceof wrapper) ? Ctor : func;</w:t>
            </w:r>
          </w:p>
          <w:p w:rsidR="00156FB3" w:rsidRDefault="00156FB3" w:rsidP="00156FB3">
            <w:r>
              <w:t xml:space="preserve">        return fn.apply(isBind ? thisArg : this, arguments);</w:t>
            </w:r>
          </w:p>
          <w:p w:rsidR="00156FB3" w:rsidRDefault="00156FB3" w:rsidP="00156FB3">
            <w:r>
              <w:t xml:space="preserve">      }</w:t>
            </w:r>
          </w:p>
          <w:p w:rsidR="00156FB3" w:rsidRDefault="00156FB3" w:rsidP="00156FB3">
            <w:r>
              <w:t xml:space="preserve">      return wrapp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like `_.lowerFirst`.</w:t>
            </w:r>
          </w:p>
          <w:p w:rsidR="00156FB3" w:rsidRDefault="00156FB3" w:rsidP="00156FB3">
            <w:r>
              <w:t xml:space="preserve">     *</w:t>
            </w:r>
          </w:p>
          <w:p w:rsidR="00156FB3" w:rsidRDefault="00156FB3" w:rsidP="00156FB3">
            <w:r>
              <w:t xml:space="preserve">     * @private</w:t>
            </w:r>
          </w:p>
          <w:p w:rsidR="00156FB3" w:rsidRDefault="00156FB3" w:rsidP="00156FB3">
            <w:r>
              <w:t xml:space="preserve">     * @param {string} methodName The name of the `String` case method to use.</w:t>
            </w:r>
          </w:p>
          <w:p w:rsidR="00156FB3" w:rsidRDefault="00156FB3" w:rsidP="00156FB3">
            <w:r>
              <w:t xml:space="preserve">     * @returns {Function} Returns the new case function.</w:t>
            </w:r>
          </w:p>
          <w:p w:rsidR="00156FB3" w:rsidRDefault="00156FB3" w:rsidP="00156FB3">
            <w:r>
              <w:t xml:space="preserve">     */</w:t>
            </w:r>
          </w:p>
          <w:p w:rsidR="00156FB3" w:rsidRDefault="00156FB3" w:rsidP="00156FB3">
            <w:r>
              <w:t xml:space="preserve">    function createCaseFirst(methodName) {</w:t>
            </w:r>
          </w:p>
          <w:p w:rsidR="00156FB3" w:rsidRDefault="00156FB3" w:rsidP="00156FB3">
            <w:r>
              <w:t xml:space="preserve">      return function(string) {</w:t>
            </w:r>
          </w:p>
          <w:p w:rsidR="00156FB3" w:rsidRDefault="00156FB3" w:rsidP="00156FB3">
            <w:r>
              <w:t xml:space="preserve">        string = toString(string);</w:t>
            </w:r>
          </w:p>
          <w:p w:rsidR="00156FB3" w:rsidRDefault="00156FB3" w:rsidP="00156FB3"/>
          <w:p w:rsidR="00156FB3" w:rsidRDefault="00156FB3" w:rsidP="00156FB3">
            <w:r>
              <w:t xml:space="preserve">        var strSymbols = hasUnicode(string)</w:t>
            </w:r>
          </w:p>
          <w:p w:rsidR="00156FB3" w:rsidRDefault="00156FB3" w:rsidP="00156FB3">
            <w:r>
              <w:t xml:space="preserve">          ? stringToArray(string)</w:t>
            </w:r>
          </w:p>
          <w:p w:rsidR="00156FB3" w:rsidRDefault="00156FB3" w:rsidP="00156FB3">
            <w:r>
              <w:t xml:space="preserve">          : undefined;</w:t>
            </w:r>
          </w:p>
          <w:p w:rsidR="00156FB3" w:rsidRDefault="00156FB3" w:rsidP="00156FB3"/>
          <w:p w:rsidR="00156FB3" w:rsidRDefault="00156FB3" w:rsidP="00156FB3">
            <w:r>
              <w:t xml:space="preserve">        var chr = strSymbols</w:t>
            </w:r>
          </w:p>
          <w:p w:rsidR="00156FB3" w:rsidRDefault="00156FB3" w:rsidP="00156FB3">
            <w:r>
              <w:t xml:space="preserve">          ? strSymbols[0]</w:t>
            </w:r>
          </w:p>
          <w:p w:rsidR="00156FB3" w:rsidRDefault="00156FB3" w:rsidP="00156FB3">
            <w:r>
              <w:t xml:space="preserve">          : string.charAt(0);</w:t>
            </w:r>
          </w:p>
          <w:p w:rsidR="00156FB3" w:rsidRDefault="00156FB3" w:rsidP="00156FB3"/>
          <w:p w:rsidR="00156FB3" w:rsidRDefault="00156FB3" w:rsidP="00156FB3">
            <w:r>
              <w:t xml:space="preserve">        var trailing = strSymbols</w:t>
            </w:r>
          </w:p>
          <w:p w:rsidR="00156FB3" w:rsidRDefault="00156FB3" w:rsidP="00156FB3">
            <w:r>
              <w:t xml:space="preserve">          ? castSlice(strSymbols, 1).join('')</w:t>
            </w:r>
          </w:p>
          <w:p w:rsidR="00156FB3" w:rsidRDefault="00156FB3" w:rsidP="00156FB3">
            <w:r>
              <w:t xml:space="preserve">          : string.slice(1);</w:t>
            </w:r>
          </w:p>
          <w:p w:rsidR="00156FB3" w:rsidRDefault="00156FB3" w:rsidP="00156FB3"/>
          <w:p w:rsidR="00156FB3" w:rsidRDefault="00156FB3" w:rsidP="00156FB3">
            <w:r>
              <w:t xml:space="preserve">        return chr[methodName]() + trailing;</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like `_.camelCase`.</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callback The function to combine each word.</w:t>
            </w:r>
          </w:p>
          <w:p w:rsidR="00156FB3" w:rsidRDefault="00156FB3" w:rsidP="00156FB3">
            <w:r>
              <w:t xml:space="preserve">     * @returns {Function} Returns the new compounder function.</w:t>
            </w:r>
          </w:p>
          <w:p w:rsidR="00156FB3" w:rsidRDefault="00156FB3" w:rsidP="00156FB3">
            <w:r>
              <w:t xml:space="preserve">     */</w:t>
            </w:r>
          </w:p>
          <w:p w:rsidR="00156FB3" w:rsidRDefault="00156FB3" w:rsidP="00156FB3">
            <w:r>
              <w:lastRenderedPageBreak/>
              <w:t xml:space="preserve">    function createCompounder(callback) {</w:t>
            </w:r>
          </w:p>
          <w:p w:rsidR="00156FB3" w:rsidRDefault="00156FB3" w:rsidP="00156FB3">
            <w:r>
              <w:t xml:space="preserve">      return function(string) {</w:t>
            </w:r>
          </w:p>
          <w:p w:rsidR="00156FB3" w:rsidRDefault="00156FB3" w:rsidP="00156FB3">
            <w:r>
              <w:t xml:space="preserve">        return arrayReduce(words(deburr(string).replace(reApos, '')), callback,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produces an instance of `Ctor` regardless of</w:t>
            </w:r>
          </w:p>
          <w:p w:rsidR="00156FB3" w:rsidRDefault="00156FB3" w:rsidP="00156FB3">
            <w:r>
              <w:t xml:space="preserve">     * whether it was invoked as part of a `new` expression or by `call` or `apply`.</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Ctor The constructor to wrap.</w:t>
            </w:r>
          </w:p>
          <w:p w:rsidR="00156FB3" w:rsidRDefault="00156FB3" w:rsidP="00156FB3">
            <w:r>
              <w:t xml:space="preserve">     * @returns {Function} Returns the new wrapped function.</w:t>
            </w:r>
          </w:p>
          <w:p w:rsidR="00156FB3" w:rsidRDefault="00156FB3" w:rsidP="00156FB3">
            <w:r>
              <w:t xml:space="preserve">     */</w:t>
            </w:r>
          </w:p>
          <w:p w:rsidR="00156FB3" w:rsidRDefault="00156FB3" w:rsidP="00156FB3">
            <w:r>
              <w:t xml:space="preserve">    function createCtor(Ctor) {</w:t>
            </w:r>
          </w:p>
          <w:p w:rsidR="00156FB3" w:rsidRDefault="00156FB3" w:rsidP="00156FB3">
            <w:r>
              <w:t xml:space="preserve">      return function() {</w:t>
            </w:r>
          </w:p>
          <w:p w:rsidR="00156FB3" w:rsidRDefault="00156FB3" w:rsidP="00156FB3">
            <w:r>
              <w:t xml:space="preserve">        // Use a `switch` statement to work with class constructors. See</w:t>
            </w:r>
          </w:p>
          <w:p w:rsidR="00156FB3" w:rsidRDefault="00156FB3" w:rsidP="00156FB3">
            <w:r>
              <w:t xml:space="preserve">        // http://ecma-international.org/ecma-262/7.0/#sec-ecmascript-function-objects-call-thisargument-argumentslist</w:t>
            </w:r>
          </w:p>
          <w:p w:rsidR="00156FB3" w:rsidRDefault="00156FB3" w:rsidP="00156FB3">
            <w:r>
              <w:t xml:space="preserve">        // for more details.</w:t>
            </w:r>
          </w:p>
          <w:p w:rsidR="00156FB3" w:rsidRDefault="00156FB3" w:rsidP="00156FB3">
            <w:r>
              <w:t xml:space="preserve">        var args = arguments;</w:t>
            </w:r>
          </w:p>
          <w:p w:rsidR="00156FB3" w:rsidRDefault="00156FB3" w:rsidP="00156FB3">
            <w:r>
              <w:t xml:space="preserve">        switch (args.length) {</w:t>
            </w:r>
          </w:p>
          <w:p w:rsidR="00156FB3" w:rsidRDefault="00156FB3" w:rsidP="00156FB3">
            <w:r>
              <w:t xml:space="preserve">          case 0: return new Ctor;</w:t>
            </w:r>
          </w:p>
          <w:p w:rsidR="00156FB3" w:rsidRDefault="00156FB3" w:rsidP="00156FB3">
            <w:r>
              <w:t xml:space="preserve">          case 1: return new Ctor(args[0]);</w:t>
            </w:r>
          </w:p>
          <w:p w:rsidR="00156FB3" w:rsidRDefault="00156FB3" w:rsidP="00156FB3">
            <w:r>
              <w:t xml:space="preserve">          case 2: return new Ctor(args[0], args[1]);</w:t>
            </w:r>
          </w:p>
          <w:p w:rsidR="00156FB3" w:rsidRDefault="00156FB3" w:rsidP="00156FB3">
            <w:r>
              <w:t xml:space="preserve">          case 3: return new Ctor(args[0], args[1], args[2]);</w:t>
            </w:r>
          </w:p>
          <w:p w:rsidR="00156FB3" w:rsidRDefault="00156FB3" w:rsidP="00156FB3">
            <w:r>
              <w:t xml:space="preserve">          case 4: return new Ctor(args[0], args[1], args[2], args[3]);</w:t>
            </w:r>
          </w:p>
          <w:p w:rsidR="00156FB3" w:rsidRDefault="00156FB3" w:rsidP="00156FB3">
            <w:r>
              <w:t xml:space="preserve">          case 5: return new Ctor(args[0], args[1], args[2], args[3], args[4]);</w:t>
            </w:r>
          </w:p>
          <w:p w:rsidR="00156FB3" w:rsidRDefault="00156FB3" w:rsidP="00156FB3">
            <w:r>
              <w:t xml:space="preserve">          case 6: return new Ctor(args[0], args[1], args[2], args[3], args[4], args[5]);</w:t>
            </w:r>
          </w:p>
          <w:p w:rsidR="00156FB3" w:rsidRDefault="00156FB3" w:rsidP="00156FB3">
            <w:r>
              <w:t xml:space="preserve">          case 7: return new Ctor(args[0], args[1], args[2], args[3], args[4], args[5], args[6]);</w:t>
            </w:r>
          </w:p>
          <w:p w:rsidR="00156FB3" w:rsidRDefault="00156FB3" w:rsidP="00156FB3">
            <w:r>
              <w:t xml:space="preserve">        }</w:t>
            </w:r>
          </w:p>
          <w:p w:rsidR="00156FB3" w:rsidRDefault="00156FB3" w:rsidP="00156FB3">
            <w:r>
              <w:t xml:space="preserve">        var thisBinding = baseCreate(Ctor.prototype),</w:t>
            </w:r>
          </w:p>
          <w:p w:rsidR="00156FB3" w:rsidRDefault="00156FB3" w:rsidP="00156FB3">
            <w:r>
              <w:t xml:space="preserve">            result = Ctor.apply(thisBinding, args);</w:t>
            </w:r>
          </w:p>
          <w:p w:rsidR="00156FB3" w:rsidRDefault="00156FB3" w:rsidP="00156FB3"/>
          <w:p w:rsidR="00156FB3" w:rsidRDefault="00156FB3" w:rsidP="00156FB3">
            <w:r>
              <w:t xml:space="preserve">        // Mimic the constructor's `return` behavior.</w:t>
            </w:r>
          </w:p>
          <w:p w:rsidR="00156FB3" w:rsidRDefault="00156FB3" w:rsidP="00156FB3">
            <w:r>
              <w:t xml:space="preserve">        // See https://es5.github.io/#x13.2.2 for more details.</w:t>
            </w:r>
          </w:p>
          <w:p w:rsidR="00156FB3" w:rsidRDefault="00156FB3" w:rsidP="00156FB3">
            <w:r>
              <w:t xml:space="preserve">        return isObject(result) ? result : thisBinding;</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wraps `func` to enable currying.</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unc The function to wrap.</w:t>
            </w:r>
          </w:p>
          <w:p w:rsidR="00156FB3" w:rsidRDefault="00156FB3" w:rsidP="00156FB3">
            <w:r>
              <w:t xml:space="preserve">     * @param {number} bitmask The bitmask flags. See `createWrap` for more details.</w:t>
            </w:r>
          </w:p>
          <w:p w:rsidR="00156FB3" w:rsidRDefault="00156FB3" w:rsidP="00156FB3">
            <w:r>
              <w:t xml:space="preserve">     * @param {number} arity The arity of `func`.</w:t>
            </w:r>
          </w:p>
          <w:p w:rsidR="00156FB3" w:rsidRDefault="00156FB3" w:rsidP="00156FB3">
            <w:r>
              <w:t xml:space="preserve">     * @returns {Function} Returns the new wrapped function.</w:t>
            </w:r>
          </w:p>
          <w:p w:rsidR="00156FB3" w:rsidRDefault="00156FB3" w:rsidP="00156FB3">
            <w:r>
              <w:lastRenderedPageBreak/>
              <w:t xml:space="preserve">     */</w:t>
            </w:r>
          </w:p>
          <w:p w:rsidR="00156FB3" w:rsidRDefault="00156FB3" w:rsidP="00156FB3">
            <w:r>
              <w:t xml:space="preserve">    function createCurry(func, bitmask, arity) {</w:t>
            </w:r>
          </w:p>
          <w:p w:rsidR="00156FB3" w:rsidRDefault="00156FB3" w:rsidP="00156FB3">
            <w:r>
              <w:t xml:space="preserve">      var Ctor = createCtor(func);</w:t>
            </w:r>
          </w:p>
          <w:p w:rsidR="00156FB3" w:rsidRDefault="00156FB3" w:rsidP="00156FB3"/>
          <w:p w:rsidR="00156FB3" w:rsidRDefault="00156FB3" w:rsidP="00156FB3">
            <w:r>
              <w:t xml:space="preserve">      function wrapper() {</w:t>
            </w:r>
          </w:p>
          <w:p w:rsidR="00156FB3" w:rsidRDefault="00156FB3" w:rsidP="00156FB3">
            <w:r>
              <w:t xml:space="preserve">        var length = arguments.length,</w:t>
            </w:r>
          </w:p>
          <w:p w:rsidR="00156FB3" w:rsidRDefault="00156FB3" w:rsidP="00156FB3">
            <w:r>
              <w:t xml:space="preserve">            args = Array(length),</w:t>
            </w:r>
          </w:p>
          <w:p w:rsidR="00156FB3" w:rsidRDefault="00156FB3" w:rsidP="00156FB3">
            <w:r>
              <w:t xml:space="preserve">            index = length,</w:t>
            </w:r>
          </w:p>
          <w:p w:rsidR="00156FB3" w:rsidRDefault="00156FB3" w:rsidP="00156FB3">
            <w:r>
              <w:t xml:space="preserve">            placeholder = getHolder(wrapper);</w:t>
            </w:r>
          </w:p>
          <w:p w:rsidR="00156FB3" w:rsidRDefault="00156FB3" w:rsidP="00156FB3"/>
          <w:p w:rsidR="00156FB3" w:rsidRDefault="00156FB3" w:rsidP="00156FB3">
            <w:r>
              <w:t xml:space="preserve">        while (index--) {</w:t>
            </w:r>
          </w:p>
          <w:p w:rsidR="00156FB3" w:rsidRDefault="00156FB3" w:rsidP="00156FB3">
            <w:r>
              <w:t xml:space="preserve">          args[index] = arguments[index];</w:t>
            </w:r>
          </w:p>
          <w:p w:rsidR="00156FB3" w:rsidRDefault="00156FB3" w:rsidP="00156FB3">
            <w:r>
              <w:t xml:space="preserve">        }</w:t>
            </w:r>
          </w:p>
          <w:p w:rsidR="00156FB3" w:rsidRDefault="00156FB3" w:rsidP="00156FB3">
            <w:r>
              <w:t xml:space="preserve">        var holders = (length &lt; 3 &amp;&amp; args[0] !== placeholder &amp;&amp; args[length - 1] !== placeholder)</w:t>
            </w:r>
          </w:p>
          <w:p w:rsidR="00156FB3" w:rsidRDefault="00156FB3" w:rsidP="00156FB3">
            <w:r>
              <w:t xml:space="preserve">          ? []</w:t>
            </w:r>
          </w:p>
          <w:p w:rsidR="00156FB3" w:rsidRDefault="00156FB3" w:rsidP="00156FB3">
            <w:r>
              <w:t xml:space="preserve">          : replaceHolders(args, placeholder);</w:t>
            </w:r>
          </w:p>
          <w:p w:rsidR="00156FB3" w:rsidRDefault="00156FB3" w:rsidP="00156FB3"/>
          <w:p w:rsidR="00156FB3" w:rsidRDefault="00156FB3" w:rsidP="00156FB3">
            <w:r>
              <w:t xml:space="preserve">        length -= holders.length;</w:t>
            </w:r>
          </w:p>
          <w:p w:rsidR="00156FB3" w:rsidRDefault="00156FB3" w:rsidP="00156FB3">
            <w:r>
              <w:t xml:space="preserve">        if (length &lt; arity) {</w:t>
            </w:r>
          </w:p>
          <w:p w:rsidR="00156FB3" w:rsidRDefault="00156FB3" w:rsidP="00156FB3">
            <w:r>
              <w:t xml:space="preserve">          return createRecurry(</w:t>
            </w:r>
          </w:p>
          <w:p w:rsidR="00156FB3" w:rsidRDefault="00156FB3" w:rsidP="00156FB3">
            <w:r>
              <w:t xml:space="preserve">            func, bitmask, createHybrid, wrapper.placeholder, undefined,</w:t>
            </w:r>
          </w:p>
          <w:p w:rsidR="00156FB3" w:rsidRDefault="00156FB3" w:rsidP="00156FB3">
            <w:r>
              <w:t xml:space="preserve">            args, holders, undefined, undefined, arity - length);</w:t>
            </w:r>
          </w:p>
          <w:p w:rsidR="00156FB3" w:rsidRDefault="00156FB3" w:rsidP="00156FB3">
            <w:r>
              <w:t xml:space="preserve">        }</w:t>
            </w:r>
          </w:p>
          <w:p w:rsidR="00156FB3" w:rsidRDefault="00156FB3" w:rsidP="00156FB3">
            <w:r>
              <w:t xml:space="preserve">        var fn = (this &amp;&amp; this !== root &amp;&amp; this instanceof wrapper) ? Ctor : func;</w:t>
            </w:r>
          </w:p>
          <w:p w:rsidR="00156FB3" w:rsidRDefault="00156FB3" w:rsidP="00156FB3">
            <w:r>
              <w:t xml:space="preserve">        return apply(fn, this, args);</w:t>
            </w:r>
          </w:p>
          <w:p w:rsidR="00156FB3" w:rsidRDefault="00156FB3" w:rsidP="00156FB3">
            <w:r>
              <w:t xml:space="preserve">      }</w:t>
            </w:r>
          </w:p>
          <w:p w:rsidR="00156FB3" w:rsidRDefault="00156FB3" w:rsidP="00156FB3">
            <w:r>
              <w:t xml:space="preserve">      return wrapp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_.find` or `_.findLast` function.</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indIndexFunc The function to find the collection index.</w:t>
            </w:r>
          </w:p>
          <w:p w:rsidR="00156FB3" w:rsidRDefault="00156FB3" w:rsidP="00156FB3">
            <w:r>
              <w:t xml:space="preserve">     * @returns {Function} Returns the new find function.</w:t>
            </w:r>
          </w:p>
          <w:p w:rsidR="00156FB3" w:rsidRDefault="00156FB3" w:rsidP="00156FB3">
            <w:r>
              <w:t xml:space="preserve">     */</w:t>
            </w:r>
          </w:p>
          <w:p w:rsidR="00156FB3" w:rsidRDefault="00156FB3" w:rsidP="00156FB3">
            <w:r>
              <w:t xml:space="preserve">    function createFind(findIndexFunc) {</w:t>
            </w:r>
          </w:p>
          <w:p w:rsidR="00156FB3" w:rsidRDefault="00156FB3" w:rsidP="00156FB3">
            <w:r>
              <w:t xml:space="preserve">      return function(collection, predicate, fromIndex) {</w:t>
            </w:r>
          </w:p>
          <w:p w:rsidR="00156FB3" w:rsidRDefault="00156FB3" w:rsidP="00156FB3">
            <w:r>
              <w:t xml:space="preserve">        var iterable = Object(collection);</w:t>
            </w:r>
          </w:p>
          <w:p w:rsidR="00156FB3" w:rsidRDefault="00156FB3" w:rsidP="00156FB3">
            <w:r>
              <w:t xml:space="preserve">        if (!isArrayLike(collection)) {</w:t>
            </w:r>
          </w:p>
          <w:p w:rsidR="00156FB3" w:rsidRDefault="00156FB3" w:rsidP="00156FB3">
            <w:r>
              <w:t xml:space="preserve">          var iteratee = getIteratee(predicate, 3);</w:t>
            </w:r>
          </w:p>
          <w:p w:rsidR="00156FB3" w:rsidRDefault="00156FB3" w:rsidP="00156FB3">
            <w:r>
              <w:t xml:space="preserve">          collection = keys(collection);</w:t>
            </w:r>
          </w:p>
          <w:p w:rsidR="00156FB3" w:rsidRDefault="00156FB3" w:rsidP="00156FB3">
            <w:r>
              <w:t xml:space="preserve">          predicate = function(key) { return iteratee(iterable[key], key, iterable); };</w:t>
            </w:r>
          </w:p>
          <w:p w:rsidR="00156FB3" w:rsidRDefault="00156FB3" w:rsidP="00156FB3">
            <w:r>
              <w:t xml:space="preserve">        }</w:t>
            </w:r>
          </w:p>
          <w:p w:rsidR="00156FB3" w:rsidRDefault="00156FB3" w:rsidP="00156FB3">
            <w:r>
              <w:t xml:space="preserve">        var index = findIndexFunc(collection, predicate, fromIndex);</w:t>
            </w:r>
          </w:p>
          <w:p w:rsidR="00156FB3" w:rsidRDefault="00156FB3" w:rsidP="00156FB3">
            <w:r>
              <w:t xml:space="preserve">        return index &gt; -1 ? iterable[iteratee ? collection[index] : index] : undefined;</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_.flow` or `_.flowRight` function.</w:t>
            </w:r>
          </w:p>
          <w:p w:rsidR="00156FB3" w:rsidRDefault="00156FB3" w:rsidP="00156FB3">
            <w:r>
              <w:t xml:space="preserve">     *</w:t>
            </w:r>
          </w:p>
          <w:p w:rsidR="00156FB3" w:rsidRDefault="00156FB3" w:rsidP="00156FB3">
            <w:r>
              <w:t xml:space="preserve">     * @private</w:t>
            </w:r>
          </w:p>
          <w:p w:rsidR="00156FB3" w:rsidRDefault="00156FB3" w:rsidP="00156FB3">
            <w:r>
              <w:t xml:space="preserve">     * @param {boolean} [fromRight] Specify iterating from right to left.</w:t>
            </w:r>
          </w:p>
          <w:p w:rsidR="00156FB3" w:rsidRDefault="00156FB3" w:rsidP="00156FB3">
            <w:r>
              <w:t xml:space="preserve">     * @returns {Function} Returns the new flow function.</w:t>
            </w:r>
          </w:p>
          <w:p w:rsidR="00156FB3" w:rsidRDefault="00156FB3" w:rsidP="00156FB3">
            <w:r>
              <w:t xml:space="preserve">     */</w:t>
            </w:r>
          </w:p>
          <w:p w:rsidR="00156FB3" w:rsidRDefault="00156FB3" w:rsidP="00156FB3">
            <w:r>
              <w:t xml:space="preserve">    function createFlow(fromRight) {</w:t>
            </w:r>
          </w:p>
          <w:p w:rsidR="00156FB3" w:rsidRDefault="00156FB3" w:rsidP="00156FB3">
            <w:r>
              <w:t xml:space="preserve">      return flatRest(function(funcs) {</w:t>
            </w:r>
          </w:p>
          <w:p w:rsidR="00156FB3" w:rsidRDefault="00156FB3" w:rsidP="00156FB3">
            <w:r>
              <w:t xml:space="preserve">        var length = funcs.length,</w:t>
            </w:r>
          </w:p>
          <w:p w:rsidR="00156FB3" w:rsidRDefault="00156FB3" w:rsidP="00156FB3">
            <w:r>
              <w:t xml:space="preserve">            index = length,</w:t>
            </w:r>
          </w:p>
          <w:p w:rsidR="00156FB3" w:rsidRDefault="00156FB3" w:rsidP="00156FB3">
            <w:r>
              <w:t xml:space="preserve">            prereq = LodashWrapper.prototype.thru;</w:t>
            </w:r>
          </w:p>
          <w:p w:rsidR="00156FB3" w:rsidRDefault="00156FB3" w:rsidP="00156FB3"/>
          <w:p w:rsidR="00156FB3" w:rsidRDefault="00156FB3" w:rsidP="00156FB3">
            <w:r>
              <w:t xml:space="preserve">        if (fromRight) {</w:t>
            </w:r>
          </w:p>
          <w:p w:rsidR="00156FB3" w:rsidRDefault="00156FB3" w:rsidP="00156FB3">
            <w:r>
              <w:t xml:space="preserve">          funcs.reverse();</w:t>
            </w:r>
          </w:p>
          <w:p w:rsidR="00156FB3" w:rsidRDefault="00156FB3" w:rsidP="00156FB3">
            <w:r>
              <w:t xml:space="preserve">        }</w:t>
            </w:r>
          </w:p>
          <w:p w:rsidR="00156FB3" w:rsidRDefault="00156FB3" w:rsidP="00156FB3">
            <w:r>
              <w:t xml:space="preserve">        while (index--) {</w:t>
            </w:r>
          </w:p>
          <w:p w:rsidR="00156FB3" w:rsidRDefault="00156FB3" w:rsidP="00156FB3">
            <w:r>
              <w:t xml:space="preserve">          var func = funcs[index];</w:t>
            </w:r>
          </w:p>
          <w:p w:rsidR="00156FB3" w:rsidRDefault="00156FB3" w:rsidP="00156FB3">
            <w:r>
              <w:t xml:space="preserve">          if (typeof func != 'function') {</w:t>
            </w:r>
          </w:p>
          <w:p w:rsidR="00156FB3" w:rsidRDefault="00156FB3" w:rsidP="00156FB3">
            <w:r>
              <w:t xml:space="preserve">            throw new TypeError(FUNC_ERROR_TEXT);</w:t>
            </w:r>
          </w:p>
          <w:p w:rsidR="00156FB3" w:rsidRDefault="00156FB3" w:rsidP="00156FB3">
            <w:r>
              <w:t xml:space="preserve">          }</w:t>
            </w:r>
          </w:p>
          <w:p w:rsidR="00156FB3" w:rsidRDefault="00156FB3" w:rsidP="00156FB3">
            <w:r>
              <w:t xml:space="preserve">          if (prereq &amp;&amp; !wrapper &amp;&amp; getFuncName(func) == 'wrapper') {</w:t>
            </w:r>
          </w:p>
          <w:p w:rsidR="00156FB3" w:rsidRDefault="00156FB3" w:rsidP="00156FB3">
            <w:r>
              <w:t xml:space="preserve">            var wrapper = new LodashWrapper([], true);</w:t>
            </w:r>
          </w:p>
          <w:p w:rsidR="00156FB3" w:rsidRDefault="00156FB3" w:rsidP="00156FB3">
            <w:r>
              <w:t xml:space="preserve">          }</w:t>
            </w:r>
          </w:p>
          <w:p w:rsidR="00156FB3" w:rsidRDefault="00156FB3" w:rsidP="00156FB3">
            <w:r>
              <w:t xml:space="preserve">        }</w:t>
            </w:r>
          </w:p>
          <w:p w:rsidR="00156FB3" w:rsidRDefault="00156FB3" w:rsidP="00156FB3">
            <w:r>
              <w:t xml:space="preserve">        index = wrapper ? index : length;</w:t>
            </w:r>
          </w:p>
          <w:p w:rsidR="00156FB3" w:rsidRDefault="00156FB3" w:rsidP="00156FB3">
            <w:r>
              <w:t xml:space="preserve">        while (++index &lt; length) {</w:t>
            </w:r>
          </w:p>
          <w:p w:rsidR="00156FB3" w:rsidRDefault="00156FB3" w:rsidP="00156FB3">
            <w:r>
              <w:t xml:space="preserve">          func = funcs[index];</w:t>
            </w:r>
          </w:p>
          <w:p w:rsidR="00156FB3" w:rsidRDefault="00156FB3" w:rsidP="00156FB3"/>
          <w:p w:rsidR="00156FB3" w:rsidRDefault="00156FB3" w:rsidP="00156FB3">
            <w:r>
              <w:t xml:space="preserve">          var funcName = getFuncName(func),</w:t>
            </w:r>
          </w:p>
          <w:p w:rsidR="00156FB3" w:rsidRDefault="00156FB3" w:rsidP="00156FB3">
            <w:r>
              <w:t xml:space="preserve">              data = funcName == 'wrapper' ? getData(func) : undefined;</w:t>
            </w:r>
          </w:p>
          <w:p w:rsidR="00156FB3" w:rsidRDefault="00156FB3" w:rsidP="00156FB3"/>
          <w:p w:rsidR="00156FB3" w:rsidRDefault="00156FB3" w:rsidP="00156FB3">
            <w:r>
              <w:t xml:space="preserve">          if (data &amp;&amp; isLaziable(data[0]) &amp;&amp;</w:t>
            </w:r>
          </w:p>
          <w:p w:rsidR="00156FB3" w:rsidRDefault="00156FB3" w:rsidP="00156FB3">
            <w:r>
              <w:t xml:space="preserve">                data[1] == (WRAP_ARY_FLAG | WRAP_CURRY_FLAG | WRAP_PARTIAL_FLAG | WRAP_REARG_FLAG) &amp;&amp;</w:t>
            </w:r>
          </w:p>
          <w:p w:rsidR="00156FB3" w:rsidRDefault="00156FB3" w:rsidP="00156FB3">
            <w:r>
              <w:t xml:space="preserve">                !data[4].length &amp;&amp; data[9] == 1</w:t>
            </w:r>
          </w:p>
          <w:p w:rsidR="00156FB3" w:rsidRDefault="00156FB3" w:rsidP="00156FB3">
            <w:r>
              <w:t xml:space="preserve">              ) {</w:t>
            </w:r>
          </w:p>
          <w:p w:rsidR="00156FB3" w:rsidRDefault="00156FB3" w:rsidP="00156FB3">
            <w:r>
              <w:t xml:space="preserve">            wrapper = wrapper[getFuncName(data[0])].apply(wrapper, data[3]);</w:t>
            </w:r>
          </w:p>
          <w:p w:rsidR="00156FB3" w:rsidRDefault="00156FB3" w:rsidP="00156FB3">
            <w:r>
              <w:t xml:space="preserve">          } else {</w:t>
            </w:r>
          </w:p>
          <w:p w:rsidR="00156FB3" w:rsidRDefault="00156FB3" w:rsidP="00156FB3">
            <w:r>
              <w:t xml:space="preserve">            wrapper = (func.length == 1 &amp;&amp; isLaziable(func))</w:t>
            </w:r>
          </w:p>
          <w:p w:rsidR="00156FB3" w:rsidRDefault="00156FB3" w:rsidP="00156FB3">
            <w:r>
              <w:t xml:space="preserve">              ? wrapper[funcName]()</w:t>
            </w:r>
          </w:p>
          <w:p w:rsidR="00156FB3" w:rsidRDefault="00156FB3" w:rsidP="00156FB3">
            <w:r>
              <w:t xml:space="preserve">              : wrapper.thru(func);</w:t>
            </w:r>
          </w:p>
          <w:p w:rsidR="00156FB3" w:rsidRDefault="00156FB3" w:rsidP="00156FB3">
            <w:r>
              <w:t xml:space="preserve">          }</w:t>
            </w:r>
          </w:p>
          <w:p w:rsidR="00156FB3" w:rsidRDefault="00156FB3" w:rsidP="00156FB3">
            <w:r>
              <w:t xml:space="preserve">        }</w:t>
            </w:r>
          </w:p>
          <w:p w:rsidR="00156FB3" w:rsidRDefault="00156FB3" w:rsidP="00156FB3">
            <w:r>
              <w:t xml:space="preserve">        return function() {</w:t>
            </w:r>
          </w:p>
          <w:p w:rsidR="00156FB3" w:rsidRDefault="00156FB3" w:rsidP="00156FB3">
            <w:r>
              <w:t xml:space="preserve">          var args = arguments,</w:t>
            </w:r>
          </w:p>
          <w:p w:rsidR="00156FB3" w:rsidRDefault="00156FB3" w:rsidP="00156FB3">
            <w:r>
              <w:t xml:space="preserve">              value = args[0];</w:t>
            </w:r>
          </w:p>
          <w:p w:rsidR="00156FB3" w:rsidRDefault="00156FB3" w:rsidP="00156FB3"/>
          <w:p w:rsidR="00156FB3" w:rsidRDefault="00156FB3" w:rsidP="00156FB3">
            <w:r>
              <w:t xml:space="preserve">          if (wrapper &amp;&amp; args.length == 1 &amp;&amp; isArray(value)) {</w:t>
            </w:r>
          </w:p>
          <w:p w:rsidR="00156FB3" w:rsidRDefault="00156FB3" w:rsidP="00156FB3">
            <w:r>
              <w:t xml:space="preserve">            return wrapper.plant(value).value();</w:t>
            </w:r>
          </w:p>
          <w:p w:rsidR="00156FB3" w:rsidRDefault="00156FB3" w:rsidP="00156FB3">
            <w:r>
              <w:t xml:space="preserve">          }</w:t>
            </w:r>
          </w:p>
          <w:p w:rsidR="00156FB3" w:rsidRDefault="00156FB3" w:rsidP="00156FB3">
            <w:r>
              <w:t xml:space="preserve">          var index = 0,</w:t>
            </w:r>
          </w:p>
          <w:p w:rsidR="00156FB3" w:rsidRDefault="00156FB3" w:rsidP="00156FB3">
            <w:r>
              <w:t xml:space="preserve">              result = length ? funcs[index].apply(this, args) : value;</w:t>
            </w:r>
          </w:p>
          <w:p w:rsidR="00156FB3" w:rsidRDefault="00156FB3" w:rsidP="00156FB3"/>
          <w:p w:rsidR="00156FB3" w:rsidRDefault="00156FB3" w:rsidP="00156FB3">
            <w:r>
              <w:t xml:space="preserve">          while (++index &lt; length) {</w:t>
            </w:r>
          </w:p>
          <w:p w:rsidR="00156FB3" w:rsidRDefault="00156FB3" w:rsidP="00156FB3">
            <w:r>
              <w:t xml:space="preserve">            result = funcs[index].call(this, result);</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wraps `func` to invoke it with optional `this`</w:t>
            </w:r>
          </w:p>
          <w:p w:rsidR="00156FB3" w:rsidRDefault="00156FB3" w:rsidP="00156FB3">
            <w:r>
              <w:t xml:space="preserve">     * binding of `thisArg`, partial application, and currying.</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string} func The function or method name to wrap.</w:t>
            </w:r>
          </w:p>
          <w:p w:rsidR="00156FB3" w:rsidRDefault="00156FB3" w:rsidP="00156FB3">
            <w:r>
              <w:t xml:space="preserve">     * @param {number} bitmask The bitmask flags. See `createWrap` for more details.</w:t>
            </w:r>
          </w:p>
          <w:p w:rsidR="00156FB3" w:rsidRDefault="00156FB3" w:rsidP="00156FB3">
            <w:r>
              <w:t xml:space="preserve">     * @param {*} [thisArg] The `this` binding of `func`.</w:t>
            </w:r>
          </w:p>
          <w:p w:rsidR="00156FB3" w:rsidRDefault="00156FB3" w:rsidP="00156FB3">
            <w:r>
              <w:t xml:space="preserve">     * @param {Array} [partials] The arguments to prepend to those provided to</w:t>
            </w:r>
          </w:p>
          <w:p w:rsidR="00156FB3" w:rsidRDefault="00156FB3" w:rsidP="00156FB3">
            <w:r>
              <w:t xml:space="preserve">     *  the new function.</w:t>
            </w:r>
          </w:p>
          <w:p w:rsidR="00156FB3" w:rsidRDefault="00156FB3" w:rsidP="00156FB3">
            <w:r>
              <w:t xml:space="preserve">     * @param {Array} [holders] The `partials` placeholder indexes.</w:t>
            </w:r>
          </w:p>
          <w:p w:rsidR="00156FB3" w:rsidRDefault="00156FB3" w:rsidP="00156FB3">
            <w:r>
              <w:t xml:space="preserve">     * @param {Array} [partialsRight] The arguments to append to those provided</w:t>
            </w:r>
          </w:p>
          <w:p w:rsidR="00156FB3" w:rsidRDefault="00156FB3" w:rsidP="00156FB3">
            <w:r>
              <w:t xml:space="preserve">     *  to the new function.</w:t>
            </w:r>
          </w:p>
          <w:p w:rsidR="00156FB3" w:rsidRDefault="00156FB3" w:rsidP="00156FB3">
            <w:r>
              <w:t xml:space="preserve">     * @param {Array} [holdersRight] The `partialsRight` placeholder indexes.</w:t>
            </w:r>
          </w:p>
          <w:p w:rsidR="00156FB3" w:rsidRDefault="00156FB3" w:rsidP="00156FB3">
            <w:r>
              <w:t xml:space="preserve">     * @param {Array} [argPos] The argument positions of the new function.</w:t>
            </w:r>
          </w:p>
          <w:p w:rsidR="00156FB3" w:rsidRDefault="00156FB3" w:rsidP="00156FB3">
            <w:r>
              <w:t xml:space="preserve">     * @param {number} [ary] The arity cap of `func`.</w:t>
            </w:r>
          </w:p>
          <w:p w:rsidR="00156FB3" w:rsidRDefault="00156FB3" w:rsidP="00156FB3">
            <w:r>
              <w:t xml:space="preserve">     * @param {number} [arity] The arity of `func`.</w:t>
            </w:r>
          </w:p>
          <w:p w:rsidR="00156FB3" w:rsidRDefault="00156FB3" w:rsidP="00156FB3">
            <w:r>
              <w:t xml:space="preserve">     * @returns {Function} Returns the new wrapped function.</w:t>
            </w:r>
          </w:p>
          <w:p w:rsidR="00156FB3" w:rsidRDefault="00156FB3" w:rsidP="00156FB3">
            <w:r>
              <w:t xml:space="preserve">     */</w:t>
            </w:r>
          </w:p>
          <w:p w:rsidR="00156FB3" w:rsidRDefault="00156FB3" w:rsidP="00156FB3">
            <w:r>
              <w:t xml:space="preserve">    function createHybrid(func, bitmask, thisArg, partials, holders, partialsRight, holdersRight, argPos, ary, arity) {</w:t>
            </w:r>
          </w:p>
          <w:p w:rsidR="00156FB3" w:rsidRDefault="00156FB3" w:rsidP="00156FB3">
            <w:r>
              <w:t xml:space="preserve">      var isAry = bitmask &amp; WRAP_ARY_FLAG,</w:t>
            </w:r>
          </w:p>
          <w:p w:rsidR="00156FB3" w:rsidRDefault="00156FB3" w:rsidP="00156FB3">
            <w:r>
              <w:t xml:space="preserve">          isBind = bitmask &amp; WRAP_BIND_FLAG,</w:t>
            </w:r>
          </w:p>
          <w:p w:rsidR="00156FB3" w:rsidRDefault="00156FB3" w:rsidP="00156FB3">
            <w:r>
              <w:t xml:space="preserve">          isBindKey = bitmask &amp; WRAP_BIND_KEY_FLAG,</w:t>
            </w:r>
          </w:p>
          <w:p w:rsidR="00156FB3" w:rsidRDefault="00156FB3" w:rsidP="00156FB3">
            <w:r>
              <w:t xml:space="preserve">          isCurried = bitmask &amp; (WRAP_CURRY_FLAG | WRAP_CURRY_RIGHT_FLAG),</w:t>
            </w:r>
          </w:p>
          <w:p w:rsidR="00156FB3" w:rsidRDefault="00156FB3" w:rsidP="00156FB3">
            <w:r>
              <w:t xml:space="preserve">          isFlip = bitmask &amp; WRAP_FLIP_FLAG,</w:t>
            </w:r>
          </w:p>
          <w:p w:rsidR="00156FB3" w:rsidRDefault="00156FB3" w:rsidP="00156FB3">
            <w:r>
              <w:t xml:space="preserve">          Ctor = isBindKey ? undefined : createCtor(func);</w:t>
            </w:r>
          </w:p>
          <w:p w:rsidR="00156FB3" w:rsidRDefault="00156FB3" w:rsidP="00156FB3"/>
          <w:p w:rsidR="00156FB3" w:rsidRDefault="00156FB3" w:rsidP="00156FB3">
            <w:r>
              <w:t xml:space="preserve">      function wrapper() {</w:t>
            </w:r>
          </w:p>
          <w:p w:rsidR="00156FB3" w:rsidRDefault="00156FB3" w:rsidP="00156FB3">
            <w:r>
              <w:t xml:space="preserve">        var length = arguments.length,</w:t>
            </w:r>
          </w:p>
          <w:p w:rsidR="00156FB3" w:rsidRDefault="00156FB3" w:rsidP="00156FB3">
            <w:r>
              <w:t xml:space="preserve">            args = Array(length),</w:t>
            </w:r>
          </w:p>
          <w:p w:rsidR="00156FB3" w:rsidRDefault="00156FB3" w:rsidP="00156FB3">
            <w:r>
              <w:t xml:space="preserve">            index = length;</w:t>
            </w:r>
          </w:p>
          <w:p w:rsidR="00156FB3" w:rsidRDefault="00156FB3" w:rsidP="00156FB3"/>
          <w:p w:rsidR="00156FB3" w:rsidRDefault="00156FB3" w:rsidP="00156FB3">
            <w:r>
              <w:lastRenderedPageBreak/>
              <w:t xml:space="preserve">        while (index--) {</w:t>
            </w:r>
          </w:p>
          <w:p w:rsidR="00156FB3" w:rsidRDefault="00156FB3" w:rsidP="00156FB3">
            <w:r>
              <w:t xml:space="preserve">          args[index] = arguments[index];</w:t>
            </w:r>
          </w:p>
          <w:p w:rsidR="00156FB3" w:rsidRDefault="00156FB3" w:rsidP="00156FB3">
            <w:r>
              <w:t xml:space="preserve">        }</w:t>
            </w:r>
          </w:p>
          <w:p w:rsidR="00156FB3" w:rsidRDefault="00156FB3" w:rsidP="00156FB3">
            <w:r>
              <w:t xml:space="preserve">        if (isCurried) {</w:t>
            </w:r>
          </w:p>
          <w:p w:rsidR="00156FB3" w:rsidRDefault="00156FB3" w:rsidP="00156FB3">
            <w:r>
              <w:t xml:space="preserve">          var placeholder = getHolder(wrapper),</w:t>
            </w:r>
          </w:p>
          <w:p w:rsidR="00156FB3" w:rsidRDefault="00156FB3" w:rsidP="00156FB3">
            <w:r>
              <w:t xml:space="preserve">              holdersCount = countHolders(args, placeholder);</w:t>
            </w:r>
          </w:p>
          <w:p w:rsidR="00156FB3" w:rsidRDefault="00156FB3" w:rsidP="00156FB3">
            <w:r>
              <w:t xml:space="preserve">        }</w:t>
            </w:r>
          </w:p>
          <w:p w:rsidR="00156FB3" w:rsidRDefault="00156FB3" w:rsidP="00156FB3">
            <w:r>
              <w:t xml:space="preserve">        if (partials) {</w:t>
            </w:r>
          </w:p>
          <w:p w:rsidR="00156FB3" w:rsidRDefault="00156FB3" w:rsidP="00156FB3">
            <w:r>
              <w:t xml:space="preserve">          args = composeArgs(args, partials, holders, isCurried);</w:t>
            </w:r>
          </w:p>
          <w:p w:rsidR="00156FB3" w:rsidRDefault="00156FB3" w:rsidP="00156FB3">
            <w:r>
              <w:t xml:space="preserve">        }</w:t>
            </w:r>
          </w:p>
          <w:p w:rsidR="00156FB3" w:rsidRDefault="00156FB3" w:rsidP="00156FB3">
            <w:r>
              <w:t xml:space="preserve">        if (partialsRight) {</w:t>
            </w:r>
          </w:p>
          <w:p w:rsidR="00156FB3" w:rsidRDefault="00156FB3" w:rsidP="00156FB3">
            <w:r>
              <w:t xml:space="preserve">          args = composeArgsRight(args, partialsRight, holdersRight, isCurried);</w:t>
            </w:r>
          </w:p>
          <w:p w:rsidR="00156FB3" w:rsidRDefault="00156FB3" w:rsidP="00156FB3">
            <w:r>
              <w:t xml:space="preserve">        }</w:t>
            </w:r>
          </w:p>
          <w:p w:rsidR="00156FB3" w:rsidRDefault="00156FB3" w:rsidP="00156FB3">
            <w:r>
              <w:t xml:space="preserve">        length -= holdersCount;</w:t>
            </w:r>
          </w:p>
          <w:p w:rsidR="00156FB3" w:rsidRDefault="00156FB3" w:rsidP="00156FB3">
            <w:r>
              <w:t xml:space="preserve">        if (isCurried &amp;&amp; length &lt; arity) {</w:t>
            </w:r>
          </w:p>
          <w:p w:rsidR="00156FB3" w:rsidRDefault="00156FB3" w:rsidP="00156FB3">
            <w:r>
              <w:t xml:space="preserve">          var newHolders = replaceHolders(args, placeholder);</w:t>
            </w:r>
          </w:p>
          <w:p w:rsidR="00156FB3" w:rsidRDefault="00156FB3" w:rsidP="00156FB3">
            <w:r>
              <w:t xml:space="preserve">          return createRecurry(</w:t>
            </w:r>
          </w:p>
          <w:p w:rsidR="00156FB3" w:rsidRDefault="00156FB3" w:rsidP="00156FB3">
            <w:r>
              <w:t xml:space="preserve">            func, bitmask, createHybrid, wrapper.placeholder, thisArg,</w:t>
            </w:r>
          </w:p>
          <w:p w:rsidR="00156FB3" w:rsidRDefault="00156FB3" w:rsidP="00156FB3">
            <w:r>
              <w:t xml:space="preserve">            args, newHolders, argPos, ary, arity - length</w:t>
            </w:r>
          </w:p>
          <w:p w:rsidR="00156FB3" w:rsidRDefault="00156FB3" w:rsidP="00156FB3">
            <w:r>
              <w:t xml:space="preserve">          );</w:t>
            </w:r>
          </w:p>
          <w:p w:rsidR="00156FB3" w:rsidRDefault="00156FB3" w:rsidP="00156FB3">
            <w:r>
              <w:t xml:space="preserve">        }</w:t>
            </w:r>
          </w:p>
          <w:p w:rsidR="00156FB3" w:rsidRDefault="00156FB3" w:rsidP="00156FB3">
            <w:r>
              <w:t xml:space="preserve">        var thisBinding = isBind ? thisArg : this,</w:t>
            </w:r>
          </w:p>
          <w:p w:rsidR="00156FB3" w:rsidRDefault="00156FB3" w:rsidP="00156FB3">
            <w:r>
              <w:t xml:space="preserve">            fn = isBindKey ? thisBinding[func] : func;</w:t>
            </w:r>
          </w:p>
          <w:p w:rsidR="00156FB3" w:rsidRDefault="00156FB3" w:rsidP="00156FB3"/>
          <w:p w:rsidR="00156FB3" w:rsidRDefault="00156FB3" w:rsidP="00156FB3">
            <w:r>
              <w:t xml:space="preserve">        length = args.length;</w:t>
            </w:r>
          </w:p>
          <w:p w:rsidR="00156FB3" w:rsidRDefault="00156FB3" w:rsidP="00156FB3">
            <w:r>
              <w:t xml:space="preserve">        if (argPos) {</w:t>
            </w:r>
          </w:p>
          <w:p w:rsidR="00156FB3" w:rsidRDefault="00156FB3" w:rsidP="00156FB3">
            <w:r>
              <w:t xml:space="preserve">          args = reorder(args, argPos);</w:t>
            </w:r>
          </w:p>
          <w:p w:rsidR="00156FB3" w:rsidRDefault="00156FB3" w:rsidP="00156FB3">
            <w:r>
              <w:t xml:space="preserve">        } else if (isFlip &amp;&amp; length &gt; 1) {</w:t>
            </w:r>
          </w:p>
          <w:p w:rsidR="00156FB3" w:rsidRDefault="00156FB3" w:rsidP="00156FB3">
            <w:r>
              <w:t xml:space="preserve">          args.reverse();</w:t>
            </w:r>
          </w:p>
          <w:p w:rsidR="00156FB3" w:rsidRDefault="00156FB3" w:rsidP="00156FB3">
            <w:r>
              <w:t xml:space="preserve">        }</w:t>
            </w:r>
          </w:p>
          <w:p w:rsidR="00156FB3" w:rsidRDefault="00156FB3" w:rsidP="00156FB3">
            <w:r>
              <w:t xml:space="preserve">        if (isAry &amp;&amp; ary &lt; length) {</w:t>
            </w:r>
          </w:p>
          <w:p w:rsidR="00156FB3" w:rsidRDefault="00156FB3" w:rsidP="00156FB3">
            <w:r>
              <w:t xml:space="preserve">          args.length = ary;</w:t>
            </w:r>
          </w:p>
          <w:p w:rsidR="00156FB3" w:rsidRDefault="00156FB3" w:rsidP="00156FB3">
            <w:r>
              <w:t xml:space="preserve">        }</w:t>
            </w:r>
          </w:p>
          <w:p w:rsidR="00156FB3" w:rsidRDefault="00156FB3" w:rsidP="00156FB3">
            <w:r>
              <w:t xml:space="preserve">        if (this &amp;&amp; this !== root &amp;&amp; this instanceof wrapper) {</w:t>
            </w:r>
          </w:p>
          <w:p w:rsidR="00156FB3" w:rsidRDefault="00156FB3" w:rsidP="00156FB3">
            <w:r>
              <w:t xml:space="preserve">          fn = Ctor || createCtor(fn);</w:t>
            </w:r>
          </w:p>
          <w:p w:rsidR="00156FB3" w:rsidRDefault="00156FB3" w:rsidP="00156FB3">
            <w:r>
              <w:t xml:space="preserve">        }</w:t>
            </w:r>
          </w:p>
          <w:p w:rsidR="00156FB3" w:rsidRDefault="00156FB3" w:rsidP="00156FB3">
            <w:r>
              <w:t xml:space="preserve">        return fn.apply(thisBinding, args);</w:t>
            </w:r>
          </w:p>
          <w:p w:rsidR="00156FB3" w:rsidRDefault="00156FB3" w:rsidP="00156FB3">
            <w:r>
              <w:t xml:space="preserve">      }</w:t>
            </w:r>
          </w:p>
          <w:p w:rsidR="00156FB3" w:rsidRDefault="00156FB3" w:rsidP="00156FB3">
            <w:r>
              <w:t xml:space="preserve">      return wrapp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like `_.invertBy`.</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setter The function to set accumulator values.</w:t>
            </w:r>
          </w:p>
          <w:p w:rsidR="00156FB3" w:rsidRDefault="00156FB3" w:rsidP="00156FB3">
            <w:r>
              <w:t xml:space="preserve">     * @param {Function} toIteratee The function to resolve iteratees.</w:t>
            </w:r>
          </w:p>
          <w:p w:rsidR="00156FB3" w:rsidRDefault="00156FB3" w:rsidP="00156FB3">
            <w:r>
              <w:t xml:space="preserve">     * @returns {Function} Returns the new inverter function.</w:t>
            </w:r>
          </w:p>
          <w:p w:rsidR="00156FB3" w:rsidRDefault="00156FB3" w:rsidP="00156FB3">
            <w:r>
              <w:lastRenderedPageBreak/>
              <w:t xml:space="preserve">     */</w:t>
            </w:r>
          </w:p>
          <w:p w:rsidR="00156FB3" w:rsidRDefault="00156FB3" w:rsidP="00156FB3">
            <w:r>
              <w:t xml:space="preserve">    function createInverter(setter, toIteratee) {</w:t>
            </w:r>
          </w:p>
          <w:p w:rsidR="00156FB3" w:rsidRDefault="00156FB3" w:rsidP="00156FB3">
            <w:r>
              <w:t xml:space="preserve">      return function(object, iteratee) {</w:t>
            </w:r>
          </w:p>
          <w:p w:rsidR="00156FB3" w:rsidRDefault="00156FB3" w:rsidP="00156FB3">
            <w:r>
              <w:t xml:space="preserve">        return baseInverter(object, setter, toIteratee(iterate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performs a mathematical operation on two values.</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operator The function to perform the operation.</w:t>
            </w:r>
          </w:p>
          <w:p w:rsidR="00156FB3" w:rsidRDefault="00156FB3" w:rsidP="00156FB3">
            <w:r>
              <w:t xml:space="preserve">     * @param {number} [defaultValue] The value used for `undefined` arguments.</w:t>
            </w:r>
          </w:p>
          <w:p w:rsidR="00156FB3" w:rsidRDefault="00156FB3" w:rsidP="00156FB3">
            <w:r>
              <w:t xml:space="preserve">     * @returns {Function} Returns the new mathematical operation function.</w:t>
            </w:r>
          </w:p>
          <w:p w:rsidR="00156FB3" w:rsidRDefault="00156FB3" w:rsidP="00156FB3">
            <w:r>
              <w:t xml:space="preserve">     */</w:t>
            </w:r>
          </w:p>
          <w:p w:rsidR="00156FB3" w:rsidRDefault="00156FB3" w:rsidP="00156FB3">
            <w:r>
              <w:t xml:space="preserve">    function createMathOperation(operator, defaultValue) {</w:t>
            </w:r>
          </w:p>
          <w:p w:rsidR="00156FB3" w:rsidRDefault="00156FB3" w:rsidP="00156FB3">
            <w:r>
              <w:t xml:space="preserve">      return function(value, other) {</w:t>
            </w:r>
          </w:p>
          <w:p w:rsidR="00156FB3" w:rsidRDefault="00156FB3" w:rsidP="00156FB3">
            <w:r>
              <w:t xml:space="preserve">        var result;</w:t>
            </w:r>
          </w:p>
          <w:p w:rsidR="00156FB3" w:rsidRDefault="00156FB3" w:rsidP="00156FB3">
            <w:r>
              <w:t xml:space="preserve">        if (value === undefined &amp;&amp; other === undefined) {</w:t>
            </w:r>
          </w:p>
          <w:p w:rsidR="00156FB3" w:rsidRDefault="00156FB3" w:rsidP="00156FB3">
            <w:r>
              <w:t xml:space="preserve">          return defaultValue;</w:t>
            </w:r>
          </w:p>
          <w:p w:rsidR="00156FB3" w:rsidRDefault="00156FB3" w:rsidP="00156FB3">
            <w:r>
              <w:t xml:space="preserve">        }</w:t>
            </w:r>
          </w:p>
          <w:p w:rsidR="00156FB3" w:rsidRDefault="00156FB3" w:rsidP="00156FB3">
            <w:r>
              <w:t xml:space="preserve">        if (value !== undefined) {</w:t>
            </w:r>
          </w:p>
          <w:p w:rsidR="00156FB3" w:rsidRDefault="00156FB3" w:rsidP="00156FB3">
            <w:r>
              <w:t xml:space="preserve">          result = value;</w:t>
            </w:r>
          </w:p>
          <w:p w:rsidR="00156FB3" w:rsidRDefault="00156FB3" w:rsidP="00156FB3">
            <w:r>
              <w:t xml:space="preserve">        }</w:t>
            </w:r>
          </w:p>
          <w:p w:rsidR="00156FB3" w:rsidRDefault="00156FB3" w:rsidP="00156FB3">
            <w:r>
              <w:t xml:space="preserve">        if (other !== undefined) {</w:t>
            </w:r>
          </w:p>
          <w:p w:rsidR="00156FB3" w:rsidRDefault="00156FB3" w:rsidP="00156FB3">
            <w:r>
              <w:t xml:space="preserve">          if (result === undefined) {</w:t>
            </w:r>
          </w:p>
          <w:p w:rsidR="00156FB3" w:rsidRDefault="00156FB3" w:rsidP="00156FB3">
            <w:r>
              <w:t xml:space="preserve">            return other;</w:t>
            </w:r>
          </w:p>
          <w:p w:rsidR="00156FB3" w:rsidRDefault="00156FB3" w:rsidP="00156FB3">
            <w:r>
              <w:t xml:space="preserve">          }</w:t>
            </w:r>
          </w:p>
          <w:p w:rsidR="00156FB3" w:rsidRDefault="00156FB3" w:rsidP="00156FB3">
            <w:r>
              <w:t xml:space="preserve">          if (typeof value == 'string' || typeof other == 'string') {</w:t>
            </w:r>
          </w:p>
          <w:p w:rsidR="00156FB3" w:rsidRDefault="00156FB3" w:rsidP="00156FB3">
            <w:r>
              <w:t xml:space="preserve">            value = baseToString(value);</w:t>
            </w:r>
          </w:p>
          <w:p w:rsidR="00156FB3" w:rsidRDefault="00156FB3" w:rsidP="00156FB3">
            <w:r>
              <w:t xml:space="preserve">            other = baseToString(other);</w:t>
            </w:r>
          </w:p>
          <w:p w:rsidR="00156FB3" w:rsidRDefault="00156FB3" w:rsidP="00156FB3">
            <w:r>
              <w:t xml:space="preserve">          } else {</w:t>
            </w:r>
          </w:p>
          <w:p w:rsidR="00156FB3" w:rsidRDefault="00156FB3" w:rsidP="00156FB3">
            <w:r>
              <w:t xml:space="preserve">            value = baseToNumber(value);</w:t>
            </w:r>
          </w:p>
          <w:p w:rsidR="00156FB3" w:rsidRDefault="00156FB3" w:rsidP="00156FB3">
            <w:r>
              <w:t xml:space="preserve">            other = baseToNumber(other);</w:t>
            </w:r>
          </w:p>
          <w:p w:rsidR="00156FB3" w:rsidRDefault="00156FB3" w:rsidP="00156FB3">
            <w:r>
              <w:t xml:space="preserve">          }</w:t>
            </w:r>
          </w:p>
          <w:p w:rsidR="00156FB3" w:rsidRDefault="00156FB3" w:rsidP="00156FB3">
            <w:r>
              <w:t xml:space="preserve">          result = operator(value, other);</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like `_.over`.</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arrayFunc The function to iterate over iteratees.</w:t>
            </w:r>
          </w:p>
          <w:p w:rsidR="00156FB3" w:rsidRDefault="00156FB3" w:rsidP="00156FB3">
            <w:r>
              <w:t xml:space="preserve">     * @returns {Function} Returns the new over function.</w:t>
            </w:r>
          </w:p>
          <w:p w:rsidR="00156FB3" w:rsidRDefault="00156FB3" w:rsidP="00156FB3">
            <w:r>
              <w:t xml:space="preserve">     */</w:t>
            </w:r>
          </w:p>
          <w:p w:rsidR="00156FB3" w:rsidRDefault="00156FB3" w:rsidP="00156FB3">
            <w:r>
              <w:lastRenderedPageBreak/>
              <w:t xml:space="preserve">    function createOver(arrayFunc) {</w:t>
            </w:r>
          </w:p>
          <w:p w:rsidR="00156FB3" w:rsidRDefault="00156FB3" w:rsidP="00156FB3">
            <w:r>
              <w:t xml:space="preserve">      return flatRest(function(iteratees) {</w:t>
            </w:r>
          </w:p>
          <w:p w:rsidR="00156FB3" w:rsidRDefault="00156FB3" w:rsidP="00156FB3">
            <w:r>
              <w:t xml:space="preserve">        iteratees = arrayMap(iteratees, baseUnary(getIteratee()));</w:t>
            </w:r>
          </w:p>
          <w:p w:rsidR="00156FB3" w:rsidRDefault="00156FB3" w:rsidP="00156FB3">
            <w:r>
              <w:t xml:space="preserve">        return baseRest(function(args) {</w:t>
            </w:r>
          </w:p>
          <w:p w:rsidR="00156FB3" w:rsidRDefault="00156FB3" w:rsidP="00156FB3">
            <w:r>
              <w:t xml:space="preserve">          var thisArg = this;</w:t>
            </w:r>
          </w:p>
          <w:p w:rsidR="00156FB3" w:rsidRDefault="00156FB3" w:rsidP="00156FB3">
            <w:r>
              <w:t xml:space="preserve">          return arrayFunc(iteratees, function(iteratee) {</w:t>
            </w:r>
          </w:p>
          <w:p w:rsidR="00156FB3" w:rsidRDefault="00156FB3" w:rsidP="00156FB3">
            <w:r>
              <w:t xml:space="preserve">            return apply(iteratee, thisArg, args);</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the padding for `string` based on `length`. The `chars` string</w:t>
            </w:r>
          </w:p>
          <w:p w:rsidR="00156FB3" w:rsidRDefault="00156FB3" w:rsidP="00156FB3">
            <w:r>
              <w:t xml:space="preserve">     * is truncated if the number of characters exceeds `length`.</w:t>
            </w:r>
          </w:p>
          <w:p w:rsidR="00156FB3" w:rsidRDefault="00156FB3" w:rsidP="00156FB3">
            <w:r>
              <w:t xml:space="preserve">     *</w:t>
            </w:r>
          </w:p>
          <w:p w:rsidR="00156FB3" w:rsidRDefault="00156FB3" w:rsidP="00156FB3">
            <w:r>
              <w:t xml:space="preserve">     * @private</w:t>
            </w:r>
          </w:p>
          <w:p w:rsidR="00156FB3" w:rsidRDefault="00156FB3" w:rsidP="00156FB3">
            <w:r>
              <w:t xml:space="preserve">     * @param {number} length The padding length.</w:t>
            </w:r>
          </w:p>
          <w:p w:rsidR="00156FB3" w:rsidRDefault="00156FB3" w:rsidP="00156FB3">
            <w:r>
              <w:t xml:space="preserve">     * @param {string} [chars=' '] The string used as padding.</w:t>
            </w:r>
          </w:p>
          <w:p w:rsidR="00156FB3" w:rsidRDefault="00156FB3" w:rsidP="00156FB3">
            <w:r>
              <w:t xml:space="preserve">     * @returns {string} Returns the padding for `string`.</w:t>
            </w:r>
          </w:p>
          <w:p w:rsidR="00156FB3" w:rsidRDefault="00156FB3" w:rsidP="00156FB3">
            <w:r>
              <w:t xml:space="preserve">     */</w:t>
            </w:r>
          </w:p>
          <w:p w:rsidR="00156FB3" w:rsidRDefault="00156FB3" w:rsidP="00156FB3">
            <w:r>
              <w:t xml:space="preserve">    function createPadding(length, chars) {</w:t>
            </w:r>
          </w:p>
          <w:p w:rsidR="00156FB3" w:rsidRDefault="00156FB3" w:rsidP="00156FB3">
            <w:r>
              <w:t xml:space="preserve">      chars = chars === undefined ? ' ' : baseToString(chars);</w:t>
            </w:r>
          </w:p>
          <w:p w:rsidR="00156FB3" w:rsidRDefault="00156FB3" w:rsidP="00156FB3"/>
          <w:p w:rsidR="00156FB3" w:rsidRDefault="00156FB3" w:rsidP="00156FB3">
            <w:r>
              <w:t xml:space="preserve">      var charsLength = chars.length;</w:t>
            </w:r>
          </w:p>
          <w:p w:rsidR="00156FB3" w:rsidRDefault="00156FB3" w:rsidP="00156FB3">
            <w:r>
              <w:t xml:space="preserve">      if (charsLength &lt; 2) {</w:t>
            </w:r>
          </w:p>
          <w:p w:rsidR="00156FB3" w:rsidRDefault="00156FB3" w:rsidP="00156FB3">
            <w:r>
              <w:t xml:space="preserve">        return charsLength ? baseRepeat(chars, length) : chars;</w:t>
            </w:r>
          </w:p>
          <w:p w:rsidR="00156FB3" w:rsidRDefault="00156FB3" w:rsidP="00156FB3">
            <w:r>
              <w:t xml:space="preserve">      }</w:t>
            </w:r>
          </w:p>
          <w:p w:rsidR="00156FB3" w:rsidRDefault="00156FB3" w:rsidP="00156FB3">
            <w:r>
              <w:t xml:space="preserve">      var result = baseRepeat(chars, nativeCeil(length / stringSize(chars)));</w:t>
            </w:r>
          </w:p>
          <w:p w:rsidR="00156FB3" w:rsidRDefault="00156FB3" w:rsidP="00156FB3">
            <w:r>
              <w:t xml:space="preserve">      return hasUnicode(chars)</w:t>
            </w:r>
          </w:p>
          <w:p w:rsidR="00156FB3" w:rsidRDefault="00156FB3" w:rsidP="00156FB3">
            <w:r>
              <w:t xml:space="preserve">        ? castSlice(stringToArray(result), 0, length).join('')</w:t>
            </w:r>
          </w:p>
          <w:p w:rsidR="00156FB3" w:rsidRDefault="00156FB3" w:rsidP="00156FB3">
            <w:r>
              <w:t xml:space="preserve">        : result.slice(0, length);</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wraps `func` to invoke it with the `this` binding</w:t>
            </w:r>
          </w:p>
          <w:p w:rsidR="00156FB3" w:rsidRDefault="00156FB3" w:rsidP="00156FB3">
            <w:r>
              <w:t xml:space="preserve">     * of `thisArg` and `partials` prepended to the arguments it receives.</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unc The function to wrap.</w:t>
            </w:r>
          </w:p>
          <w:p w:rsidR="00156FB3" w:rsidRDefault="00156FB3" w:rsidP="00156FB3">
            <w:r>
              <w:t xml:space="preserve">     * @param {number} bitmask The bitmask flags. See `createWrap` for more details.</w:t>
            </w:r>
          </w:p>
          <w:p w:rsidR="00156FB3" w:rsidRDefault="00156FB3" w:rsidP="00156FB3">
            <w:r>
              <w:t xml:space="preserve">     * @param {*} thisArg The `this` binding of `func`.</w:t>
            </w:r>
          </w:p>
          <w:p w:rsidR="00156FB3" w:rsidRDefault="00156FB3" w:rsidP="00156FB3">
            <w:r>
              <w:t xml:space="preserve">     * @param {Array} partials The arguments to prepend to those provided to</w:t>
            </w:r>
          </w:p>
          <w:p w:rsidR="00156FB3" w:rsidRDefault="00156FB3" w:rsidP="00156FB3">
            <w:r>
              <w:t xml:space="preserve">     *  the new function.</w:t>
            </w:r>
          </w:p>
          <w:p w:rsidR="00156FB3" w:rsidRDefault="00156FB3" w:rsidP="00156FB3">
            <w:r>
              <w:t xml:space="preserve">     * @returns {Function} Returns the new wrapped function.</w:t>
            </w:r>
          </w:p>
          <w:p w:rsidR="00156FB3" w:rsidRDefault="00156FB3" w:rsidP="00156FB3">
            <w:r>
              <w:t xml:space="preserve">     */</w:t>
            </w:r>
          </w:p>
          <w:p w:rsidR="00156FB3" w:rsidRDefault="00156FB3" w:rsidP="00156FB3">
            <w:r>
              <w:t xml:space="preserve">    function createPartial(func, bitmask, thisArg, partials) {</w:t>
            </w:r>
          </w:p>
          <w:p w:rsidR="00156FB3" w:rsidRDefault="00156FB3" w:rsidP="00156FB3">
            <w:r>
              <w:t xml:space="preserve">      var isBind = bitmask &amp; WRAP_BIND_FLAG,</w:t>
            </w:r>
          </w:p>
          <w:p w:rsidR="00156FB3" w:rsidRDefault="00156FB3" w:rsidP="00156FB3">
            <w:r>
              <w:lastRenderedPageBreak/>
              <w:t xml:space="preserve">          Ctor = createCtor(func);</w:t>
            </w:r>
          </w:p>
          <w:p w:rsidR="00156FB3" w:rsidRDefault="00156FB3" w:rsidP="00156FB3"/>
          <w:p w:rsidR="00156FB3" w:rsidRDefault="00156FB3" w:rsidP="00156FB3">
            <w:r>
              <w:t xml:space="preserve">      function wrapper() {</w:t>
            </w:r>
          </w:p>
          <w:p w:rsidR="00156FB3" w:rsidRDefault="00156FB3" w:rsidP="00156FB3">
            <w:r>
              <w:t xml:space="preserve">        var argsIndex = -1,</w:t>
            </w:r>
          </w:p>
          <w:p w:rsidR="00156FB3" w:rsidRDefault="00156FB3" w:rsidP="00156FB3">
            <w:r>
              <w:t xml:space="preserve">            argsLength = arguments.length,</w:t>
            </w:r>
          </w:p>
          <w:p w:rsidR="00156FB3" w:rsidRDefault="00156FB3" w:rsidP="00156FB3">
            <w:r>
              <w:t xml:space="preserve">            leftIndex = -1,</w:t>
            </w:r>
          </w:p>
          <w:p w:rsidR="00156FB3" w:rsidRDefault="00156FB3" w:rsidP="00156FB3">
            <w:r>
              <w:t xml:space="preserve">            leftLength = partials.length,</w:t>
            </w:r>
          </w:p>
          <w:p w:rsidR="00156FB3" w:rsidRDefault="00156FB3" w:rsidP="00156FB3">
            <w:r>
              <w:t xml:space="preserve">            args = Array(leftLength + argsLength),</w:t>
            </w:r>
          </w:p>
          <w:p w:rsidR="00156FB3" w:rsidRDefault="00156FB3" w:rsidP="00156FB3">
            <w:r>
              <w:t xml:space="preserve">            fn = (this &amp;&amp; this !== root &amp;&amp; this instanceof wrapper) ? Ctor : func;</w:t>
            </w:r>
          </w:p>
          <w:p w:rsidR="00156FB3" w:rsidRDefault="00156FB3" w:rsidP="00156FB3"/>
          <w:p w:rsidR="00156FB3" w:rsidRDefault="00156FB3" w:rsidP="00156FB3">
            <w:r>
              <w:t xml:space="preserve">        while (++leftIndex &lt; leftLength) {</w:t>
            </w:r>
          </w:p>
          <w:p w:rsidR="00156FB3" w:rsidRDefault="00156FB3" w:rsidP="00156FB3">
            <w:r>
              <w:t xml:space="preserve">          args[leftIndex] = partials[leftIndex];</w:t>
            </w:r>
          </w:p>
          <w:p w:rsidR="00156FB3" w:rsidRDefault="00156FB3" w:rsidP="00156FB3">
            <w:r>
              <w:t xml:space="preserve">        }</w:t>
            </w:r>
          </w:p>
          <w:p w:rsidR="00156FB3" w:rsidRDefault="00156FB3" w:rsidP="00156FB3">
            <w:r>
              <w:t xml:space="preserve">        while (argsLength--) {</w:t>
            </w:r>
          </w:p>
          <w:p w:rsidR="00156FB3" w:rsidRDefault="00156FB3" w:rsidP="00156FB3">
            <w:r>
              <w:t xml:space="preserve">          args[leftIndex++] = arguments[++argsIndex];</w:t>
            </w:r>
          </w:p>
          <w:p w:rsidR="00156FB3" w:rsidRDefault="00156FB3" w:rsidP="00156FB3">
            <w:r>
              <w:t xml:space="preserve">        }</w:t>
            </w:r>
          </w:p>
          <w:p w:rsidR="00156FB3" w:rsidRDefault="00156FB3" w:rsidP="00156FB3">
            <w:r>
              <w:t xml:space="preserve">        return apply(fn, isBind ? thisArg : this, args);</w:t>
            </w:r>
          </w:p>
          <w:p w:rsidR="00156FB3" w:rsidRDefault="00156FB3" w:rsidP="00156FB3">
            <w:r>
              <w:t xml:space="preserve">      }</w:t>
            </w:r>
          </w:p>
          <w:p w:rsidR="00156FB3" w:rsidRDefault="00156FB3" w:rsidP="00156FB3">
            <w:r>
              <w:t xml:space="preserve">      return wrapp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_.range` or `_.rangeRight` function.</w:t>
            </w:r>
          </w:p>
          <w:p w:rsidR="00156FB3" w:rsidRDefault="00156FB3" w:rsidP="00156FB3">
            <w:r>
              <w:t xml:space="preserve">     *</w:t>
            </w:r>
          </w:p>
          <w:p w:rsidR="00156FB3" w:rsidRDefault="00156FB3" w:rsidP="00156FB3">
            <w:r>
              <w:t xml:space="preserve">     * @private</w:t>
            </w:r>
          </w:p>
          <w:p w:rsidR="00156FB3" w:rsidRDefault="00156FB3" w:rsidP="00156FB3">
            <w:r>
              <w:t xml:space="preserve">     * @param {boolean} [fromRight] Specify iterating from right to left.</w:t>
            </w:r>
          </w:p>
          <w:p w:rsidR="00156FB3" w:rsidRDefault="00156FB3" w:rsidP="00156FB3">
            <w:r>
              <w:t xml:space="preserve">     * @returns {Function} Returns the new range function.</w:t>
            </w:r>
          </w:p>
          <w:p w:rsidR="00156FB3" w:rsidRDefault="00156FB3" w:rsidP="00156FB3">
            <w:r>
              <w:t xml:space="preserve">     */</w:t>
            </w:r>
          </w:p>
          <w:p w:rsidR="00156FB3" w:rsidRDefault="00156FB3" w:rsidP="00156FB3">
            <w:r>
              <w:t xml:space="preserve">    function createRange(fromRight) {</w:t>
            </w:r>
          </w:p>
          <w:p w:rsidR="00156FB3" w:rsidRDefault="00156FB3" w:rsidP="00156FB3">
            <w:r>
              <w:t xml:space="preserve">      return function(start, end, step) {</w:t>
            </w:r>
          </w:p>
          <w:p w:rsidR="00156FB3" w:rsidRDefault="00156FB3" w:rsidP="00156FB3">
            <w:r>
              <w:t xml:space="preserve">        if (step &amp;&amp; typeof step != 'number' &amp;&amp; isIterateeCall(start, end, step)) {</w:t>
            </w:r>
          </w:p>
          <w:p w:rsidR="00156FB3" w:rsidRDefault="00156FB3" w:rsidP="00156FB3">
            <w:r>
              <w:t xml:space="preserve">          end = step = undefined;</w:t>
            </w:r>
          </w:p>
          <w:p w:rsidR="00156FB3" w:rsidRDefault="00156FB3" w:rsidP="00156FB3">
            <w:r>
              <w:t xml:space="preserve">        }</w:t>
            </w:r>
          </w:p>
          <w:p w:rsidR="00156FB3" w:rsidRDefault="00156FB3" w:rsidP="00156FB3">
            <w:r>
              <w:t xml:space="preserve">        // Ensure the sign of `-0` is preserved.</w:t>
            </w:r>
          </w:p>
          <w:p w:rsidR="00156FB3" w:rsidRDefault="00156FB3" w:rsidP="00156FB3">
            <w:r>
              <w:t xml:space="preserve">        start = toFinite(start);</w:t>
            </w:r>
          </w:p>
          <w:p w:rsidR="00156FB3" w:rsidRDefault="00156FB3" w:rsidP="00156FB3">
            <w:r>
              <w:t xml:space="preserve">        if (end === undefined) {</w:t>
            </w:r>
          </w:p>
          <w:p w:rsidR="00156FB3" w:rsidRDefault="00156FB3" w:rsidP="00156FB3">
            <w:r>
              <w:t xml:space="preserve">          end = start;</w:t>
            </w:r>
          </w:p>
          <w:p w:rsidR="00156FB3" w:rsidRDefault="00156FB3" w:rsidP="00156FB3">
            <w:r>
              <w:t xml:space="preserve">          start = 0;</w:t>
            </w:r>
          </w:p>
          <w:p w:rsidR="00156FB3" w:rsidRDefault="00156FB3" w:rsidP="00156FB3">
            <w:r>
              <w:t xml:space="preserve">        } else {</w:t>
            </w:r>
          </w:p>
          <w:p w:rsidR="00156FB3" w:rsidRDefault="00156FB3" w:rsidP="00156FB3">
            <w:r>
              <w:t xml:space="preserve">          end = toFinite(end);</w:t>
            </w:r>
          </w:p>
          <w:p w:rsidR="00156FB3" w:rsidRDefault="00156FB3" w:rsidP="00156FB3">
            <w:r>
              <w:t xml:space="preserve">        }</w:t>
            </w:r>
          </w:p>
          <w:p w:rsidR="00156FB3" w:rsidRDefault="00156FB3" w:rsidP="00156FB3">
            <w:r>
              <w:t xml:space="preserve">        step = step === undefined ? (start &lt; end ? 1 : -1) : toFinite(step);</w:t>
            </w:r>
          </w:p>
          <w:p w:rsidR="00156FB3" w:rsidRDefault="00156FB3" w:rsidP="00156FB3">
            <w:r>
              <w:t xml:space="preserve">        return baseRange(start, end, step, fromRigh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performs a relational operation on two values.</w:t>
            </w:r>
          </w:p>
          <w:p w:rsidR="00156FB3" w:rsidRDefault="00156FB3" w:rsidP="00156FB3">
            <w:r>
              <w:lastRenderedPageBreak/>
              <w:t xml:space="preserve">     *</w:t>
            </w:r>
          </w:p>
          <w:p w:rsidR="00156FB3" w:rsidRDefault="00156FB3" w:rsidP="00156FB3">
            <w:r>
              <w:t xml:space="preserve">     * @private</w:t>
            </w:r>
          </w:p>
          <w:p w:rsidR="00156FB3" w:rsidRDefault="00156FB3" w:rsidP="00156FB3">
            <w:r>
              <w:t xml:space="preserve">     * @param {Function} operator The function to perform the operation.</w:t>
            </w:r>
          </w:p>
          <w:p w:rsidR="00156FB3" w:rsidRDefault="00156FB3" w:rsidP="00156FB3">
            <w:r>
              <w:t xml:space="preserve">     * @returns {Function} Returns the new relational operation function.</w:t>
            </w:r>
          </w:p>
          <w:p w:rsidR="00156FB3" w:rsidRDefault="00156FB3" w:rsidP="00156FB3">
            <w:r>
              <w:t xml:space="preserve">     */</w:t>
            </w:r>
          </w:p>
          <w:p w:rsidR="00156FB3" w:rsidRDefault="00156FB3" w:rsidP="00156FB3">
            <w:r>
              <w:t xml:space="preserve">    function createRelationalOperation(operator) {</w:t>
            </w:r>
          </w:p>
          <w:p w:rsidR="00156FB3" w:rsidRDefault="00156FB3" w:rsidP="00156FB3">
            <w:r>
              <w:t xml:space="preserve">      return function(value, other) {</w:t>
            </w:r>
          </w:p>
          <w:p w:rsidR="00156FB3" w:rsidRDefault="00156FB3" w:rsidP="00156FB3">
            <w:r>
              <w:t xml:space="preserve">        if (!(typeof value == 'string' &amp;&amp; typeof other == 'string')) {</w:t>
            </w:r>
          </w:p>
          <w:p w:rsidR="00156FB3" w:rsidRDefault="00156FB3" w:rsidP="00156FB3">
            <w:r>
              <w:t xml:space="preserve">          value = toNumber(value);</w:t>
            </w:r>
          </w:p>
          <w:p w:rsidR="00156FB3" w:rsidRDefault="00156FB3" w:rsidP="00156FB3">
            <w:r>
              <w:t xml:space="preserve">          other = toNumber(other);</w:t>
            </w:r>
          </w:p>
          <w:p w:rsidR="00156FB3" w:rsidRDefault="00156FB3" w:rsidP="00156FB3">
            <w:r>
              <w:t xml:space="preserve">        }</w:t>
            </w:r>
          </w:p>
          <w:p w:rsidR="00156FB3" w:rsidRDefault="00156FB3" w:rsidP="00156FB3">
            <w:r>
              <w:t xml:space="preserve">        return operator(value, other);</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wraps `func` to continue currying.</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unc The function to wrap.</w:t>
            </w:r>
          </w:p>
          <w:p w:rsidR="00156FB3" w:rsidRDefault="00156FB3" w:rsidP="00156FB3">
            <w:r>
              <w:t xml:space="preserve">     * @param {number} bitmask The bitmask flags. See `createWrap` for more details.</w:t>
            </w:r>
          </w:p>
          <w:p w:rsidR="00156FB3" w:rsidRDefault="00156FB3" w:rsidP="00156FB3">
            <w:r>
              <w:t xml:space="preserve">     * @param {Function} wrapFunc The function to create the `func` wrapper.</w:t>
            </w:r>
          </w:p>
          <w:p w:rsidR="00156FB3" w:rsidRDefault="00156FB3" w:rsidP="00156FB3">
            <w:r>
              <w:t xml:space="preserve">     * @param {*} placeholder The placeholder value.</w:t>
            </w:r>
          </w:p>
          <w:p w:rsidR="00156FB3" w:rsidRDefault="00156FB3" w:rsidP="00156FB3">
            <w:r>
              <w:t xml:space="preserve">     * @param {*} [thisArg] The `this` binding of `func`.</w:t>
            </w:r>
          </w:p>
          <w:p w:rsidR="00156FB3" w:rsidRDefault="00156FB3" w:rsidP="00156FB3">
            <w:r>
              <w:t xml:space="preserve">     * @param {Array} [partials] The arguments to prepend to those provided to</w:t>
            </w:r>
          </w:p>
          <w:p w:rsidR="00156FB3" w:rsidRDefault="00156FB3" w:rsidP="00156FB3">
            <w:r>
              <w:t xml:space="preserve">     *  the new function.</w:t>
            </w:r>
          </w:p>
          <w:p w:rsidR="00156FB3" w:rsidRDefault="00156FB3" w:rsidP="00156FB3">
            <w:r>
              <w:t xml:space="preserve">     * @param {Array} [holders] The `partials` placeholder indexes.</w:t>
            </w:r>
          </w:p>
          <w:p w:rsidR="00156FB3" w:rsidRDefault="00156FB3" w:rsidP="00156FB3">
            <w:r>
              <w:t xml:space="preserve">     * @param {Array} [argPos] The argument positions of the new function.</w:t>
            </w:r>
          </w:p>
          <w:p w:rsidR="00156FB3" w:rsidRDefault="00156FB3" w:rsidP="00156FB3">
            <w:r>
              <w:t xml:space="preserve">     * @param {number} [ary] The arity cap of `func`.</w:t>
            </w:r>
          </w:p>
          <w:p w:rsidR="00156FB3" w:rsidRDefault="00156FB3" w:rsidP="00156FB3">
            <w:r>
              <w:t xml:space="preserve">     * @param {number} [arity] The arity of `func`.</w:t>
            </w:r>
          </w:p>
          <w:p w:rsidR="00156FB3" w:rsidRDefault="00156FB3" w:rsidP="00156FB3">
            <w:r>
              <w:t xml:space="preserve">     * @returns {Function} Returns the new wrapped function.</w:t>
            </w:r>
          </w:p>
          <w:p w:rsidR="00156FB3" w:rsidRDefault="00156FB3" w:rsidP="00156FB3">
            <w:r>
              <w:t xml:space="preserve">     */</w:t>
            </w:r>
          </w:p>
          <w:p w:rsidR="00156FB3" w:rsidRDefault="00156FB3" w:rsidP="00156FB3">
            <w:r>
              <w:t xml:space="preserve">    function createRecurry(func, bitmask, wrapFunc, placeholder, thisArg, partials, holders, argPos, ary, arity) {</w:t>
            </w:r>
          </w:p>
          <w:p w:rsidR="00156FB3" w:rsidRDefault="00156FB3" w:rsidP="00156FB3">
            <w:r>
              <w:t xml:space="preserve">      var isCurry = bitmask &amp; WRAP_CURRY_FLAG,</w:t>
            </w:r>
          </w:p>
          <w:p w:rsidR="00156FB3" w:rsidRDefault="00156FB3" w:rsidP="00156FB3">
            <w:r>
              <w:t xml:space="preserve">          newHolders = isCurry ? holders : undefined,</w:t>
            </w:r>
          </w:p>
          <w:p w:rsidR="00156FB3" w:rsidRDefault="00156FB3" w:rsidP="00156FB3">
            <w:r>
              <w:t xml:space="preserve">          newHoldersRight = isCurry ? undefined : holders,</w:t>
            </w:r>
          </w:p>
          <w:p w:rsidR="00156FB3" w:rsidRDefault="00156FB3" w:rsidP="00156FB3">
            <w:r>
              <w:t xml:space="preserve">          newPartials = isCurry ? partials : undefined,</w:t>
            </w:r>
          </w:p>
          <w:p w:rsidR="00156FB3" w:rsidRDefault="00156FB3" w:rsidP="00156FB3">
            <w:r>
              <w:t xml:space="preserve">          newPartialsRight = isCurry ? undefined : partials;</w:t>
            </w:r>
          </w:p>
          <w:p w:rsidR="00156FB3" w:rsidRDefault="00156FB3" w:rsidP="00156FB3"/>
          <w:p w:rsidR="00156FB3" w:rsidRDefault="00156FB3" w:rsidP="00156FB3">
            <w:r>
              <w:t xml:space="preserve">      bitmask |= (isCurry ? WRAP_PARTIAL_FLAG : WRAP_PARTIAL_RIGHT_FLAG);</w:t>
            </w:r>
          </w:p>
          <w:p w:rsidR="00156FB3" w:rsidRDefault="00156FB3" w:rsidP="00156FB3">
            <w:r>
              <w:t xml:space="preserve">      bitmask &amp;= ~(isCurry ? WRAP_PARTIAL_RIGHT_FLAG : WRAP_PARTIAL_FLAG);</w:t>
            </w:r>
          </w:p>
          <w:p w:rsidR="00156FB3" w:rsidRDefault="00156FB3" w:rsidP="00156FB3"/>
          <w:p w:rsidR="00156FB3" w:rsidRDefault="00156FB3" w:rsidP="00156FB3">
            <w:r>
              <w:t xml:space="preserve">      if (!(bitmask &amp; WRAP_CURRY_BOUND_FLAG)) {</w:t>
            </w:r>
          </w:p>
          <w:p w:rsidR="00156FB3" w:rsidRDefault="00156FB3" w:rsidP="00156FB3">
            <w:r>
              <w:t xml:space="preserve">        bitmask &amp;= ~(WRAP_BIND_FLAG | WRAP_BIND_KEY_FLAG);</w:t>
            </w:r>
          </w:p>
          <w:p w:rsidR="00156FB3" w:rsidRDefault="00156FB3" w:rsidP="00156FB3">
            <w:r>
              <w:t xml:space="preserve">      }</w:t>
            </w:r>
          </w:p>
          <w:p w:rsidR="00156FB3" w:rsidRDefault="00156FB3" w:rsidP="00156FB3">
            <w:r>
              <w:t xml:space="preserve">      var newData = [</w:t>
            </w:r>
          </w:p>
          <w:p w:rsidR="00156FB3" w:rsidRDefault="00156FB3" w:rsidP="00156FB3">
            <w:r>
              <w:t xml:space="preserve">        func, bitmask, thisArg, newPartials, newHolders, newPartialsRight,</w:t>
            </w:r>
          </w:p>
          <w:p w:rsidR="00156FB3" w:rsidRDefault="00156FB3" w:rsidP="00156FB3">
            <w:r>
              <w:lastRenderedPageBreak/>
              <w:t xml:space="preserve">        newHoldersRight, argPos, ary, arity</w:t>
            </w:r>
          </w:p>
          <w:p w:rsidR="00156FB3" w:rsidRDefault="00156FB3" w:rsidP="00156FB3">
            <w:r>
              <w:t xml:space="preserve">      ];</w:t>
            </w:r>
          </w:p>
          <w:p w:rsidR="00156FB3" w:rsidRDefault="00156FB3" w:rsidP="00156FB3"/>
          <w:p w:rsidR="00156FB3" w:rsidRDefault="00156FB3" w:rsidP="00156FB3">
            <w:r>
              <w:t xml:space="preserve">      var result = wrapFunc.apply(undefined, newData);</w:t>
            </w:r>
          </w:p>
          <w:p w:rsidR="00156FB3" w:rsidRDefault="00156FB3" w:rsidP="00156FB3">
            <w:r>
              <w:t xml:space="preserve">      if (isLaziable(func)) {</w:t>
            </w:r>
          </w:p>
          <w:p w:rsidR="00156FB3" w:rsidRDefault="00156FB3" w:rsidP="00156FB3">
            <w:r>
              <w:t xml:space="preserve">        setData(result, newData);</w:t>
            </w:r>
          </w:p>
          <w:p w:rsidR="00156FB3" w:rsidRDefault="00156FB3" w:rsidP="00156FB3">
            <w:r>
              <w:t xml:space="preserve">      }</w:t>
            </w:r>
          </w:p>
          <w:p w:rsidR="00156FB3" w:rsidRDefault="00156FB3" w:rsidP="00156FB3">
            <w:r>
              <w:t xml:space="preserve">      result.placeholder = placeholder;</w:t>
            </w:r>
          </w:p>
          <w:p w:rsidR="00156FB3" w:rsidRDefault="00156FB3" w:rsidP="00156FB3">
            <w:r>
              <w:t xml:space="preserve">      return setWrapToString(result, func, bitmask);</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like `_.round`.</w:t>
            </w:r>
          </w:p>
          <w:p w:rsidR="00156FB3" w:rsidRDefault="00156FB3" w:rsidP="00156FB3">
            <w:r>
              <w:t xml:space="preserve">     *</w:t>
            </w:r>
          </w:p>
          <w:p w:rsidR="00156FB3" w:rsidRDefault="00156FB3" w:rsidP="00156FB3">
            <w:r>
              <w:t xml:space="preserve">     * @private</w:t>
            </w:r>
          </w:p>
          <w:p w:rsidR="00156FB3" w:rsidRDefault="00156FB3" w:rsidP="00156FB3">
            <w:r>
              <w:t xml:space="preserve">     * @param {string} methodName The name of the `Math` method to use when rounding.</w:t>
            </w:r>
          </w:p>
          <w:p w:rsidR="00156FB3" w:rsidRDefault="00156FB3" w:rsidP="00156FB3">
            <w:r>
              <w:t xml:space="preserve">     * @returns {Function} Returns the new round function.</w:t>
            </w:r>
          </w:p>
          <w:p w:rsidR="00156FB3" w:rsidRDefault="00156FB3" w:rsidP="00156FB3">
            <w:r>
              <w:t xml:space="preserve">     */</w:t>
            </w:r>
          </w:p>
          <w:p w:rsidR="00156FB3" w:rsidRDefault="00156FB3" w:rsidP="00156FB3">
            <w:r>
              <w:t xml:space="preserve">    function createRound(methodName) {</w:t>
            </w:r>
          </w:p>
          <w:p w:rsidR="00156FB3" w:rsidRDefault="00156FB3" w:rsidP="00156FB3">
            <w:r>
              <w:t xml:space="preserve">      var func = Math[methodName];</w:t>
            </w:r>
          </w:p>
          <w:p w:rsidR="00156FB3" w:rsidRDefault="00156FB3" w:rsidP="00156FB3">
            <w:r>
              <w:t xml:space="preserve">      return function(number, precision) {</w:t>
            </w:r>
          </w:p>
          <w:p w:rsidR="00156FB3" w:rsidRDefault="00156FB3" w:rsidP="00156FB3">
            <w:r>
              <w:t xml:space="preserve">        number = toNumber(number);</w:t>
            </w:r>
          </w:p>
          <w:p w:rsidR="00156FB3" w:rsidRDefault="00156FB3" w:rsidP="00156FB3">
            <w:r>
              <w:t xml:space="preserve">        precision = precision == null ? 0 : nativeMin(toInteger(precision), 292);</w:t>
            </w:r>
          </w:p>
          <w:p w:rsidR="00156FB3" w:rsidRDefault="00156FB3" w:rsidP="00156FB3">
            <w:r>
              <w:t xml:space="preserve">        if (precision &amp;&amp; nativeIsFinite(number)) {</w:t>
            </w:r>
          </w:p>
          <w:p w:rsidR="00156FB3" w:rsidRDefault="00156FB3" w:rsidP="00156FB3">
            <w:r>
              <w:t xml:space="preserve">          // Shift with exponential notation to avoid floating-point issues.</w:t>
            </w:r>
          </w:p>
          <w:p w:rsidR="00156FB3" w:rsidRDefault="00156FB3" w:rsidP="00156FB3">
            <w:r>
              <w:t xml:space="preserve">          // See [MDN](https://mdn.io/round#Examples) for more details.</w:t>
            </w:r>
          </w:p>
          <w:p w:rsidR="00156FB3" w:rsidRDefault="00156FB3" w:rsidP="00156FB3">
            <w:r>
              <w:t xml:space="preserve">          var pair = (toString(number) + 'e').split('e'),</w:t>
            </w:r>
          </w:p>
          <w:p w:rsidR="00156FB3" w:rsidRDefault="00156FB3" w:rsidP="00156FB3">
            <w:r>
              <w:t xml:space="preserve">              value = func(pair[0] + 'e' + (+pair[1] + precision));</w:t>
            </w:r>
          </w:p>
          <w:p w:rsidR="00156FB3" w:rsidRDefault="00156FB3" w:rsidP="00156FB3"/>
          <w:p w:rsidR="00156FB3" w:rsidRDefault="00156FB3" w:rsidP="00156FB3">
            <w:r>
              <w:t xml:space="preserve">          pair = (toString(value) + 'e').split('e');</w:t>
            </w:r>
          </w:p>
          <w:p w:rsidR="00156FB3" w:rsidRDefault="00156FB3" w:rsidP="00156FB3">
            <w:r>
              <w:t xml:space="preserve">          return +(pair[0] + 'e' + (+pair[1] - precision));</w:t>
            </w:r>
          </w:p>
          <w:p w:rsidR="00156FB3" w:rsidRDefault="00156FB3" w:rsidP="00156FB3">
            <w:r>
              <w:t xml:space="preserve">        }</w:t>
            </w:r>
          </w:p>
          <w:p w:rsidR="00156FB3" w:rsidRDefault="00156FB3" w:rsidP="00156FB3">
            <w:r>
              <w:t xml:space="preserve">        return func(number);</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set object of `value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values The values to add to the set.</w:t>
            </w:r>
          </w:p>
          <w:p w:rsidR="00156FB3" w:rsidRDefault="00156FB3" w:rsidP="00156FB3">
            <w:r>
              <w:t xml:space="preserve">     * @returns {Object} Returns the new set.</w:t>
            </w:r>
          </w:p>
          <w:p w:rsidR="00156FB3" w:rsidRDefault="00156FB3" w:rsidP="00156FB3">
            <w:r>
              <w:t xml:space="preserve">     */</w:t>
            </w:r>
          </w:p>
          <w:p w:rsidR="00156FB3" w:rsidRDefault="00156FB3" w:rsidP="00156FB3">
            <w:r>
              <w:t xml:space="preserve">    var createSet = !(Set &amp;&amp; (1 / setToArray(new Set([,-0]))[1]) == INFINITY) ? noop : function(values) {</w:t>
            </w:r>
          </w:p>
          <w:p w:rsidR="00156FB3" w:rsidRDefault="00156FB3" w:rsidP="00156FB3">
            <w:r>
              <w:t xml:space="preserve">      return new Set(value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lastRenderedPageBreak/>
              <w:t xml:space="preserve">     * Creates a `_.toPairs` or `_.toPairsIn` function.</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keysFunc The function to get the keys of a given object.</w:t>
            </w:r>
          </w:p>
          <w:p w:rsidR="00156FB3" w:rsidRDefault="00156FB3" w:rsidP="00156FB3">
            <w:r>
              <w:t xml:space="preserve">     * @returns {Function} Returns the new pairs function.</w:t>
            </w:r>
          </w:p>
          <w:p w:rsidR="00156FB3" w:rsidRDefault="00156FB3" w:rsidP="00156FB3">
            <w:r>
              <w:t xml:space="preserve">     */</w:t>
            </w:r>
          </w:p>
          <w:p w:rsidR="00156FB3" w:rsidRDefault="00156FB3" w:rsidP="00156FB3">
            <w:r>
              <w:t xml:space="preserve">    function createToPairs(keysFunc) {</w:t>
            </w:r>
          </w:p>
          <w:p w:rsidR="00156FB3" w:rsidRDefault="00156FB3" w:rsidP="00156FB3">
            <w:r>
              <w:t xml:space="preserve">      return function(object) {</w:t>
            </w:r>
          </w:p>
          <w:p w:rsidR="00156FB3" w:rsidRDefault="00156FB3" w:rsidP="00156FB3">
            <w:r>
              <w:t xml:space="preserve">        var tag = getTag(object);</w:t>
            </w:r>
          </w:p>
          <w:p w:rsidR="00156FB3" w:rsidRDefault="00156FB3" w:rsidP="00156FB3">
            <w:r>
              <w:t xml:space="preserve">        if (tag == mapTag) {</w:t>
            </w:r>
          </w:p>
          <w:p w:rsidR="00156FB3" w:rsidRDefault="00156FB3" w:rsidP="00156FB3">
            <w:r>
              <w:t xml:space="preserve">          return mapToArray(object);</w:t>
            </w:r>
          </w:p>
          <w:p w:rsidR="00156FB3" w:rsidRDefault="00156FB3" w:rsidP="00156FB3">
            <w:r>
              <w:t xml:space="preserve">        }</w:t>
            </w:r>
          </w:p>
          <w:p w:rsidR="00156FB3" w:rsidRDefault="00156FB3" w:rsidP="00156FB3">
            <w:r>
              <w:t xml:space="preserve">        if (tag == setTag) {</w:t>
            </w:r>
          </w:p>
          <w:p w:rsidR="00156FB3" w:rsidRDefault="00156FB3" w:rsidP="00156FB3">
            <w:r>
              <w:t xml:space="preserve">          return setToPairs(object);</w:t>
            </w:r>
          </w:p>
          <w:p w:rsidR="00156FB3" w:rsidRDefault="00156FB3" w:rsidP="00156FB3">
            <w:r>
              <w:t xml:space="preserve">        }</w:t>
            </w:r>
          </w:p>
          <w:p w:rsidR="00156FB3" w:rsidRDefault="00156FB3" w:rsidP="00156FB3">
            <w:r>
              <w:t xml:space="preserve">        return baseToPairs(object, keysFunc(objec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either curries or invokes `func` with optional</w:t>
            </w:r>
          </w:p>
          <w:p w:rsidR="00156FB3" w:rsidRDefault="00156FB3" w:rsidP="00156FB3">
            <w:r>
              <w:t xml:space="preserve">     * `this` binding and partially applied arguments.</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string} func The function or method name to wrap.</w:t>
            </w:r>
          </w:p>
          <w:p w:rsidR="00156FB3" w:rsidRDefault="00156FB3" w:rsidP="00156FB3">
            <w:r>
              <w:t xml:space="preserve">     * @param {number} bitmask The bitmask flags.</w:t>
            </w:r>
          </w:p>
          <w:p w:rsidR="00156FB3" w:rsidRDefault="00156FB3" w:rsidP="00156FB3">
            <w:r>
              <w:t xml:space="preserve">     *    1 - `_.bind`</w:t>
            </w:r>
          </w:p>
          <w:p w:rsidR="00156FB3" w:rsidRDefault="00156FB3" w:rsidP="00156FB3">
            <w:r>
              <w:t xml:space="preserve">     *    2 - `_.bindKey`</w:t>
            </w:r>
          </w:p>
          <w:p w:rsidR="00156FB3" w:rsidRDefault="00156FB3" w:rsidP="00156FB3">
            <w:r>
              <w:t xml:space="preserve">     *    4 - `_.curry` or `_.curryRight` of a bound function</w:t>
            </w:r>
          </w:p>
          <w:p w:rsidR="00156FB3" w:rsidRDefault="00156FB3" w:rsidP="00156FB3">
            <w:r>
              <w:t xml:space="preserve">     *    8 - `_.curry`</w:t>
            </w:r>
          </w:p>
          <w:p w:rsidR="00156FB3" w:rsidRDefault="00156FB3" w:rsidP="00156FB3">
            <w:r>
              <w:t xml:space="preserve">     *   16 - `_.curryRight`</w:t>
            </w:r>
          </w:p>
          <w:p w:rsidR="00156FB3" w:rsidRDefault="00156FB3" w:rsidP="00156FB3">
            <w:r>
              <w:t xml:space="preserve">     *   32 - `_.partial`</w:t>
            </w:r>
          </w:p>
          <w:p w:rsidR="00156FB3" w:rsidRDefault="00156FB3" w:rsidP="00156FB3">
            <w:r>
              <w:t xml:space="preserve">     *   64 - `_.partialRight`</w:t>
            </w:r>
          </w:p>
          <w:p w:rsidR="00156FB3" w:rsidRDefault="00156FB3" w:rsidP="00156FB3">
            <w:r>
              <w:t xml:space="preserve">     *  128 - `_.rearg`</w:t>
            </w:r>
          </w:p>
          <w:p w:rsidR="00156FB3" w:rsidRDefault="00156FB3" w:rsidP="00156FB3">
            <w:r>
              <w:t xml:space="preserve">     *  256 - `_.ary`</w:t>
            </w:r>
          </w:p>
          <w:p w:rsidR="00156FB3" w:rsidRDefault="00156FB3" w:rsidP="00156FB3">
            <w:r>
              <w:t xml:space="preserve">     *  512 - `_.flip`</w:t>
            </w:r>
          </w:p>
          <w:p w:rsidR="00156FB3" w:rsidRDefault="00156FB3" w:rsidP="00156FB3">
            <w:r>
              <w:t xml:space="preserve">     * @param {*} [thisArg] The `this` binding of `func`.</w:t>
            </w:r>
          </w:p>
          <w:p w:rsidR="00156FB3" w:rsidRDefault="00156FB3" w:rsidP="00156FB3">
            <w:r>
              <w:t xml:space="preserve">     * @param {Array} [partials] The arguments to be partially applied.</w:t>
            </w:r>
          </w:p>
          <w:p w:rsidR="00156FB3" w:rsidRDefault="00156FB3" w:rsidP="00156FB3">
            <w:r>
              <w:t xml:space="preserve">     * @param {Array} [holders] The `partials` placeholder indexes.</w:t>
            </w:r>
          </w:p>
          <w:p w:rsidR="00156FB3" w:rsidRDefault="00156FB3" w:rsidP="00156FB3">
            <w:r>
              <w:t xml:space="preserve">     * @param {Array} [argPos] The argument positions of the new function.</w:t>
            </w:r>
          </w:p>
          <w:p w:rsidR="00156FB3" w:rsidRDefault="00156FB3" w:rsidP="00156FB3">
            <w:r>
              <w:t xml:space="preserve">     * @param {number} [ary] The arity cap of `func`.</w:t>
            </w:r>
          </w:p>
          <w:p w:rsidR="00156FB3" w:rsidRDefault="00156FB3" w:rsidP="00156FB3">
            <w:r>
              <w:t xml:space="preserve">     * @param {number} [arity] The arity of `func`.</w:t>
            </w:r>
          </w:p>
          <w:p w:rsidR="00156FB3" w:rsidRDefault="00156FB3" w:rsidP="00156FB3">
            <w:r>
              <w:t xml:space="preserve">     * @returns {Function} Returns the new wrapped function.</w:t>
            </w:r>
          </w:p>
          <w:p w:rsidR="00156FB3" w:rsidRDefault="00156FB3" w:rsidP="00156FB3">
            <w:r>
              <w:t xml:space="preserve">     */</w:t>
            </w:r>
          </w:p>
          <w:p w:rsidR="00156FB3" w:rsidRDefault="00156FB3" w:rsidP="00156FB3">
            <w:r>
              <w:t xml:space="preserve">    function createWrap(func, bitmask, thisArg, partials, holders, argPos, ary, arity) {</w:t>
            </w:r>
          </w:p>
          <w:p w:rsidR="00156FB3" w:rsidRDefault="00156FB3" w:rsidP="00156FB3">
            <w:r>
              <w:t xml:space="preserve">      var isBindKey = bitmask &amp; WRAP_BIND_KEY_FLAG;</w:t>
            </w:r>
          </w:p>
          <w:p w:rsidR="00156FB3" w:rsidRDefault="00156FB3" w:rsidP="00156FB3">
            <w:r>
              <w:t xml:space="preserve">      if (!isBindKey &amp;&amp; typeof func != 'function') {</w:t>
            </w:r>
          </w:p>
          <w:p w:rsidR="00156FB3" w:rsidRDefault="00156FB3" w:rsidP="00156FB3">
            <w:r>
              <w:t xml:space="preserve">        throw new TypeError(FUNC_ERROR_TEXT);</w:t>
            </w:r>
          </w:p>
          <w:p w:rsidR="00156FB3" w:rsidRDefault="00156FB3" w:rsidP="00156FB3">
            <w:r>
              <w:lastRenderedPageBreak/>
              <w:t xml:space="preserve">      }</w:t>
            </w:r>
          </w:p>
          <w:p w:rsidR="00156FB3" w:rsidRDefault="00156FB3" w:rsidP="00156FB3">
            <w:r>
              <w:t xml:space="preserve">      var length = partials ? partials.length : 0;</w:t>
            </w:r>
          </w:p>
          <w:p w:rsidR="00156FB3" w:rsidRDefault="00156FB3" w:rsidP="00156FB3">
            <w:r>
              <w:t xml:space="preserve">      if (!length) {</w:t>
            </w:r>
          </w:p>
          <w:p w:rsidR="00156FB3" w:rsidRDefault="00156FB3" w:rsidP="00156FB3">
            <w:r>
              <w:t xml:space="preserve">        bitmask &amp;= ~(WRAP_PARTIAL_FLAG | WRAP_PARTIAL_RIGHT_FLAG);</w:t>
            </w:r>
          </w:p>
          <w:p w:rsidR="00156FB3" w:rsidRDefault="00156FB3" w:rsidP="00156FB3">
            <w:r>
              <w:t xml:space="preserve">        partials = holders = undefined;</w:t>
            </w:r>
          </w:p>
          <w:p w:rsidR="00156FB3" w:rsidRDefault="00156FB3" w:rsidP="00156FB3">
            <w:r>
              <w:t xml:space="preserve">      }</w:t>
            </w:r>
          </w:p>
          <w:p w:rsidR="00156FB3" w:rsidRDefault="00156FB3" w:rsidP="00156FB3">
            <w:r>
              <w:t xml:space="preserve">      ary = ary === undefined ? ary : nativeMax(toInteger(ary), 0);</w:t>
            </w:r>
          </w:p>
          <w:p w:rsidR="00156FB3" w:rsidRDefault="00156FB3" w:rsidP="00156FB3">
            <w:r>
              <w:t xml:space="preserve">      arity = arity === undefined ? arity : toInteger(arity);</w:t>
            </w:r>
          </w:p>
          <w:p w:rsidR="00156FB3" w:rsidRDefault="00156FB3" w:rsidP="00156FB3">
            <w:r>
              <w:t xml:space="preserve">      length -= holders ? holders.length : 0;</w:t>
            </w:r>
          </w:p>
          <w:p w:rsidR="00156FB3" w:rsidRDefault="00156FB3" w:rsidP="00156FB3"/>
          <w:p w:rsidR="00156FB3" w:rsidRDefault="00156FB3" w:rsidP="00156FB3">
            <w:r>
              <w:t xml:space="preserve">      if (bitmask &amp; WRAP_PARTIAL_RIGHT_FLAG) {</w:t>
            </w:r>
          </w:p>
          <w:p w:rsidR="00156FB3" w:rsidRDefault="00156FB3" w:rsidP="00156FB3">
            <w:r>
              <w:t xml:space="preserve">        var partialsRight = partials,</w:t>
            </w:r>
          </w:p>
          <w:p w:rsidR="00156FB3" w:rsidRDefault="00156FB3" w:rsidP="00156FB3">
            <w:r>
              <w:t xml:space="preserve">            holdersRight = holders;</w:t>
            </w:r>
          </w:p>
          <w:p w:rsidR="00156FB3" w:rsidRDefault="00156FB3" w:rsidP="00156FB3"/>
          <w:p w:rsidR="00156FB3" w:rsidRDefault="00156FB3" w:rsidP="00156FB3">
            <w:r>
              <w:t xml:space="preserve">        partials = holders = undefined;</w:t>
            </w:r>
          </w:p>
          <w:p w:rsidR="00156FB3" w:rsidRDefault="00156FB3" w:rsidP="00156FB3">
            <w:r>
              <w:t xml:space="preserve">      }</w:t>
            </w:r>
          </w:p>
          <w:p w:rsidR="00156FB3" w:rsidRDefault="00156FB3" w:rsidP="00156FB3">
            <w:r>
              <w:t xml:space="preserve">      var data = isBindKey ? undefined : getData(func);</w:t>
            </w:r>
          </w:p>
          <w:p w:rsidR="00156FB3" w:rsidRDefault="00156FB3" w:rsidP="00156FB3"/>
          <w:p w:rsidR="00156FB3" w:rsidRDefault="00156FB3" w:rsidP="00156FB3">
            <w:r>
              <w:t xml:space="preserve">      var newData = [</w:t>
            </w:r>
          </w:p>
          <w:p w:rsidR="00156FB3" w:rsidRDefault="00156FB3" w:rsidP="00156FB3">
            <w:r>
              <w:t xml:space="preserve">        func, bitmask, thisArg, partials, holders, partialsRight, holdersRight,</w:t>
            </w:r>
          </w:p>
          <w:p w:rsidR="00156FB3" w:rsidRDefault="00156FB3" w:rsidP="00156FB3">
            <w:r>
              <w:t xml:space="preserve">        argPos, ary, arity</w:t>
            </w:r>
          </w:p>
          <w:p w:rsidR="00156FB3" w:rsidRDefault="00156FB3" w:rsidP="00156FB3">
            <w:r>
              <w:t xml:space="preserve">      ];</w:t>
            </w:r>
          </w:p>
          <w:p w:rsidR="00156FB3" w:rsidRDefault="00156FB3" w:rsidP="00156FB3"/>
          <w:p w:rsidR="00156FB3" w:rsidRDefault="00156FB3" w:rsidP="00156FB3">
            <w:r>
              <w:t xml:space="preserve">      if (data) {</w:t>
            </w:r>
          </w:p>
          <w:p w:rsidR="00156FB3" w:rsidRDefault="00156FB3" w:rsidP="00156FB3">
            <w:r>
              <w:t xml:space="preserve">        mergeData(newData, data);</w:t>
            </w:r>
          </w:p>
          <w:p w:rsidR="00156FB3" w:rsidRDefault="00156FB3" w:rsidP="00156FB3">
            <w:r>
              <w:t xml:space="preserve">      }</w:t>
            </w:r>
          </w:p>
          <w:p w:rsidR="00156FB3" w:rsidRDefault="00156FB3" w:rsidP="00156FB3">
            <w:r>
              <w:t xml:space="preserve">      func = newData[0];</w:t>
            </w:r>
          </w:p>
          <w:p w:rsidR="00156FB3" w:rsidRDefault="00156FB3" w:rsidP="00156FB3">
            <w:r>
              <w:t xml:space="preserve">      bitmask = newData[1];</w:t>
            </w:r>
          </w:p>
          <w:p w:rsidR="00156FB3" w:rsidRDefault="00156FB3" w:rsidP="00156FB3">
            <w:r>
              <w:t xml:space="preserve">      thisArg = newData[2];</w:t>
            </w:r>
          </w:p>
          <w:p w:rsidR="00156FB3" w:rsidRDefault="00156FB3" w:rsidP="00156FB3">
            <w:r>
              <w:t xml:space="preserve">      partials = newData[3];</w:t>
            </w:r>
          </w:p>
          <w:p w:rsidR="00156FB3" w:rsidRDefault="00156FB3" w:rsidP="00156FB3">
            <w:r>
              <w:t xml:space="preserve">      holders = newData[4];</w:t>
            </w:r>
          </w:p>
          <w:p w:rsidR="00156FB3" w:rsidRDefault="00156FB3" w:rsidP="00156FB3">
            <w:r>
              <w:t xml:space="preserve">      arity = newData[9] = newData[9] === undefined</w:t>
            </w:r>
          </w:p>
          <w:p w:rsidR="00156FB3" w:rsidRDefault="00156FB3" w:rsidP="00156FB3">
            <w:r>
              <w:t xml:space="preserve">        ? (isBindKey ? 0 : func.length)</w:t>
            </w:r>
          </w:p>
          <w:p w:rsidR="00156FB3" w:rsidRDefault="00156FB3" w:rsidP="00156FB3">
            <w:r>
              <w:t xml:space="preserve">        : nativeMax(newData[9] - length, 0);</w:t>
            </w:r>
          </w:p>
          <w:p w:rsidR="00156FB3" w:rsidRDefault="00156FB3" w:rsidP="00156FB3"/>
          <w:p w:rsidR="00156FB3" w:rsidRDefault="00156FB3" w:rsidP="00156FB3">
            <w:r>
              <w:t xml:space="preserve">      if (!arity &amp;&amp; bitmask &amp; (WRAP_CURRY_FLAG | WRAP_CURRY_RIGHT_FLAG)) {</w:t>
            </w:r>
          </w:p>
          <w:p w:rsidR="00156FB3" w:rsidRDefault="00156FB3" w:rsidP="00156FB3">
            <w:r>
              <w:t xml:space="preserve">        bitmask &amp;= ~(WRAP_CURRY_FLAG | WRAP_CURRY_RIGHT_FLAG);</w:t>
            </w:r>
          </w:p>
          <w:p w:rsidR="00156FB3" w:rsidRDefault="00156FB3" w:rsidP="00156FB3">
            <w:r>
              <w:t xml:space="preserve">      }</w:t>
            </w:r>
          </w:p>
          <w:p w:rsidR="00156FB3" w:rsidRDefault="00156FB3" w:rsidP="00156FB3">
            <w:r>
              <w:t xml:space="preserve">      if (!bitmask || bitmask == WRAP_BIND_FLAG) {</w:t>
            </w:r>
          </w:p>
          <w:p w:rsidR="00156FB3" w:rsidRDefault="00156FB3" w:rsidP="00156FB3">
            <w:r>
              <w:t xml:space="preserve">        var result = createBind(func, bitmask, thisArg);</w:t>
            </w:r>
          </w:p>
          <w:p w:rsidR="00156FB3" w:rsidRDefault="00156FB3" w:rsidP="00156FB3">
            <w:r>
              <w:t xml:space="preserve">      } else if (bitmask == WRAP_CURRY_FLAG || bitmask == WRAP_CURRY_RIGHT_FLAG) {</w:t>
            </w:r>
          </w:p>
          <w:p w:rsidR="00156FB3" w:rsidRDefault="00156FB3" w:rsidP="00156FB3">
            <w:r>
              <w:t xml:space="preserve">        result = createCurry(func, bitmask, arity);</w:t>
            </w:r>
          </w:p>
          <w:p w:rsidR="00156FB3" w:rsidRDefault="00156FB3" w:rsidP="00156FB3">
            <w:r>
              <w:t xml:space="preserve">      } else if ((bitmask == WRAP_PARTIAL_FLAG || bitmask == (WRAP_BIND_FLAG | WRAP_PARTIAL_FLAG)) &amp;&amp; !holders.length) {</w:t>
            </w:r>
          </w:p>
          <w:p w:rsidR="00156FB3" w:rsidRDefault="00156FB3" w:rsidP="00156FB3">
            <w:r>
              <w:t xml:space="preserve">        result = createPartial(func, bitmask, thisArg, partials);</w:t>
            </w:r>
          </w:p>
          <w:p w:rsidR="00156FB3" w:rsidRDefault="00156FB3" w:rsidP="00156FB3">
            <w:r>
              <w:t xml:space="preserve">      } else {</w:t>
            </w:r>
          </w:p>
          <w:p w:rsidR="00156FB3" w:rsidRDefault="00156FB3" w:rsidP="00156FB3">
            <w:r>
              <w:t xml:space="preserve">        result = createHybrid.apply(undefined, newData);</w:t>
            </w:r>
          </w:p>
          <w:p w:rsidR="00156FB3" w:rsidRDefault="00156FB3" w:rsidP="00156FB3">
            <w:r>
              <w:t xml:space="preserve">      }</w:t>
            </w:r>
          </w:p>
          <w:p w:rsidR="00156FB3" w:rsidRDefault="00156FB3" w:rsidP="00156FB3">
            <w:r>
              <w:lastRenderedPageBreak/>
              <w:t xml:space="preserve">      var setter = data ? baseSetData : setData;</w:t>
            </w:r>
          </w:p>
          <w:p w:rsidR="00156FB3" w:rsidRDefault="00156FB3" w:rsidP="00156FB3">
            <w:r>
              <w:t xml:space="preserve">      return setWrapToString(setter(result, newData), func, bitmask);</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Used by `_.defaults` to customize its `_.assignIn` use to assign properties</w:t>
            </w:r>
          </w:p>
          <w:p w:rsidR="00156FB3" w:rsidRDefault="00156FB3" w:rsidP="00156FB3">
            <w:r>
              <w:t xml:space="preserve">     * of source objects to the destination object for all destination properties</w:t>
            </w:r>
          </w:p>
          <w:p w:rsidR="00156FB3" w:rsidRDefault="00156FB3" w:rsidP="00156FB3">
            <w:r>
              <w:t xml:space="preserve">     * that resolve to `undefined`.</w:t>
            </w:r>
          </w:p>
          <w:p w:rsidR="00156FB3" w:rsidRDefault="00156FB3" w:rsidP="00156FB3">
            <w:r>
              <w:t xml:space="preserve">     *</w:t>
            </w:r>
          </w:p>
          <w:p w:rsidR="00156FB3" w:rsidRDefault="00156FB3" w:rsidP="00156FB3">
            <w:r>
              <w:t xml:space="preserve">     * @private</w:t>
            </w:r>
          </w:p>
          <w:p w:rsidR="00156FB3" w:rsidRDefault="00156FB3" w:rsidP="00156FB3">
            <w:r>
              <w:t xml:space="preserve">     * @param {*} objValue The destination value.</w:t>
            </w:r>
          </w:p>
          <w:p w:rsidR="00156FB3" w:rsidRDefault="00156FB3" w:rsidP="00156FB3">
            <w:r>
              <w:t xml:space="preserve">     * @param {*} srcValue The source value.</w:t>
            </w:r>
          </w:p>
          <w:p w:rsidR="00156FB3" w:rsidRDefault="00156FB3" w:rsidP="00156FB3">
            <w:r>
              <w:t xml:space="preserve">     * @param {string} key The key of the property to assign.</w:t>
            </w:r>
          </w:p>
          <w:p w:rsidR="00156FB3" w:rsidRDefault="00156FB3" w:rsidP="00156FB3">
            <w:r>
              <w:t xml:space="preserve">     * @param {Object} object The parent object of `objValue`.</w:t>
            </w:r>
          </w:p>
          <w:p w:rsidR="00156FB3" w:rsidRDefault="00156FB3" w:rsidP="00156FB3">
            <w:r>
              <w:t xml:space="preserve">     * @returns {*} Returns the value to assign.</w:t>
            </w:r>
          </w:p>
          <w:p w:rsidR="00156FB3" w:rsidRDefault="00156FB3" w:rsidP="00156FB3">
            <w:r>
              <w:t xml:space="preserve">     */</w:t>
            </w:r>
          </w:p>
          <w:p w:rsidR="00156FB3" w:rsidRDefault="00156FB3" w:rsidP="00156FB3">
            <w:r>
              <w:t xml:space="preserve">    function customDefaultsAssignIn(objValue, srcValue, key, object) {</w:t>
            </w:r>
          </w:p>
          <w:p w:rsidR="00156FB3" w:rsidRDefault="00156FB3" w:rsidP="00156FB3">
            <w:r>
              <w:t xml:space="preserve">      if (objValue === undefined ||</w:t>
            </w:r>
          </w:p>
          <w:p w:rsidR="00156FB3" w:rsidRDefault="00156FB3" w:rsidP="00156FB3">
            <w:r>
              <w:t xml:space="preserve">          (eq(objValue, objectProto[key]) &amp;&amp; !hasOwnProperty.call(object, key))) {</w:t>
            </w:r>
          </w:p>
          <w:p w:rsidR="00156FB3" w:rsidRDefault="00156FB3" w:rsidP="00156FB3">
            <w:r>
              <w:t xml:space="preserve">        return srcValue;</w:t>
            </w:r>
          </w:p>
          <w:p w:rsidR="00156FB3" w:rsidRDefault="00156FB3" w:rsidP="00156FB3">
            <w:r>
              <w:t xml:space="preserve">      }</w:t>
            </w:r>
          </w:p>
          <w:p w:rsidR="00156FB3" w:rsidRDefault="00156FB3" w:rsidP="00156FB3">
            <w:r>
              <w:t xml:space="preserve">      return obj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Used by `_.defaultsDeep` to customize its `_.merge` use to merge source</w:t>
            </w:r>
          </w:p>
          <w:p w:rsidR="00156FB3" w:rsidRDefault="00156FB3" w:rsidP="00156FB3">
            <w:r>
              <w:t xml:space="preserve">     * objects into destination objects that are passed thru.</w:t>
            </w:r>
          </w:p>
          <w:p w:rsidR="00156FB3" w:rsidRDefault="00156FB3" w:rsidP="00156FB3">
            <w:r>
              <w:t xml:space="preserve">     *</w:t>
            </w:r>
          </w:p>
          <w:p w:rsidR="00156FB3" w:rsidRDefault="00156FB3" w:rsidP="00156FB3">
            <w:r>
              <w:t xml:space="preserve">     * @private</w:t>
            </w:r>
          </w:p>
          <w:p w:rsidR="00156FB3" w:rsidRDefault="00156FB3" w:rsidP="00156FB3">
            <w:r>
              <w:t xml:space="preserve">     * @param {*} objValue The destination value.</w:t>
            </w:r>
          </w:p>
          <w:p w:rsidR="00156FB3" w:rsidRDefault="00156FB3" w:rsidP="00156FB3">
            <w:r>
              <w:t xml:space="preserve">     * @param {*} srcValue The source value.</w:t>
            </w:r>
          </w:p>
          <w:p w:rsidR="00156FB3" w:rsidRDefault="00156FB3" w:rsidP="00156FB3">
            <w:r>
              <w:t xml:space="preserve">     * @param {string} key The key of the property to merge.</w:t>
            </w:r>
          </w:p>
          <w:p w:rsidR="00156FB3" w:rsidRDefault="00156FB3" w:rsidP="00156FB3">
            <w:r>
              <w:t xml:space="preserve">     * @param {Object} object The parent object of `objValue`.</w:t>
            </w:r>
          </w:p>
          <w:p w:rsidR="00156FB3" w:rsidRDefault="00156FB3" w:rsidP="00156FB3">
            <w:r>
              <w:t xml:space="preserve">     * @param {Object} source The parent object of `srcValue`.</w:t>
            </w:r>
          </w:p>
          <w:p w:rsidR="00156FB3" w:rsidRDefault="00156FB3" w:rsidP="00156FB3">
            <w:r>
              <w:t xml:space="preserve">     * @param {Object} [stack] Tracks traversed source values and their merged</w:t>
            </w:r>
          </w:p>
          <w:p w:rsidR="00156FB3" w:rsidRDefault="00156FB3" w:rsidP="00156FB3">
            <w:r>
              <w:t xml:space="preserve">     *  counterparts.</w:t>
            </w:r>
          </w:p>
          <w:p w:rsidR="00156FB3" w:rsidRDefault="00156FB3" w:rsidP="00156FB3">
            <w:r>
              <w:t xml:space="preserve">     * @returns {*} Returns the value to assign.</w:t>
            </w:r>
          </w:p>
          <w:p w:rsidR="00156FB3" w:rsidRDefault="00156FB3" w:rsidP="00156FB3">
            <w:r>
              <w:t xml:space="preserve">     */</w:t>
            </w:r>
          </w:p>
          <w:p w:rsidR="00156FB3" w:rsidRDefault="00156FB3" w:rsidP="00156FB3">
            <w:r>
              <w:t xml:space="preserve">    function customDefaultsMerge(objValue, srcValue, key, object, source, stack) {</w:t>
            </w:r>
          </w:p>
          <w:p w:rsidR="00156FB3" w:rsidRDefault="00156FB3" w:rsidP="00156FB3">
            <w:r>
              <w:t xml:space="preserve">      if (isObject(objValue) &amp;&amp; isObject(srcValue)) {</w:t>
            </w:r>
          </w:p>
          <w:p w:rsidR="00156FB3" w:rsidRDefault="00156FB3" w:rsidP="00156FB3">
            <w:r>
              <w:t xml:space="preserve">        // Recursively merge objects and arrays (susceptible to call stack limits).</w:t>
            </w:r>
          </w:p>
          <w:p w:rsidR="00156FB3" w:rsidRDefault="00156FB3" w:rsidP="00156FB3">
            <w:r>
              <w:t xml:space="preserve">        stack.set(srcValue, objValue);</w:t>
            </w:r>
          </w:p>
          <w:p w:rsidR="00156FB3" w:rsidRDefault="00156FB3" w:rsidP="00156FB3">
            <w:r>
              <w:t xml:space="preserve">        baseMerge(objValue, srcValue, undefined, customDefaultsMerge, stack);</w:t>
            </w:r>
          </w:p>
          <w:p w:rsidR="00156FB3" w:rsidRDefault="00156FB3" w:rsidP="00156FB3">
            <w:r>
              <w:t xml:space="preserve">        stack['delete'](srcValue);</w:t>
            </w:r>
          </w:p>
          <w:p w:rsidR="00156FB3" w:rsidRDefault="00156FB3" w:rsidP="00156FB3">
            <w:r>
              <w:t xml:space="preserve">      }</w:t>
            </w:r>
          </w:p>
          <w:p w:rsidR="00156FB3" w:rsidRDefault="00156FB3" w:rsidP="00156FB3">
            <w:r>
              <w:t xml:space="preserve">      return objValue;</w:t>
            </w:r>
          </w:p>
          <w:p w:rsidR="00156FB3" w:rsidRDefault="00156FB3" w:rsidP="00156FB3">
            <w:r>
              <w:t xml:space="preserve">    }</w:t>
            </w:r>
          </w:p>
          <w:p w:rsidR="00156FB3" w:rsidRDefault="00156FB3" w:rsidP="00156FB3"/>
          <w:p w:rsidR="00156FB3" w:rsidRDefault="00156FB3" w:rsidP="00156FB3">
            <w:r>
              <w:lastRenderedPageBreak/>
              <w:t xml:space="preserve">    /**</w:t>
            </w:r>
          </w:p>
          <w:p w:rsidR="00156FB3" w:rsidRDefault="00156FB3" w:rsidP="00156FB3">
            <w:r>
              <w:t xml:space="preserve">     * Used by `_.omit` to customize its `_.cloneDeep` use to only clone plain</w:t>
            </w:r>
          </w:p>
          <w:p w:rsidR="00156FB3" w:rsidRDefault="00156FB3" w:rsidP="00156FB3">
            <w:r>
              <w:t xml:space="preserve">     * objects.</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inspect.</w:t>
            </w:r>
          </w:p>
          <w:p w:rsidR="00156FB3" w:rsidRDefault="00156FB3" w:rsidP="00156FB3">
            <w:r>
              <w:t xml:space="preserve">     * @param {string} key The key of the property to inspect.</w:t>
            </w:r>
          </w:p>
          <w:p w:rsidR="00156FB3" w:rsidRDefault="00156FB3" w:rsidP="00156FB3">
            <w:r>
              <w:t xml:space="preserve">     * @returns {*} Returns the uncloned value or `undefined` to defer cloning to `_.cloneDeep`.</w:t>
            </w:r>
          </w:p>
          <w:p w:rsidR="00156FB3" w:rsidRDefault="00156FB3" w:rsidP="00156FB3">
            <w:r>
              <w:t xml:space="preserve">     */</w:t>
            </w:r>
          </w:p>
          <w:p w:rsidR="00156FB3" w:rsidRDefault="00156FB3" w:rsidP="00156FB3">
            <w:r>
              <w:t xml:space="preserve">    function customOmitClone(value) {</w:t>
            </w:r>
          </w:p>
          <w:p w:rsidR="00156FB3" w:rsidRDefault="00156FB3" w:rsidP="00156FB3">
            <w:r>
              <w:t xml:space="preserve">      return isPlainObject(value) ? undefined : 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baseIsEqualDeep` for arrays with support for</w:t>
            </w:r>
          </w:p>
          <w:p w:rsidR="00156FB3" w:rsidRDefault="00156FB3" w:rsidP="00156FB3">
            <w:r>
              <w:t xml:space="preserve">     * partial deep comparisons.</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compare.</w:t>
            </w:r>
          </w:p>
          <w:p w:rsidR="00156FB3" w:rsidRDefault="00156FB3" w:rsidP="00156FB3">
            <w:r>
              <w:t xml:space="preserve">     * @param {Array} other The other array to compare.</w:t>
            </w:r>
          </w:p>
          <w:p w:rsidR="00156FB3" w:rsidRDefault="00156FB3" w:rsidP="00156FB3">
            <w:r>
              <w:t xml:space="preserve">     * @param {number} bitmask The bitmask flags. See `baseIsEqual` for more details.</w:t>
            </w:r>
          </w:p>
          <w:p w:rsidR="00156FB3" w:rsidRDefault="00156FB3" w:rsidP="00156FB3">
            <w:r>
              <w:t xml:space="preserve">     * @param {Function} customizer The function to customize comparisons.</w:t>
            </w:r>
          </w:p>
          <w:p w:rsidR="00156FB3" w:rsidRDefault="00156FB3" w:rsidP="00156FB3">
            <w:r>
              <w:t xml:space="preserve">     * @param {Function} equalFunc The function to determine equivalents of values.</w:t>
            </w:r>
          </w:p>
          <w:p w:rsidR="00156FB3" w:rsidRDefault="00156FB3" w:rsidP="00156FB3">
            <w:r>
              <w:t xml:space="preserve">     * @param {Object} stack Tracks traversed `array` and `other` objects.</w:t>
            </w:r>
          </w:p>
          <w:p w:rsidR="00156FB3" w:rsidRDefault="00156FB3" w:rsidP="00156FB3">
            <w:r>
              <w:t xml:space="preserve">     * @returns {boolean} Returns `true` if the arrays are equivalent, else `false`.</w:t>
            </w:r>
          </w:p>
          <w:p w:rsidR="00156FB3" w:rsidRDefault="00156FB3" w:rsidP="00156FB3">
            <w:r>
              <w:t xml:space="preserve">     */</w:t>
            </w:r>
          </w:p>
          <w:p w:rsidR="00156FB3" w:rsidRDefault="00156FB3" w:rsidP="00156FB3">
            <w:r>
              <w:t xml:space="preserve">    function equalArrays(array, other, bitmask, customizer, equalFunc, stack) {</w:t>
            </w:r>
          </w:p>
          <w:p w:rsidR="00156FB3" w:rsidRDefault="00156FB3" w:rsidP="00156FB3">
            <w:r>
              <w:t xml:space="preserve">      var isPartial = bitmask &amp; COMPARE_PARTIAL_FLAG,</w:t>
            </w:r>
          </w:p>
          <w:p w:rsidR="00156FB3" w:rsidRDefault="00156FB3" w:rsidP="00156FB3">
            <w:r>
              <w:t xml:space="preserve">          arrLength = array.length,</w:t>
            </w:r>
          </w:p>
          <w:p w:rsidR="00156FB3" w:rsidRDefault="00156FB3" w:rsidP="00156FB3">
            <w:r>
              <w:t xml:space="preserve">          othLength = other.length;</w:t>
            </w:r>
          </w:p>
          <w:p w:rsidR="00156FB3" w:rsidRDefault="00156FB3" w:rsidP="00156FB3"/>
          <w:p w:rsidR="00156FB3" w:rsidRDefault="00156FB3" w:rsidP="00156FB3">
            <w:r>
              <w:t xml:space="preserve">      if (arrLength != othLength &amp;&amp; !(isPartial &amp;&amp; othLength &gt; arrLength)) {</w:t>
            </w:r>
          </w:p>
          <w:p w:rsidR="00156FB3" w:rsidRDefault="00156FB3" w:rsidP="00156FB3">
            <w:r>
              <w:t xml:space="preserve">        return false;</w:t>
            </w:r>
          </w:p>
          <w:p w:rsidR="00156FB3" w:rsidRDefault="00156FB3" w:rsidP="00156FB3">
            <w:r>
              <w:t xml:space="preserve">      }</w:t>
            </w:r>
          </w:p>
          <w:p w:rsidR="00156FB3" w:rsidRDefault="00156FB3" w:rsidP="00156FB3">
            <w:r>
              <w:t xml:space="preserve">      // Assume cyclic values are equal.</w:t>
            </w:r>
          </w:p>
          <w:p w:rsidR="00156FB3" w:rsidRDefault="00156FB3" w:rsidP="00156FB3">
            <w:r>
              <w:t xml:space="preserve">      var stacked = stack.get(array);</w:t>
            </w:r>
          </w:p>
          <w:p w:rsidR="00156FB3" w:rsidRDefault="00156FB3" w:rsidP="00156FB3">
            <w:r>
              <w:t xml:space="preserve">      if (stacked &amp;&amp; stack.get(other)) {</w:t>
            </w:r>
          </w:p>
          <w:p w:rsidR="00156FB3" w:rsidRDefault="00156FB3" w:rsidP="00156FB3">
            <w:r>
              <w:t xml:space="preserve">        return stacked == other;</w:t>
            </w:r>
          </w:p>
          <w:p w:rsidR="00156FB3" w:rsidRDefault="00156FB3" w:rsidP="00156FB3">
            <w:r>
              <w:t xml:space="preserve">      }</w:t>
            </w:r>
          </w:p>
          <w:p w:rsidR="00156FB3" w:rsidRDefault="00156FB3" w:rsidP="00156FB3">
            <w:r>
              <w:t xml:space="preserve">      var index = -1,</w:t>
            </w:r>
          </w:p>
          <w:p w:rsidR="00156FB3" w:rsidRDefault="00156FB3" w:rsidP="00156FB3">
            <w:r>
              <w:t xml:space="preserve">          result = true,</w:t>
            </w:r>
          </w:p>
          <w:p w:rsidR="00156FB3" w:rsidRDefault="00156FB3" w:rsidP="00156FB3">
            <w:r>
              <w:t xml:space="preserve">          seen = (bitmask &amp; COMPARE_UNORDERED_FLAG) ? new SetCache : undefined;</w:t>
            </w:r>
          </w:p>
          <w:p w:rsidR="00156FB3" w:rsidRDefault="00156FB3" w:rsidP="00156FB3"/>
          <w:p w:rsidR="00156FB3" w:rsidRDefault="00156FB3" w:rsidP="00156FB3">
            <w:r>
              <w:t xml:space="preserve">      stack.set(array, other);</w:t>
            </w:r>
          </w:p>
          <w:p w:rsidR="00156FB3" w:rsidRDefault="00156FB3" w:rsidP="00156FB3">
            <w:r>
              <w:t xml:space="preserve">      stack.set(other, array);</w:t>
            </w:r>
          </w:p>
          <w:p w:rsidR="00156FB3" w:rsidRDefault="00156FB3" w:rsidP="00156FB3"/>
          <w:p w:rsidR="00156FB3" w:rsidRDefault="00156FB3" w:rsidP="00156FB3">
            <w:r>
              <w:t xml:space="preserve">      // Ignore non-index properties.</w:t>
            </w:r>
          </w:p>
          <w:p w:rsidR="00156FB3" w:rsidRDefault="00156FB3" w:rsidP="00156FB3">
            <w:r>
              <w:t xml:space="preserve">      while (++index &lt; arrLength) {</w:t>
            </w:r>
          </w:p>
          <w:p w:rsidR="00156FB3" w:rsidRDefault="00156FB3" w:rsidP="00156FB3">
            <w:r>
              <w:lastRenderedPageBreak/>
              <w:t xml:space="preserve">        var arrValue = array[index],</w:t>
            </w:r>
          </w:p>
          <w:p w:rsidR="00156FB3" w:rsidRDefault="00156FB3" w:rsidP="00156FB3">
            <w:r>
              <w:t xml:space="preserve">            othValue = other[index];</w:t>
            </w:r>
          </w:p>
          <w:p w:rsidR="00156FB3" w:rsidRDefault="00156FB3" w:rsidP="00156FB3"/>
          <w:p w:rsidR="00156FB3" w:rsidRDefault="00156FB3" w:rsidP="00156FB3">
            <w:r>
              <w:t xml:space="preserve">        if (customizer) {</w:t>
            </w:r>
          </w:p>
          <w:p w:rsidR="00156FB3" w:rsidRDefault="00156FB3" w:rsidP="00156FB3">
            <w:r>
              <w:t xml:space="preserve">          var compared = isPartial</w:t>
            </w:r>
          </w:p>
          <w:p w:rsidR="00156FB3" w:rsidRDefault="00156FB3" w:rsidP="00156FB3">
            <w:r>
              <w:t xml:space="preserve">            ? customizer(othValue, arrValue, index, other, array, stack)</w:t>
            </w:r>
          </w:p>
          <w:p w:rsidR="00156FB3" w:rsidRDefault="00156FB3" w:rsidP="00156FB3">
            <w:r>
              <w:t xml:space="preserve">            : customizer(arrValue, othValue, index, array, other, stack);</w:t>
            </w:r>
          </w:p>
          <w:p w:rsidR="00156FB3" w:rsidRDefault="00156FB3" w:rsidP="00156FB3">
            <w:r>
              <w:t xml:space="preserve">        }</w:t>
            </w:r>
          </w:p>
          <w:p w:rsidR="00156FB3" w:rsidRDefault="00156FB3" w:rsidP="00156FB3">
            <w:r>
              <w:t xml:space="preserve">        if (compared !== undefined) {</w:t>
            </w:r>
          </w:p>
          <w:p w:rsidR="00156FB3" w:rsidRDefault="00156FB3" w:rsidP="00156FB3">
            <w:r>
              <w:t xml:space="preserve">          if (compared) {</w:t>
            </w:r>
          </w:p>
          <w:p w:rsidR="00156FB3" w:rsidRDefault="00156FB3" w:rsidP="00156FB3">
            <w:r>
              <w:t xml:space="preserve">            continue;</w:t>
            </w:r>
          </w:p>
          <w:p w:rsidR="00156FB3" w:rsidRDefault="00156FB3" w:rsidP="00156FB3">
            <w:r>
              <w:t xml:space="preserve">          }</w:t>
            </w:r>
          </w:p>
          <w:p w:rsidR="00156FB3" w:rsidRDefault="00156FB3" w:rsidP="00156FB3">
            <w:r>
              <w:t xml:space="preserve">          result = false;</w:t>
            </w:r>
          </w:p>
          <w:p w:rsidR="00156FB3" w:rsidRDefault="00156FB3" w:rsidP="00156FB3">
            <w:r>
              <w:t xml:space="preserve">          break;</w:t>
            </w:r>
          </w:p>
          <w:p w:rsidR="00156FB3" w:rsidRDefault="00156FB3" w:rsidP="00156FB3">
            <w:r>
              <w:t xml:space="preserve">        }</w:t>
            </w:r>
          </w:p>
          <w:p w:rsidR="00156FB3" w:rsidRDefault="00156FB3" w:rsidP="00156FB3">
            <w:r>
              <w:t xml:space="preserve">        // Recursively compare arrays (susceptible to call stack limits).</w:t>
            </w:r>
          </w:p>
          <w:p w:rsidR="00156FB3" w:rsidRDefault="00156FB3" w:rsidP="00156FB3">
            <w:r>
              <w:t xml:space="preserve">        if (seen) {</w:t>
            </w:r>
          </w:p>
          <w:p w:rsidR="00156FB3" w:rsidRDefault="00156FB3" w:rsidP="00156FB3">
            <w:r>
              <w:t xml:space="preserve">          if (!arraySome(other, function(othValue, othIndex) {</w:t>
            </w:r>
          </w:p>
          <w:p w:rsidR="00156FB3" w:rsidRDefault="00156FB3" w:rsidP="00156FB3">
            <w:r>
              <w:t xml:space="preserve">                if (!cacheHas(seen, othIndex) &amp;&amp;</w:t>
            </w:r>
          </w:p>
          <w:p w:rsidR="00156FB3" w:rsidRDefault="00156FB3" w:rsidP="00156FB3">
            <w:r>
              <w:t xml:space="preserve">                    (arrValue === othValue || equalFunc(arrValue, othValue, bitmask, customizer, stack))) {</w:t>
            </w:r>
          </w:p>
          <w:p w:rsidR="00156FB3" w:rsidRDefault="00156FB3" w:rsidP="00156FB3">
            <w:r>
              <w:t xml:space="preserve">                  return seen.push(othIndex);</w:t>
            </w:r>
          </w:p>
          <w:p w:rsidR="00156FB3" w:rsidRDefault="00156FB3" w:rsidP="00156FB3">
            <w:r>
              <w:t xml:space="preserve">                }</w:t>
            </w:r>
          </w:p>
          <w:p w:rsidR="00156FB3" w:rsidRDefault="00156FB3" w:rsidP="00156FB3">
            <w:r>
              <w:t xml:space="preserve">              })) {</w:t>
            </w:r>
          </w:p>
          <w:p w:rsidR="00156FB3" w:rsidRDefault="00156FB3" w:rsidP="00156FB3">
            <w:r>
              <w:t xml:space="preserve">            result = false;</w:t>
            </w:r>
          </w:p>
          <w:p w:rsidR="00156FB3" w:rsidRDefault="00156FB3" w:rsidP="00156FB3">
            <w:r>
              <w:t xml:space="preserve">            break;</w:t>
            </w:r>
          </w:p>
          <w:p w:rsidR="00156FB3" w:rsidRDefault="00156FB3" w:rsidP="00156FB3">
            <w:r>
              <w:t xml:space="preserve">          }</w:t>
            </w:r>
          </w:p>
          <w:p w:rsidR="00156FB3" w:rsidRDefault="00156FB3" w:rsidP="00156FB3">
            <w:r>
              <w:t xml:space="preserve">        } else if (!(</w:t>
            </w:r>
          </w:p>
          <w:p w:rsidR="00156FB3" w:rsidRDefault="00156FB3" w:rsidP="00156FB3">
            <w:r>
              <w:t xml:space="preserve">              arrValue === othValue ||</w:t>
            </w:r>
          </w:p>
          <w:p w:rsidR="00156FB3" w:rsidRDefault="00156FB3" w:rsidP="00156FB3">
            <w:r>
              <w:t xml:space="preserve">                equalFunc(arrValue, othValue, bitmask, customizer, stack)</w:t>
            </w:r>
          </w:p>
          <w:p w:rsidR="00156FB3" w:rsidRDefault="00156FB3" w:rsidP="00156FB3">
            <w:r>
              <w:t xml:space="preserve">            )) {</w:t>
            </w:r>
          </w:p>
          <w:p w:rsidR="00156FB3" w:rsidRDefault="00156FB3" w:rsidP="00156FB3">
            <w:r>
              <w:t xml:space="preserve">          result = false;</w:t>
            </w:r>
          </w:p>
          <w:p w:rsidR="00156FB3" w:rsidRDefault="00156FB3" w:rsidP="00156FB3">
            <w:r>
              <w:t xml:space="preserve">          break;</w:t>
            </w:r>
          </w:p>
          <w:p w:rsidR="00156FB3" w:rsidRDefault="00156FB3" w:rsidP="00156FB3">
            <w:r>
              <w:t xml:space="preserve">        }</w:t>
            </w:r>
          </w:p>
          <w:p w:rsidR="00156FB3" w:rsidRDefault="00156FB3" w:rsidP="00156FB3">
            <w:r>
              <w:t xml:space="preserve">      }</w:t>
            </w:r>
          </w:p>
          <w:p w:rsidR="00156FB3" w:rsidRDefault="00156FB3" w:rsidP="00156FB3">
            <w:r>
              <w:t xml:space="preserve">      stack['delete'](array);</w:t>
            </w:r>
          </w:p>
          <w:p w:rsidR="00156FB3" w:rsidRDefault="00156FB3" w:rsidP="00156FB3">
            <w:r>
              <w:t xml:space="preserve">      stack['delete'](other);</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baseIsEqualDeep` for comparing objects of</w:t>
            </w:r>
          </w:p>
          <w:p w:rsidR="00156FB3" w:rsidRDefault="00156FB3" w:rsidP="00156FB3">
            <w:r>
              <w:t xml:space="preserve">     * the same `toStringTag`.</w:t>
            </w:r>
          </w:p>
          <w:p w:rsidR="00156FB3" w:rsidRDefault="00156FB3" w:rsidP="00156FB3">
            <w:r>
              <w:t xml:space="preserve">     *</w:t>
            </w:r>
          </w:p>
          <w:p w:rsidR="00156FB3" w:rsidRDefault="00156FB3" w:rsidP="00156FB3">
            <w:r>
              <w:t xml:space="preserve">     * **Note:** This function only supports comparing values with tags of</w:t>
            </w:r>
          </w:p>
          <w:p w:rsidR="00156FB3" w:rsidRDefault="00156FB3" w:rsidP="00156FB3">
            <w:r>
              <w:t xml:space="preserve">     * `Boolean`, `Date`, `Error`, `Number`, `RegExp`, or `String`.</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compare.</w:t>
            </w:r>
          </w:p>
          <w:p w:rsidR="00156FB3" w:rsidRDefault="00156FB3" w:rsidP="00156FB3">
            <w:r>
              <w:lastRenderedPageBreak/>
              <w:t xml:space="preserve">     * @param {Object} other The other object to compare.</w:t>
            </w:r>
          </w:p>
          <w:p w:rsidR="00156FB3" w:rsidRDefault="00156FB3" w:rsidP="00156FB3">
            <w:r>
              <w:t xml:space="preserve">     * @param {string} tag The `toStringTag` of the objects to compare.</w:t>
            </w:r>
          </w:p>
          <w:p w:rsidR="00156FB3" w:rsidRDefault="00156FB3" w:rsidP="00156FB3">
            <w:r>
              <w:t xml:space="preserve">     * @param {number} bitmask The bitmask flags. See `baseIsEqual` for more details.</w:t>
            </w:r>
          </w:p>
          <w:p w:rsidR="00156FB3" w:rsidRDefault="00156FB3" w:rsidP="00156FB3">
            <w:r>
              <w:t xml:space="preserve">     * @param {Function} customizer The function to customize comparisons.</w:t>
            </w:r>
          </w:p>
          <w:p w:rsidR="00156FB3" w:rsidRDefault="00156FB3" w:rsidP="00156FB3">
            <w:r>
              <w:t xml:space="preserve">     * @param {Function} equalFunc The function to determine equivalents of values.</w:t>
            </w:r>
          </w:p>
          <w:p w:rsidR="00156FB3" w:rsidRDefault="00156FB3" w:rsidP="00156FB3">
            <w:r>
              <w:t xml:space="preserve">     * @param {Object} stack Tracks traversed `object` and `other` objects.</w:t>
            </w:r>
          </w:p>
          <w:p w:rsidR="00156FB3" w:rsidRDefault="00156FB3" w:rsidP="00156FB3">
            <w:r>
              <w:t xml:space="preserve">     * @returns {boolean} Returns `true` if the objects are equivalent, else `false`.</w:t>
            </w:r>
          </w:p>
          <w:p w:rsidR="00156FB3" w:rsidRDefault="00156FB3" w:rsidP="00156FB3">
            <w:r>
              <w:t xml:space="preserve">     */</w:t>
            </w:r>
          </w:p>
          <w:p w:rsidR="00156FB3" w:rsidRDefault="00156FB3" w:rsidP="00156FB3">
            <w:r>
              <w:t xml:space="preserve">    function equalByTag(object, other, tag, bitmask, customizer, equalFunc, stack) {</w:t>
            </w:r>
          </w:p>
          <w:p w:rsidR="00156FB3" w:rsidRDefault="00156FB3" w:rsidP="00156FB3">
            <w:r>
              <w:t xml:space="preserve">      switch (tag) {</w:t>
            </w:r>
          </w:p>
          <w:p w:rsidR="00156FB3" w:rsidRDefault="00156FB3" w:rsidP="00156FB3">
            <w:r>
              <w:t xml:space="preserve">        case dataViewTag:</w:t>
            </w:r>
          </w:p>
          <w:p w:rsidR="00156FB3" w:rsidRDefault="00156FB3" w:rsidP="00156FB3">
            <w:r>
              <w:t xml:space="preserve">          if ((object.byteLength != other.byteLength) ||</w:t>
            </w:r>
          </w:p>
          <w:p w:rsidR="00156FB3" w:rsidRDefault="00156FB3" w:rsidP="00156FB3">
            <w:r>
              <w:t xml:space="preserve">              (object.byteOffset != other.byteOffset)) {</w:t>
            </w:r>
          </w:p>
          <w:p w:rsidR="00156FB3" w:rsidRDefault="00156FB3" w:rsidP="00156FB3">
            <w:r>
              <w:t xml:space="preserve">            return false;</w:t>
            </w:r>
          </w:p>
          <w:p w:rsidR="00156FB3" w:rsidRDefault="00156FB3" w:rsidP="00156FB3">
            <w:r>
              <w:t xml:space="preserve">          }</w:t>
            </w:r>
          </w:p>
          <w:p w:rsidR="00156FB3" w:rsidRDefault="00156FB3" w:rsidP="00156FB3">
            <w:r>
              <w:t xml:space="preserve">          object = object.buffer;</w:t>
            </w:r>
          </w:p>
          <w:p w:rsidR="00156FB3" w:rsidRDefault="00156FB3" w:rsidP="00156FB3">
            <w:r>
              <w:t xml:space="preserve">          other = other.buffer;</w:t>
            </w:r>
          </w:p>
          <w:p w:rsidR="00156FB3" w:rsidRDefault="00156FB3" w:rsidP="00156FB3"/>
          <w:p w:rsidR="00156FB3" w:rsidRDefault="00156FB3" w:rsidP="00156FB3">
            <w:r>
              <w:t xml:space="preserve">        case arrayBufferTag:</w:t>
            </w:r>
          </w:p>
          <w:p w:rsidR="00156FB3" w:rsidRDefault="00156FB3" w:rsidP="00156FB3">
            <w:r>
              <w:t xml:space="preserve">          if ((object.byteLength != other.byteLength) ||</w:t>
            </w:r>
          </w:p>
          <w:p w:rsidR="00156FB3" w:rsidRDefault="00156FB3" w:rsidP="00156FB3">
            <w:r>
              <w:t xml:space="preserve">              !equalFunc(new Uint8Array(object), new Uint8Array(other))) {</w:t>
            </w:r>
          </w:p>
          <w:p w:rsidR="00156FB3" w:rsidRDefault="00156FB3" w:rsidP="00156FB3">
            <w:r>
              <w:t xml:space="preserve">            return false;</w:t>
            </w:r>
          </w:p>
          <w:p w:rsidR="00156FB3" w:rsidRDefault="00156FB3" w:rsidP="00156FB3">
            <w:r>
              <w:t xml:space="preserve">          }</w:t>
            </w:r>
          </w:p>
          <w:p w:rsidR="00156FB3" w:rsidRDefault="00156FB3" w:rsidP="00156FB3">
            <w:r>
              <w:t xml:space="preserve">          return true;</w:t>
            </w:r>
          </w:p>
          <w:p w:rsidR="00156FB3" w:rsidRDefault="00156FB3" w:rsidP="00156FB3"/>
          <w:p w:rsidR="00156FB3" w:rsidRDefault="00156FB3" w:rsidP="00156FB3">
            <w:r>
              <w:t xml:space="preserve">        case boolTag:</w:t>
            </w:r>
          </w:p>
          <w:p w:rsidR="00156FB3" w:rsidRDefault="00156FB3" w:rsidP="00156FB3">
            <w:r>
              <w:t xml:space="preserve">        case dateTag:</w:t>
            </w:r>
          </w:p>
          <w:p w:rsidR="00156FB3" w:rsidRDefault="00156FB3" w:rsidP="00156FB3">
            <w:r>
              <w:t xml:space="preserve">        case numberTag:</w:t>
            </w:r>
          </w:p>
          <w:p w:rsidR="00156FB3" w:rsidRDefault="00156FB3" w:rsidP="00156FB3">
            <w:r>
              <w:t xml:space="preserve">          // Coerce booleans to `1` or `0` and dates to milliseconds.</w:t>
            </w:r>
          </w:p>
          <w:p w:rsidR="00156FB3" w:rsidRDefault="00156FB3" w:rsidP="00156FB3">
            <w:r>
              <w:t xml:space="preserve">          // Invalid dates are coerced to `NaN`.</w:t>
            </w:r>
          </w:p>
          <w:p w:rsidR="00156FB3" w:rsidRDefault="00156FB3" w:rsidP="00156FB3">
            <w:r>
              <w:t xml:space="preserve">          return eq(+object, +other);</w:t>
            </w:r>
          </w:p>
          <w:p w:rsidR="00156FB3" w:rsidRDefault="00156FB3" w:rsidP="00156FB3"/>
          <w:p w:rsidR="00156FB3" w:rsidRDefault="00156FB3" w:rsidP="00156FB3">
            <w:r>
              <w:t xml:space="preserve">        case errorTag:</w:t>
            </w:r>
          </w:p>
          <w:p w:rsidR="00156FB3" w:rsidRDefault="00156FB3" w:rsidP="00156FB3">
            <w:r>
              <w:t xml:space="preserve">          return object.name == other.name &amp;&amp; object.message == other.message;</w:t>
            </w:r>
          </w:p>
          <w:p w:rsidR="00156FB3" w:rsidRDefault="00156FB3" w:rsidP="00156FB3"/>
          <w:p w:rsidR="00156FB3" w:rsidRDefault="00156FB3" w:rsidP="00156FB3">
            <w:r>
              <w:t xml:space="preserve">        case regexpTag:</w:t>
            </w:r>
          </w:p>
          <w:p w:rsidR="00156FB3" w:rsidRDefault="00156FB3" w:rsidP="00156FB3">
            <w:r>
              <w:t xml:space="preserve">        case stringTag:</w:t>
            </w:r>
          </w:p>
          <w:p w:rsidR="00156FB3" w:rsidRDefault="00156FB3" w:rsidP="00156FB3">
            <w:r>
              <w:t xml:space="preserve">          // Coerce regexes to strings and treat strings, primitives and objects,</w:t>
            </w:r>
          </w:p>
          <w:p w:rsidR="00156FB3" w:rsidRDefault="00156FB3" w:rsidP="00156FB3">
            <w:r>
              <w:t xml:space="preserve">          // as equal. See http://www.ecma-international.org/ecma-262/7.0/#sec-regexp.prototype.tostring</w:t>
            </w:r>
          </w:p>
          <w:p w:rsidR="00156FB3" w:rsidRDefault="00156FB3" w:rsidP="00156FB3">
            <w:r>
              <w:t xml:space="preserve">          // for more details.</w:t>
            </w:r>
          </w:p>
          <w:p w:rsidR="00156FB3" w:rsidRDefault="00156FB3" w:rsidP="00156FB3">
            <w:r>
              <w:t xml:space="preserve">          return object == (other + '');</w:t>
            </w:r>
          </w:p>
          <w:p w:rsidR="00156FB3" w:rsidRDefault="00156FB3" w:rsidP="00156FB3"/>
          <w:p w:rsidR="00156FB3" w:rsidRDefault="00156FB3" w:rsidP="00156FB3">
            <w:r>
              <w:t xml:space="preserve">        case mapTag:</w:t>
            </w:r>
          </w:p>
          <w:p w:rsidR="00156FB3" w:rsidRDefault="00156FB3" w:rsidP="00156FB3">
            <w:r>
              <w:t xml:space="preserve">          var convert = mapToArray;</w:t>
            </w:r>
          </w:p>
          <w:p w:rsidR="00156FB3" w:rsidRDefault="00156FB3" w:rsidP="00156FB3"/>
          <w:p w:rsidR="00156FB3" w:rsidRDefault="00156FB3" w:rsidP="00156FB3">
            <w:r>
              <w:t xml:space="preserve">        case setTag:</w:t>
            </w:r>
          </w:p>
          <w:p w:rsidR="00156FB3" w:rsidRDefault="00156FB3" w:rsidP="00156FB3">
            <w:r>
              <w:t xml:space="preserve">          var isPartial = bitmask &amp; COMPARE_PARTIAL_FLAG;</w:t>
            </w:r>
          </w:p>
          <w:p w:rsidR="00156FB3" w:rsidRDefault="00156FB3" w:rsidP="00156FB3">
            <w:r>
              <w:t xml:space="preserve">          convert || (convert = setToArray);</w:t>
            </w:r>
          </w:p>
          <w:p w:rsidR="00156FB3" w:rsidRDefault="00156FB3" w:rsidP="00156FB3"/>
          <w:p w:rsidR="00156FB3" w:rsidRDefault="00156FB3" w:rsidP="00156FB3">
            <w:r>
              <w:t xml:space="preserve">          if (object.size != other.size &amp;&amp; !isPartial) {</w:t>
            </w:r>
          </w:p>
          <w:p w:rsidR="00156FB3" w:rsidRDefault="00156FB3" w:rsidP="00156FB3">
            <w:r>
              <w:t xml:space="preserve">            return false;</w:t>
            </w:r>
          </w:p>
          <w:p w:rsidR="00156FB3" w:rsidRDefault="00156FB3" w:rsidP="00156FB3">
            <w:r>
              <w:t xml:space="preserve">          }</w:t>
            </w:r>
          </w:p>
          <w:p w:rsidR="00156FB3" w:rsidRDefault="00156FB3" w:rsidP="00156FB3">
            <w:r>
              <w:t xml:space="preserve">          // Assume cyclic values are equal.</w:t>
            </w:r>
          </w:p>
          <w:p w:rsidR="00156FB3" w:rsidRDefault="00156FB3" w:rsidP="00156FB3">
            <w:r>
              <w:t xml:space="preserve">          var stacked = stack.get(object);</w:t>
            </w:r>
          </w:p>
          <w:p w:rsidR="00156FB3" w:rsidRDefault="00156FB3" w:rsidP="00156FB3">
            <w:r>
              <w:t xml:space="preserve">          if (stacked) {</w:t>
            </w:r>
          </w:p>
          <w:p w:rsidR="00156FB3" w:rsidRDefault="00156FB3" w:rsidP="00156FB3">
            <w:r>
              <w:t xml:space="preserve">            return stacked == other;</w:t>
            </w:r>
          </w:p>
          <w:p w:rsidR="00156FB3" w:rsidRDefault="00156FB3" w:rsidP="00156FB3">
            <w:r>
              <w:t xml:space="preserve">          }</w:t>
            </w:r>
          </w:p>
          <w:p w:rsidR="00156FB3" w:rsidRDefault="00156FB3" w:rsidP="00156FB3">
            <w:r>
              <w:t xml:space="preserve">          bitmask |= COMPARE_UNORDERED_FLAG;</w:t>
            </w:r>
          </w:p>
          <w:p w:rsidR="00156FB3" w:rsidRDefault="00156FB3" w:rsidP="00156FB3"/>
          <w:p w:rsidR="00156FB3" w:rsidRDefault="00156FB3" w:rsidP="00156FB3">
            <w:r>
              <w:t xml:space="preserve">          // Recursively compare objects (susceptible to call stack limits).</w:t>
            </w:r>
          </w:p>
          <w:p w:rsidR="00156FB3" w:rsidRDefault="00156FB3" w:rsidP="00156FB3">
            <w:r>
              <w:t xml:space="preserve">          stack.set(object, other);</w:t>
            </w:r>
          </w:p>
          <w:p w:rsidR="00156FB3" w:rsidRDefault="00156FB3" w:rsidP="00156FB3">
            <w:r>
              <w:t xml:space="preserve">          var result = equalArrays(convert(object), convert(other), bitmask, customizer, equalFunc, stack);</w:t>
            </w:r>
          </w:p>
          <w:p w:rsidR="00156FB3" w:rsidRDefault="00156FB3" w:rsidP="00156FB3">
            <w:r>
              <w:t xml:space="preserve">          stack['delete'](object);</w:t>
            </w:r>
          </w:p>
          <w:p w:rsidR="00156FB3" w:rsidRDefault="00156FB3" w:rsidP="00156FB3">
            <w:r>
              <w:t xml:space="preserve">          return result;</w:t>
            </w:r>
          </w:p>
          <w:p w:rsidR="00156FB3" w:rsidRDefault="00156FB3" w:rsidP="00156FB3"/>
          <w:p w:rsidR="00156FB3" w:rsidRDefault="00156FB3" w:rsidP="00156FB3">
            <w:r>
              <w:t xml:space="preserve">        case symbolTag:</w:t>
            </w:r>
          </w:p>
          <w:p w:rsidR="00156FB3" w:rsidRDefault="00156FB3" w:rsidP="00156FB3">
            <w:r>
              <w:t xml:space="preserve">          if (symbolValueOf) {</w:t>
            </w:r>
          </w:p>
          <w:p w:rsidR="00156FB3" w:rsidRDefault="00156FB3" w:rsidP="00156FB3">
            <w:r>
              <w:t xml:space="preserve">            return symbolValueOf.call(object) == symbolValueOf.call(other);</w:t>
            </w:r>
          </w:p>
          <w:p w:rsidR="00156FB3" w:rsidRDefault="00156FB3" w:rsidP="00156FB3">
            <w:r>
              <w:t xml:space="preserve">          }</w:t>
            </w:r>
          </w:p>
          <w:p w:rsidR="00156FB3" w:rsidRDefault="00156FB3" w:rsidP="00156FB3">
            <w:r>
              <w:t xml:space="preserve">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baseIsEqualDeep` for objects with support for</w:t>
            </w:r>
          </w:p>
          <w:p w:rsidR="00156FB3" w:rsidRDefault="00156FB3" w:rsidP="00156FB3">
            <w:r>
              <w:t xml:space="preserve">     * partial deep comparison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compare.</w:t>
            </w:r>
          </w:p>
          <w:p w:rsidR="00156FB3" w:rsidRDefault="00156FB3" w:rsidP="00156FB3">
            <w:r>
              <w:t xml:space="preserve">     * @param {Object} other The other object to compare.</w:t>
            </w:r>
          </w:p>
          <w:p w:rsidR="00156FB3" w:rsidRDefault="00156FB3" w:rsidP="00156FB3">
            <w:r>
              <w:t xml:space="preserve">     * @param {number} bitmask The bitmask flags. See `baseIsEqual` for more details.</w:t>
            </w:r>
          </w:p>
          <w:p w:rsidR="00156FB3" w:rsidRDefault="00156FB3" w:rsidP="00156FB3">
            <w:r>
              <w:t xml:space="preserve">     * @param {Function} customizer The function to customize comparisons.</w:t>
            </w:r>
          </w:p>
          <w:p w:rsidR="00156FB3" w:rsidRDefault="00156FB3" w:rsidP="00156FB3">
            <w:r>
              <w:t xml:space="preserve">     * @param {Function} equalFunc The function to determine equivalents of values.</w:t>
            </w:r>
          </w:p>
          <w:p w:rsidR="00156FB3" w:rsidRDefault="00156FB3" w:rsidP="00156FB3">
            <w:r>
              <w:t xml:space="preserve">     * @param {Object} stack Tracks traversed `object` and `other` objects.</w:t>
            </w:r>
          </w:p>
          <w:p w:rsidR="00156FB3" w:rsidRDefault="00156FB3" w:rsidP="00156FB3">
            <w:r>
              <w:t xml:space="preserve">     * @returns {boolean} Returns `true` if the objects are equivalent, else `false`.</w:t>
            </w:r>
          </w:p>
          <w:p w:rsidR="00156FB3" w:rsidRDefault="00156FB3" w:rsidP="00156FB3">
            <w:r>
              <w:t xml:space="preserve">     */</w:t>
            </w:r>
          </w:p>
          <w:p w:rsidR="00156FB3" w:rsidRDefault="00156FB3" w:rsidP="00156FB3">
            <w:r>
              <w:t xml:space="preserve">    function equalObjects(object, other, bitmask, customizer, equalFunc, stack) {</w:t>
            </w:r>
          </w:p>
          <w:p w:rsidR="00156FB3" w:rsidRDefault="00156FB3" w:rsidP="00156FB3">
            <w:r>
              <w:t xml:space="preserve">      var isPartial = bitmask &amp; COMPARE_PARTIAL_FLAG,</w:t>
            </w:r>
          </w:p>
          <w:p w:rsidR="00156FB3" w:rsidRDefault="00156FB3" w:rsidP="00156FB3">
            <w:r>
              <w:t xml:space="preserve">          objProps = getAllKeys(object),</w:t>
            </w:r>
          </w:p>
          <w:p w:rsidR="00156FB3" w:rsidRDefault="00156FB3" w:rsidP="00156FB3">
            <w:r>
              <w:t xml:space="preserve">          objLength = objProps.length,</w:t>
            </w:r>
          </w:p>
          <w:p w:rsidR="00156FB3" w:rsidRDefault="00156FB3" w:rsidP="00156FB3">
            <w:r>
              <w:t xml:space="preserve">          othProps = getAllKeys(other),</w:t>
            </w:r>
          </w:p>
          <w:p w:rsidR="00156FB3" w:rsidRDefault="00156FB3" w:rsidP="00156FB3">
            <w:r>
              <w:t xml:space="preserve">          othLength = othProps.length;</w:t>
            </w:r>
          </w:p>
          <w:p w:rsidR="00156FB3" w:rsidRDefault="00156FB3" w:rsidP="00156FB3"/>
          <w:p w:rsidR="00156FB3" w:rsidRDefault="00156FB3" w:rsidP="00156FB3">
            <w:r>
              <w:t xml:space="preserve">      if (objLength != othLength &amp;&amp; !isPartial) {</w:t>
            </w:r>
          </w:p>
          <w:p w:rsidR="00156FB3" w:rsidRDefault="00156FB3" w:rsidP="00156FB3">
            <w:r>
              <w:t xml:space="preserve">        return false;</w:t>
            </w:r>
          </w:p>
          <w:p w:rsidR="00156FB3" w:rsidRDefault="00156FB3" w:rsidP="00156FB3">
            <w:r>
              <w:t xml:space="preserve">      }</w:t>
            </w:r>
          </w:p>
          <w:p w:rsidR="00156FB3" w:rsidRDefault="00156FB3" w:rsidP="00156FB3">
            <w:r>
              <w:lastRenderedPageBreak/>
              <w:t xml:space="preserve">      var index = objLength;</w:t>
            </w:r>
          </w:p>
          <w:p w:rsidR="00156FB3" w:rsidRDefault="00156FB3" w:rsidP="00156FB3">
            <w:r>
              <w:t xml:space="preserve">      while (index--) {</w:t>
            </w:r>
          </w:p>
          <w:p w:rsidR="00156FB3" w:rsidRDefault="00156FB3" w:rsidP="00156FB3">
            <w:r>
              <w:t xml:space="preserve">        var key = objProps[index];</w:t>
            </w:r>
          </w:p>
          <w:p w:rsidR="00156FB3" w:rsidRDefault="00156FB3" w:rsidP="00156FB3">
            <w:r>
              <w:t xml:space="preserve">        if (!(isPartial ? key in other : hasOwnProperty.call(other, key))) {</w:t>
            </w:r>
          </w:p>
          <w:p w:rsidR="00156FB3" w:rsidRDefault="00156FB3" w:rsidP="00156FB3">
            <w:r>
              <w:t xml:space="preserve">          return false;</w:t>
            </w:r>
          </w:p>
          <w:p w:rsidR="00156FB3" w:rsidRDefault="00156FB3" w:rsidP="00156FB3">
            <w:r>
              <w:t xml:space="preserve">        }</w:t>
            </w:r>
          </w:p>
          <w:p w:rsidR="00156FB3" w:rsidRDefault="00156FB3" w:rsidP="00156FB3">
            <w:r>
              <w:t xml:space="preserve">      }</w:t>
            </w:r>
          </w:p>
          <w:p w:rsidR="00156FB3" w:rsidRDefault="00156FB3" w:rsidP="00156FB3">
            <w:r>
              <w:t xml:space="preserve">      // Assume cyclic values are equal.</w:t>
            </w:r>
          </w:p>
          <w:p w:rsidR="00156FB3" w:rsidRDefault="00156FB3" w:rsidP="00156FB3">
            <w:r>
              <w:t xml:space="preserve">      var stacked = stack.get(object);</w:t>
            </w:r>
          </w:p>
          <w:p w:rsidR="00156FB3" w:rsidRDefault="00156FB3" w:rsidP="00156FB3">
            <w:r>
              <w:t xml:space="preserve">      if (stacked &amp;&amp; stack.get(other)) {</w:t>
            </w:r>
          </w:p>
          <w:p w:rsidR="00156FB3" w:rsidRDefault="00156FB3" w:rsidP="00156FB3">
            <w:r>
              <w:t xml:space="preserve">        return stacked == other;</w:t>
            </w:r>
          </w:p>
          <w:p w:rsidR="00156FB3" w:rsidRDefault="00156FB3" w:rsidP="00156FB3">
            <w:r>
              <w:t xml:space="preserve">      }</w:t>
            </w:r>
          </w:p>
          <w:p w:rsidR="00156FB3" w:rsidRDefault="00156FB3" w:rsidP="00156FB3">
            <w:r>
              <w:t xml:space="preserve">      var result = true;</w:t>
            </w:r>
          </w:p>
          <w:p w:rsidR="00156FB3" w:rsidRDefault="00156FB3" w:rsidP="00156FB3">
            <w:r>
              <w:t xml:space="preserve">      stack.set(object, other);</w:t>
            </w:r>
          </w:p>
          <w:p w:rsidR="00156FB3" w:rsidRDefault="00156FB3" w:rsidP="00156FB3">
            <w:r>
              <w:t xml:space="preserve">      stack.set(other, object);</w:t>
            </w:r>
          </w:p>
          <w:p w:rsidR="00156FB3" w:rsidRDefault="00156FB3" w:rsidP="00156FB3"/>
          <w:p w:rsidR="00156FB3" w:rsidRDefault="00156FB3" w:rsidP="00156FB3">
            <w:r>
              <w:t xml:space="preserve">      var skipCtor = isPartial;</w:t>
            </w:r>
          </w:p>
          <w:p w:rsidR="00156FB3" w:rsidRDefault="00156FB3" w:rsidP="00156FB3">
            <w:r>
              <w:t xml:space="preserve">      while (++index &lt; objLength) {</w:t>
            </w:r>
          </w:p>
          <w:p w:rsidR="00156FB3" w:rsidRDefault="00156FB3" w:rsidP="00156FB3">
            <w:r>
              <w:t xml:space="preserve">        key = objProps[index];</w:t>
            </w:r>
          </w:p>
          <w:p w:rsidR="00156FB3" w:rsidRDefault="00156FB3" w:rsidP="00156FB3">
            <w:r>
              <w:t xml:space="preserve">        var objValue = object[key],</w:t>
            </w:r>
          </w:p>
          <w:p w:rsidR="00156FB3" w:rsidRDefault="00156FB3" w:rsidP="00156FB3">
            <w:r>
              <w:t xml:space="preserve">            othValue = other[key];</w:t>
            </w:r>
          </w:p>
          <w:p w:rsidR="00156FB3" w:rsidRDefault="00156FB3" w:rsidP="00156FB3"/>
          <w:p w:rsidR="00156FB3" w:rsidRDefault="00156FB3" w:rsidP="00156FB3">
            <w:r>
              <w:t xml:space="preserve">        if (customizer) {</w:t>
            </w:r>
          </w:p>
          <w:p w:rsidR="00156FB3" w:rsidRDefault="00156FB3" w:rsidP="00156FB3">
            <w:r>
              <w:t xml:space="preserve">          var compared = isPartial</w:t>
            </w:r>
          </w:p>
          <w:p w:rsidR="00156FB3" w:rsidRDefault="00156FB3" w:rsidP="00156FB3">
            <w:r>
              <w:t xml:space="preserve">            ? customizer(othValue, objValue, key, other, object, stack)</w:t>
            </w:r>
          </w:p>
          <w:p w:rsidR="00156FB3" w:rsidRDefault="00156FB3" w:rsidP="00156FB3">
            <w:r>
              <w:t xml:space="preserve">            : customizer(objValue, othValue, key, object, other, stack);</w:t>
            </w:r>
          </w:p>
          <w:p w:rsidR="00156FB3" w:rsidRDefault="00156FB3" w:rsidP="00156FB3">
            <w:r>
              <w:t xml:space="preserve">        }</w:t>
            </w:r>
          </w:p>
          <w:p w:rsidR="00156FB3" w:rsidRDefault="00156FB3" w:rsidP="00156FB3">
            <w:r>
              <w:t xml:space="preserve">        // Recursively compare objects (susceptible to call stack limits).</w:t>
            </w:r>
          </w:p>
          <w:p w:rsidR="00156FB3" w:rsidRDefault="00156FB3" w:rsidP="00156FB3">
            <w:r>
              <w:t xml:space="preserve">        if (!(compared === undefined</w:t>
            </w:r>
          </w:p>
          <w:p w:rsidR="00156FB3" w:rsidRDefault="00156FB3" w:rsidP="00156FB3">
            <w:r>
              <w:t xml:space="preserve">              ? (objValue === othValue || equalFunc(objValue, othValue, bitmask, customizer, stack))</w:t>
            </w:r>
          </w:p>
          <w:p w:rsidR="00156FB3" w:rsidRDefault="00156FB3" w:rsidP="00156FB3">
            <w:r>
              <w:t xml:space="preserve">              : compared</w:t>
            </w:r>
          </w:p>
          <w:p w:rsidR="00156FB3" w:rsidRDefault="00156FB3" w:rsidP="00156FB3">
            <w:r>
              <w:t xml:space="preserve">            )) {</w:t>
            </w:r>
          </w:p>
          <w:p w:rsidR="00156FB3" w:rsidRDefault="00156FB3" w:rsidP="00156FB3">
            <w:r>
              <w:t xml:space="preserve">          result = false;</w:t>
            </w:r>
          </w:p>
          <w:p w:rsidR="00156FB3" w:rsidRDefault="00156FB3" w:rsidP="00156FB3">
            <w:r>
              <w:t xml:space="preserve">          break;</w:t>
            </w:r>
          </w:p>
          <w:p w:rsidR="00156FB3" w:rsidRDefault="00156FB3" w:rsidP="00156FB3">
            <w:r>
              <w:t xml:space="preserve">        }</w:t>
            </w:r>
          </w:p>
          <w:p w:rsidR="00156FB3" w:rsidRDefault="00156FB3" w:rsidP="00156FB3">
            <w:r>
              <w:t xml:space="preserve">        skipCtor || (skipCtor = key == 'constructor');</w:t>
            </w:r>
          </w:p>
          <w:p w:rsidR="00156FB3" w:rsidRDefault="00156FB3" w:rsidP="00156FB3">
            <w:r>
              <w:t xml:space="preserve">      }</w:t>
            </w:r>
          </w:p>
          <w:p w:rsidR="00156FB3" w:rsidRDefault="00156FB3" w:rsidP="00156FB3">
            <w:r>
              <w:t xml:space="preserve">      if (result &amp;&amp; !skipCtor) {</w:t>
            </w:r>
          </w:p>
          <w:p w:rsidR="00156FB3" w:rsidRDefault="00156FB3" w:rsidP="00156FB3">
            <w:r>
              <w:t xml:space="preserve">        var objCtor = object.constructor,</w:t>
            </w:r>
          </w:p>
          <w:p w:rsidR="00156FB3" w:rsidRDefault="00156FB3" w:rsidP="00156FB3">
            <w:r>
              <w:t xml:space="preserve">            othCtor = other.constructor;</w:t>
            </w:r>
          </w:p>
          <w:p w:rsidR="00156FB3" w:rsidRDefault="00156FB3" w:rsidP="00156FB3"/>
          <w:p w:rsidR="00156FB3" w:rsidRDefault="00156FB3" w:rsidP="00156FB3">
            <w:r>
              <w:t xml:space="preserve">        // Non `Object` object instances with different constructors are not equal.</w:t>
            </w:r>
          </w:p>
          <w:p w:rsidR="00156FB3" w:rsidRDefault="00156FB3" w:rsidP="00156FB3">
            <w:r>
              <w:t xml:space="preserve">        if (objCtor != othCtor &amp;&amp;</w:t>
            </w:r>
          </w:p>
          <w:p w:rsidR="00156FB3" w:rsidRDefault="00156FB3" w:rsidP="00156FB3">
            <w:r>
              <w:t xml:space="preserve">            ('constructor' in object &amp;&amp; 'constructor' in other) &amp;&amp;</w:t>
            </w:r>
          </w:p>
          <w:p w:rsidR="00156FB3" w:rsidRDefault="00156FB3" w:rsidP="00156FB3">
            <w:r>
              <w:t xml:space="preserve">            !(typeof objCtor == 'function' &amp;&amp; objCtor instanceof objCtor &amp;&amp;</w:t>
            </w:r>
          </w:p>
          <w:p w:rsidR="00156FB3" w:rsidRDefault="00156FB3" w:rsidP="00156FB3">
            <w:r>
              <w:t xml:space="preserve">              typeof othCtor == 'function' &amp;&amp; othCtor instanceof othCtor)) {</w:t>
            </w:r>
          </w:p>
          <w:p w:rsidR="00156FB3" w:rsidRDefault="00156FB3" w:rsidP="00156FB3">
            <w:r>
              <w:t xml:space="preserve">          result = false;</w:t>
            </w:r>
          </w:p>
          <w:p w:rsidR="00156FB3" w:rsidRDefault="00156FB3" w:rsidP="00156FB3">
            <w:r>
              <w:t xml:space="preserve">        }</w:t>
            </w:r>
          </w:p>
          <w:p w:rsidR="00156FB3" w:rsidRDefault="00156FB3" w:rsidP="00156FB3">
            <w:r>
              <w:lastRenderedPageBreak/>
              <w:t xml:space="preserve">      }</w:t>
            </w:r>
          </w:p>
          <w:p w:rsidR="00156FB3" w:rsidRDefault="00156FB3" w:rsidP="00156FB3">
            <w:r>
              <w:t xml:space="preserve">      stack['delete'](object);</w:t>
            </w:r>
          </w:p>
          <w:p w:rsidR="00156FB3" w:rsidRDefault="00156FB3" w:rsidP="00156FB3">
            <w:r>
              <w:t xml:space="preserve">      stack['delete'](other);</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baseRest` which flattens the rest array.</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unc The function to apply a rest parameter to.</w:t>
            </w:r>
          </w:p>
          <w:p w:rsidR="00156FB3" w:rsidRDefault="00156FB3" w:rsidP="00156FB3">
            <w:r>
              <w:t xml:space="preserve">     * @returns {Function} Returns the new function.</w:t>
            </w:r>
          </w:p>
          <w:p w:rsidR="00156FB3" w:rsidRDefault="00156FB3" w:rsidP="00156FB3">
            <w:r>
              <w:t xml:space="preserve">     */</w:t>
            </w:r>
          </w:p>
          <w:p w:rsidR="00156FB3" w:rsidRDefault="00156FB3" w:rsidP="00156FB3">
            <w:r>
              <w:t xml:space="preserve">    function flatRest(func) {</w:t>
            </w:r>
          </w:p>
          <w:p w:rsidR="00156FB3" w:rsidRDefault="00156FB3" w:rsidP="00156FB3">
            <w:r>
              <w:t xml:space="preserve">      return setToString(overRest(func, undefined, flatten), func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of own enumerable property names and symbols of `object`.</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query.</w:t>
            </w:r>
          </w:p>
          <w:p w:rsidR="00156FB3" w:rsidRDefault="00156FB3" w:rsidP="00156FB3">
            <w:r>
              <w:t xml:space="preserve">     * @returns {Array} Returns the array of property names and symbols.</w:t>
            </w:r>
          </w:p>
          <w:p w:rsidR="00156FB3" w:rsidRDefault="00156FB3" w:rsidP="00156FB3">
            <w:r>
              <w:t xml:space="preserve">     */</w:t>
            </w:r>
          </w:p>
          <w:p w:rsidR="00156FB3" w:rsidRDefault="00156FB3" w:rsidP="00156FB3">
            <w:r>
              <w:t xml:space="preserve">    function getAllKeys(object) {</w:t>
            </w:r>
          </w:p>
          <w:p w:rsidR="00156FB3" w:rsidRDefault="00156FB3" w:rsidP="00156FB3">
            <w:r>
              <w:t xml:space="preserve">      return baseGetAllKeys(object, keys, getSymbol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of own and inherited enumerable property names and</w:t>
            </w:r>
          </w:p>
          <w:p w:rsidR="00156FB3" w:rsidRDefault="00156FB3" w:rsidP="00156FB3">
            <w:r>
              <w:t xml:space="preserve">     * symbols of `object`.</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query.</w:t>
            </w:r>
          </w:p>
          <w:p w:rsidR="00156FB3" w:rsidRDefault="00156FB3" w:rsidP="00156FB3">
            <w:r>
              <w:t xml:space="preserve">     * @returns {Array} Returns the array of property names and symbols.</w:t>
            </w:r>
          </w:p>
          <w:p w:rsidR="00156FB3" w:rsidRDefault="00156FB3" w:rsidP="00156FB3">
            <w:r>
              <w:t xml:space="preserve">     */</w:t>
            </w:r>
          </w:p>
          <w:p w:rsidR="00156FB3" w:rsidRDefault="00156FB3" w:rsidP="00156FB3">
            <w:r>
              <w:t xml:space="preserve">    function getAllKeysIn(object) {</w:t>
            </w:r>
          </w:p>
          <w:p w:rsidR="00156FB3" w:rsidRDefault="00156FB3" w:rsidP="00156FB3">
            <w:r>
              <w:t xml:space="preserve">      return baseGetAllKeys(object, keysIn, getSymbolsIn);</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metadata for `func`.</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unc The function to query.</w:t>
            </w:r>
          </w:p>
          <w:p w:rsidR="00156FB3" w:rsidRDefault="00156FB3" w:rsidP="00156FB3">
            <w:r>
              <w:t xml:space="preserve">     * @returns {*} Returns the metadata for `func`.</w:t>
            </w:r>
          </w:p>
          <w:p w:rsidR="00156FB3" w:rsidRDefault="00156FB3" w:rsidP="00156FB3">
            <w:r>
              <w:t xml:space="preserve">     */</w:t>
            </w:r>
          </w:p>
          <w:p w:rsidR="00156FB3" w:rsidRDefault="00156FB3" w:rsidP="00156FB3">
            <w:r>
              <w:t xml:space="preserve">    var getData = !metaMap ? noop : function(func) {</w:t>
            </w:r>
          </w:p>
          <w:p w:rsidR="00156FB3" w:rsidRDefault="00156FB3" w:rsidP="00156FB3">
            <w:r>
              <w:lastRenderedPageBreak/>
              <w:t xml:space="preserve">      return metaMap.get(func);</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name of `func`.</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unc The function to query.</w:t>
            </w:r>
          </w:p>
          <w:p w:rsidR="00156FB3" w:rsidRDefault="00156FB3" w:rsidP="00156FB3">
            <w:r>
              <w:t xml:space="preserve">     * @returns {string} Returns the function name.</w:t>
            </w:r>
          </w:p>
          <w:p w:rsidR="00156FB3" w:rsidRDefault="00156FB3" w:rsidP="00156FB3">
            <w:r>
              <w:t xml:space="preserve">     */</w:t>
            </w:r>
          </w:p>
          <w:p w:rsidR="00156FB3" w:rsidRDefault="00156FB3" w:rsidP="00156FB3">
            <w:r>
              <w:t xml:space="preserve">    function getFuncName(func) {</w:t>
            </w:r>
          </w:p>
          <w:p w:rsidR="00156FB3" w:rsidRDefault="00156FB3" w:rsidP="00156FB3">
            <w:r>
              <w:t xml:space="preserve">      var result = (func.name + ''),</w:t>
            </w:r>
          </w:p>
          <w:p w:rsidR="00156FB3" w:rsidRDefault="00156FB3" w:rsidP="00156FB3">
            <w:r>
              <w:t xml:space="preserve">          array = realNames[result],</w:t>
            </w:r>
          </w:p>
          <w:p w:rsidR="00156FB3" w:rsidRDefault="00156FB3" w:rsidP="00156FB3">
            <w:r>
              <w:t xml:space="preserve">          length = hasOwnProperty.call(realNames, result) ? array.length : 0;</w:t>
            </w:r>
          </w:p>
          <w:p w:rsidR="00156FB3" w:rsidRDefault="00156FB3" w:rsidP="00156FB3"/>
          <w:p w:rsidR="00156FB3" w:rsidRDefault="00156FB3" w:rsidP="00156FB3">
            <w:r>
              <w:t xml:space="preserve">      while (length--) {</w:t>
            </w:r>
          </w:p>
          <w:p w:rsidR="00156FB3" w:rsidRDefault="00156FB3" w:rsidP="00156FB3">
            <w:r>
              <w:t xml:space="preserve">        var data = array[length],</w:t>
            </w:r>
          </w:p>
          <w:p w:rsidR="00156FB3" w:rsidRDefault="00156FB3" w:rsidP="00156FB3">
            <w:r>
              <w:t xml:space="preserve">            otherFunc = data.func;</w:t>
            </w:r>
          </w:p>
          <w:p w:rsidR="00156FB3" w:rsidRDefault="00156FB3" w:rsidP="00156FB3">
            <w:r>
              <w:t xml:space="preserve">        if (otherFunc == null || otherFunc == func) {</w:t>
            </w:r>
          </w:p>
          <w:p w:rsidR="00156FB3" w:rsidRDefault="00156FB3" w:rsidP="00156FB3">
            <w:r>
              <w:t xml:space="preserve">          return data.name;</w:t>
            </w:r>
          </w:p>
          <w:p w:rsidR="00156FB3" w:rsidRDefault="00156FB3" w:rsidP="00156FB3">
            <w:r>
              <w:t xml:space="preserve">        }</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argument placeholder value for `func`.</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unc The function to inspect.</w:t>
            </w:r>
          </w:p>
          <w:p w:rsidR="00156FB3" w:rsidRDefault="00156FB3" w:rsidP="00156FB3">
            <w:r>
              <w:t xml:space="preserve">     * @returns {*} Returns the placeholder value.</w:t>
            </w:r>
          </w:p>
          <w:p w:rsidR="00156FB3" w:rsidRDefault="00156FB3" w:rsidP="00156FB3">
            <w:r>
              <w:t xml:space="preserve">     */</w:t>
            </w:r>
          </w:p>
          <w:p w:rsidR="00156FB3" w:rsidRDefault="00156FB3" w:rsidP="00156FB3">
            <w:r>
              <w:t xml:space="preserve">    function getHolder(func) {</w:t>
            </w:r>
          </w:p>
          <w:p w:rsidR="00156FB3" w:rsidRDefault="00156FB3" w:rsidP="00156FB3">
            <w:r>
              <w:t xml:space="preserve">      var object = hasOwnProperty.call(lodash, 'placeholder') ? lodash : func;</w:t>
            </w:r>
          </w:p>
          <w:p w:rsidR="00156FB3" w:rsidRDefault="00156FB3" w:rsidP="00156FB3">
            <w:r>
              <w:t xml:space="preserve">      return object.placehold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appropriate "iteratee" function. If `_.iteratee` is customized,</w:t>
            </w:r>
          </w:p>
          <w:p w:rsidR="00156FB3" w:rsidRDefault="00156FB3" w:rsidP="00156FB3">
            <w:r>
              <w:t xml:space="preserve">     * this function returns the custom method, otherwise it returns `baseIteratee`.</w:t>
            </w:r>
          </w:p>
          <w:p w:rsidR="00156FB3" w:rsidRDefault="00156FB3" w:rsidP="00156FB3">
            <w:r>
              <w:t xml:space="preserve">     * If arguments are provided, the chosen function is invoked with them and</w:t>
            </w:r>
          </w:p>
          <w:p w:rsidR="00156FB3" w:rsidRDefault="00156FB3" w:rsidP="00156FB3">
            <w:r>
              <w:t xml:space="preserve">     * its result is returned.</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convert to an iteratee.</w:t>
            </w:r>
          </w:p>
          <w:p w:rsidR="00156FB3" w:rsidRDefault="00156FB3" w:rsidP="00156FB3">
            <w:r>
              <w:t xml:space="preserve">     * @param {number} [arity] The arity of the created iteratee.</w:t>
            </w:r>
          </w:p>
          <w:p w:rsidR="00156FB3" w:rsidRDefault="00156FB3" w:rsidP="00156FB3">
            <w:r>
              <w:t xml:space="preserve">     * @returns {Function} Returns the chosen function or its result.</w:t>
            </w:r>
          </w:p>
          <w:p w:rsidR="00156FB3" w:rsidRDefault="00156FB3" w:rsidP="00156FB3">
            <w:r>
              <w:t xml:space="preserve">     */</w:t>
            </w:r>
          </w:p>
          <w:p w:rsidR="00156FB3" w:rsidRDefault="00156FB3" w:rsidP="00156FB3">
            <w:r>
              <w:lastRenderedPageBreak/>
              <w:t xml:space="preserve">    function getIteratee() {</w:t>
            </w:r>
          </w:p>
          <w:p w:rsidR="00156FB3" w:rsidRDefault="00156FB3" w:rsidP="00156FB3">
            <w:r>
              <w:t xml:space="preserve">      var result = lodash.iteratee || iteratee;</w:t>
            </w:r>
          </w:p>
          <w:p w:rsidR="00156FB3" w:rsidRDefault="00156FB3" w:rsidP="00156FB3">
            <w:r>
              <w:t xml:space="preserve">      result = result === iteratee ? baseIteratee : result;</w:t>
            </w:r>
          </w:p>
          <w:p w:rsidR="00156FB3" w:rsidRDefault="00156FB3" w:rsidP="00156FB3">
            <w:r>
              <w:t xml:space="preserve">      return arguments.length ? result(arguments[0], arguments[1]) :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data for `map`.</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map The map to query.</w:t>
            </w:r>
          </w:p>
          <w:p w:rsidR="00156FB3" w:rsidRDefault="00156FB3" w:rsidP="00156FB3">
            <w:r>
              <w:t xml:space="preserve">     * @param {string} key The reference key.</w:t>
            </w:r>
          </w:p>
          <w:p w:rsidR="00156FB3" w:rsidRDefault="00156FB3" w:rsidP="00156FB3">
            <w:r>
              <w:t xml:space="preserve">     * @returns {*} Returns the map data.</w:t>
            </w:r>
          </w:p>
          <w:p w:rsidR="00156FB3" w:rsidRDefault="00156FB3" w:rsidP="00156FB3">
            <w:r>
              <w:t xml:space="preserve">     */</w:t>
            </w:r>
          </w:p>
          <w:p w:rsidR="00156FB3" w:rsidRDefault="00156FB3" w:rsidP="00156FB3">
            <w:r>
              <w:t xml:space="preserve">    function getMapData(map, key) {</w:t>
            </w:r>
          </w:p>
          <w:p w:rsidR="00156FB3" w:rsidRDefault="00156FB3" w:rsidP="00156FB3">
            <w:r>
              <w:t xml:space="preserve">      var data = map.__data__;</w:t>
            </w:r>
          </w:p>
          <w:p w:rsidR="00156FB3" w:rsidRDefault="00156FB3" w:rsidP="00156FB3">
            <w:r>
              <w:t xml:space="preserve">      return isKeyable(key)</w:t>
            </w:r>
          </w:p>
          <w:p w:rsidR="00156FB3" w:rsidRDefault="00156FB3" w:rsidP="00156FB3">
            <w:r>
              <w:t xml:space="preserve">        ? data[typeof key == 'string' ? 'string' : 'hash']</w:t>
            </w:r>
          </w:p>
          <w:p w:rsidR="00156FB3" w:rsidRDefault="00156FB3" w:rsidP="00156FB3">
            <w:r>
              <w:t xml:space="preserve">        : data.map;</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property names, values, and compare flags of `object`.</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query.</w:t>
            </w:r>
          </w:p>
          <w:p w:rsidR="00156FB3" w:rsidRDefault="00156FB3" w:rsidP="00156FB3">
            <w:r>
              <w:t xml:space="preserve">     * @returns {Array} Returns the match data of `object`.</w:t>
            </w:r>
          </w:p>
          <w:p w:rsidR="00156FB3" w:rsidRDefault="00156FB3" w:rsidP="00156FB3">
            <w:r>
              <w:t xml:space="preserve">     */</w:t>
            </w:r>
          </w:p>
          <w:p w:rsidR="00156FB3" w:rsidRDefault="00156FB3" w:rsidP="00156FB3">
            <w:r>
              <w:t xml:space="preserve">    function getMatchData(object) {</w:t>
            </w:r>
          </w:p>
          <w:p w:rsidR="00156FB3" w:rsidRDefault="00156FB3" w:rsidP="00156FB3">
            <w:r>
              <w:t xml:space="preserve">      var result = keys(object),</w:t>
            </w:r>
          </w:p>
          <w:p w:rsidR="00156FB3" w:rsidRDefault="00156FB3" w:rsidP="00156FB3">
            <w:r>
              <w:t xml:space="preserve">          length = result.length;</w:t>
            </w:r>
          </w:p>
          <w:p w:rsidR="00156FB3" w:rsidRDefault="00156FB3" w:rsidP="00156FB3"/>
          <w:p w:rsidR="00156FB3" w:rsidRDefault="00156FB3" w:rsidP="00156FB3">
            <w:r>
              <w:t xml:space="preserve">      while (length--) {</w:t>
            </w:r>
          </w:p>
          <w:p w:rsidR="00156FB3" w:rsidRDefault="00156FB3" w:rsidP="00156FB3">
            <w:r>
              <w:t xml:space="preserve">        var key = result[length],</w:t>
            </w:r>
          </w:p>
          <w:p w:rsidR="00156FB3" w:rsidRDefault="00156FB3" w:rsidP="00156FB3">
            <w:r>
              <w:t xml:space="preserve">            value = object[key];</w:t>
            </w:r>
          </w:p>
          <w:p w:rsidR="00156FB3" w:rsidRDefault="00156FB3" w:rsidP="00156FB3"/>
          <w:p w:rsidR="00156FB3" w:rsidRDefault="00156FB3" w:rsidP="00156FB3">
            <w:r>
              <w:t xml:space="preserve">        result[length] = [key, value, isStrictComparable(value)];</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native function at `key` of `object`.</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query.</w:t>
            </w:r>
          </w:p>
          <w:p w:rsidR="00156FB3" w:rsidRDefault="00156FB3" w:rsidP="00156FB3">
            <w:r>
              <w:t xml:space="preserve">     * @param {string} key The key of the method to get.</w:t>
            </w:r>
          </w:p>
          <w:p w:rsidR="00156FB3" w:rsidRDefault="00156FB3" w:rsidP="00156FB3">
            <w:r>
              <w:t xml:space="preserve">     * @returns {*} Returns the function if it's native, else `undefined`.</w:t>
            </w:r>
          </w:p>
          <w:p w:rsidR="00156FB3" w:rsidRDefault="00156FB3" w:rsidP="00156FB3">
            <w:r>
              <w:lastRenderedPageBreak/>
              <w:t xml:space="preserve">     */</w:t>
            </w:r>
          </w:p>
          <w:p w:rsidR="00156FB3" w:rsidRDefault="00156FB3" w:rsidP="00156FB3">
            <w:r>
              <w:t xml:space="preserve">    function getNative(object, key) {</w:t>
            </w:r>
          </w:p>
          <w:p w:rsidR="00156FB3" w:rsidRDefault="00156FB3" w:rsidP="00156FB3">
            <w:r>
              <w:t xml:space="preserve">      var value = getValue(object, key);</w:t>
            </w:r>
          </w:p>
          <w:p w:rsidR="00156FB3" w:rsidRDefault="00156FB3" w:rsidP="00156FB3">
            <w:r>
              <w:t xml:space="preserve">      return baseIsNative(value) ? value : undefine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baseGetTag` which ignores `Symbol.toStringTag` values.</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query.</w:t>
            </w:r>
          </w:p>
          <w:p w:rsidR="00156FB3" w:rsidRDefault="00156FB3" w:rsidP="00156FB3">
            <w:r>
              <w:t xml:space="preserve">     * @returns {string} Returns the raw `toStringTag`.</w:t>
            </w:r>
          </w:p>
          <w:p w:rsidR="00156FB3" w:rsidRDefault="00156FB3" w:rsidP="00156FB3">
            <w:r>
              <w:t xml:space="preserve">     */</w:t>
            </w:r>
          </w:p>
          <w:p w:rsidR="00156FB3" w:rsidRDefault="00156FB3" w:rsidP="00156FB3">
            <w:r>
              <w:t xml:space="preserve">    function getRawTag(value) {</w:t>
            </w:r>
          </w:p>
          <w:p w:rsidR="00156FB3" w:rsidRDefault="00156FB3" w:rsidP="00156FB3">
            <w:r>
              <w:t xml:space="preserve">      var isOwn = hasOwnProperty.call(value, symToStringTag),</w:t>
            </w:r>
          </w:p>
          <w:p w:rsidR="00156FB3" w:rsidRDefault="00156FB3" w:rsidP="00156FB3">
            <w:r>
              <w:t xml:space="preserve">          tag = value[symToStringTag];</w:t>
            </w:r>
          </w:p>
          <w:p w:rsidR="00156FB3" w:rsidRDefault="00156FB3" w:rsidP="00156FB3"/>
          <w:p w:rsidR="00156FB3" w:rsidRDefault="00156FB3" w:rsidP="00156FB3">
            <w:r>
              <w:t xml:space="preserve">      try {</w:t>
            </w:r>
          </w:p>
          <w:p w:rsidR="00156FB3" w:rsidRDefault="00156FB3" w:rsidP="00156FB3">
            <w:r>
              <w:t xml:space="preserve">        value[symToStringTag] = undefined;</w:t>
            </w:r>
          </w:p>
          <w:p w:rsidR="00156FB3" w:rsidRDefault="00156FB3" w:rsidP="00156FB3">
            <w:r>
              <w:t xml:space="preserve">        var unmasked = true;</w:t>
            </w:r>
          </w:p>
          <w:p w:rsidR="00156FB3" w:rsidRDefault="00156FB3" w:rsidP="00156FB3">
            <w:r>
              <w:t xml:space="preserve">      } catch (e) {}</w:t>
            </w:r>
          </w:p>
          <w:p w:rsidR="00156FB3" w:rsidRDefault="00156FB3" w:rsidP="00156FB3"/>
          <w:p w:rsidR="00156FB3" w:rsidRDefault="00156FB3" w:rsidP="00156FB3">
            <w:r>
              <w:t xml:space="preserve">      var result = nativeObjectToString.call(value);</w:t>
            </w:r>
          </w:p>
          <w:p w:rsidR="00156FB3" w:rsidRDefault="00156FB3" w:rsidP="00156FB3">
            <w:r>
              <w:t xml:space="preserve">      if (unmasked) {</w:t>
            </w:r>
          </w:p>
          <w:p w:rsidR="00156FB3" w:rsidRDefault="00156FB3" w:rsidP="00156FB3">
            <w:r>
              <w:t xml:space="preserve">        if (isOwn) {</w:t>
            </w:r>
          </w:p>
          <w:p w:rsidR="00156FB3" w:rsidRDefault="00156FB3" w:rsidP="00156FB3">
            <w:r>
              <w:t xml:space="preserve">          value[symToStringTag] = tag;</w:t>
            </w:r>
          </w:p>
          <w:p w:rsidR="00156FB3" w:rsidRDefault="00156FB3" w:rsidP="00156FB3">
            <w:r>
              <w:t xml:space="preserve">        } else {</w:t>
            </w:r>
          </w:p>
          <w:p w:rsidR="00156FB3" w:rsidRDefault="00156FB3" w:rsidP="00156FB3">
            <w:r>
              <w:t xml:space="preserve">          delete value[symToStringTag];</w:t>
            </w:r>
          </w:p>
          <w:p w:rsidR="00156FB3" w:rsidRDefault="00156FB3" w:rsidP="00156FB3">
            <w:r>
              <w:t xml:space="preserve">        }</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of the own enumerable symbols of `object`.</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query.</w:t>
            </w:r>
          </w:p>
          <w:p w:rsidR="00156FB3" w:rsidRDefault="00156FB3" w:rsidP="00156FB3">
            <w:r>
              <w:t xml:space="preserve">     * @returns {Array} Returns the array of symbols.</w:t>
            </w:r>
          </w:p>
          <w:p w:rsidR="00156FB3" w:rsidRDefault="00156FB3" w:rsidP="00156FB3">
            <w:r>
              <w:t xml:space="preserve">     */</w:t>
            </w:r>
          </w:p>
          <w:p w:rsidR="00156FB3" w:rsidRDefault="00156FB3" w:rsidP="00156FB3">
            <w:r>
              <w:t xml:space="preserve">    var getSymbols = !nativeGetSymbols ? stubArray : function(object) {</w:t>
            </w:r>
          </w:p>
          <w:p w:rsidR="00156FB3" w:rsidRDefault="00156FB3" w:rsidP="00156FB3">
            <w:r>
              <w:t xml:space="preserve">      if (object == null) {</w:t>
            </w:r>
          </w:p>
          <w:p w:rsidR="00156FB3" w:rsidRDefault="00156FB3" w:rsidP="00156FB3">
            <w:r>
              <w:t xml:space="preserve">        return [];</w:t>
            </w:r>
          </w:p>
          <w:p w:rsidR="00156FB3" w:rsidRDefault="00156FB3" w:rsidP="00156FB3">
            <w:r>
              <w:t xml:space="preserve">      }</w:t>
            </w:r>
          </w:p>
          <w:p w:rsidR="00156FB3" w:rsidRDefault="00156FB3" w:rsidP="00156FB3">
            <w:r>
              <w:t xml:space="preserve">      object = Object(object);</w:t>
            </w:r>
          </w:p>
          <w:p w:rsidR="00156FB3" w:rsidRDefault="00156FB3" w:rsidP="00156FB3">
            <w:r>
              <w:t xml:space="preserve">      return arrayFilter(nativeGetSymbols(object), function(symbol) {</w:t>
            </w:r>
          </w:p>
          <w:p w:rsidR="00156FB3" w:rsidRDefault="00156FB3" w:rsidP="00156FB3">
            <w:r>
              <w:t xml:space="preserve">        return propertyIsEnumerable.call(object, symbol);</w:t>
            </w:r>
          </w:p>
          <w:p w:rsidR="00156FB3" w:rsidRDefault="00156FB3" w:rsidP="00156FB3">
            <w:r>
              <w:t xml:space="preserve">      });</w:t>
            </w:r>
          </w:p>
          <w:p w:rsidR="00156FB3" w:rsidRDefault="00156FB3" w:rsidP="00156FB3">
            <w:r>
              <w:lastRenderedPageBreak/>
              <w:t xml:space="preserve">    };</w:t>
            </w:r>
          </w:p>
          <w:p w:rsidR="00156FB3" w:rsidRDefault="00156FB3" w:rsidP="00156FB3"/>
          <w:p w:rsidR="00156FB3" w:rsidRDefault="00156FB3" w:rsidP="00156FB3">
            <w:r>
              <w:t xml:space="preserve">    /**</w:t>
            </w:r>
          </w:p>
          <w:p w:rsidR="00156FB3" w:rsidRDefault="00156FB3" w:rsidP="00156FB3">
            <w:r>
              <w:t xml:space="preserve">     * Creates an array of the own and inherited enumerable symbols of `object`.</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query.</w:t>
            </w:r>
          </w:p>
          <w:p w:rsidR="00156FB3" w:rsidRDefault="00156FB3" w:rsidP="00156FB3">
            <w:r>
              <w:t xml:space="preserve">     * @returns {Array} Returns the array of symbols.</w:t>
            </w:r>
          </w:p>
          <w:p w:rsidR="00156FB3" w:rsidRDefault="00156FB3" w:rsidP="00156FB3">
            <w:r>
              <w:t xml:space="preserve">     */</w:t>
            </w:r>
          </w:p>
          <w:p w:rsidR="00156FB3" w:rsidRDefault="00156FB3" w:rsidP="00156FB3">
            <w:r>
              <w:t xml:space="preserve">    var getSymbolsIn = !nativeGetSymbols ? stubArray : function(object) {</w:t>
            </w:r>
          </w:p>
          <w:p w:rsidR="00156FB3" w:rsidRDefault="00156FB3" w:rsidP="00156FB3">
            <w:r>
              <w:t xml:space="preserve">      var result = [];</w:t>
            </w:r>
          </w:p>
          <w:p w:rsidR="00156FB3" w:rsidRDefault="00156FB3" w:rsidP="00156FB3">
            <w:r>
              <w:t xml:space="preserve">      while (object) {</w:t>
            </w:r>
          </w:p>
          <w:p w:rsidR="00156FB3" w:rsidRDefault="00156FB3" w:rsidP="00156FB3">
            <w:r>
              <w:t xml:space="preserve">        arrayPush(result, getSymbols(object));</w:t>
            </w:r>
          </w:p>
          <w:p w:rsidR="00156FB3" w:rsidRDefault="00156FB3" w:rsidP="00156FB3">
            <w:r>
              <w:t xml:space="preserve">        object = getPrototype(object);</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toStringTag` of `value`.</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query.</w:t>
            </w:r>
          </w:p>
          <w:p w:rsidR="00156FB3" w:rsidRDefault="00156FB3" w:rsidP="00156FB3">
            <w:r>
              <w:t xml:space="preserve">     * @returns {string} Returns the `toStringTag`.</w:t>
            </w:r>
          </w:p>
          <w:p w:rsidR="00156FB3" w:rsidRDefault="00156FB3" w:rsidP="00156FB3">
            <w:r>
              <w:t xml:space="preserve">     */</w:t>
            </w:r>
          </w:p>
          <w:p w:rsidR="00156FB3" w:rsidRDefault="00156FB3" w:rsidP="00156FB3">
            <w:r>
              <w:t xml:space="preserve">    var getTag = baseGetTag;</w:t>
            </w:r>
          </w:p>
          <w:p w:rsidR="00156FB3" w:rsidRDefault="00156FB3" w:rsidP="00156FB3"/>
          <w:p w:rsidR="00156FB3" w:rsidRDefault="00156FB3" w:rsidP="00156FB3">
            <w:r>
              <w:t xml:space="preserve">    // Fallback for data views, maps, sets, and weak maps in IE 11 and promises in Node.js &lt; 6.</w:t>
            </w:r>
          </w:p>
          <w:p w:rsidR="00156FB3" w:rsidRDefault="00156FB3" w:rsidP="00156FB3">
            <w:r>
              <w:t xml:space="preserve">    if ((DataView &amp;&amp; getTag(new DataView(new ArrayBuffer(1))) != dataViewTag) ||</w:t>
            </w:r>
          </w:p>
          <w:p w:rsidR="00156FB3" w:rsidRDefault="00156FB3" w:rsidP="00156FB3">
            <w:r>
              <w:t xml:space="preserve">        (Map &amp;&amp; getTag(new Map) != mapTag) ||</w:t>
            </w:r>
          </w:p>
          <w:p w:rsidR="00156FB3" w:rsidRDefault="00156FB3" w:rsidP="00156FB3">
            <w:r>
              <w:t xml:space="preserve">        (Promise &amp;&amp; getTag(Promise.resolve()) != promiseTag) ||</w:t>
            </w:r>
          </w:p>
          <w:p w:rsidR="00156FB3" w:rsidRDefault="00156FB3" w:rsidP="00156FB3">
            <w:r>
              <w:t xml:space="preserve">        (Set &amp;&amp; getTag(new Set) != setTag) ||</w:t>
            </w:r>
          </w:p>
          <w:p w:rsidR="00156FB3" w:rsidRDefault="00156FB3" w:rsidP="00156FB3">
            <w:r>
              <w:t xml:space="preserve">        (WeakMap &amp;&amp; getTag(new WeakMap) != weakMapTag)) {</w:t>
            </w:r>
          </w:p>
          <w:p w:rsidR="00156FB3" w:rsidRDefault="00156FB3" w:rsidP="00156FB3">
            <w:r>
              <w:t xml:space="preserve">      getTag = function(value) {</w:t>
            </w:r>
          </w:p>
          <w:p w:rsidR="00156FB3" w:rsidRDefault="00156FB3" w:rsidP="00156FB3">
            <w:r>
              <w:t xml:space="preserve">        var result = baseGetTag(value),</w:t>
            </w:r>
          </w:p>
          <w:p w:rsidR="00156FB3" w:rsidRDefault="00156FB3" w:rsidP="00156FB3">
            <w:r>
              <w:t xml:space="preserve">            Ctor = result == objectTag ? value.constructor : undefined,</w:t>
            </w:r>
          </w:p>
          <w:p w:rsidR="00156FB3" w:rsidRDefault="00156FB3" w:rsidP="00156FB3">
            <w:r>
              <w:t xml:space="preserve">            ctorString = Ctor ? toSource(Ctor) : '';</w:t>
            </w:r>
          </w:p>
          <w:p w:rsidR="00156FB3" w:rsidRDefault="00156FB3" w:rsidP="00156FB3"/>
          <w:p w:rsidR="00156FB3" w:rsidRDefault="00156FB3" w:rsidP="00156FB3">
            <w:r>
              <w:t xml:space="preserve">        if (ctorString) {</w:t>
            </w:r>
          </w:p>
          <w:p w:rsidR="00156FB3" w:rsidRDefault="00156FB3" w:rsidP="00156FB3">
            <w:r>
              <w:t xml:space="preserve">          switch (ctorString) {</w:t>
            </w:r>
          </w:p>
          <w:p w:rsidR="00156FB3" w:rsidRDefault="00156FB3" w:rsidP="00156FB3">
            <w:r>
              <w:t xml:space="preserve">            case dataViewCtorString: return dataViewTag;</w:t>
            </w:r>
          </w:p>
          <w:p w:rsidR="00156FB3" w:rsidRDefault="00156FB3" w:rsidP="00156FB3">
            <w:r>
              <w:t xml:space="preserve">            case mapCtorString: return mapTag;</w:t>
            </w:r>
          </w:p>
          <w:p w:rsidR="00156FB3" w:rsidRDefault="00156FB3" w:rsidP="00156FB3">
            <w:r>
              <w:t xml:space="preserve">            case promiseCtorString: return promiseTag;</w:t>
            </w:r>
          </w:p>
          <w:p w:rsidR="00156FB3" w:rsidRDefault="00156FB3" w:rsidP="00156FB3">
            <w:r>
              <w:t xml:space="preserve">            case setCtorString: return setTag;</w:t>
            </w:r>
          </w:p>
          <w:p w:rsidR="00156FB3" w:rsidRDefault="00156FB3" w:rsidP="00156FB3">
            <w:r>
              <w:t xml:space="preserve">            case weakMapCtorString: return weakMapTag;</w:t>
            </w:r>
          </w:p>
          <w:p w:rsidR="00156FB3" w:rsidRDefault="00156FB3" w:rsidP="00156FB3">
            <w:r>
              <w:t xml:space="preserve">          }</w:t>
            </w:r>
          </w:p>
          <w:p w:rsidR="00156FB3" w:rsidRDefault="00156FB3" w:rsidP="00156FB3">
            <w:r>
              <w:t xml:space="preserve">        }</w:t>
            </w:r>
          </w:p>
          <w:p w:rsidR="00156FB3" w:rsidRDefault="00156FB3" w:rsidP="00156FB3">
            <w:r>
              <w:t xml:space="preserve">        return result;</w:t>
            </w:r>
          </w:p>
          <w:p w:rsidR="00156FB3" w:rsidRDefault="00156FB3" w:rsidP="00156FB3">
            <w:r>
              <w:lastRenderedPageBreak/>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view, applying any `transforms` to the `start` and `end` positions.</w:t>
            </w:r>
          </w:p>
          <w:p w:rsidR="00156FB3" w:rsidRDefault="00156FB3" w:rsidP="00156FB3">
            <w:r>
              <w:t xml:space="preserve">     *</w:t>
            </w:r>
          </w:p>
          <w:p w:rsidR="00156FB3" w:rsidRDefault="00156FB3" w:rsidP="00156FB3">
            <w:r>
              <w:t xml:space="preserve">     * @private</w:t>
            </w:r>
          </w:p>
          <w:p w:rsidR="00156FB3" w:rsidRDefault="00156FB3" w:rsidP="00156FB3">
            <w:r>
              <w:t xml:space="preserve">     * @param {number} start The start of the view.</w:t>
            </w:r>
          </w:p>
          <w:p w:rsidR="00156FB3" w:rsidRDefault="00156FB3" w:rsidP="00156FB3">
            <w:r>
              <w:t xml:space="preserve">     * @param {number} end The end of the view.</w:t>
            </w:r>
          </w:p>
          <w:p w:rsidR="00156FB3" w:rsidRDefault="00156FB3" w:rsidP="00156FB3">
            <w:r>
              <w:t xml:space="preserve">     * @param {Array} transforms The transformations to apply to the view.</w:t>
            </w:r>
          </w:p>
          <w:p w:rsidR="00156FB3" w:rsidRDefault="00156FB3" w:rsidP="00156FB3">
            <w:r>
              <w:t xml:space="preserve">     * @returns {Object} Returns an object containing the `start` and `end`</w:t>
            </w:r>
          </w:p>
          <w:p w:rsidR="00156FB3" w:rsidRDefault="00156FB3" w:rsidP="00156FB3">
            <w:r>
              <w:t xml:space="preserve">     *  positions of the view.</w:t>
            </w:r>
          </w:p>
          <w:p w:rsidR="00156FB3" w:rsidRDefault="00156FB3" w:rsidP="00156FB3">
            <w:r>
              <w:t xml:space="preserve">     */</w:t>
            </w:r>
          </w:p>
          <w:p w:rsidR="00156FB3" w:rsidRDefault="00156FB3" w:rsidP="00156FB3">
            <w:r>
              <w:t xml:space="preserve">    function getView(start, end, transforms) {</w:t>
            </w:r>
          </w:p>
          <w:p w:rsidR="00156FB3" w:rsidRDefault="00156FB3" w:rsidP="00156FB3">
            <w:r>
              <w:t xml:space="preserve">      var index = -1,</w:t>
            </w:r>
          </w:p>
          <w:p w:rsidR="00156FB3" w:rsidRDefault="00156FB3" w:rsidP="00156FB3">
            <w:r>
              <w:t xml:space="preserve">          length = transforms.length;</w:t>
            </w:r>
          </w:p>
          <w:p w:rsidR="00156FB3" w:rsidRDefault="00156FB3" w:rsidP="00156FB3"/>
          <w:p w:rsidR="00156FB3" w:rsidRDefault="00156FB3" w:rsidP="00156FB3">
            <w:r>
              <w:t xml:space="preserve">      while (++index &lt; length) {</w:t>
            </w:r>
          </w:p>
          <w:p w:rsidR="00156FB3" w:rsidRDefault="00156FB3" w:rsidP="00156FB3">
            <w:r>
              <w:t xml:space="preserve">        var data = transforms[index],</w:t>
            </w:r>
          </w:p>
          <w:p w:rsidR="00156FB3" w:rsidRDefault="00156FB3" w:rsidP="00156FB3">
            <w:r>
              <w:t xml:space="preserve">            size = data.size;</w:t>
            </w:r>
          </w:p>
          <w:p w:rsidR="00156FB3" w:rsidRDefault="00156FB3" w:rsidP="00156FB3"/>
          <w:p w:rsidR="00156FB3" w:rsidRDefault="00156FB3" w:rsidP="00156FB3">
            <w:r>
              <w:t xml:space="preserve">        switch (data.type) {</w:t>
            </w:r>
          </w:p>
          <w:p w:rsidR="00156FB3" w:rsidRDefault="00156FB3" w:rsidP="00156FB3">
            <w:r>
              <w:t xml:space="preserve">          case 'drop':      start += size; break;</w:t>
            </w:r>
          </w:p>
          <w:p w:rsidR="00156FB3" w:rsidRDefault="00156FB3" w:rsidP="00156FB3">
            <w:r>
              <w:t xml:space="preserve">          case 'dropRight': end -= size; break;</w:t>
            </w:r>
          </w:p>
          <w:p w:rsidR="00156FB3" w:rsidRDefault="00156FB3" w:rsidP="00156FB3">
            <w:r>
              <w:t xml:space="preserve">          case 'take':      end = nativeMin(end, start + size); break;</w:t>
            </w:r>
          </w:p>
          <w:p w:rsidR="00156FB3" w:rsidRDefault="00156FB3" w:rsidP="00156FB3">
            <w:r>
              <w:t xml:space="preserve">          case 'takeRight': start = nativeMax(start, end - size); break;</w:t>
            </w:r>
          </w:p>
          <w:p w:rsidR="00156FB3" w:rsidRDefault="00156FB3" w:rsidP="00156FB3">
            <w:r>
              <w:t xml:space="preserve">        }</w:t>
            </w:r>
          </w:p>
          <w:p w:rsidR="00156FB3" w:rsidRDefault="00156FB3" w:rsidP="00156FB3">
            <w:r>
              <w:t xml:space="preserve">      }</w:t>
            </w:r>
          </w:p>
          <w:p w:rsidR="00156FB3" w:rsidRDefault="00156FB3" w:rsidP="00156FB3">
            <w:r>
              <w:t xml:space="preserve">      return { 'start': start, 'end': end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Extracts wrapper details from the `source` body comment.</w:t>
            </w:r>
          </w:p>
          <w:p w:rsidR="00156FB3" w:rsidRDefault="00156FB3" w:rsidP="00156FB3">
            <w:r>
              <w:t xml:space="preserve">     *</w:t>
            </w:r>
          </w:p>
          <w:p w:rsidR="00156FB3" w:rsidRDefault="00156FB3" w:rsidP="00156FB3">
            <w:r>
              <w:t xml:space="preserve">     * @private</w:t>
            </w:r>
          </w:p>
          <w:p w:rsidR="00156FB3" w:rsidRDefault="00156FB3" w:rsidP="00156FB3">
            <w:r>
              <w:t xml:space="preserve">     * @param {string} source The source to inspect.</w:t>
            </w:r>
          </w:p>
          <w:p w:rsidR="00156FB3" w:rsidRDefault="00156FB3" w:rsidP="00156FB3">
            <w:r>
              <w:t xml:space="preserve">     * @returns {Array} Returns the wrapper details.</w:t>
            </w:r>
          </w:p>
          <w:p w:rsidR="00156FB3" w:rsidRDefault="00156FB3" w:rsidP="00156FB3">
            <w:r>
              <w:t xml:space="preserve">     */</w:t>
            </w:r>
          </w:p>
          <w:p w:rsidR="00156FB3" w:rsidRDefault="00156FB3" w:rsidP="00156FB3">
            <w:r>
              <w:t xml:space="preserve">    function getWrapDetails(source) {</w:t>
            </w:r>
          </w:p>
          <w:p w:rsidR="00156FB3" w:rsidRDefault="00156FB3" w:rsidP="00156FB3">
            <w:r>
              <w:t xml:space="preserve">      var match = source.match(reWrapDetails);</w:t>
            </w:r>
          </w:p>
          <w:p w:rsidR="00156FB3" w:rsidRDefault="00156FB3" w:rsidP="00156FB3">
            <w:r>
              <w:t xml:space="preserve">      return match ? match[1].split(reSplitDetails)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path` exists on `object`.</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query.</w:t>
            </w:r>
          </w:p>
          <w:p w:rsidR="00156FB3" w:rsidRDefault="00156FB3" w:rsidP="00156FB3">
            <w:r>
              <w:lastRenderedPageBreak/>
              <w:t xml:space="preserve">     * @param {Array|string} path The path to check.</w:t>
            </w:r>
          </w:p>
          <w:p w:rsidR="00156FB3" w:rsidRDefault="00156FB3" w:rsidP="00156FB3">
            <w:r>
              <w:t xml:space="preserve">     * @param {Function} hasFunc The function to check properties.</w:t>
            </w:r>
          </w:p>
          <w:p w:rsidR="00156FB3" w:rsidRDefault="00156FB3" w:rsidP="00156FB3">
            <w:r>
              <w:t xml:space="preserve">     * @returns {boolean} Returns `true` if `path` exists, else `false`.</w:t>
            </w:r>
          </w:p>
          <w:p w:rsidR="00156FB3" w:rsidRDefault="00156FB3" w:rsidP="00156FB3">
            <w:r>
              <w:t xml:space="preserve">     */</w:t>
            </w:r>
          </w:p>
          <w:p w:rsidR="00156FB3" w:rsidRDefault="00156FB3" w:rsidP="00156FB3">
            <w:r>
              <w:t xml:space="preserve">    function hasPath(object, path, hasFunc) {</w:t>
            </w:r>
          </w:p>
          <w:p w:rsidR="00156FB3" w:rsidRDefault="00156FB3" w:rsidP="00156FB3">
            <w:r>
              <w:t xml:space="preserve">      path = castPath(path, object);</w:t>
            </w:r>
          </w:p>
          <w:p w:rsidR="00156FB3" w:rsidRDefault="00156FB3" w:rsidP="00156FB3"/>
          <w:p w:rsidR="00156FB3" w:rsidRDefault="00156FB3" w:rsidP="00156FB3">
            <w:r>
              <w:t xml:space="preserve">      var index = -1,</w:t>
            </w:r>
          </w:p>
          <w:p w:rsidR="00156FB3" w:rsidRDefault="00156FB3" w:rsidP="00156FB3">
            <w:r>
              <w:t xml:space="preserve">          length = path.length,</w:t>
            </w:r>
          </w:p>
          <w:p w:rsidR="00156FB3" w:rsidRDefault="00156FB3" w:rsidP="00156FB3">
            <w:r>
              <w:t xml:space="preserve">          result = false;</w:t>
            </w:r>
          </w:p>
          <w:p w:rsidR="00156FB3" w:rsidRDefault="00156FB3" w:rsidP="00156FB3"/>
          <w:p w:rsidR="00156FB3" w:rsidRDefault="00156FB3" w:rsidP="00156FB3">
            <w:r>
              <w:t xml:space="preserve">      while (++index &lt; length) {</w:t>
            </w:r>
          </w:p>
          <w:p w:rsidR="00156FB3" w:rsidRDefault="00156FB3" w:rsidP="00156FB3">
            <w:r>
              <w:t xml:space="preserve">        var key = toKey(path[index]);</w:t>
            </w:r>
          </w:p>
          <w:p w:rsidR="00156FB3" w:rsidRDefault="00156FB3" w:rsidP="00156FB3">
            <w:r>
              <w:t xml:space="preserve">        if (!(result = object != null &amp;&amp; hasFunc(object, key))) {</w:t>
            </w:r>
          </w:p>
          <w:p w:rsidR="00156FB3" w:rsidRDefault="00156FB3" w:rsidP="00156FB3">
            <w:r>
              <w:t xml:space="preserve">          break;</w:t>
            </w:r>
          </w:p>
          <w:p w:rsidR="00156FB3" w:rsidRDefault="00156FB3" w:rsidP="00156FB3">
            <w:r>
              <w:t xml:space="preserve">        }</w:t>
            </w:r>
          </w:p>
          <w:p w:rsidR="00156FB3" w:rsidRDefault="00156FB3" w:rsidP="00156FB3">
            <w:r>
              <w:t xml:space="preserve">        object = object[key];</w:t>
            </w:r>
          </w:p>
          <w:p w:rsidR="00156FB3" w:rsidRDefault="00156FB3" w:rsidP="00156FB3">
            <w:r>
              <w:t xml:space="preserve">      }</w:t>
            </w:r>
          </w:p>
          <w:p w:rsidR="00156FB3" w:rsidRDefault="00156FB3" w:rsidP="00156FB3">
            <w:r>
              <w:t xml:space="preserve">      if (result || ++index != length) {</w:t>
            </w:r>
          </w:p>
          <w:p w:rsidR="00156FB3" w:rsidRDefault="00156FB3" w:rsidP="00156FB3">
            <w:r>
              <w:t xml:space="preserve">        return result;</w:t>
            </w:r>
          </w:p>
          <w:p w:rsidR="00156FB3" w:rsidRDefault="00156FB3" w:rsidP="00156FB3">
            <w:r>
              <w:t xml:space="preserve">      }</w:t>
            </w:r>
          </w:p>
          <w:p w:rsidR="00156FB3" w:rsidRDefault="00156FB3" w:rsidP="00156FB3">
            <w:r>
              <w:t xml:space="preserve">      length = object == null ? 0 : object.length;</w:t>
            </w:r>
          </w:p>
          <w:p w:rsidR="00156FB3" w:rsidRDefault="00156FB3" w:rsidP="00156FB3">
            <w:r>
              <w:t xml:space="preserve">      return !!length &amp;&amp; isLength(length) &amp;&amp; isIndex(key, length) &amp;&amp;</w:t>
            </w:r>
          </w:p>
          <w:p w:rsidR="00156FB3" w:rsidRDefault="00156FB3" w:rsidP="00156FB3">
            <w:r>
              <w:t xml:space="preserve">        (isArray(object) || isArguments(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Initializes an array clone.</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clone.</w:t>
            </w:r>
          </w:p>
          <w:p w:rsidR="00156FB3" w:rsidRDefault="00156FB3" w:rsidP="00156FB3">
            <w:r>
              <w:t xml:space="preserve">     * @returns {Array} Returns the initialized clone.</w:t>
            </w:r>
          </w:p>
          <w:p w:rsidR="00156FB3" w:rsidRDefault="00156FB3" w:rsidP="00156FB3">
            <w:r>
              <w:t xml:space="preserve">     */</w:t>
            </w:r>
          </w:p>
          <w:p w:rsidR="00156FB3" w:rsidRDefault="00156FB3" w:rsidP="00156FB3">
            <w:r>
              <w:t xml:space="preserve">    function initCloneArray(array) {</w:t>
            </w:r>
          </w:p>
          <w:p w:rsidR="00156FB3" w:rsidRDefault="00156FB3" w:rsidP="00156FB3">
            <w:r>
              <w:t xml:space="preserve">      var length = array.length,</w:t>
            </w:r>
          </w:p>
          <w:p w:rsidR="00156FB3" w:rsidRDefault="00156FB3" w:rsidP="00156FB3">
            <w:r>
              <w:t xml:space="preserve">          result = new array.constructor(length);</w:t>
            </w:r>
          </w:p>
          <w:p w:rsidR="00156FB3" w:rsidRDefault="00156FB3" w:rsidP="00156FB3"/>
          <w:p w:rsidR="00156FB3" w:rsidRDefault="00156FB3" w:rsidP="00156FB3">
            <w:r>
              <w:t xml:space="preserve">      // Add properties assigned by `RegExp#exec`.</w:t>
            </w:r>
          </w:p>
          <w:p w:rsidR="00156FB3" w:rsidRDefault="00156FB3" w:rsidP="00156FB3">
            <w:r>
              <w:t xml:space="preserve">      if (length &amp;&amp; typeof array[0] == 'string' &amp;&amp; hasOwnProperty.call(array, 'index')) {</w:t>
            </w:r>
          </w:p>
          <w:p w:rsidR="00156FB3" w:rsidRDefault="00156FB3" w:rsidP="00156FB3">
            <w:r>
              <w:t xml:space="preserve">        result.index = array.index;</w:t>
            </w:r>
          </w:p>
          <w:p w:rsidR="00156FB3" w:rsidRDefault="00156FB3" w:rsidP="00156FB3">
            <w:r>
              <w:t xml:space="preserve">        result.input = array.input;</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Initializes an object clone.</w:t>
            </w:r>
          </w:p>
          <w:p w:rsidR="00156FB3" w:rsidRDefault="00156FB3" w:rsidP="00156FB3">
            <w:r>
              <w:t xml:space="preserve">     *</w:t>
            </w:r>
          </w:p>
          <w:p w:rsidR="00156FB3" w:rsidRDefault="00156FB3" w:rsidP="00156FB3">
            <w:r>
              <w:lastRenderedPageBreak/>
              <w:t xml:space="preserve">     * @private</w:t>
            </w:r>
          </w:p>
          <w:p w:rsidR="00156FB3" w:rsidRDefault="00156FB3" w:rsidP="00156FB3">
            <w:r>
              <w:t xml:space="preserve">     * @param {Object} object The object to clone.</w:t>
            </w:r>
          </w:p>
          <w:p w:rsidR="00156FB3" w:rsidRDefault="00156FB3" w:rsidP="00156FB3">
            <w:r>
              <w:t xml:space="preserve">     * @returns {Object} Returns the initialized clone.</w:t>
            </w:r>
          </w:p>
          <w:p w:rsidR="00156FB3" w:rsidRDefault="00156FB3" w:rsidP="00156FB3">
            <w:r>
              <w:t xml:space="preserve">     */</w:t>
            </w:r>
          </w:p>
          <w:p w:rsidR="00156FB3" w:rsidRDefault="00156FB3" w:rsidP="00156FB3">
            <w:r>
              <w:t xml:space="preserve">    function initCloneObject(object) {</w:t>
            </w:r>
          </w:p>
          <w:p w:rsidR="00156FB3" w:rsidRDefault="00156FB3" w:rsidP="00156FB3">
            <w:r>
              <w:t xml:space="preserve">      return (typeof object.constructor == 'function' &amp;&amp; !isPrototype(object))</w:t>
            </w:r>
          </w:p>
          <w:p w:rsidR="00156FB3" w:rsidRDefault="00156FB3" w:rsidP="00156FB3">
            <w:r>
              <w:t xml:space="preserve">        ? baseCreate(getPrototype(object))</w:t>
            </w:r>
          </w:p>
          <w:p w:rsidR="00156FB3" w:rsidRDefault="00156FB3" w:rsidP="00156FB3">
            <w:r>
              <w:t xml:space="preserve">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Initializes an object clone based on its `toStringTag`.</w:t>
            </w:r>
          </w:p>
          <w:p w:rsidR="00156FB3" w:rsidRDefault="00156FB3" w:rsidP="00156FB3">
            <w:r>
              <w:t xml:space="preserve">     *</w:t>
            </w:r>
          </w:p>
          <w:p w:rsidR="00156FB3" w:rsidRDefault="00156FB3" w:rsidP="00156FB3">
            <w:r>
              <w:t xml:space="preserve">     * **Note:** This function only supports cloning values with tags of</w:t>
            </w:r>
          </w:p>
          <w:p w:rsidR="00156FB3" w:rsidRDefault="00156FB3" w:rsidP="00156FB3">
            <w:r>
              <w:t xml:space="preserve">     * `Boolean`, `Date`, `Error`, `Map`, `Number`, `RegExp`, `Set`, or `String`.</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clone.</w:t>
            </w:r>
          </w:p>
          <w:p w:rsidR="00156FB3" w:rsidRDefault="00156FB3" w:rsidP="00156FB3">
            <w:r>
              <w:t xml:space="preserve">     * @param {string} tag The `toStringTag` of the object to clone.</w:t>
            </w:r>
          </w:p>
          <w:p w:rsidR="00156FB3" w:rsidRDefault="00156FB3" w:rsidP="00156FB3">
            <w:r>
              <w:t xml:space="preserve">     * @param {boolean} [isDeep] Specify a deep clone.</w:t>
            </w:r>
          </w:p>
          <w:p w:rsidR="00156FB3" w:rsidRDefault="00156FB3" w:rsidP="00156FB3">
            <w:r>
              <w:t xml:space="preserve">     * @returns {Object} Returns the initialized clone.</w:t>
            </w:r>
          </w:p>
          <w:p w:rsidR="00156FB3" w:rsidRDefault="00156FB3" w:rsidP="00156FB3">
            <w:r>
              <w:t xml:space="preserve">     */</w:t>
            </w:r>
          </w:p>
          <w:p w:rsidR="00156FB3" w:rsidRDefault="00156FB3" w:rsidP="00156FB3">
            <w:r>
              <w:t xml:space="preserve">    function initCloneByTag(object, tag, isDeep) {</w:t>
            </w:r>
          </w:p>
          <w:p w:rsidR="00156FB3" w:rsidRDefault="00156FB3" w:rsidP="00156FB3">
            <w:r>
              <w:t xml:space="preserve">      var Ctor = object.constructor;</w:t>
            </w:r>
          </w:p>
          <w:p w:rsidR="00156FB3" w:rsidRDefault="00156FB3" w:rsidP="00156FB3">
            <w:r>
              <w:t xml:space="preserve">      switch (tag) {</w:t>
            </w:r>
          </w:p>
          <w:p w:rsidR="00156FB3" w:rsidRDefault="00156FB3" w:rsidP="00156FB3">
            <w:r>
              <w:t xml:space="preserve">        case arrayBufferTag:</w:t>
            </w:r>
          </w:p>
          <w:p w:rsidR="00156FB3" w:rsidRDefault="00156FB3" w:rsidP="00156FB3">
            <w:r>
              <w:t xml:space="preserve">          return cloneArrayBuffer(object);</w:t>
            </w:r>
          </w:p>
          <w:p w:rsidR="00156FB3" w:rsidRDefault="00156FB3" w:rsidP="00156FB3"/>
          <w:p w:rsidR="00156FB3" w:rsidRDefault="00156FB3" w:rsidP="00156FB3">
            <w:r>
              <w:t xml:space="preserve">        case boolTag:</w:t>
            </w:r>
          </w:p>
          <w:p w:rsidR="00156FB3" w:rsidRDefault="00156FB3" w:rsidP="00156FB3">
            <w:r>
              <w:t xml:space="preserve">        case dateTag:</w:t>
            </w:r>
          </w:p>
          <w:p w:rsidR="00156FB3" w:rsidRDefault="00156FB3" w:rsidP="00156FB3">
            <w:r>
              <w:t xml:space="preserve">          return new Ctor(+object);</w:t>
            </w:r>
          </w:p>
          <w:p w:rsidR="00156FB3" w:rsidRDefault="00156FB3" w:rsidP="00156FB3"/>
          <w:p w:rsidR="00156FB3" w:rsidRDefault="00156FB3" w:rsidP="00156FB3">
            <w:r>
              <w:t xml:space="preserve">        case dataViewTag:</w:t>
            </w:r>
          </w:p>
          <w:p w:rsidR="00156FB3" w:rsidRDefault="00156FB3" w:rsidP="00156FB3">
            <w:r>
              <w:t xml:space="preserve">          return cloneDataView(object, isDeep);</w:t>
            </w:r>
          </w:p>
          <w:p w:rsidR="00156FB3" w:rsidRDefault="00156FB3" w:rsidP="00156FB3"/>
          <w:p w:rsidR="00156FB3" w:rsidRDefault="00156FB3" w:rsidP="00156FB3">
            <w:r>
              <w:t xml:space="preserve">        case float32Tag: case float64Tag:</w:t>
            </w:r>
          </w:p>
          <w:p w:rsidR="00156FB3" w:rsidRDefault="00156FB3" w:rsidP="00156FB3">
            <w:r>
              <w:t xml:space="preserve">        case int8Tag: case int16Tag: case int32Tag:</w:t>
            </w:r>
          </w:p>
          <w:p w:rsidR="00156FB3" w:rsidRDefault="00156FB3" w:rsidP="00156FB3">
            <w:r>
              <w:t xml:space="preserve">        case uint8Tag: case uint8ClampedTag: case uint16Tag: case uint32Tag:</w:t>
            </w:r>
          </w:p>
          <w:p w:rsidR="00156FB3" w:rsidRDefault="00156FB3" w:rsidP="00156FB3">
            <w:r>
              <w:t xml:space="preserve">          return cloneTypedArray(object, isDeep);</w:t>
            </w:r>
          </w:p>
          <w:p w:rsidR="00156FB3" w:rsidRDefault="00156FB3" w:rsidP="00156FB3"/>
          <w:p w:rsidR="00156FB3" w:rsidRDefault="00156FB3" w:rsidP="00156FB3">
            <w:r>
              <w:t xml:space="preserve">        case mapTag:</w:t>
            </w:r>
          </w:p>
          <w:p w:rsidR="00156FB3" w:rsidRDefault="00156FB3" w:rsidP="00156FB3">
            <w:r>
              <w:t xml:space="preserve">          return new Ctor;</w:t>
            </w:r>
          </w:p>
          <w:p w:rsidR="00156FB3" w:rsidRDefault="00156FB3" w:rsidP="00156FB3"/>
          <w:p w:rsidR="00156FB3" w:rsidRDefault="00156FB3" w:rsidP="00156FB3">
            <w:r>
              <w:t xml:space="preserve">        case numberTag:</w:t>
            </w:r>
          </w:p>
          <w:p w:rsidR="00156FB3" w:rsidRDefault="00156FB3" w:rsidP="00156FB3">
            <w:r>
              <w:t xml:space="preserve">        case stringTag:</w:t>
            </w:r>
          </w:p>
          <w:p w:rsidR="00156FB3" w:rsidRDefault="00156FB3" w:rsidP="00156FB3">
            <w:r>
              <w:t xml:space="preserve">          return new Ctor(object);</w:t>
            </w:r>
          </w:p>
          <w:p w:rsidR="00156FB3" w:rsidRDefault="00156FB3" w:rsidP="00156FB3"/>
          <w:p w:rsidR="00156FB3" w:rsidRDefault="00156FB3" w:rsidP="00156FB3">
            <w:r>
              <w:t xml:space="preserve">        case regexpTag:</w:t>
            </w:r>
          </w:p>
          <w:p w:rsidR="00156FB3" w:rsidRDefault="00156FB3" w:rsidP="00156FB3">
            <w:r>
              <w:lastRenderedPageBreak/>
              <w:t xml:space="preserve">          return cloneRegExp(object);</w:t>
            </w:r>
          </w:p>
          <w:p w:rsidR="00156FB3" w:rsidRDefault="00156FB3" w:rsidP="00156FB3"/>
          <w:p w:rsidR="00156FB3" w:rsidRDefault="00156FB3" w:rsidP="00156FB3">
            <w:r>
              <w:t xml:space="preserve">        case setTag:</w:t>
            </w:r>
          </w:p>
          <w:p w:rsidR="00156FB3" w:rsidRDefault="00156FB3" w:rsidP="00156FB3">
            <w:r>
              <w:t xml:space="preserve">          return new Ctor;</w:t>
            </w:r>
          </w:p>
          <w:p w:rsidR="00156FB3" w:rsidRDefault="00156FB3" w:rsidP="00156FB3"/>
          <w:p w:rsidR="00156FB3" w:rsidRDefault="00156FB3" w:rsidP="00156FB3">
            <w:r>
              <w:t xml:space="preserve">        case symbolTag:</w:t>
            </w:r>
          </w:p>
          <w:p w:rsidR="00156FB3" w:rsidRDefault="00156FB3" w:rsidP="00156FB3">
            <w:r>
              <w:t xml:space="preserve">          return cloneSymbol(objec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Inserts wrapper `details` in a comment at the top of the `source` body.</w:t>
            </w:r>
          </w:p>
          <w:p w:rsidR="00156FB3" w:rsidRDefault="00156FB3" w:rsidP="00156FB3">
            <w:r>
              <w:t xml:space="preserve">     *</w:t>
            </w:r>
          </w:p>
          <w:p w:rsidR="00156FB3" w:rsidRDefault="00156FB3" w:rsidP="00156FB3">
            <w:r>
              <w:t xml:space="preserve">     * @private</w:t>
            </w:r>
          </w:p>
          <w:p w:rsidR="00156FB3" w:rsidRDefault="00156FB3" w:rsidP="00156FB3">
            <w:r>
              <w:t xml:space="preserve">     * @param {string} source The source to modify.</w:t>
            </w:r>
          </w:p>
          <w:p w:rsidR="00156FB3" w:rsidRDefault="00156FB3" w:rsidP="00156FB3">
            <w:r>
              <w:t xml:space="preserve">     * @returns {Array} details The details to insert.</w:t>
            </w:r>
          </w:p>
          <w:p w:rsidR="00156FB3" w:rsidRDefault="00156FB3" w:rsidP="00156FB3">
            <w:r>
              <w:t xml:space="preserve">     * @returns {string} Returns the modified source.</w:t>
            </w:r>
          </w:p>
          <w:p w:rsidR="00156FB3" w:rsidRDefault="00156FB3" w:rsidP="00156FB3">
            <w:r>
              <w:t xml:space="preserve">     */</w:t>
            </w:r>
          </w:p>
          <w:p w:rsidR="00156FB3" w:rsidRDefault="00156FB3" w:rsidP="00156FB3">
            <w:r>
              <w:t xml:space="preserve">    function insertWrapDetails(source, details) {</w:t>
            </w:r>
          </w:p>
          <w:p w:rsidR="00156FB3" w:rsidRDefault="00156FB3" w:rsidP="00156FB3">
            <w:r>
              <w:t xml:space="preserve">      var length = details.length;</w:t>
            </w:r>
          </w:p>
          <w:p w:rsidR="00156FB3" w:rsidRDefault="00156FB3" w:rsidP="00156FB3">
            <w:r>
              <w:t xml:space="preserve">      if (!length) {</w:t>
            </w:r>
          </w:p>
          <w:p w:rsidR="00156FB3" w:rsidRDefault="00156FB3" w:rsidP="00156FB3">
            <w:r>
              <w:t xml:space="preserve">        return source;</w:t>
            </w:r>
          </w:p>
          <w:p w:rsidR="00156FB3" w:rsidRDefault="00156FB3" w:rsidP="00156FB3">
            <w:r>
              <w:t xml:space="preserve">      }</w:t>
            </w:r>
          </w:p>
          <w:p w:rsidR="00156FB3" w:rsidRDefault="00156FB3" w:rsidP="00156FB3">
            <w:r>
              <w:t xml:space="preserve">      var lastIndex = length - 1;</w:t>
            </w:r>
          </w:p>
          <w:p w:rsidR="00156FB3" w:rsidRDefault="00156FB3" w:rsidP="00156FB3">
            <w:r>
              <w:t xml:space="preserve">      details[lastIndex] = (length &gt; 1 ? '&amp; ' : '') + details[lastIndex];</w:t>
            </w:r>
          </w:p>
          <w:p w:rsidR="00156FB3" w:rsidRDefault="00156FB3" w:rsidP="00156FB3">
            <w:r>
              <w:t xml:space="preserve">      details = details.join(length &gt; 2 ? ', ' : ' ');</w:t>
            </w:r>
          </w:p>
          <w:p w:rsidR="00156FB3" w:rsidRDefault="00156FB3" w:rsidP="00156FB3">
            <w:r>
              <w:t xml:space="preserve">      return source.replace(reWrapComment, '{\n/* [wrapped with ' + details + '] */\n');</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a flattenable `arguments` object or array.</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check.</w:t>
            </w:r>
          </w:p>
          <w:p w:rsidR="00156FB3" w:rsidRDefault="00156FB3" w:rsidP="00156FB3">
            <w:r>
              <w:t xml:space="preserve">     * @returns {boolean} Returns `true` if `value` is flattenable, else `false`.</w:t>
            </w:r>
          </w:p>
          <w:p w:rsidR="00156FB3" w:rsidRDefault="00156FB3" w:rsidP="00156FB3">
            <w:r>
              <w:t xml:space="preserve">     */</w:t>
            </w:r>
          </w:p>
          <w:p w:rsidR="00156FB3" w:rsidRDefault="00156FB3" w:rsidP="00156FB3">
            <w:r>
              <w:t xml:space="preserve">    function isFlattenable(value) {</w:t>
            </w:r>
          </w:p>
          <w:p w:rsidR="00156FB3" w:rsidRDefault="00156FB3" w:rsidP="00156FB3">
            <w:r>
              <w:t xml:space="preserve">      return isArray(value) || isArguments(value) ||</w:t>
            </w:r>
          </w:p>
          <w:p w:rsidR="00156FB3" w:rsidRDefault="00156FB3" w:rsidP="00156FB3">
            <w:r>
              <w:t xml:space="preserve">        !!(spreadableSymbol &amp;&amp; value &amp;&amp; value[spreadableSymbol]);</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a valid array-like index.</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check.</w:t>
            </w:r>
          </w:p>
          <w:p w:rsidR="00156FB3" w:rsidRDefault="00156FB3" w:rsidP="00156FB3">
            <w:r>
              <w:t xml:space="preserve">     * @param {number} [length=MAX_SAFE_INTEGER] The upper bounds of a valid index.</w:t>
            </w:r>
          </w:p>
          <w:p w:rsidR="00156FB3" w:rsidRDefault="00156FB3" w:rsidP="00156FB3">
            <w:r>
              <w:t xml:space="preserve">     * @returns {boolean} Returns `true` if `value` is a valid index, else `false`.</w:t>
            </w:r>
          </w:p>
          <w:p w:rsidR="00156FB3" w:rsidRDefault="00156FB3" w:rsidP="00156FB3">
            <w:r>
              <w:lastRenderedPageBreak/>
              <w:t xml:space="preserve">     */</w:t>
            </w:r>
          </w:p>
          <w:p w:rsidR="00156FB3" w:rsidRDefault="00156FB3" w:rsidP="00156FB3">
            <w:r>
              <w:t xml:space="preserve">    function isIndex(value, length) {</w:t>
            </w:r>
          </w:p>
          <w:p w:rsidR="00156FB3" w:rsidRDefault="00156FB3" w:rsidP="00156FB3">
            <w:r>
              <w:t xml:space="preserve">      var type = typeof value;</w:t>
            </w:r>
          </w:p>
          <w:p w:rsidR="00156FB3" w:rsidRDefault="00156FB3" w:rsidP="00156FB3">
            <w:r>
              <w:t xml:space="preserve">      length = length == null ? MAX_SAFE_INTEGER : length;</w:t>
            </w:r>
          </w:p>
          <w:p w:rsidR="00156FB3" w:rsidRDefault="00156FB3" w:rsidP="00156FB3"/>
          <w:p w:rsidR="00156FB3" w:rsidRDefault="00156FB3" w:rsidP="00156FB3">
            <w:r>
              <w:t xml:space="preserve">      return !!length &amp;&amp;</w:t>
            </w:r>
          </w:p>
          <w:p w:rsidR="00156FB3" w:rsidRDefault="00156FB3" w:rsidP="00156FB3">
            <w:r>
              <w:t xml:space="preserve">        (type == 'number' ||</w:t>
            </w:r>
          </w:p>
          <w:p w:rsidR="00156FB3" w:rsidRDefault="00156FB3" w:rsidP="00156FB3">
            <w:r>
              <w:t xml:space="preserve">          (type != 'symbol' &amp;&amp; reIsUint.test(value))) &amp;&amp;</w:t>
            </w:r>
          </w:p>
          <w:p w:rsidR="00156FB3" w:rsidRDefault="00156FB3" w:rsidP="00156FB3">
            <w:r>
              <w:t xml:space="preserve">            (value &gt; -1 &amp;&amp; value % 1 == 0 &amp;&amp; value &lt; length);</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the given arguments are from an iteratee call.</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potential iteratee value argument.</w:t>
            </w:r>
          </w:p>
          <w:p w:rsidR="00156FB3" w:rsidRDefault="00156FB3" w:rsidP="00156FB3">
            <w:r>
              <w:t xml:space="preserve">     * @param {*} index The potential iteratee index or key argument.</w:t>
            </w:r>
          </w:p>
          <w:p w:rsidR="00156FB3" w:rsidRDefault="00156FB3" w:rsidP="00156FB3">
            <w:r>
              <w:t xml:space="preserve">     * @param {*} object The potential iteratee object argument.</w:t>
            </w:r>
          </w:p>
          <w:p w:rsidR="00156FB3" w:rsidRDefault="00156FB3" w:rsidP="00156FB3">
            <w:r>
              <w:t xml:space="preserve">     * @returns {boolean} Returns `true` if the arguments are from an iteratee call,</w:t>
            </w:r>
          </w:p>
          <w:p w:rsidR="00156FB3" w:rsidRDefault="00156FB3" w:rsidP="00156FB3">
            <w:r>
              <w:t xml:space="preserve">     *  else `false`.</w:t>
            </w:r>
          </w:p>
          <w:p w:rsidR="00156FB3" w:rsidRDefault="00156FB3" w:rsidP="00156FB3">
            <w:r>
              <w:t xml:space="preserve">     */</w:t>
            </w:r>
          </w:p>
          <w:p w:rsidR="00156FB3" w:rsidRDefault="00156FB3" w:rsidP="00156FB3">
            <w:r>
              <w:t xml:space="preserve">    function isIterateeCall(value, index, object) {</w:t>
            </w:r>
          </w:p>
          <w:p w:rsidR="00156FB3" w:rsidRDefault="00156FB3" w:rsidP="00156FB3">
            <w:r>
              <w:t xml:space="preserve">      if (!isObject(object)) {</w:t>
            </w:r>
          </w:p>
          <w:p w:rsidR="00156FB3" w:rsidRDefault="00156FB3" w:rsidP="00156FB3">
            <w:r>
              <w:t xml:space="preserve">        return false;</w:t>
            </w:r>
          </w:p>
          <w:p w:rsidR="00156FB3" w:rsidRDefault="00156FB3" w:rsidP="00156FB3">
            <w:r>
              <w:t xml:space="preserve">      }</w:t>
            </w:r>
          </w:p>
          <w:p w:rsidR="00156FB3" w:rsidRDefault="00156FB3" w:rsidP="00156FB3">
            <w:r>
              <w:t xml:space="preserve">      var type = typeof index;</w:t>
            </w:r>
          </w:p>
          <w:p w:rsidR="00156FB3" w:rsidRDefault="00156FB3" w:rsidP="00156FB3">
            <w:r>
              <w:t xml:space="preserve">      if (type == 'number'</w:t>
            </w:r>
          </w:p>
          <w:p w:rsidR="00156FB3" w:rsidRDefault="00156FB3" w:rsidP="00156FB3">
            <w:r>
              <w:t xml:space="preserve">            ? (isArrayLike(object) &amp;&amp; isIndex(index, object.length))</w:t>
            </w:r>
          </w:p>
          <w:p w:rsidR="00156FB3" w:rsidRDefault="00156FB3" w:rsidP="00156FB3">
            <w:r>
              <w:t xml:space="preserve">            : (type == 'string' &amp;&amp; index in object)</w:t>
            </w:r>
          </w:p>
          <w:p w:rsidR="00156FB3" w:rsidRDefault="00156FB3" w:rsidP="00156FB3">
            <w:r>
              <w:t xml:space="preserve">          ) {</w:t>
            </w:r>
          </w:p>
          <w:p w:rsidR="00156FB3" w:rsidRDefault="00156FB3" w:rsidP="00156FB3">
            <w:r>
              <w:t xml:space="preserve">        return eq(object[index], value);</w:t>
            </w:r>
          </w:p>
          <w:p w:rsidR="00156FB3" w:rsidRDefault="00156FB3" w:rsidP="00156FB3">
            <w:r>
              <w:t xml:space="preserve">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a property name and not a property path.</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check.</w:t>
            </w:r>
          </w:p>
          <w:p w:rsidR="00156FB3" w:rsidRDefault="00156FB3" w:rsidP="00156FB3">
            <w:r>
              <w:t xml:space="preserve">     * @param {Object} [object] The object to query keys on.</w:t>
            </w:r>
          </w:p>
          <w:p w:rsidR="00156FB3" w:rsidRDefault="00156FB3" w:rsidP="00156FB3">
            <w:r>
              <w:t xml:space="preserve">     * @returns {boolean} Returns `true` if `value` is a property name, else `false`.</w:t>
            </w:r>
          </w:p>
          <w:p w:rsidR="00156FB3" w:rsidRDefault="00156FB3" w:rsidP="00156FB3">
            <w:r>
              <w:t xml:space="preserve">     */</w:t>
            </w:r>
          </w:p>
          <w:p w:rsidR="00156FB3" w:rsidRDefault="00156FB3" w:rsidP="00156FB3">
            <w:r>
              <w:t xml:space="preserve">    function isKey(value, object) {</w:t>
            </w:r>
          </w:p>
          <w:p w:rsidR="00156FB3" w:rsidRDefault="00156FB3" w:rsidP="00156FB3">
            <w:r>
              <w:t xml:space="preserve">      if (isArray(value)) {</w:t>
            </w:r>
          </w:p>
          <w:p w:rsidR="00156FB3" w:rsidRDefault="00156FB3" w:rsidP="00156FB3">
            <w:r>
              <w:t xml:space="preserve">        return false;</w:t>
            </w:r>
          </w:p>
          <w:p w:rsidR="00156FB3" w:rsidRDefault="00156FB3" w:rsidP="00156FB3">
            <w:r>
              <w:t xml:space="preserve">      }</w:t>
            </w:r>
          </w:p>
          <w:p w:rsidR="00156FB3" w:rsidRDefault="00156FB3" w:rsidP="00156FB3">
            <w:r>
              <w:t xml:space="preserve">      var type = typeof value;</w:t>
            </w:r>
          </w:p>
          <w:p w:rsidR="00156FB3" w:rsidRDefault="00156FB3" w:rsidP="00156FB3">
            <w:r>
              <w:lastRenderedPageBreak/>
              <w:t xml:space="preserve">      if (type == 'number' || type == 'symbol' || type == 'boolean' ||</w:t>
            </w:r>
          </w:p>
          <w:p w:rsidR="00156FB3" w:rsidRDefault="00156FB3" w:rsidP="00156FB3">
            <w:r>
              <w:t xml:space="preserve">          value == null || isSymbol(value)) {</w:t>
            </w:r>
          </w:p>
          <w:p w:rsidR="00156FB3" w:rsidRDefault="00156FB3" w:rsidP="00156FB3">
            <w:r>
              <w:t xml:space="preserve">        return true;</w:t>
            </w:r>
          </w:p>
          <w:p w:rsidR="00156FB3" w:rsidRDefault="00156FB3" w:rsidP="00156FB3">
            <w:r>
              <w:t xml:space="preserve">      }</w:t>
            </w:r>
          </w:p>
          <w:p w:rsidR="00156FB3" w:rsidRDefault="00156FB3" w:rsidP="00156FB3">
            <w:r>
              <w:t xml:space="preserve">      return reIsPlainProp.test(value) || !reIsDeepProp.test(value) ||</w:t>
            </w:r>
          </w:p>
          <w:p w:rsidR="00156FB3" w:rsidRDefault="00156FB3" w:rsidP="00156FB3">
            <w:r>
              <w:t xml:space="preserve">        (object != null &amp;&amp; value in Object(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suitable for use as unique object key.</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check.</w:t>
            </w:r>
          </w:p>
          <w:p w:rsidR="00156FB3" w:rsidRDefault="00156FB3" w:rsidP="00156FB3">
            <w:r>
              <w:t xml:space="preserve">     * @returns {boolean} Returns `true` if `value` is suitable, else `false`.</w:t>
            </w:r>
          </w:p>
          <w:p w:rsidR="00156FB3" w:rsidRDefault="00156FB3" w:rsidP="00156FB3">
            <w:r>
              <w:t xml:space="preserve">     */</w:t>
            </w:r>
          </w:p>
          <w:p w:rsidR="00156FB3" w:rsidRDefault="00156FB3" w:rsidP="00156FB3">
            <w:r>
              <w:t xml:space="preserve">    function isKeyable(value) {</w:t>
            </w:r>
          </w:p>
          <w:p w:rsidR="00156FB3" w:rsidRDefault="00156FB3" w:rsidP="00156FB3">
            <w:r>
              <w:t xml:space="preserve">      var type = typeof value;</w:t>
            </w:r>
          </w:p>
          <w:p w:rsidR="00156FB3" w:rsidRDefault="00156FB3" w:rsidP="00156FB3">
            <w:r>
              <w:t xml:space="preserve">      return (type == 'string' || type == 'number' || type == 'symbol' || type == 'boolean')</w:t>
            </w:r>
          </w:p>
          <w:p w:rsidR="00156FB3" w:rsidRDefault="00156FB3" w:rsidP="00156FB3">
            <w:r>
              <w:t xml:space="preserve">        ? (value !== '__proto__')</w:t>
            </w:r>
          </w:p>
          <w:p w:rsidR="00156FB3" w:rsidRDefault="00156FB3" w:rsidP="00156FB3">
            <w:r>
              <w:t xml:space="preserve">        : (value === null);</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func` has a lazy counterpart.</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unc The function to check.</w:t>
            </w:r>
          </w:p>
          <w:p w:rsidR="00156FB3" w:rsidRDefault="00156FB3" w:rsidP="00156FB3">
            <w:r>
              <w:t xml:space="preserve">     * @returns {boolean} Returns `true` if `func` has a lazy counterpart,</w:t>
            </w:r>
          </w:p>
          <w:p w:rsidR="00156FB3" w:rsidRDefault="00156FB3" w:rsidP="00156FB3">
            <w:r>
              <w:t xml:space="preserve">     *  else `false`.</w:t>
            </w:r>
          </w:p>
          <w:p w:rsidR="00156FB3" w:rsidRDefault="00156FB3" w:rsidP="00156FB3">
            <w:r>
              <w:t xml:space="preserve">     */</w:t>
            </w:r>
          </w:p>
          <w:p w:rsidR="00156FB3" w:rsidRDefault="00156FB3" w:rsidP="00156FB3">
            <w:r>
              <w:t xml:space="preserve">    function isLaziable(func) {</w:t>
            </w:r>
          </w:p>
          <w:p w:rsidR="00156FB3" w:rsidRDefault="00156FB3" w:rsidP="00156FB3">
            <w:r>
              <w:t xml:space="preserve">      var funcName = getFuncName(func),</w:t>
            </w:r>
          </w:p>
          <w:p w:rsidR="00156FB3" w:rsidRDefault="00156FB3" w:rsidP="00156FB3">
            <w:r>
              <w:t xml:space="preserve">          other = lodash[funcName];</w:t>
            </w:r>
          </w:p>
          <w:p w:rsidR="00156FB3" w:rsidRDefault="00156FB3" w:rsidP="00156FB3"/>
          <w:p w:rsidR="00156FB3" w:rsidRDefault="00156FB3" w:rsidP="00156FB3">
            <w:r>
              <w:t xml:space="preserve">      if (typeof other != 'function' || !(funcName in LazyWrapper.prototype)) {</w:t>
            </w:r>
          </w:p>
          <w:p w:rsidR="00156FB3" w:rsidRDefault="00156FB3" w:rsidP="00156FB3">
            <w:r>
              <w:t xml:space="preserve">        return false;</w:t>
            </w:r>
          </w:p>
          <w:p w:rsidR="00156FB3" w:rsidRDefault="00156FB3" w:rsidP="00156FB3">
            <w:r>
              <w:t xml:space="preserve">      }</w:t>
            </w:r>
          </w:p>
          <w:p w:rsidR="00156FB3" w:rsidRDefault="00156FB3" w:rsidP="00156FB3">
            <w:r>
              <w:t xml:space="preserve">      if (func === other) {</w:t>
            </w:r>
          </w:p>
          <w:p w:rsidR="00156FB3" w:rsidRDefault="00156FB3" w:rsidP="00156FB3">
            <w:r>
              <w:t xml:space="preserve">        return true;</w:t>
            </w:r>
          </w:p>
          <w:p w:rsidR="00156FB3" w:rsidRDefault="00156FB3" w:rsidP="00156FB3">
            <w:r>
              <w:t xml:space="preserve">      }</w:t>
            </w:r>
          </w:p>
          <w:p w:rsidR="00156FB3" w:rsidRDefault="00156FB3" w:rsidP="00156FB3">
            <w:r>
              <w:t xml:space="preserve">      var data = getData(other);</w:t>
            </w:r>
          </w:p>
          <w:p w:rsidR="00156FB3" w:rsidRDefault="00156FB3" w:rsidP="00156FB3">
            <w:r>
              <w:t xml:space="preserve">      return !!data &amp;&amp; func === data[0];</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func` has its source masked.</w:t>
            </w:r>
          </w:p>
          <w:p w:rsidR="00156FB3" w:rsidRDefault="00156FB3" w:rsidP="00156FB3">
            <w:r>
              <w:t xml:space="preserve">     *</w:t>
            </w:r>
          </w:p>
          <w:p w:rsidR="00156FB3" w:rsidRDefault="00156FB3" w:rsidP="00156FB3">
            <w:r>
              <w:t xml:space="preserve">     * @private</w:t>
            </w:r>
          </w:p>
          <w:p w:rsidR="00156FB3" w:rsidRDefault="00156FB3" w:rsidP="00156FB3">
            <w:r>
              <w:lastRenderedPageBreak/>
              <w:t xml:space="preserve">     * @param {Function} func The function to check.</w:t>
            </w:r>
          </w:p>
          <w:p w:rsidR="00156FB3" w:rsidRDefault="00156FB3" w:rsidP="00156FB3">
            <w:r>
              <w:t xml:space="preserve">     * @returns {boolean} Returns `true` if `func` is masked, else `false`.</w:t>
            </w:r>
          </w:p>
          <w:p w:rsidR="00156FB3" w:rsidRDefault="00156FB3" w:rsidP="00156FB3">
            <w:r>
              <w:t xml:space="preserve">     */</w:t>
            </w:r>
          </w:p>
          <w:p w:rsidR="00156FB3" w:rsidRDefault="00156FB3" w:rsidP="00156FB3">
            <w:r>
              <w:t xml:space="preserve">    function isMasked(func) {</w:t>
            </w:r>
          </w:p>
          <w:p w:rsidR="00156FB3" w:rsidRDefault="00156FB3" w:rsidP="00156FB3">
            <w:r>
              <w:t xml:space="preserve">      return !!maskSrcKey &amp;&amp; (maskSrcKey in func);</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func` is capable of being masked.</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check.</w:t>
            </w:r>
          </w:p>
          <w:p w:rsidR="00156FB3" w:rsidRDefault="00156FB3" w:rsidP="00156FB3">
            <w:r>
              <w:t xml:space="preserve">     * @returns {boolean} Returns `true` if `func` is maskable, else `false`.</w:t>
            </w:r>
          </w:p>
          <w:p w:rsidR="00156FB3" w:rsidRDefault="00156FB3" w:rsidP="00156FB3">
            <w:r>
              <w:t xml:space="preserve">     */</w:t>
            </w:r>
          </w:p>
          <w:p w:rsidR="00156FB3" w:rsidRDefault="00156FB3" w:rsidP="00156FB3">
            <w:r>
              <w:t xml:space="preserve">    var isMaskable = coreJsData ? isFunction : stubFalse;</w:t>
            </w:r>
          </w:p>
          <w:p w:rsidR="00156FB3" w:rsidRDefault="00156FB3" w:rsidP="00156FB3"/>
          <w:p w:rsidR="00156FB3" w:rsidRDefault="00156FB3" w:rsidP="00156FB3">
            <w:r>
              <w:t xml:space="preserve">    /**</w:t>
            </w:r>
          </w:p>
          <w:p w:rsidR="00156FB3" w:rsidRDefault="00156FB3" w:rsidP="00156FB3">
            <w:r>
              <w:t xml:space="preserve">     * Checks if `value` is likely a prototype object.</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check.</w:t>
            </w:r>
          </w:p>
          <w:p w:rsidR="00156FB3" w:rsidRDefault="00156FB3" w:rsidP="00156FB3">
            <w:r>
              <w:t xml:space="preserve">     * @returns {boolean} Returns `true` if `value` is a prototype, else `false`.</w:t>
            </w:r>
          </w:p>
          <w:p w:rsidR="00156FB3" w:rsidRDefault="00156FB3" w:rsidP="00156FB3">
            <w:r>
              <w:t xml:space="preserve">     */</w:t>
            </w:r>
          </w:p>
          <w:p w:rsidR="00156FB3" w:rsidRDefault="00156FB3" w:rsidP="00156FB3">
            <w:r>
              <w:t xml:space="preserve">    function isPrototype(value) {</w:t>
            </w:r>
          </w:p>
          <w:p w:rsidR="00156FB3" w:rsidRDefault="00156FB3" w:rsidP="00156FB3">
            <w:r>
              <w:t xml:space="preserve">      var Ctor = value &amp;&amp; value.constructor,</w:t>
            </w:r>
          </w:p>
          <w:p w:rsidR="00156FB3" w:rsidRDefault="00156FB3" w:rsidP="00156FB3">
            <w:r>
              <w:t xml:space="preserve">          proto = (typeof Ctor == 'function' &amp;&amp; Ctor.prototype) || objectProto;</w:t>
            </w:r>
          </w:p>
          <w:p w:rsidR="00156FB3" w:rsidRDefault="00156FB3" w:rsidP="00156FB3"/>
          <w:p w:rsidR="00156FB3" w:rsidRDefault="00156FB3" w:rsidP="00156FB3">
            <w:r>
              <w:t xml:space="preserve">      return value === proto;</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suitable for strict equality comparisons, i.e. `===`.</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check.</w:t>
            </w:r>
          </w:p>
          <w:p w:rsidR="00156FB3" w:rsidRDefault="00156FB3" w:rsidP="00156FB3">
            <w:r>
              <w:t xml:space="preserve">     * @returns {boolean} Returns `true` if `value` if suitable for strict</w:t>
            </w:r>
          </w:p>
          <w:p w:rsidR="00156FB3" w:rsidRDefault="00156FB3" w:rsidP="00156FB3">
            <w:r>
              <w:t xml:space="preserve">     *  equality comparisons, else `false`.</w:t>
            </w:r>
          </w:p>
          <w:p w:rsidR="00156FB3" w:rsidRDefault="00156FB3" w:rsidP="00156FB3">
            <w:r>
              <w:t xml:space="preserve">     */</w:t>
            </w:r>
          </w:p>
          <w:p w:rsidR="00156FB3" w:rsidRDefault="00156FB3" w:rsidP="00156FB3">
            <w:r>
              <w:t xml:space="preserve">    function isStrictComparable(value) {</w:t>
            </w:r>
          </w:p>
          <w:p w:rsidR="00156FB3" w:rsidRDefault="00156FB3" w:rsidP="00156FB3">
            <w:r>
              <w:t xml:space="preserve">      return value === value &amp;&amp; !isObject(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matchesProperty` for source values suitable</w:t>
            </w:r>
          </w:p>
          <w:p w:rsidR="00156FB3" w:rsidRDefault="00156FB3" w:rsidP="00156FB3">
            <w:r>
              <w:t xml:space="preserve">     * for strict equality comparisons, i.e. `===`.</w:t>
            </w:r>
          </w:p>
          <w:p w:rsidR="00156FB3" w:rsidRDefault="00156FB3" w:rsidP="00156FB3">
            <w:r>
              <w:t xml:space="preserve">     *</w:t>
            </w:r>
          </w:p>
          <w:p w:rsidR="00156FB3" w:rsidRDefault="00156FB3" w:rsidP="00156FB3">
            <w:r>
              <w:t xml:space="preserve">     * @private</w:t>
            </w:r>
          </w:p>
          <w:p w:rsidR="00156FB3" w:rsidRDefault="00156FB3" w:rsidP="00156FB3">
            <w:r>
              <w:t xml:space="preserve">     * @param {string} key The key of the property to get.</w:t>
            </w:r>
          </w:p>
          <w:p w:rsidR="00156FB3" w:rsidRDefault="00156FB3" w:rsidP="00156FB3">
            <w:r>
              <w:lastRenderedPageBreak/>
              <w:t xml:space="preserve">     * @param {*} srcValue The value to match.</w:t>
            </w:r>
          </w:p>
          <w:p w:rsidR="00156FB3" w:rsidRDefault="00156FB3" w:rsidP="00156FB3">
            <w:r>
              <w:t xml:space="preserve">     * @returns {Function} Returns the new spec function.</w:t>
            </w:r>
          </w:p>
          <w:p w:rsidR="00156FB3" w:rsidRDefault="00156FB3" w:rsidP="00156FB3">
            <w:r>
              <w:t xml:space="preserve">     */</w:t>
            </w:r>
          </w:p>
          <w:p w:rsidR="00156FB3" w:rsidRDefault="00156FB3" w:rsidP="00156FB3">
            <w:r>
              <w:t xml:space="preserve">    function matchesStrictComparable(key, srcValue) {</w:t>
            </w:r>
          </w:p>
          <w:p w:rsidR="00156FB3" w:rsidRDefault="00156FB3" w:rsidP="00156FB3">
            <w:r>
              <w:t xml:space="preserve">      return function(object) {</w:t>
            </w:r>
          </w:p>
          <w:p w:rsidR="00156FB3" w:rsidRDefault="00156FB3" w:rsidP="00156FB3">
            <w:r>
              <w:t xml:space="preserve">        if (object == null) {</w:t>
            </w:r>
          </w:p>
          <w:p w:rsidR="00156FB3" w:rsidRDefault="00156FB3" w:rsidP="00156FB3">
            <w:r>
              <w:t xml:space="preserve">          return false;</w:t>
            </w:r>
          </w:p>
          <w:p w:rsidR="00156FB3" w:rsidRDefault="00156FB3" w:rsidP="00156FB3">
            <w:r>
              <w:t xml:space="preserve">        }</w:t>
            </w:r>
          </w:p>
          <w:p w:rsidR="00156FB3" w:rsidRDefault="00156FB3" w:rsidP="00156FB3">
            <w:r>
              <w:t xml:space="preserve">        return object[key] === srcValue &amp;&amp;</w:t>
            </w:r>
          </w:p>
          <w:p w:rsidR="00156FB3" w:rsidRDefault="00156FB3" w:rsidP="00156FB3">
            <w:r>
              <w:t xml:space="preserve">          (srcValue !== undefined || (key in Object(objec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_.memoize` which clears the memoized function's</w:t>
            </w:r>
          </w:p>
          <w:p w:rsidR="00156FB3" w:rsidRDefault="00156FB3" w:rsidP="00156FB3">
            <w:r>
              <w:t xml:space="preserve">     * cache when it exceeds `MAX_MEMOIZE_SIZE`.</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unc The function to have its output memoized.</w:t>
            </w:r>
          </w:p>
          <w:p w:rsidR="00156FB3" w:rsidRDefault="00156FB3" w:rsidP="00156FB3">
            <w:r>
              <w:t xml:space="preserve">     * @returns {Function} Returns the new memoized function.</w:t>
            </w:r>
          </w:p>
          <w:p w:rsidR="00156FB3" w:rsidRDefault="00156FB3" w:rsidP="00156FB3">
            <w:r>
              <w:t xml:space="preserve">     */</w:t>
            </w:r>
          </w:p>
          <w:p w:rsidR="00156FB3" w:rsidRDefault="00156FB3" w:rsidP="00156FB3">
            <w:r>
              <w:t xml:space="preserve">    function memoizeCapped(func) {</w:t>
            </w:r>
          </w:p>
          <w:p w:rsidR="00156FB3" w:rsidRDefault="00156FB3" w:rsidP="00156FB3">
            <w:r>
              <w:t xml:space="preserve">      var result = memoize(func, function(key) {</w:t>
            </w:r>
          </w:p>
          <w:p w:rsidR="00156FB3" w:rsidRDefault="00156FB3" w:rsidP="00156FB3">
            <w:r>
              <w:t xml:space="preserve">        if (cache.size === MAX_MEMOIZE_SIZE) {</w:t>
            </w:r>
          </w:p>
          <w:p w:rsidR="00156FB3" w:rsidRDefault="00156FB3" w:rsidP="00156FB3">
            <w:r>
              <w:t xml:space="preserve">          cache.clear();</w:t>
            </w:r>
          </w:p>
          <w:p w:rsidR="00156FB3" w:rsidRDefault="00156FB3" w:rsidP="00156FB3">
            <w:r>
              <w:t xml:space="preserve">        }</w:t>
            </w:r>
          </w:p>
          <w:p w:rsidR="00156FB3" w:rsidRDefault="00156FB3" w:rsidP="00156FB3">
            <w:r>
              <w:t xml:space="preserve">        return key;</w:t>
            </w:r>
          </w:p>
          <w:p w:rsidR="00156FB3" w:rsidRDefault="00156FB3" w:rsidP="00156FB3">
            <w:r>
              <w:t xml:space="preserve">      });</w:t>
            </w:r>
          </w:p>
          <w:p w:rsidR="00156FB3" w:rsidRDefault="00156FB3" w:rsidP="00156FB3"/>
          <w:p w:rsidR="00156FB3" w:rsidRDefault="00156FB3" w:rsidP="00156FB3">
            <w:r>
              <w:t xml:space="preserve">      var cache = result.cache;</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Merges the function metadata of `source` into `data`.</w:t>
            </w:r>
          </w:p>
          <w:p w:rsidR="00156FB3" w:rsidRDefault="00156FB3" w:rsidP="00156FB3">
            <w:r>
              <w:t xml:space="preserve">     *</w:t>
            </w:r>
          </w:p>
          <w:p w:rsidR="00156FB3" w:rsidRDefault="00156FB3" w:rsidP="00156FB3">
            <w:r>
              <w:t xml:space="preserve">     * Merging metadata reduces the number of wrappers used to invoke a function.</w:t>
            </w:r>
          </w:p>
          <w:p w:rsidR="00156FB3" w:rsidRDefault="00156FB3" w:rsidP="00156FB3">
            <w:r>
              <w:t xml:space="preserve">     * This is possible because methods like `_.bind`, `_.curry`, and `_.partial`</w:t>
            </w:r>
          </w:p>
          <w:p w:rsidR="00156FB3" w:rsidRDefault="00156FB3" w:rsidP="00156FB3">
            <w:r>
              <w:t xml:space="preserve">     * may be applied regardless of execution order. Methods like `_.ary` and</w:t>
            </w:r>
          </w:p>
          <w:p w:rsidR="00156FB3" w:rsidRDefault="00156FB3" w:rsidP="00156FB3">
            <w:r>
              <w:t xml:space="preserve">     * `_.rearg` modify function arguments, making the order in which they are</w:t>
            </w:r>
          </w:p>
          <w:p w:rsidR="00156FB3" w:rsidRDefault="00156FB3" w:rsidP="00156FB3">
            <w:r>
              <w:t xml:space="preserve">     * executed important, preventing the merging of metadata. However, we make</w:t>
            </w:r>
          </w:p>
          <w:p w:rsidR="00156FB3" w:rsidRDefault="00156FB3" w:rsidP="00156FB3">
            <w:r>
              <w:t xml:space="preserve">     * an exception for a safe combined case where curried functions have `_.ary`</w:t>
            </w:r>
          </w:p>
          <w:p w:rsidR="00156FB3" w:rsidRDefault="00156FB3" w:rsidP="00156FB3">
            <w:r>
              <w:t xml:space="preserve">     * and or `_.rearg` applied.</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data The destination metadata.</w:t>
            </w:r>
          </w:p>
          <w:p w:rsidR="00156FB3" w:rsidRDefault="00156FB3" w:rsidP="00156FB3">
            <w:r>
              <w:t xml:space="preserve">     * @param {Array} source The source metadata.</w:t>
            </w:r>
          </w:p>
          <w:p w:rsidR="00156FB3" w:rsidRDefault="00156FB3" w:rsidP="00156FB3">
            <w:r>
              <w:t xml:space="preserve">     * @returns {Array} Returns `data`.</w:t>
            </w:r>
          </w:p>
          <w:p w:rsidR="00156FB3" w:rsidRDefault="00156FB3" w:rsidP="00156FB3">
            <w:r>
              <w:lastRenderedPageBreak/>
              <w:t xml:space="preserve">     */</w:t>
            </w:r>
          </w:p>
          <w:p w:rsidR="00156FB3" w:rsidRDefault="00156FB3" w:rsidP="00156FB3">
            <w:r>
              <w:t xml:space="preserve">    function mergeData(data, source) {</w:t>
            </w:r>
          </w:p>
          <w:p w:rsidR="00156FB3" w:rsidRDefault="00156FB3" w:rsidP="00156FB3">
            <w:r>
              <w:t xml:space="preserve">      var bitmask = data[1],</w:t>
            </w:r>
          </w:p>
          <w:p w:rsidR="00156FB3" w:rsidRDefault="00156FB3" w:rsidP="00156FB3">
            <w:r>
              <w:t xml:space="preserve">          srcBitmask = source[1],</w:t>
            </w:r>
          </w:p>
          <w:p w:rsidR="00156FB3" w:rsidRDefault="00156FB3" w:rsidP="00156FB3">
            <w:r>
              <w:t xml:space="preserve">          newBitmask = bitmask | srcBitmask,</w:t>
            </w:r>
          </w:p>
          <w:p w:rsidR="00156FB3" w:rsidRDefault="00156FB3" w:rsidP="00156FB3">
            <w:r>
              <w:t xml:space="preserve">          isCommon = newBitmask &lt; (WRAP_BIND_FLAG | WRAP_BIND_KEY_FLAG | WRAP_ARY_FLAG);</w:t>
            </w:r>
          </w:p>
          <w:p w:rsidR="00156FB3" w:rsidRDefault="00156FB3" w:rsidP="00156FB3"/>
          <w:p w:rsidR="00156FB3" w:rsidRDefault="00156FB3" w:rsidP="00156FB3">
            <w:r>
              <w:t xml:space="preserve">      var isCombo =</w:t>
            </w:r>
          </w:p>
          <w:p w:rsidR="00156FB3" w:rsidRDefault="00156FB3" w:rsidP="00156FB3">
            <w:r>
              <w:t xml:space="preserve">        ((srcBitmask == WRAP_ARY_FLAG) &amp;&amp; (bitmask == WRAP_CURRY_FLAG)) ||</w:t>
            </w:r>
          </w:p>
          <w:p w:rsidR="00156FB3" w:rsidRDefault="00156FB3" w:rsidP="00156FB3">
            <w:r>
              <w:t xml:space="preserve">        ((srcBitmask == WRAP_ARY_FLAG) &amp;&amp; (bitmask == WRAP_REARG_FLAG) &amp;&amp; (data[7].length &lt;= source[8])) ||</w:t>
            </w:r>
          </w:p>
          <w:p w:rsidR="00156FB3" w:rsidRDefault="00156FB3" w:rsidP="00156FB3">
            <w:r>
              <w:t xml:space="preserve">        ((srcBitmask == (WRAP_ARY_FLAG | WRAP_REARG_FLAG)) &amp;&amp; (source[7].length &lt;= source[8]) &amp;&amp; (bitmask == WRAP_CURRY_FLAG));</w:t>
            </w:r>
          </w:p>
          <w:p w:rsidR="00156FB3" w:rsidRDefault="00156FB3" w:rsidP="00156FB3"/>
          <w:p w:rsidR="00156FB3" w:rsidRDefault="00156FB3" w:rsidP="00156FB3">
            <w:r>
              <w:t xml:space="preserve">      // Exit early if metadata can't be merged.</w:t>
            </w:r>
          </w:p>
          <w:p w:rsidR="00156FB3" w:rsidRDefault="00156FB3" w:rsidP="00156FB3">
            <w:r>
              <w:t xml:space="preserve">      if (!(isCommon || isCombo)) {</w:t>
            </w:r>
          </w:p>
          <w:p w:rsidR="00156FB3" w:rsidRDefault="00156FB3" w:rsidP="00156FB3">
            <w:r>
              <w:t xml:space="preserve">        return data;</w:t>
            </w:r>
          </w:p>
          <w:p w:rsidR="00156FB3" w:rsidRDefault="00156FB3" w:rsidP="00156FB3">
            <w:r>
              <w:t xml:space="preserve">      }</w:t>
            </w:r>
          </w:p>
          <w:p w:rsidR="00156FB3" w:rsidRDefault="00156FB3" w:rsidP="00156FB3">
            <w:r>
              <w:t xml:space="preserve">      // Use source `thisArg` if available.</w:t>
            </w:r>
          </w:p>
          <w:p w:rsidR="00156FB3" w:rsidRDefault="00156FB3" w:rsidP="00156FB3">
            <w:r>
              <w:t xml:space="preserve">      if (srcBitmask &amp; WRAP_BIND_FLAG) {</w:t>
            </w:r>
          </w:p>
          <w:p w:rsidR="00156FB3" w:rsidRDefault="00156FB3" w:rsidP="00156FB3">
            <w:r>
              <w:t xml:space="preserve">        data[2] = source[2];</w:t>
            </w:r>
          </w:p>
          <w:p w:rsidR="00156FB3" w:rsidRDefault="00156FB3" w:rsidP="00156FB3">
            <w:r>
              <w:t xml:space="preserve">        // Set when currying a bound function.</w:t>
            </w:r>
          </w:p>
          <w:p w:rsidR="00156FB3" w:rsidRDefault="00156FB3" w:rsidP="00156FB3">
            <w:r>
              <w:t xml:space="preserve">        newBitmask |= bitmask &amp; WRAP_BIND_FLAG ? 0 : WRAP_CURRY_BOUND_FLAG;</w:t>
            </w:r>
          </w:p>
          <w:p w:rsidR="00156FB3" w:rsidRDefault="00156FB3" w:rsidP="00156FB3">
            <w:r>
              <w:t xml:space="preserve">      }</w:t>
            </w:r>
          </w:p>
          <w:p w:rsidR="00156FB3" w:rsidRDefault="00156FB3" w:rsidP="00156FB3">
            <w:r>
              <w:t xml:space="preserve">      // Compose partial arguments.</w:t>
            </w:r>
          </w:p>
          <w:p w:rsidR="00156FB3" w:rsidRDefault="00156FB3" w:rsidP="00156FB3">
            <w:r>
              <w:t xml:space="preserve">      var value = source[3];</w:t>
            </w:r>
          </w:p>
          <w:p w:rsidR="00156FB3" w:rsidRDefault="00156FB3" w:rsidP="00156FB3">
            <w:r>
              <w:t xml:space="preserve">      if (value) {</w:t>
            </w:r>
          </w:p>
          <w:p w:rsidR="00156FB3" w:rsidRDefault="00156FB3" w:rsidP="00156FB3">
            <w:r>
              <w:t xml:space="preserve">        var partials = data[3];</w:t>
            </w:r>
          </w:p>
          <w:p w:rsidR="00156FB3" w:rsidRDefault="00156FB3" w:rsidP="00156FB3">
            <w:r>
              <w:t xml:space="preserve">        data[3] = partials ? composeArgs(partials, value, source[4]) : value;</w:t>
            </w:r>
          </w:p>
          <w:p w:rsidR="00156FB3" w:rsidRDefault="00156FB3" w:rsidP="00156FB3">
            <w:r>
              <w:t xml:space="preserve">        data[4] = partials ? replaceHolders(data[3], PLACEHOLDER) : source[4];</w:t>
            </w:r>
          </w:p>
          <w:p w:rsidR="00156FB3" w:rsidRDefault="00156FB3" w:rsidP="00156FB3">
            <w:r>
              <w:t xml:space="preserve">      }</w:t>
            </w:r>
          </w:p>
          <w:p w:rsidR="00156FB3" w:rsidRDefault="00156FB3" w:rsidP="00156FB3">
            <w:r>
              <w:t xml:space="preserve">      // Compose partial right arguments.</w:t>
            </w:r>
          </w:p>
          <w:p w:rsidR="00156FB3" w:rsidRDefault="00156FB3" w:rsidP="00156FB3">
            <w:r>
              <w:t xml:space="preserve">      value = source[5];</w:t>
            </w:r>
          </w:p>
          <w:p w:rsidR="00156FB3" w:rsidRDefault="00156FB3" w:rsidP="00156FB3">
            <w:r>
              <w:t xml:space="preserve">      if (value) {</w:t>
            </w:r>
          </w:p>
          <w:p w:rsidR="00156FB3" w:rsidRDefault="00156FB3" w:rsidP="00156FB3">
            <w:r>
              <w:t xml:space="preserve">        partials = data[5];</w:t>
            </w:r>
          </w:p>
          <w:p w:rsidR="00156FB3" w:rsidRDefault="00156FB3" w:rsidP="00156FB3">
            <w:r>
              <w:t xml:space="preserve">        data[5] = partials ? composeArgsRight(partials, value, source[6]) : value;</w:t>
            </w:r>
          </w:p>
          <w:p w:rsidR="00156FB3" w:rsidRDefault="00156FB3" w:rsidP="00156FB3">
            <w:r>
              <w:t xml:space="preserve">        data[6] = partials ? replaceHolders(data[5], PLACEHOLDER) : source[6];</w:t>
            </w:r>
          </w:p>
          <w:p w:rsidR="00156FB3" w:rsidRDefault="00156FB3" w:rsidP="00156FB3">
            <w:r>
              <w:t xml:space="preserve">      }</w:t>
            </w:r>
          </w:p>
          <w:p w:rsidR="00156FB3" w:rsidRDefault="00156FB3" w:rsidP="00156FB3">
            <w:r>
              <w:t xml:space="preserve">      // Use source `argPos` if available.</w:t>
            </w:r>
          </w:p>
          <w:p w:rsidR="00156FB3" w:rsidRDefault="00156FB3" w:rsidP="00156FB3">
            <w:r>
              <w:t xml:space="preserve">      value = source[7];</w:t>
            </w:r>
          </w:p>
          <w:p w:rsidR="00156FB3" w:rsidRDefault="00156FB3" w:rsidP="00156FB3">
            <w:r>
              <w:t xml:space="preserve">      if (value) {</w:t>
            </w:r>
          </w:p>
          <w:p w:rsidR="00156FB3" w:rsidRDefault="00156FB3" w:rsidP="00156FB3">
            <w:r>
              <w:t xml:space="preserve">        data[7] = value;</w:t>
            </w:r>
          </w:p>
          <w:p w:rsidR="00156FB3" w:rsidRDefault="00156FB3" w:rsidP="00156FB3">
            <w:r>
              <w:t xml:space="preserve">      }</w:t>
            </w:r>
          </w:p>
          <w:p w:rsidR="00156FB3" w:rsidRDefault="00156FB3" w:rsidP="00156FB3">
            <w:r>
              <w:t xml:space="preserve">      // Use source `ary` if it's smaller.</w:t>
            </w:r>
          </w:p>
          <w:p w:rsidR="00156FB3" w:rsidRDefault="00156FB3" w:rsidP="00156FB3">
            <w:r>
              <w:t xml:space="preserve">      if (srcBitmask &amp; WRAP_ARY_FLAG) {</w:t>
            </w:r>
          </w:p>
          <w:p w:rsidR="00156FB3" w:rsidRDefault="00156FB3" w:rsidP="00156FB3">
            <w:r>
              <w:t xml:space="preserve">        data[8] = data[8] == null ? source[8] : nativeMin(data[8], source[8]);</w:t>
            </w:r>
          </w:p>
          <w:p w:rsidR="00156FB3" w:rsidRDefault="00156FB3" w:rsidP="00156FB3">
            <w:r>
              <w:t xml:space="preserve">      }</w:t>
            </w:r>
          </w:p>
          <w:p w:rsidR="00156FB3" w:rsidRDefault="00156FB3" w:rsidP="00156FB3">
            <w:r>
              <w:t xml:space="preserve">      // Use source `arity` if one is not provided.</w:t>
            </w:r>
          </w:p>
          <w:p w:rsidR="00156FB3" w:rsidRDefault="00156FB3" w:rsidP="00156FB3">
            <w:r>
              <w:lastRenderedPageBreak/>
              <w:t xml:space="preserve">      if (data[9] == null) {</w:t>
            </w:r>
          </w:p>
          <w:p w:rsidR="00156FB3" w:rsidRDefault="00156FB3" w:rsidP="00156FB3">
            <w:r>
              <w:t xml:space="preserve">        data[9] = source[9];</w:t>
            </w:r>
          </w:p>
          <w:p w:rsidR="00156FB3" w:rsidRDefault="00156FB3" w:rsidP="00156FB3">
            <w:r>
              <w:t xml:space="preserve">      }</w:t>
            </w:r>
          </w:p>
          <w:p w:rsidR="00156FB3" w:rsidRDefault="00156FB3" w:rsidP="00156FB3">
            <w:r>
              <w:t xml:space="preserve">      // Use source `func` and merge bitmasks.</w:t>
            </w:r>
          </w:p>
          <w:p w:rsidR="00156FB3" w:rsidRDefault="00156FB3" w:rsidP="00156FB3">
            <w:r>
              <w:t xml:space="preserve">      data[0] = source[0];</w:t>
            </w:r>
          </w:p>
          <w:p w:rsidR="00156FB3" w:rsidRDefault="00156FB3" w:rsidP="00156FB3">
            <w:r>
              <w:t xml:space="preserve">      data[1] = newBitmask;</w:t>
            </w:r>
          </w:p>
          <w:p w:rsidR="00156FB3" w:rsidRDefault="00156FB3" w:rsidP="00156FB3"/>
          <w:p w:rsidR="00156FB3" w:rsidRDefault="00156FB3" w:rsidP="00156FB3">
            <w:r>
              <w:t xml:space="preserve">      return data;</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function is like</w:t>
            </w:r>
          </w:p>
          <w:p w:rsidR="00156FB3" w:rsidRDefault="00156FB3" w:rsidP="00156FB3">
            <w:r>
              <w:t xml:space="preserve">     * [`Object.keys`](http://ecma-international.org/ecma-262/7.0/#sec-object.keys)</w:t>
            </w:r>
          </w:p>
          <w:p w:rsidR="00156FB3" w:rsidRDefault="00156FB3" w:rsidP="00156FB3">
            <w:r>
              <w:t xml:space="preserve">     * except that it includes inherited enumerable properties.</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query.</w:t>
            </w:r>
          </w:p>
          <w:p w:rsidR="00156FB3" w:rsidRDefault="00156FB3" w:rsidP="00156FB3">
            <w:r>
              <w:t xml:space="preserve">     * @returns {Array} Returns the array of property names.</w:t>
            </w:r>
          </w:p>
          <w:p w:rsidR="00156FB3" w:rsidRDefault="00156FB3" w:rsidP="00156FB3">
            <w:r>
              <w:t xml:space="preserve">     */</w:t>
            </w:r>
          </w:p>
          <w:p w:rsidR="00156FB3" w:rsidRDefault="00156FB3" w:rsidP="00156FB3">
            <w:r>
              <w:t xml:space="preserve">    function nativeKeysIn(object) {</w:t>
            </w:r>
          </w:p>
          <w:p w:rsidR="00156FB3" w:rsidRDefault="00156FB3" w:rsidP="00156FB3">
            <w:r>
              <w:t xml:space="preserve">      var result = [];</w:t>
            </w:r>
          </w:p>
          <w:p w:rsidR="00156FB3" w:rsidRDefault="00156FB3" w:rsidP="00156FB3">
            <w:r>
              <w:t xml:space="preserve">      if (object != null) {</w:t>
            </w:r>
          </w:p>
          <w:p w:rsidR="00156FB3" w:rsidRDefault="00156FB3" w:rsidP="00156FB3">
            <w:r>
              <w:t xml:space="preserve">        for (var key in Object(object)) {</w:t>
            </w:r>
          </w:p>
          <w:p w:rsidR="00156FB3" w:rsidRDefault="00156FB3" w:rsidP="00156FB3">
            <w:r>
              <w:t xml:space="preserve">          result.push(key);</w:t>
            </w:r>
          </w:p>
          <w:p w:rsidR="00156FB3" w:rsidRDefault="00156FB3" w:rsidP="00156FB3">
            <w:r>
              <w:t xml:space="preserve">        }</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value` to a string using `Object.prototype.toString`.</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convert.</w:t>
            </w:r>
          </w:p>
          <w:p w:rsidR="00156FB3" w:rsidRDefault="00156FB3" w:rsidP="00156FB3">
            <w:r>
              <w:t xml:space="preserve">     * @returns {string} Returns the converted string.</w:t>
            </w:r>
          </w:p>
          <w:p w:rsidR="00156FB3" w:rsidRDefault="00156FB3" w:rsidP="00156FB3">
            <w:r>
              <w:t xml:space="preserve">     */</w:t>
            </w:r>
          </w:p>
          <w:p w:rsidR="00156FB3" w:rsidRDefault="00156FB3" w:rsidP="00156FB3">
            <w:r>
              <w:t xml:space="preserve">    function objectToString(value) {</w:t>
            </w:r>
          </w:p>
          <w:p w:rsidR="00156FB3" w:rsidRDefault="00156FB3" w:rsidP="00156FB3">
            <w:r>
              <w:t xml:space="preserve">      return nativeObjectToString.call(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baseRest` which transforms the rest array.</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unc The function to apply a rest parameter to.</w:t>
            </w:r>
          </w:p>
          <w:p w:rsidR="00156FB3" w:rsidRDefault="00156FB3" w:rsidP="00156FB3">
            <w:r>
              <w:t xml:space="preserve">     * @param {number} [start=func.length-1] The start position of the rest parameter.</w:t>
            </w:r>
          </w:p>
          <w:p w:rsidR="00156FB3" w:rsidRDefault="00156FB3" w:rsidP="00156FB3">
            <w:r>
              <w:t xml:space="preserve">     * @param {Function} transform The rest array transform.</w:t>
            </w:r>
          </w:p>
          <w:p w:rsidR="00156FB3" w:rsidRDefault="00156FB3" w:rsidP="00156FB3">
            <w:r>
              <w:t xml:space="preserve">     * @returns {Function} Returns the new function.</w:t>
            </w:r>
          </w:p>
          <w:p w:rsidR="00156FB3" w:rsidRDefault="00156FB3" w:rsidP="00156FB3">
            <w:r>
              <w:lastRenderedPageBreak/>
              <w:t xml:space="preserve">     */</w:t>
            </w:r>
          </w:p>
          <w:p w:rsidR="00156FB3" w:rsidRDefault="00156FB3" w:rsidP="00156FB3">
            <w:r>
              <w:t xml:space="preserve">    function overRest(func, start, transform) {</w:t>
            </w:r>
          </w:p>
          <w:p w:rsidR="00156FB3" w:rsidRDefault="00156FB3" w:rsidP="00156FB3">
            <w:r>
              <w:t xml:space="preserve">      start = nativeMax(start === undefined ? (func.length - 1) : start, 0);</w:t>
            </w:r>
          </w:p>
          <w:p w:rsidR="00156FB3" w:rsidRDefault="00156FB3" w:rsidP="00156FB3">
            <w:r>
              <w:t xml:space="preserve">      return function() {</w:t>
            </w:r>
          </w:p>
          <w:p w:rsidR="00156FB3" w:rsidRDefault="00156FB3" w:rsidP="00156FB3">
            <w:r>
              <w:t xml:space="preserve">        var args = arguments,</w:t>
            </w:r>
          </w:p>
          <w:p w:rsidR="00156FB3" w:rsidRDefault="00156FB3" w:rsidP="00156FB3">
            <w:r>
              <w:t xml:space="preserve">            index = -1,</w:t>
            </w:r>
          </w:p>
          <w:p w:rsidR="00156FB3" w:rsidRDefault="00156FB3" w:rsidP="00156FB3">
            <w:r>
              <w:t xml:space="preserve">            length = nativeMax(args.length - start, 0),</w:t>
            </w:r>
          </w:p>
          <w:p w:rsidR="00156FB3" w:rsidRDefault="00156FB3" w:rsidP="00156FB3">
            <w:r>
              <w:t xml:space="preserve">            array = Array(length);</w:t>
            </w:r>
          </w:p>
          <w:p w:rsidR="00156FB3" w:rsidRDefault="00156FB3" w:rsidP="00156FB3"/>
          <w:p w:rsidR="00156FB3" w:rsidRDefault="00156FB3" w:rsidP="00156FB3">
            <w:r>
              <w:t xml:space="preserve">        while (++index &lt; length) {</w:t>
            </w:r>
          </w:p>
          <w:p w:rsidR="00156FB3" w:rsidRDefault="00156FB3" w:rsidP="00156FB3">
            <w:r>
              <w:t xml:space="preserve">          array[index] = args[start + index];</w:t>
            </w:r>
          </w:p>
          <w:p w:rsidR="00156FB3" w:rsidRDefault="00156FB3" w:rsidP="00156FB3">
            <w:r>
              <w:t xml:space="preserve">        }</w:t>
            </w:r>
          </w:p>
          <w:p w:rsidR="00156FB3" w:rsidRDefault="00156FB3" w:rsidP="00156FB3">
            <w:r>
              <w:t xml:space="preserve">        index = -1;</w:t>
            </w:r>
          </w:p>
          <w:p w:rsidR="00156FB3" w:rsidRDefault="00156FB3" w:rsidP="00156FB3">
            <w:r>
              <w:t xml:space="preserve">        var otherArgs = Array(start + 1);</w:t>
            </w:r>
          </w:p>
          <w:p w:rsidR="00156FB3" w:rsidRDefault="00156FB3" w:rsidP="00156FB3">
            <w:r>
              <w:t xml:space="preserve">        while (++index &lt; start) {</w:t>
            </w:r>
          </w:p>
          <w:p w:rsidR="00156FB3" w:rsidRDefault="00156FB3" w:rsidP="00156FB3">
            <w:r>
              <w:t xml:space="preserve">          otherArgs[index] = args[index];</w:t>
            </w:r>
          </w:p>
          <w:p w:rsidR="00156FB3" w:rsidRDefault="00156FB3" w:rsidP="00156FB3">
            <w:r>
              <w:t xml:space="preserve">        }</w:t>
            </w:r>
          </w:p>
          <w:p w:rsidR="00156FB3" w:rsidRDefault="00156FB3" w:rsidP="00156FB3">
            <w:r>
              <w:t xml:space="preserve">        otherArgs[start] = transform(array);</w:t>
            </w:r>
          </w:p>
          <w:p w:rsidR="00156FB3" w:rsidRDefault="00156FB3" w:rsidP="00156FB3">
            <w:r>
              <w:t xml:space="preserve">        return apply(func, this, otherArg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parent value at `path` of `object`.</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query.</w:t>
            </w:r>
          </w:p>
          <w:p w:rsidR="00156FB3" w:rsidRDefault="00156FB3" w:rsidP="00156FB3">
            <w:r>
              <w:t xml:space="preserve">     * @param {Array} path The path to get the parent value of.</w:t>
            </w:r>
          </w:p>
          <w:p w:rsidR="00156FB3" w:rsidRDefault="00156FB3" w:rsidP="00156FB3">
            <w:r>
              <w:t xml:space="preserve">     * @returns {*} Returns the parent value.</w:t>
            </w:r>
          </w:p>
          <w:p w:rsidR="00156FB3" w:rsidRDefault="00156FB3" w:rsidP="00156FB3">
            <w:r>
              <w:t xml:space="preserve">     */</w:t>
            </w:r>
          </w:p>
          <w:p w:rsidR="00156FB3" w:rsidRDefault="00156FB3" w:rsidP="00156FB3">
            <w:r>
              <w:t xml:space="preserve">    function parent(object, path) {</w:t>
            </w:r>
          </w:p>
          <w:p w:rsidR="00156FB3" w:rsidRDefault="00156FB3" w:rsidP="00156FB3">
            <w:r>
              <w:t xml:space="preserve">      return path.length &lt; 2 ? object : baseGet(object, baseSlice(path, 0, -1));</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order `array` according to the specified indexes where the element at</w:t>
            </w:r>
          </w:p>
          <w:p w:rsidR="00156FB3" w:rsidRDefault="00156FB3" w:rsidP="00156FB3">
            <w:r>
              <w:t xml:space="preserve">     * the first index is assigned as the first element, the element at</w:t>
            </w:r>
          </w:p>
          <w:p w:rsidR="00156FB3" w:rsidRDefault="00156FB3" w:rsidP="00156FB3">
            <w:r>
              <w:t xml:space="preserve">     * the second index is assigned as the second element, and so on.</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reorder.</w:t>
            </w:r>
          </w:p>
          <w:p w:rsidR="00156FB3" w:rsidRDefault="00156FB3" w:rsidP="00156FB3">
            <w:r>
              <w:t xml:space="preserve">     * @param {Array} indexes The arranged array indexes.</w:t>
            </w:r>
          </w:p>
          <w:p w:rsidR="00156FB3" w:rsidRDefault="00156FB3" w:rsidP="00156FB3">
            <w:r>
              <w:t xml:space="preserve">     * @returns {Array} Returns `array`.</w:t>
            </w:r>
          </w:p>
          <w:p w:rsidR="00156FB3" w:rsidRDefault="00156FB3" w:rsidP="00156FB3">
            <w:r>
              <w:t xml:space="preserve">     */</w:t>
            </w:r>
          </w:p>
          <w:p w:rsidR="00156FB3" w:rsidRDefault="00156FB3" w:rsidP="00156FB3">
            <w:r>
              <w:t xml:space="preserve">    function reorder(array, indexes) {</w:t>
            </w:r>
          </w:p>
          <w:p w:rsidR="00156FB3" w:rsidRDefault="00156FB3" w:rsidP="00156FB3">
            <w:r>
              <w:t xml:space="preserve">      var arrLength = array.length,</w:t>
            </w:r>
          </w:p>
          <w:p w:rsidR="00156FB3" w:rsidRDefault="00156FB3" w:rsidP="00156FB3">
            <w:r>
              <w:t xml:space="preserve">          length = nativeMin(indexes.length, arrLength),</w:t>
            </w:r>
          </w:p>
          <w:p w:rsidR="00156FB3" w:rsidRDefault="00156FB3" w:rsidP="00156FB3">
            <w:r>
              <w:t xml:space="preserve">          oldArray = copyArray(array);</w:t>
            </w:r>
          </w:p>
          <w:p w:rsidR="00156FB3" w:rsidRDefault="00156FB3" w:rsidP="00156FB3"/>
          <w:p w:rsidR="00156FB3" w:rsidRDefault="00156FB3" w:rsidP="00156FB3">
            <w:r>
              <w:t xml:space="preserve">      while (length--) {</w:t>
            </w:r>
          </w:p>
          <w:p w:rsidR="00156FB3" w:rsidRDefault="00156FB3" w:rsidP="00156FB3">
            <w:r>
              <w:t xml:space="preserve">        var index = indexes[length];</w:t>
            </w:r>
          </w:p>
          <w:p w:rsidR="00156FB3" w:rsidRDefault="00156FB3" w:rsidP="00156FB3">
            <w:r>
              <w:t xml:space="preserve">        array[length] = isIndex(index, arrLength) ? oldArray[index] : undefined;</w:t>
            </w:r>
          </w:p>
          <w:p w:rsidR="00156FB3" w:rsidRDefault="00156FB3" w:rsidP="00156FB3">
            <w:r>
              <w:t xml:space="preserve">      }</w:t>
            </w:r>
          </w:p>
          <w:p w:rsidR="00156FB3" w:rsidRDefault="00156FB3" w:rsidP="00156FB3">
            <w:r>
              <w:t xml:space="preserve">      return arra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value at `key`, unless `key` is "__proto__" or "constructor".</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object The object to query.</w:t>
            </w:r>
          </w:p>
          <w:p w:rsidR="00156FB3" w:rsidRDefault="00156FB3" w:rsidP="00156FB3">
            <w:r>
              <w:t xml:space="preserve">     * @param {string} key The key of the property to get.</w:t>
            </w:r>
          </w:p>
          <w:p w:rsidR="00156FB3" w:rsidRDefault="00156FB3" w:rsidP="00156FB3">
            <w:r>
              <w:t xml:space="preserve">     * @returns {*} Returns the property value.</w:t>
            </w:r>
          </w:p>
          <w:p w:rsidR="00156FB3" w:rsidRDefault="00156FB3" w:rsidP="00156FB3">
            <w:r>
              <w:t xml:space="preserve">     */</w:t>
            </w:r>
          </w:p>
          <w:p w:rsidR="00156FB3" w:rsidRDefault="00156FB3" w:rsidP="00156FB3">
            <w:r>
              <w:t xml:space="preserve">    function safeGet(object, key) {</w:t>
            </w:r>
          </w:p>
          <w:p w:rsidR="00156FB3" w:rsidRDefault="00156FB3" w:rsidP="00156FB3">
            <w:r>
              <w:t xml:space="preserve">      if (key === 'constructor' &amp;&amp; typeof object[key] === 'function')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if (key == '__proto__')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return object[ke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Sets metadata for `func`.</w:t>
            </w:r>
          </w:p>
          <w:p w:rsidR="00156FB3" w:rsidRDefault="00156FB3" w:rsidP="00156FB3">
            <w:r>
              <w:t xml:space="preserve">     *</w:t>
            </w:r>
          </w:p>
          <w:p w:rsidR="00156FB3" w:rsidRDefault="00156FB3" w:rsidP="00156FB3">
            <w:r>
              <w:t xml:space="preserve">     * **Note:** If this function becomes hot, i.e. is invoked a lot in a short</w:t>
            </w:r>
          </w:p>
          <w:p w:rsidR="00156FB3" w:rsidRDefault="00156FB3" w:rsidP="00156FB3">
            <w:r>
              <w:t xml:space="preserve">     * period of time, it will trip its breaker and transition to an identity</w:t>
            </w:r>
          </w:p>
          <w:p w:rsidR="00156FB3" w:rsidRDefault="00156FB3" w:rsidP="00156FB3">
            <w:r>
              <w:t xml:space="preserve">     * function to avoid garbage collection pauses in V8. See</w:t>
            </w:r>
          </w:p>
          <w:p w:rsidR="00156FB3" w:rsidRDefault="00156FB3" w:rsidP="00156FB3">
            <w:r>
              <w:t xml:space="preserve">     * [V8 issue 2070](https://bugs.chromium.org/p/v8/issues/detail?id=2070)</w:t>
            </w:r>
          </w:p>
          <w:p w:rsidR="00156FB3" w:rsidRDefault="00156FB3" w:rsidP="00156FB3">
            <w:r>
              <w:t xml:space="preserve">     * for more details.</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unc The function to associate metadata with.</w:t>
            </w:r>
          </w:p>
          <w:p w:rsidR="00156FB3" w:rsidRDefault="00156FB3" w:rsidP="00156FB3">
            <w:r>
              <w:t xml:space="preserve">     * @param {*} data The metadata.</w:t>
            </w:r>
          </w:p>
          <w:p w:rsidR="00156FB3" w:rsidRDefault="00156FB3" w:rsidP="00156FB3">
            <w:r>
              <w:t xml:space="preserve">     * @returns {Function} Returns `func`.</w:t>
            </w:r>
          </w:p>
          <w:p w:rsidR="00156FB3" w:rsidRDefault="00156FB3" w:rsidP="00156FB3">
            <w:r>
              <w:t xml:space="preserve">     */</w:t>
            </w:r>
          </w:p>
          <w:p w:rsidR="00156FB3" w:rsidRDefault="00156FB3" w:rsidP="00156FB3">
            <w:r>
              <w:t xml:space="preserve">    var setData = shortOut(baseSetData);</w:t>
            </w:r>
          </w:p>
          <w:p w:rsidR="00156FB3" w:rsidRDefault="00156FB3" w:rsidP="00156FB3"/>
          <w:p w:rsidR="00156FB3" w:rsidRDefault="00156FB3" w:rsidP="00156FB3">
            <w:r>
              <w:t xml:space="preserve">    /**</w:t>
            </w:r>
          </w:p>
          <w:p w:rsidR="00156FB3" w:rsidRDefault="00156FB3" w:rsidP="00156FB3">
            <w:r>
              <w:t xml:space="preserve">     * A simple wrapper around the global [`setTimeout`](https://mdn.io/setTimeout).</w:t>
            </w:r>
          </w:p>
          <w:p w:rsidR="00156FB3" w:rsidRDefault="00156FB3" w:rsidP="00156FB3">
            <w:r>
              <w:t xml:space="preserve">     *</w:t>
            </w:r>
          </w:p>
          <w:p w:rsidR="00156FB3" w:rsidRDefault="00156FB3" w:rsidP="00156FB3">
            <w:r>
              <w:t xml:space="preserve">     * @private</w:t>
            </w:r>
          </w:p>
          <w:p w:rsidR="00156FB3" w:rsidRDefault="00156FB3" w:rsidP="00156FB3">
            <w:r>
              <w:lastRenderedPageBreak/>
              <w:t xml:space="preserve">     * @param {Function} func The function to delay.</w:t>
            </w:r>
          </w:p>
          <w:p w:rsidR="00156FB3" w:rsidRDefault="00156FB3" w:rsidP="00156FB3">
            <w:r>
              <w:t xml:space="preserve">     * @param {number} wait The number of milliseconds to delay invocation.</w:t>
            </w:r>
          </w:p>
          <w:p w:rsidR="00156FB3" w:rsidRDefault="00156FB3" w:rsidP="00156FB3">
            <w:r>
              <w:t xml:space="preserve">     * @returns {number|Object} Returns the timer id or timeout object.</w:t>
            </w:r>
          </w:p>
          <w:p w:rsidR="00156FB3" w:rsidRDefault="00156FB3" w:rsidP="00156FB3">
            <w:r>
              <w:t xml:space="preserve">     */</w:t>
            </w:r>
          </w:p>
          <w:p w:rsidR="00156FB3" w:rsidRDefault="00156FB3" w:rsidP="00156FB3">
            <w:r>
              <w:t xml:space="preserve">    var setTimeout = ctxSetTimeout || function(func, wait) {</w:t>
            </w:r>
          </w:p>
          <w:p w:rsidR="00156FB3" w:rsidRDefault="00156FB3" w:rsidP="00156FB3">
            <w:r>
              <w:t xml:space="preserve">      return root.setTimeout(func, wai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Sets the `toString` method of `func` to return `string`.</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unc The function to modify.</w:t>
            </w:r>
          </w:p>
          <w:p w:rsidR="00156FB3" w:rsidRDefault="00156FB3" w:rsidP="00156FB3">
            <w:r>
              <w:t xml:space="preserve">     * @param {Function} string The `toString` result.</w:t>
            </w:r>
          </w:p>
          <w:p w:rsidR="00156FB3" w:rsidRDefault="00156FB3" w:rsidP="00156FB3">
            <w:r>
              <w:t xml:space="preserve">     * @returns {Function} Returns `func`.</w:t>
            </w:r>
          </w:p>
          <w:p w:rsidR="00156FB3" w:rsidRDefault="00156FB3" w:rsidP="00156FB3">
            <w:r>
              <w:t xml:space="preserve">     */</w:t>
            </w:r>
          </w:p>
          <w:p w:rsidR="00156FB3" w:rsidRDefault="00156FB3" w:rsidP="00156FB3">
            <w:r>
              <w:t xml:space="preserve">    var setToString = shortOut(baseSetToString);</w:t>
            </w:r>
          </w:p>
          <w:p w:rsidR="00156FB3" w:rsidRDefault="00156FB3" w:rsidP="00156FB3"/>
          <w:p w:rsidR="00156FB3" w:rsidRDefault="00156FB3" w:rsidP="00156FB3">
            <w:r>
              <w:t xml:space="preserve">    /**</w:t>
            </w:r>
          </w:p>
          <w:p w:rsidR="00156FB3" w:rsidRDefault="00156FB3" w:rsidP="00156FB3">
            <w:r>
              <w:t xml:space="preserve">     * Sets the `toString` method of `wrapper` to mimic the source of `reference`</w:t>
            </w:r>
          </w:p>
          <w:p w:rsidR="00156FB3" w:rsidRDefault="00156FB3" w:rsidP="00156FB3">
            <w:r>
              <w:t xml:space="preserve">     * with wrapper details in a comment at the top of the source body.</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wrapper The function to modify.</w:t>
            </w:r>
          </w:p>
          <w:p w:rsidR="00156FB3" w:rsidRDefault="00156FB3" w:rsidP="00156FB3">
            <w:r>
              <w:t xml:space="preserve">     * @param {Function} reference The reference function.</w:t>
            </w:r>
          </w:p>
          <w:p w:rsidR="00156FB3" w:rsidRDefault="00156FB3" w:rsidP="00156FB3">
            <w:r>
              <w:t xml:space="preserve">     * @param {number} bitmask The bitmask flags. See `createWrap` for more details.</w:t>
            </w:r>
          </w:p>
          <w:p w:rsidR="00156FB3" w:rsidRDefault="00156FB3" w:rsidP="00156FB3">
            <w:r>
              <w:t xml:space="preserve">     * @returns {Function} Returns `wrapper`.</w:t>
            </w:r>
          </w:p>
          <w:p w:rsidR="00156FB3" w:rsidRDefault="00156FB3" w:rsidP="00156FB3">
            <w:r>
              <w:t xml:space="preserve">     */</w:t>
            </w:r>
          </w:p>
          <w:p w:rsidR="00156FB3" w:rsidRDefault="00156FB3" w:rsidP="00156FB3">
            <w:r>
              <w:t xml:space="preserve">    function setWrapToString(wrapper, reference, bitmask) {</w:t>
            </w:r>
          </w:p>
          <w:p w:rsidR="00156FB3" w:rsidRDefault="00156FB3" w:rsidP="00156FB3">
            <w:r>
              <w:t xml:space="preserve">      var source = (reference + '');</w:t>
            </w:r>
          </w:p>
          <w:p w:rsidR="00156FB3" w:rsidRDefault="00156FB3" w:rsidP="00156FB3">
            <w:r>
              <w:t xml:space="preserve">      return setToString(wrapper, insertWrapDetails(source, updateWrapDetails(getWrapDetails(source), bitmask)));</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ll short out and invoke `identity` instead</w:t>
            </w:r>
          </w:p>
          <w:p w:rsidR="00156FB3" w:rsidRDefault="00156FB3" w:rsidP="00156FB3">
            <w:r>
              <w:t xml:space="preserve">     * of `func` when it's called `HOT_COUNT` or more times in `HOT_SPAN`</w:t>
            </w:r>
          </w:p>
          <w:p w:rsidR="00156FB3" w:rsidRDefault="00156FB3" w:rsidP="00156FB3">
            <w:r>
              <w:t xml:space="preserve">     * milliseconds.</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unc The function to restrict.</w:t>
            </w:r>
          </w:p>
          <w:p w:rsidR="00156FB3" w:rsidRDefault="00156FB3" w:rsidP="00156FB3">
            <w:r>
              <w:t xml:space="preserve">     * @returns {Function} Returns the new shortable function.</w:t>
            </w:r>
          </w:p>
          <w:p w:rsidR="00156FB3" w:rsidRDefault="00156FB3" w:rsidP="00156FB3">
            <w:r>
              <w:t xml:space="preserve">     */</w:t>
            </w:r>
          </w:p>
          <w:p w:rsidR="00156FB3" w:rsidRDefault="00156FB3" w:rsidP="00156FB3">
            <w:r>
              <w:t xml:space="preserve">    function shortOut(func) {</w:t>
            </w:r>
          </w:p>
          <w:p w:rsidR="00156FB3" w:rsidRDefault="00156FB3" w:rsidP="00156FB3">
            <w:r>
              <w:t xml:space="preserve">      var count = 0,</w:t>
            </w:r>
          </w:p>
          <w:p w:rsidR="00156FB3" w:rsidRDefault="00156FB3" w:rsidP="00156FB3">
            <w:r>
              <w:t xml:space="preserve">          lastCalled = 0;</w:t>
            </w:r>
          </w:p>
          <w:p w:rsidR="00156FB3" w:rsidRDefault="00156FB3" w:rsidP="00156FB3"/>
          <w:p w:rsidR="00156FB3" w:rsidRDefault="00156FB3" w:rsidP="00156FB3">
            <w:r>
              <w:t xml:space="preserve">      return function() {</w:t>
            </w:r>
          </w:p>
          <w:p w:rsidR="00156FB3" w:rsidRDefault="00156FB3" w:rsidP="00156FB3">
            <w:r>
              <w:lastRenderedPageBreak/>
              <w:t xml:space="preserve">        var stamp = nativeNow(),</w:t>
            </w:r>
          </w:p>
          <w:p w:rsidR="00156FB3" w:rsidRDefault="00156FB3" w:rsidP="00156FB3">
            <w:r>
              <w:t xml:space="preserve">            remaining = HOT_SPAN - (stamp - lastCalled);</w:t>
            </w:r>
          </w:p>
          <w:p w:rsidR="00156FB3" w:rsidRDefault="00156FB3" w:rsidP="00156FB3"/>
          <w:p w:rsidR="00156FB3" w:rsidRDefault="00156FB3" w:rsidP="00156FB3">
            <w:r>
              <w:t xml:space="preserve">        lastCalled = stamp;</w:t>
            </w:r>
          </w:p>
          <w:p w:rsidR="00156FB3" w:rsidRDefault="00156FB3" w:rsidP="00156FB3">
            <w:r>
              <w:t xml:space="preserve">        if (remaining &gt; 0) {</w:t>
            </w:r>
          </w:p>
          <w:p w:rsidR="00156FB3" w:rsidRDefault="00156FB3" w:rsidP="00156FB3">
            <w:r>
              <w:t xml:space="preserve">          if (++count &gt;= HOT_COUNT) {</w:t>
            </w:r>
          </w:p>
          <w:p w:rsidR="00156FB3" w:rsidRDefault="00156FB3" w:rsidP="00156FB3">
            <w:r>
              <w:t xml:space="preserve">            return arguments[0];</w:t>
            </w:r>
          </w:p>
          <w:p w:rsidR="00156FB3" w:rsidRDefault="00156FB3" w:rsidP="00156FB3">
            <w:r>
              <w:t xml:space="preserve">          }</w:t>
            </w:r>
          </w:p>
          <w:p w:rsidR="00156FB3" w:rsidRDefault="00156FB3" w:rsidP="00156FB3">
            <w:r>
              <w:t xml:space="preserve">        } else {</w:t>
            </w:r>
          </w:p>
          <w:p w:rsidR="00156FB3" w:rsidRDefault="00156FB3" w:rsidP="00156FB3">
            <w:r>
              <w:t xml:space="preserve">          count = 0;</w:t>
            </w:r>
          </w:p>
          <w:p w:rsidR="00156FB3" w:rsidRDefault="00156FB3" w:rsidP="00156FB3">
            <w:r>
              <w:t xml:space="preserve">        }</w:t>
            </w:r>
          </w:p>
          <w:p w:rsidR="00156FB3" w:rsidRDefault="00156FB3" w:rsidP="00156FB3">
            <w:r>
              <w:t xml:space="preserve">        return func.apply(undefined, argument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 specialized version of `_.shuffle` which mutates and sets the size of `array`.</w:t>
            </w:r>
          </w:p>
          <w:p w:rsidR="00156FB3" w:rsidRDefault="00156FB3" w:rsidP="00156FB3">
            <w:r>
              <w:t xml:space="preserve">     *</w:t>
            </w:r>
          </w:p>
          <w:p w:rsidR="00156FB3" w:rsidRDefault="00156FB3" w:rsidP="00156FB3">
            <w:r>
              <w:t xml:space="preserve">     * @private</w:t>
            </w:r>
          </w:p>
          <w:p w:rsidR="00156FB3" w:rsidRDefault="00156FB3" w:rsidP="00156FB3">
            <w:r>
              <w:t xml:space="preserve">     * @param {Array} array The array to shuffle.</w:t>
            </w:r>
          </w:p>
          <w:p w:rsidR="00156FB3" w:rsidRDefault="00156FB3" w:rsidP="00156FB3">
            <w:r>
              <w:t xml:space="preserve">     * @param {number} [size=array.length] The size of `array`.</w:t>
            </w:r>
          </w:p>
          <w:p w:rsidR="00156FB3" w:rsidRDefault="00156FB3" w:rsidP="00156FB3">
            <w:r>
              <w:t xml:space="preserve">     * @returns {Array} Returns `array`.</w:t>
            </w:r>
          </w:p>
          <w:p w:rsidR="00156FB3" w:rsidRDefault="00156FB3" w:rsidP="00156FB3">
            <w:r>
              <w:t xml:space="preserve">     */</w:t>
            </w:r>
          </w:p>
          <w:p w:rsidR="00156FB3" w:rsidRDefault="00156FB3" w:rsidP="00156FB3">
            <w:r>
              <w:t xml:space="preserve">    function shuffleSelf(array, size) {</w:t>
            </w:r>
          </w:p>
          <w:p w:rsidR="00156FB3" w:rsidRDefault="00156FB3" w:rsidP="00156FB3">
            <w:r>
              <w:t xml:space="preserve">      var index = -1,</w:t>
            </w:r>
          </w:p>
          <w:p w:rsidR="00156FB3" w:rsidRDefault="00156FB3" w:rsidP="00156FB3">
            <w:r>
              <w:t xml:space="preserve">          length = array.length,</w:t>
            </w:r>
          </w:p>
          <w:p w:rsidR="00156FB3" w:rsidRDefault="00156FB3" w:rsidP="00156FB3">
            <w:r>
              <w:t xml:space="preserve">          lastIndex = length - 1;</w:t>
            </w:r>
          </w:p>
          <w:p w:rsidR="00156FB3" w:rsidRDefault="00156FB3" w:rsidP="00156FB3"/>
          <w:p w:rsidR="00156FB3" w:rsidRDefault="00156FB3" w:rsidP="00156FB3">
            <w:r>
              <w:t xml:space="preserve">      size = size === undefined ? length : size;</w:t>
            </w:r>
          </w:p>
          <w:p w:rsidR="00156FB3" w:rsidRDefault="00156FB3" w:rsidP="00156FB3">
            <w:r>
              <w:t xml:space="preserve">      while (++index &lt; size) {</w:t>
            </w:r>
          </w:p>
          <w:p w:rsidR="00156FB3" w:rsidRDefault="00156FB3" w:rsidP="00156FB3">
            <w:r>
              <w:t xml:space="preserve">        var rand = baseRandom(index, lastIndex),</w:t>
            </w:r>
          </w:p>
          <w:p w:rsidR="00156FB3" w:rsidRDefault="00156FB3" w:rsidP="00156FB3">
            <w:r>
              <w:t xml:space="preserve">            value = array[rand];</w:t>
            </w:r>
          </w:p>
          <w:p w:rsidR="00156FB3" w:rsidRDefault="00156FB3" w:rsidP="00156FB3"/>
          <w:p w:rsidR="00156FB3" w:rsidRDefault="00156FB3" w:rsidP="00156FB3">
            <w:r>
              <w:t xml:space="preserve">        array[rand] = array[index];</w:t>
            </w:r>
          </w:p>
          <w:p w:rsidR="00156FB3" w:rsidRDefault="00156FB3" w:rsidP="00156FB3">
            <w:r>
              <w:t xml:space="preserve">        array[index] = value;</w:t>
            </w:r>
          </w:p>
          <w:p w:rsidR="00156FB3" w:rsidRDefault="00156FB3" w:rsidP="00156FB3">
            <w:r>
              <w:t xml:space="preserve">      }</w:t>
            </w:r>
          </w:p>
          <w:p w:rsidR="00156FB3" w:rsidRDefault="00156FB3" w:rsidP="00156FB3">
            <w:r>
              <w:t xml:space="preserve">      array.length = size;</w:t>
            </w:r>
          </w:p>
          <w:p w:rsidR="00156FB3" w:rsidRDefault="00156FB3" w:rsidP="00156FB3">
            <w:r>
              <w:t xml:space="preserve">      return arra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string` to a property path array.</w:t>
            </w:r>
          </w:p>
          <w:p w:rsidR="00156FB3" w:rsidRDefault="00156FB3" w:rsidP="00156FB3">
            <w:r>
              <w:t xml:space="preserve">     *</w:t>
            </w:r>
          </w:p>
          <w:p w:rsidR="00156FB3" w:rsidRDefault="00156FB3" w:rsidP="00156FB3">
            <w:r>
              <w:t xml:space="preserve">     * @private</w:t>
            </w:r>
          </w:p>
          <w:p w:rsidR="00156FB3" w:rsidRDefault="00156FB3" w:rsidP="00156FB3">
            <w:r>
              <w:t xml:space="preserve">     * @param {string} string The string to convert.</w:t>
            </w:r>
          </w:p>
          <w:p w:rsidR="00156FB3" w:rsidRDefault="00156FB3" w:rsidP="00156FB3">
            <w:r>
              <w:t xml:space="preserve">     * @returns {Array} Returns the property path array.</w:t>
            </w:r>
          </w:p>
          <w:p w:rsidR="00156FB3" w:rsidRDefault="00156FB3" w:rsidP="00156FB3">
            <w:r>
              <w:t xml:space="preserve">     */</w:t>
            </w:r>
          </w:p>
          <w:p w:rsidR="00156FB3" w:rsidRDefault="00156FB3" w:rsidP="00156FB3">
            <w:r>
              <w:t xml:space="preserve">    var stringToPath = memoizeCapped(function(string) {</w:t>
            </w:r>
          </w:p>
          <w:p w:rsidR="00156FB3" w:rsidRDefault="00156FB3" w:rsidP="00156FB3">
            <w:r>
              <w:lastRenderedPageBreak/>
              <w:t xml:space="preserve">      var result = [];</w:t>
            </w:r>
          </w:p>
          <w:p w:rsidR="00156FB3" w:rsidRDefault="00156FB3" w:rsidP="00156FB3">
            <w:r>
              <w:t xml:space="preserve">      if (string.charCodeAt(0) === 46 /* . */) {</w:t>
            </w:r>
          </w:p>
          <w:p w:rsidR="00156FB3" w:rsidRDefault="00156FB3" w:rsidP="00156FB3">
            <w:r>
              <w:t xml:space="preserve">        result.push('');</w:t>
            </w:r>
          </w:p>
          <w:p w:rsidR="00156FB3" w:rsidRDefault="00156FB3" w:rsidP="00156FB3">
            <w:r>
              <w:t xml:space="preserve">      }</w:t>
            </w:r>
          </w:p>
          <w:p w:rsidR="00156FB3" w:rsidRDefault="00156FB3" w:rsidP="00156FB3">
            <w:r>
              <w:t xml:space="preserve">      string.replace(rePropName, function(match, number, quote, subString) {</w:t>
            </w:r>
          </w:p>
          <w:p w:rsidR="00156FB3" w:rsidRDefault="00156FB3" w:rsidP="00156FB3">
            <w:r>
              <w:t xml:space="preserve">        result.push(quote ? subString.replace(reEscapeChar, '$1') : (number || match));</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value` to a string key if it's not a string or symbol.</w:t>
            </w:r>
          </w:p>
          <w:p w:rsidR="00156FB3" w:rsidRDefault="00156FB3" w:rsidP="00156FB3">
            <w:r>
              <w:t xml:space="preserve">     *</w:t>
            </w:r>
          </w:p>
          <w:p w:rsidR="00156FB3" w:rsidRDefault="00156FB3" w:rsidP="00156FB3">
            <w:r>
              <w:t xml:space="preserve">     * @private</w:t>
            </w:r>
          </w:p>
          <w:p w:rsidR="00156FB3" w:rsidRDefault="00156FB3" w:rsidP="00156FB3">
            <w:r>
              <w:t xml:space="preserve">     * @param {*} value The value to inspect.</w:t>
            </w:r>
          </w:p>
          <w:p w:rsidR="00156FB3" w:rsidRDefault="00156FB3" w:rsidP="00156FB3">
            <w:r>
              <w:t xml:space="preserve">     * @returns {string|symbol} Returns the key.</w:t>
            </w:r>
          </w:p>
          <w:p w:rsidR="00156FB3" w:rsidRDefault="00156FB3" w:rsidP="00156FB3">
            <w:r>
              <w:t xml:space="preserve">     */</w:t>
            </w:r>
          </w:p>
          <w:p w:rsidR="00156FB3" w:rsidRDefault="00156FB3" w:rsidP="00156FB3">
            <w:r>
              <w:t xml:space="preserve">    function toKey(value) {</w:t>
            </w:r>
          </w:p>
          <w:p w:rsidR="00156FB3" w:rsidRDefault="00156FB3" w:rsidP="00156FB3">
            <w:r>
              <w:t xml:space="preserve">      if (typeof value == 'string' || isSymbol(value)) {</w:t>
            </w:r>
          </w:p>
          <w:p w:rsidR="00156FB3" w:rsidRDefault="00156FB3" w:rsidP="00156FB3">
            <w:r>
              <w:t xml:space="preserve">        return value;</w:t>
            </w:r>
          </w:p>
          <w:p w:rsidR="00156FB3" w:rsidRDefault="00156FB3" w:rsidP="00156FB3">
            <w:r>
              <w:t xml:space="preserve">      }</w:t>
            </w:r>
          </w:p>
          <w:p w:rsidR="00156FB3" w:rsidRDefault="00156FB3" w:rsidP="00156FB3">
            <w:r>
              <w:t xml:space="preserve">      var result = (value + '');</w:t>
            </w:r>
          </w:p>
          <w:p w:rsidR="00156FB3" w:rsidRDefault="00156FB3" w:rsidP="00156FB3">
            <w:r>
              <w:t xml:space="preserve">      return (result == '0' &amp;&amp; (1 / value) == -INFINITY) ? '-0' :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func` to its source code.</w:t>
            </w:r>
          </w:p>
          <w:p w:rsidR="00156FB3" w:rsidRDefault="00156FB3" w:rsidP="00156FB3">
            <w:r>
              <w:t xml:space="preserve">     *</w:t>
            </w:r>
          </w:p>
          <w:p w:rsidR="00156FB3" w:rsidRDefault="00156FB3" w:rsidP="00156FB3">
            <w:r>
              <w:t xml:space="preserve">     * @private</w:t>
            </w:r>
          </w:p>
          <w:p w:rsidR="00156FB3" w:rsidRDefault="00156FB3" w:rsidP="00156FB3">
            <w:r>
              <w:t xml:space="preserve">     * @param {Function} func The function to convert.</w:t>
            </w:r>
          </w:p>
          <w:p w:rsidR="00156FB3" w:rsidRDefault="00156FB3" w:rsidP="00156FB3">
            <w:r>
              <w:t xml:space="preserve">     * @returns {string} Returns the source code.</w:t>
            </w:r>
          </w:p>
          <w:p w:rsidR="00156FB3" w:rsidRDefault="00156FB3" w:rsidP="00156FB3">
            <w:r>
              <w:t xml:space="preserve">     */</w:t>
            </w:r>
          </w:p>
          <w:p w:rsidR="00156FB3" w:rsidRDefault="00156FB3" w:rsidP="00156FB3">
            <w:r>
              <w:t xml:space="preserve">    function toSource(func) {</w:t>
            </w:r>
          </w:p>
          <w:p w:rsidR="00156FB3" w:rsidRDefault="00156FB3" w:rsidP="00156FB3">
            <w:r>
              <w:t xml:space="preserve">      if (func != null) {</w:t>
            </w:r>
          </w:p>
          <w:p w:rsidR="00156FB3" w:rsidRDefault="00156FB3" w:rsidP="00156FB3">
            <w:r>
              <w:t xml:space="preserve">        try {</w:t>
            </w:r>
          </w:p>
          <w:p w:rsidR="00156FB3" w:rsidRDefault="00156FB3" w:rsidP="00156FB3">
            <w:r>
              <w:t xml:space="preserve">          return funcToString.call(func);</w:t>
            </w:r>
          </w:p>
          <w:p w:rsidR="00156FB3" w:rsidRDefault="00156FB3" w:rsidP="00156FB3">
            <w:r>
              <w:t xml:space="preserve">        } catch (e) {}</w:t>
            </w:r>
          </w:p>
          <w:p w:rsidR="00156FB3" w:rsidRDefault="00156FB3" w:rsidP="00156FB3">
            <w:r>
              <w:t xml:space="preserve">        try {</w:t>
            </w:r>
          </w:p>
          <w:p w:rsidR="00156FB3" w:rsidRDefault="00156FB3" w:rsidP="00156FB3">
            <w:r>
              <w:t xml:space="preserve">          return (func + '');</w:t>
            </w:r>
          </w:p>
          <w:p w:rsidR="00156FB3" w:rsidRDefault="00156FB3" w:rsidP="00156FB3">
            <w:r>
              <w:t xml:space="preserve">        } catch (e) {}</w:t>
            </w:r>
          </w:p>
          <w:p w:rsidR="00156FB3" w:rsidRDefault="00156FB3" w:rsidP="00156FB3">
            <w:r>
              <w:t xml:space="preserve">      }</w:t>
            </w:r>
          </w:p>
          <w:p w:rsidR="00156FB3" w:rsidRDefault="00156FB3" w:rsidP="00156FB3">
            <w:r>
              <w:t xml:space="preserve">      return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Updates wrapper `details` based on `bitmask` flags.</w:t>
            </w:r>
          </w:p>
          <w:p w:rsidR="00156FB3" w:rsidRDefault="00156FB3" w:rsidP="00156FB3">
            <w:r>
              <w:t xml:space="preserve">     *</w:t>
            </w:r>
          </w:p>
          <w:p w:rsidR="00156FB3" w:rsidRDefault="00156FB3" w:rsidP="00156FB3">
            <w:r>
              <w:t xml:space="preserve">     * @private</w:t>
            </w:r>
          </w:p>
          <w:p w:rsidR="00156FB3" w:rsidRDefault="00156FB3" w:rsidP="00156FB3">
            <w:r>
              <w:lastRenderedPageBreak/>
              <w:t xml:space="preserve">     * @returns {Array} details The details to modify.</w:t>
            </w:r>
          </w:p>
          <w:p w:rsidR="00156FB3" w:rsidRDefault="00156FB3" w:rsidP="00156FB3">
            <w:r>
              <w:t xml:space="preserve">     * @param {number} bitmask The bitmask flags. See `createWrap` for more details.</w:t>
            </w:r>
          </w:p>
          <w:p w:rsidR="00156FB3" w:rsidRDefault="00156FB3" w:rsidP="00156FB3">
            <w:r>
              <w:t xml:space="preserve">     * @returns {Array} Returns `details`.</w:t>
            </w:r>
          </w:p>
          <w:p w:rsidR="00156FB3" w:rsidRDefault="00156FB3" w:rsidP="00156FB3">
            <w:r>
              <w:t xml:space="preserve">     */</w:t>
            </w:r>
          </w:p>
          <w:p w:rsidR="00156FB3" w:rsidRDefault="00156FB3" w:rsidP="00156FB3">
            <w:r>
              <w:t xml:space="preserve">    function updateWrapDetails(details, bitmask) {</w:t>
            </w:r>
          </w:p>
          <w:p w:rsidR="00156FB3" w:rsidRDefault="00156FB3" w:rsidP="00156FB3">
            <w:r>
              <w:t xml:space="preserve">      arrayEach(wrapFlags, function(pair) {</w:t>
            </w:r>
          </w:p>
          <w:p w:rsidR="00156FB3" w:rsidRDefault="00156FB3" w:rsidP="00156FB3">
            <w:r>
              <w:t xml:space="preserve">        var value = '_.' + pair[0];</w:t>
            </w:r>
          </w:p>
          <w:p w:rsidR="00156FB3" w:rsidRDefault="00156FB3" w:rsidP="00156FB3">
            <w:r>
              <w:t xml:space="preserve">        if ((bitmask &amp; pair[1]) &amp;&amp; !arrayIncludes(details, value)) {</w:t>
            </w:r>
          </w:p>
          <w:p w:rsidR="00156FB3" w:rsidRDefault="00156FB3" w:rsidP="00156FB3">
            <w:r>
              <w:t xml:space="preserve">          details.push(value);</w:t>
            </w:r>
          </w:p>
          <w:p w:rsidR="00156FB3" w:rsidRDefault="00156FB3" w:rsidP="00156FB3">
            <w:r>
              <w:t xml:space="preserve">        }</w:t>
            </w:r>
          </w:p>
          <w:p w:rsidR="00156FB3" w:rsidRDefault="00156FB3" w:rsidP="00156FB3">
            <w:r>
              <w:t xml:space="preserve">      });</w:t>
            </w:r>
          </w:p>
          <w:p w:rsidR="00156FB3" w:rsidRDefault="00156FB3" w:rsidP="00156FB3">
            <w:r>
              <w:t xml:space="preserve">      return details.sor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clone of `wrapper`.</w:t>
            </w:r>
          </w:p>
          <w:p w:rsidR="00156FB3" w:rsidRDefault="00156FB3" w:rsidP="00156FB3">
            <w:r>
              <w:t xml:space="preserve">     *</w:t>
            </w:r>
          </w:p>
          <w:p w:rsidR="00156FB3" w:rsidRDefault="00156FB3" w:rsidP="00156FB3">
            <w:r>
              <w:t xml:space="preserve">     * @private</w:t>
            </w:r>
          </w:p>
          <w:p w:rsidR="00156FB3" w:rsidRDefault="00156FB3" w:rsidP="00156FB3">
            <w:r>
              <w:t xml:space="preserve">     * @param {Object} wrapper The wrapper to clone.</w:t>
            </w:r>
          </w:p>
          <w:p w:rsidR="00156FB3" w:rsidRDefault="00156FB3" w:rsidP="00156FB3">
            <w:r>
              <w:t xml:space="preserve">     * @returns {Object} Returns the cloned wrapper.</w:t>
            </w:r>
          </w:p>
          <w:p w:rsidR="00156FB3" w:rsidRDefault="00156FB3" w:rsidP="00156FB3">
            <w:r>
              <w:t xml:space="preserve">     */</w:t>
            </w:r>
          </w:p>
          <w:p w:rsidR="00156FB3" w:rsidRDefault="00156FB3" w:rsidP="00156FB3">
            <w:r>
              <w:t xml:space="preserve">    function wrapperClone(wrapper) {</w:t>
            </w:r>
          </w:p>
          <w:p w:rsidR="00156FB3" w:rsidRDefault="00156FB3" w:rsidP="00156FB3">
            <w:r>
              <w:t xml:space="preserve">      if (wrapper instanceof LazyWrapper) {</w:t>
            </w:r>
          </w:p>
          <w:p w:rsidR="00156FB3" w:rsidRDefault="00156FB3" w:rsidP="00156FB3">
            <w:r>
              <w:t xml:space="preserve">        return wrapper.clone();</w:t>
            </w:r>
          </w:p>
          <w:p w:rsidR="00156FB3" w:rsidRDefault="00156FB3" w:rsidP="00156FB3">
            <w:r>
              <w:t xml:space="preserve">      }</w:t>
            </w:r>
          </w:p>
          <w:p w:rsidR="00156FB3" w:rsidRDefault="00156FB3" w:rsidP="00156FB3">
            <w:r>
              <w:t xml:space="preserve">      var result = new LodashWrapper(wrapper.__wrapped__, wrapper.__chain__);</w:t>
            </w:r>
          </w:p>
          <w:p w:rsidR="00156FB3" w:rsidRDefault="00156FB3" w:rsidP="00156FB3">
            <w:r>
              <w:t xml:space="preserve">      result.__actions__ = copyArray(wrapper.__actions__);</w:t>
            </w:r>
          </w:p>
          <w:p w:rsidR="00156FB3" w:rsidRDefault="00156FB3" w:rsidP="00156FB3">
            <w:r>
              <w:t xml:space="preserve">      result.__index__  = wrapper.__index__;</w:t>
            </w:r>
          </w:p>
          <w:p w:rsidR="00156FB3" w:rsidRDefault="00156FB3" w:rsidP="00156FB3">
            <w:r>
              <w:t xml:space="preserve">      result.__values__ = wrapper.__values__;</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of elements split into groups the length of `size`.</w:t>
            </w:r>
          </w:p>
          <w:p w:rsidR="00156FB3" w:rsidRDefault="00156FB3" w:rsidP="00156FB3">
            <w:r>
              <w:t xml:space="preserve">     * If `array` can't be split evenly, the final chunk will be the remaining</w:t>
            </w:r>
          </w:p>
          <w:p w:rsidR="00156FB3" w:rsidRDefault="00156FB3" w:rsidP="00156FB3">
            <w:r>
              <w:t xml:space="preserve">     * element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Array</w:t>
            </w:r>
          </w:p>
          <w:p w:rsidR="00156FB3" w:rsidRDefault="00156FB3" w:rsidP="00156FB3">
            <w:r>
              <w:t xml:space="preserve">     * @param {Array} array The array to process.</w:t>
            </w:r>
          </w:p>
          <w:p w:rsidR="00156FB3" w:rsidRDefault="00156FB3" w:rsidP="00156FB3">
            <w:r>
              <w:t xml:space="preserve">     * @param {number} [size=1] The length of each chunk</w:t>
            </w:r>
          </w:p>
          <w:p w:rsidR="00156FB3" w:rsidRDefault="00156FB3" w:rsidP="00156FB3">
            <w:r>
              <w:t xml:space="preserve">     * @param- {Object} [guard] Enables use as an iteratee for methods like `_.map`.</w:t>
            </w:r>
          </w:p>
          <w:p w:rsidR="00156FB3" w:rsidRDefault="00156FB3" w:rsidP="00156FB3">
            <w:r>
              <w:t xml:space="preserve">     * @returns {Array} Returns the new array of chunks.</w:t>
            </w:r>
          </w:p>
          <w:p w:rsidR="00156FB3" w:rsidRDefault="00156FB3" w:rsidP="00156FB3">
            <w:r>
              <w:t xml:space="preserve">     * @example</w:t>
            </w:r>
          </w:p>
          <w:p w:rsidR="00156FB3" w:rsidRDefault="00156FB3" w:rsidP="00156FB3">
            <w:r>
              <w:lastRenderedPageBreak/>
              <w:t xml:space="preserve">     *</w:t>
            </w:r>
          </w:p>
          <w:p w:rsidR="00156FB3" w:rsidRDefault="00156FB3" w:rsidP="00156FB3">
            <w:r>
              <w:t xml:space="preserve">     * _.chunk(['a', 'b', 'c', 'd'], 2);</w:t>
            </w:r>
          </w:p>
          <w:p w:rsidR="00156FB3" w:rsidRDefault="00156FB3" w:rsidP="00156FB3">
            <w:r>
              <w:t xml:space="preserve">     * // =&gt; [['a', 'b'], ['c', 'd']]</w:t>
            </w:r>
          </w:p>
          <w:p w:rsidR="00156FB3" w:rsidRDefault="00156FB3" w:rsidP="00156FB3">
            <w:r>
              <w:t xml:space="preserve">     *</w:t>
            </w:r>
          </w:p>
          <w:p w:rsidR="00156FB3" w:rsidRDefault="00156FB3" w:rsidP="00156FB3">
            <w:r>
              <w:t xml:space="preserve">     * _.chunk(['a', 'b', 'c', 'd'], 3);</w:t>
            </w:r>
          </w:p>
          <w:p w:rsidR="00156FB3" w:rsidRDefault="00156FB3" w:rsidP="00156FB3">
            <w:r>
              <w:t xml:space="preserve">     * // =&gt; [['a', 'b', 'c'], ['d']]</w:t>
            </w:r>
          </w:p>
          <w:p w:rsidR="00156FB3" w:rsidRDefault="00156FB3" w:rsidP="00156FB3">
            <w:r>
              <w:t xml:space="preserve">     */</w:t>
            </w:r>
          </w:p>
          <w:p w:rsidR="00156FB3" w:rsidRDefault="00156FB3" w:rsidP="00156FB3">
            <w:r>
              <w:t xml:space="preserve">    function chunk(array, size, guard) {</w:t>
            </w:r>
          </w:p>
          <w:p w:rsidR="00156FB3" w:rsidRDefault="00156FB3" w:rsidP="00156FB3">
            <w:r>
              <w:t xml:space="preserve">      if ((guard ? isIterateeCall(array, size, guard) : size === undefined)) {</w:t>
            </w:r>
          </w:p>
          <w:p w:rsidR="00156FB3" w:rsidRDefault="00156FB3" w:rsidP="00156FB3">
            <w:r>
              <w:t xml:space="preserve">        size = 1;</w:t>
            </w:r>
          </w:p>
          <w:p w:rsidR="00156FB3" w:rsidRDefault="00156FB3" w:rsidP="00156FB3">
            <w:r>
              <w:t xml:space="preserve">      } else {</w:t>
            </w:r>
          </w:p>
          <w:p w:rsidR="00156FB3" w:rsidRDefault="00156FB3" w:rsidP="00156FB3">
            <w:r>
              <w:t xml:space="preserve">        size = nativeMax(toInteger(size), 0);</w:t>
            </w:r>
          </w:p>
          <w:p w:rsidR="00156FB3" w:rsidRDefault="00156FB3" w:rsidP="00156FB3">
            <w:r>
              <w:t xml:space="preserve">      }</w:t>
            </w:r>
          </w:p>
          <w:p w:rsidR="00156FB3" w:rsidRDefault="00156FB3" w:rsidP="00156FB3">
            <w:r>
              <w:t xml:space="preserve">      var length = array == null ? 0 : array.length;</w:t>
            </w:r>
          </w:p>
          <w:p w:rsidR="00156FB3" w:rsidRDefault="00156FB3" w:rsidP="00156FB3">
            <w:r>
              <w:t xml:space="preserve">      if (!length || size &lt; 1) {</w:t>
            </w:r>
          </w:p>
          <w:p w:rsidR="00156FB3" w:rsidRDefault="00156FB3" w:rsidP="00156FB3">
            <w:r>
              <w:t xml:space="preserve">        return [];</w:t>
            </w:r>
          </w:p>
          <w:p w:rsidR="00156FB3" w:rsidRDefault="00156FB3" w:rsidP="00156FB3">
            <w:r>
              <w:t xml:space="preserve">      }</w:t>
            </w:r>
          </w:p>
          <w:p w:rsidR="00156FB3" w:rsidRDefault="00156FB3" w:rsidP="00156FB3">
            <w:r>
              <w:t xml:space="preserve">      var index = 0,</w:t>
            </w:r>
          </w:p>
          <w:p w:rsidR="00156FB3" w:rsidRDefault="00156FB3" w:rsidP="00156FB3">
            <w:r>
              <w:t xml:space="preserve">          resIndex = 0,</w:t>
            </w:r>
          </w:p>
          <w:p w:rsidR="00156FB3" w:rsidRDefault="00156FB3" w:rsidP="00156FB3">
            <w:r>
              <w:t xml:space="preserve">          result = Array(nativeCeil(length / size));</w:t>
            </w:r>
          </w:p>
          <w:p w:rsidR="00156FB3" w:rsidRDefault="00156FB3" w:rsidP="00156FB3"/>
          <w:p w:rsidR="00156FB3" w:rsidRDefault="00156FB3" w:rsidP="00156FB3">
            <w:r>
              <w:t xml:space="preserve">      while (index &lt; length) {</w:t>
            </w:r>
          </w:p>
          <w:p w:rsidR="00156FB3" w:rsidRDefault="00156FB3" w:rsidP="00156FB3">
            <w:r>
              <w:t xml:space="preserve">        result[resIndex++] = baseSlice(array, index, (index += size));</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with all falsey values removed. The values `false`, `null`,</w:t>
            </w:r>
          </w:p>
          <w:p w:rsidR="00156FB3" w:rsidRDefault="00156FB3" w:rsidP="00156FB3">
            <w:r>
              <w:t xml:space="preserve">     * `0`, `""`, `undefined`, and `NaN` are false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Array</w:t>
            </w:r>
          </w:p>
          <w:p w:rsidR="00156FB3" w:rsidRDefault="00156FB3" w:rsidP="00156FB3">
            <w:r>
              <w:t xml:space="preserve">     * @param {Array} array The array to compact.</w:t>
            </w:r>
          </w:p>
          <w:p w:rsidR="00156FB3" w:rsidRDefault="00156FB3" w:rsidP="00156FB3">
            <w:r>
              <w:t xml:space="preserve">     * @returns {Array} Returns the new array of filtered values.</w:t>
            </w:r>
          </w:p>
          <w:p w:rsidR="00156FB3" w:rsidRDefault="00156FB3" w:rsidP="00156FB3">
            <w:r>
              <w:t xml:space="preserve">     * @example</w:t>
            </w:r>
          </w:p>
          <w:p w:rsidR="00156FB3" w:rsidRDefault="00156FB3" w:rsidP="00156FB3">
            <w:r>
              <w:t xml:space="preserve">     *</w:t>
            </w:r>
          </w:p>
          <w:p w:rsidR="00156FB3" w:rsidRDefault="00156FB3" w:rsidP="00156FB3">
            <w:r>
              <w:t xml:space="preserve">     * _.compact([0, 1, false, 2, '', 3]);</w:t>
            </w:r>
          </w:p>
          <w:p w:rsidR="00156FB3" w:rsidRDefault="00156FB3" w:rsidP="00156FB3">
            <w:r>
              <w:t xml:space="preserve">     * // =&gt; [1, 2, 3]</w:t>
            </w:r>
          </w:p>
          <w:p w:rsidR="00156FB3" w:rsidRDefault="00156FB3" w:rsidP="00156FB3">
            <w:r>
              <w:t xml:space="preserve">     */</w:t>
            </w:r>
          </w:p>
          <w:p w:rsidR="00156FB3" w:rsidRDefault="00156FB3" w:rsidP="00156FB3">
            <w:r>
              <w:t xml:space="preserve">    function compact(array) {</w:t>
            </w:r>
          </w:p>
          <w:p w:rsidR="00156FB3" w:rsidRDefault="00156FB3" w:rsidP="00156FB3">
            <w:r>
              <w:t xml:space="preserve">      var index = -1,</w:t>
            </w:r>
          </w:p>
          <w:p w:rsidR="00156FB3" w:rsidRDefault="00156FB3" w:rsidP="00156FB3">
            <w:r>
              <w:t xml:space="preserve">          length = array == null ? 0 : array.length,</w:t>
            </w:r>
          </w:p>
          <w:p w:rsidR="00156FB3" w:rsidRDefault="00156FB3" w:rsidP="00156FB3">
            <w:r>
              <w:t xml:space="preserve">          resIndex = 0,</w:t>
            </w:r>
          </w:p>
          <w:p w:rsidR="00156FB3" w:rsidRDefault="00156FB3" w:rsidP="00156FB3">
            <w:r>
              <w:t xml:space="preserve">          result = [];</w:t>
            </w:r>
          </w:p>
          <w:p w:rsidR="00156FB3" w:rsidRDefault="00156FB3" w:rsidP="00156FB3"/>
          <w:p w:rsidR="00156FB3" w:rsidRDefault="00156FB3" w:rsidP="00156FB3">
            <w:r>
              <w:t xml:space="preserve">      while (++index &lt; length) {</w:t>
            </w:r>
          </w:p>
          <w:p w:rsidR="00156FB3" w:rsidRDefault="00156FB3" w:rsidP="00156FB3">
            <w:r>
              <w:t xml:space="preserve">        var value = array[index];</w:t>
            </w:r>
          </w:p>
          <w:p w:rsidR="00156FB3" w:rsidRDefault="00156FB3" w:rsidP="00156FB3">
            <w:r>
              <w:t xml:space="preserve">        if (value) {</w:t>
            </w:r>
          </w:p>
          <w:p w:rsidR="00156FB3" w:rsidRDefault="00156FB3" w:rsidP="00156FB3">
            <w:r>
              <w:t xml:space="preserve">          result[resIndex++] = value;</w:t>
            </w:r>
          </w:p>
          <w:p w:rsidR="00156FB3" w:rsidRDefault="00156FB3" w:rsidP="00156FB3">
            <w:r>
              <w:t xml:space="preserve">        }</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new array concatenating `array` with any additional arrays</w:t>
            </w:r>
          </w:p>
          <w:p w:rsidR="00156FB3" w:rsidRDefault="00156FB3" w:rsidP="00156FB3">
            <w:r>
              <w:t xml:space="preserve">     * and/or value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lastRenderedPageBreak/>
              <w:t xml:space="preserve">     * @param {Array} array The array to concatenate.</w:t>
            </w:r>
          </w:p>
          <w:p w:rsidR="00156FB3" w:rsidRDefault="00156FB3" w:rsidP="00156FB3">
            <w:r>
              <w:t xml:space="preserve">     * @param {...*} [values] The values to concatenate.</w:t>
            </w:r>
          </w:p>
          <w:p w:rsidR="00156FB3" w:rsidRDefault="00156FB3" w:rsidP="00156FB3">
            <w:r>
              <w:t xml:space="preserve">     * @returns {Array} Returns the new concatenated array.</w:t>
            </w:r>
          </w:p>
          <w:p w:rsidR="00156FB3" w:rsidRDefault="00156FB3" w:rsidP="00156FB3">
            <w:r>
              <w:t xml:space="preserve">     * @example</w:t>
            </w:r>
          </w:p>
          <w:p w:rsidR="00156FB3" w:rsidRDefault="00156FB3" w:rsidP="00156FB3">
            <w:r>
              <w:t xml:space="preserve">     *</w:t>
            </w:r>
          </w:p>
          <w:p w:rsidR="00156FB3" w:rsidRDefault="00156FB3" w:rsidP="00156FB3">
            <w:r>
              <w:t xml:space="preserve">     * var array = [1];</w:t>
            </w:r>
          </w:p>
          <w:p w:rsidR="00156FB3" w:rsidRDefault="00156FB3" w:rsidP="00156FB3">
            <w:r>
              <w:t xml:space="preserve">     * var other = _.concat(array, 2, [3], [[4]]);</w:t>
            </w:r>
          </w:p>
          <w:p w:rsidR="00156FB3" w:rsidRDefault="00156FB3" w:rsidP="00156FB3">
            <w:r>
              <w:t xml:space="preserve">     *</w:t>
            </w:r>
          </w:p>
          <w:p w:rsidR="00156FB3" w:rsidRDefault="00156FB3" w:rsidP="00156FB3">
            <w:r>
              <w:t xml:space="preserve">     * console.log(other);</w:t>
            </w:r>
          </w:p>
          <w:p w:rsidR="00156FB3" w:rsidRDefault="00156FB3" w:rsidP="00156FB3">
            <w:r>
              <w:t xml:space="preserve">     * // =&gt; [1, 2, 3, [4]]</w:t>
            </w:r>
          </w:p>
          <w:p w:rsidR="00156FB3" w:rsidRDefault="00156FB3" w:rsidP="00156FB3">
            <w:r>
              <w:t xml:space="preserve">     *</w:t>
            </w:r>
          </w:p>
          <w:p w:rsidR="00156FB3" w:rsidRDefault="00156FB3" w:rsidP="00156FB3">
            <w:r>
              <w:t xml:space="preserve">     * console.log(array);</w:t>
            </w:r>
          </w:p>
          <w:p w:rsidR="00156FB3" w:rsidRDefault="00156FB3" w:rsidP="00156FB3">
            <w:r>
              <w:t xml:space="preserve">     * // =&gt; [1]</w:t>
            </w:r>
          </w:p>
          <w:p w:rsidR="00156FB3" w:rsidRDefault="00156FB3" w:rsidP="00156FB3">
            <w:r>
              <w:t xml:space="preserve">     */</w:t>
            </w:r>
          </w:p>
          <w:p w:rsidR="00156FB3" w:rsidRDefault="00156FB3" w:rsidP="00156FB3">
            <w:r>
              <w:t xml:space="preserve">    function concat() {</w:t>
            </w:r>
          </w:p>
          <w:p w:rsidR="00156FB3" w:rsidRDefault="00156FB3" w:rsidP="00156FB3">
            <w:r>
              <w:t xml:space="preserve">      var length = arguments.length;</w:t>
            </w:r>
          </w:p>
          <w:p w:rsidR="00156FB3" w:rsidRDefault="00156FB3" w:rsidP="00156FB3">
            <w:r>
              <w:t xml:space="preserve">      if (!length) {</w:t>
            </w:r>
          </w:p>
          <w:p w:rsidR="00156FB3" w:rsidRDefault="00156FB3" w:rsidP="00156FB3">
            <w:r>
              <w:t xml:space="preserve">        return [];</w:t>
            </w:r>
          </w:p>
          <w:p w:rsidR="00156FB3" w:rsidRDefault="00156FB3" w:rsidP="00156FB3">
            <w:r>
              <w:t xml:space="preserve">      }</w:t>
            </w:r>
          </w:p>
          <w:p w:rsidR="00156FB3" w:rsidRDefault="00156FB3" w:rsidP="00156FB3">
            <w:r>
              <w:t xml:space="preserve">      var args = Array(length - 1),</w:t>
            </w:r>
          </w:p>
          <w:p w:rsidR="00156FB3" w:rsidRDefault="00156FB3" w:rsidP="00156FB3">
            <w:r>
              <w:t xml:space="preserve">          array = arguments[0],</w:t>
            </w:r>
          </w:p>
          <w:p w:rsidR="00156FB3" w:rsidRDefault="00156FB3" w:rsidP="00156FB3">
            <w:r>
              <w:t xml:space="preserve">          index = length;</w:t>
            </w:r>
          </w:p>
          <w:p w:rsidR="00156FB3" w:rsidRDefault="00156FB3" w:rsidP="00156FB3"/>
          <w:p w:rsidR="00156FB3" w:rsidRDefault="00156FB3" w:rsidP="00156FB3">
            <w:r>
              <w:t xml:space="preserve">      while (index--) {</w:t>
            </w:r>
          </w:p>
          <w:p w:rsidR="00156FB3" w:rsidRDefault="00156FB3" w:rsidP="00156FB3">
            <w:r>
              <w:t xml:space="preserve">        args[index - 1] = arguments[index];</w:t>
            </w:r>
          </w:p>
          <w:p w:rsidR="00156FB3" w:rsidRDefault="00156FB3" w:rsidP="00156FB3">
            <w:r>
              <w:t xml:space="preserve">      }</w:t>
            </w:r>
          </w:p>
          <w:p w:rsidR="00156FB3" w:rsidRDefault="00156FB3" w:rsidP="00156FB3">
            <w:r>
              <w:t xml:space="preserve">      return arrayPush(isArray(array) ? copyArray(array) : [array], baseFlatten(args, 1));</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of `array` values not included in the other given arrays</w:t>
            </w:r>
          </w:p>
          <w:p w:rsidR="00156FB3" w:rsidRDefault="00156FB3" w:rsidP="00156FB3">
            <w:r>
              <w:t xml:space="preserve">     * using [`SameValueZero`](http://ecma-international.org/ecma-262/7.0/#sec-samevaluezero)</w:t>
            </w:r>
          </w:p>
          <w:p w:rsidR="00156FB3" w:rsidRDefault="00156FB3" w:rsidP="00156FB3">
            <w:r>
              <w:t xml:space="preserve">     * for equality comparisons. The order and references of result values are</w:t>
            </w:r>
          </w:p>
          <w:p w:rsidR="00156FB3" w:rsidRDefault="00156FB3" w:rsidP="00156FB3">
            <w:r>
              <w:t xml:space="preserve">     * determined by the first array.</w:t>
            </w:r>
          </w:p>
          <w:p w:rsidR="00156FB3" w:rsidRDefault="00156FB3" w:rsidP="00156FB3">
            <w:r>
              <w:t xml:space="preserve">     *</w:t>
            </w:r>
          </w:p>
          <w:p w:rsidR="00156FB3" w:rsidRDefault="00156FB3" w:rsidP="00156FB3">
            <w:r>
              <w:t xml:space="preserve">     * **Note:** Unlike `_.pullAll`, this method returns a new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Array</w:t>
            </w:r>
          </w:p>
          <w:p w:rsidR="00156FB3" w:rsidRDefault="00156FB3" w:rsidP="00156FB3">
            <w:r>
              <w:t xml:space="preserve">     * @param {Array} array The array to inspect.</w:t>
            </w:r>
          </w:p>
          <w:p w:rsidR="00156FB3" w:rsidRDefault="00156FB3" w:rsidP="00156FB3">
            <w:r>
              <w:t xml:space="preserve">     * @param {...Array} [values] The values to exclude.</w:t>
            </w:r>
          </w:p>
          <w:p w:rsidR="00156FB3" w:rsidRDefault="00156FB3" w:rsidP="00156FB3">
            <w:r>
              <w:t xml:space="preserve">     * @returns {Array} Returns the new array of filtered values.</w:t>
            </w:r>
          </w:p>
          <w:p w:rsidR="00156FB3" w:rsidRDefault="00156FB3" w:rsidP="00156FB3">
            <w:r>
              <w:t xml:space="preserve">     * @see _.without, _.xor</w:t>
            </w:r>
          </w:p>
          <w:p w:rsidR="00156FB3" w:rsidRDefault="00156FB3" w:rsidP="00156FB3">
            <w:r>
              <w:t xml:space="preserve">     * @example</w:t>
            </w:r>
          </w:p>
          <w:p w:rsidR="00156FB3" w:rsidRDefault="00156FB3" w:rsidP="00156FB3">
            <w:r>
              <w:t xml:space="preserve">     *</w:t>
            </w:r>
          </w:p>
          <w:p w:rsidR="00156FB3" w:rsidRDefault="00156FB3" w:rsidP="00156FB3">
            <w:r>
              <w:t xml:space="preserve">     * _.difference([2, 1], [2, 3]);</w:t>
            </w:r>
          </w:p>
          <w:p w:rsidR="00156FB3" w:rsidRDefault="00156FB3" w:rsidP="00156FB3">
            <w:r>
              <w:lastRenderedPageBreak/>
              <w:t xml:space="preserve">     * // =&gt; [1]</w:t>
            </w:r>
          </w:p>
          <w:p w:rsidR="00156FB3" w:rsidRDefault="00156FB3" w:rsidP="00156FB3">
            <w:r>
              <w:t xml:space="preserve">     */</w:t>
            </w:r>
          </w:p>
          <w:p w:rsidR="00156FB3" w:rsidRDefault="00156FB3" w:rsidP="00156FB3">
            <w:r>
              <w:t xml:space="preserve">    var difference = baseRest(function(array, values) {</w:t>
            </w:r>
          </w:p>
          <w:p w:rsidR="00156FB3" w:rsidRDefault="00156FB3" w:rsidP="00156FB3">
            <w:r>
              <w:t xml:space="preserve">      return isArrayLikeObject(array)</w:t>
            </w:r>
          </w:p>
          <w:p w:rsidR="00156FB3" w:rsidRDefault="00156FB3" w:rsidP="00156FB3">
            <w:r>
              <w:t xml:space="preserve">        ? baseDifference(array, baseFlatten(values, 1, isArrayLikeObject, true))</w:t>
            </w:r>
          </w:p>
          <w:p w:rsidR="00156FB3" w:rsidRDefault="00156FB3" w:rsidP="00156FB3">
            <w:r>
              <w:t xml:space="preserve">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difference` except that it accepts `iteratee` which</w:t>
            </w:r>
          </w:p>
          <w:p w:rsidR="00156FB3" w:rsidRDefault="00156FB3" w:rsidP="00156FB3">
            <w:r>
              <w:t xml:space="preserve">     * is invoked for each element of `array` and `values` to generate the criterion</w:t>
            </w:r>
          </w:p>
          <w:p w:rsidR="00156FB3" w:rsidRDefault="00156FB3" w:rsidP="00156FB3">
            <w:r>
              <w:t xml:space="preserve">     * by which they're compared. The order and references of result values are</w:t>
            </w:r>
          </w:p>
          <w:p w:rsidR="00156FB3" w:rsidRDefault="00156FB3" w:rsidP="00156FB3">
            <w:r>
              <w:t xml:space="preserve">     * determined by the first array. The iteratee is invoked with one argument:</w:t>
            </w:r>
          </w:p>
          <w:p w:rsidR="00156FB3" w:rsidRDefault="00156FB3" w:rsidP="00156FB3">
            <w:r>
              <w:t xml:space="preserve">     * (value).</w:t>
            </w:r>
          </w:p>
          <w:p w:rsidR="00156FB3" w:rsidRDefault="00156FB3" w:rsidP="00156FB3">
            <w:r>
              <w:t xml:space="preserve">     *</w:t>
            </w:r>
          </w:p>
          <w:p w:rsidR="00156FB3" w:rsidRDefault="00156FB3" w:rsidP="00156FB3">
            <w:r>
              <w:t xml:space="preserve">     * **Note:** Unlike `_.pullAllBy`, this method returns a new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t xml:space="preserve">     * @param {Array} array The array to inspect.</w:t>
            </w:r>
          </w:p>
          <w:p w:rsidR="00156FB3" w:rsidRDefault="00156FB3" w:rsidP="00156FB3">
            <w:r>
              <w:t xml:space="preserve">     * @param {...Array} [values] The values to exclude.</w:t>
            </w:r>
          </w:p>
          <w:p w:rsidR="00156FB3" w:rsidRDefault="00156FB3" w:rsidP="00156FB3">
            <w:r>
              <w:t xml:space="preserve">     * @param {Function} [iteratee=_.identity] The iteratee invoked per element.</w:t>
            </w:r>
          </w:p>
          <w:p w:rsidR="00156FB3" w:rsidRDefault="00156FB3" w:rsidP="00156FB3">
            <w:r>
              <w:t xml:space="preserve">     * @returns {Array} Returns the new array of filtered values.</w:t>
            </w:r>
          </w:p>
          <w:p w:rsidR="00156FB3" w:rsidRDefault="00156FB3" w:rsidP="00156FB3">
            <w:r>
              <w:t xml:space="preserve">     * @example</w:t>
            </w:r>
          </w:p>
          <w:p w:rsidR="00156FB3" w:rsidRDefault="00156FB3" w:rsidP="00156FB3">
            <w:r>
              <w:t xml:space="preserve">     *</w:t>
            </w:r>
          </w:p>
          <w:p w:rsidR="00156FB3" w:rsidRDefault="00156FB3" w:rsidP="00156FB3">
            <w:r>
              <w:t xml:space="preserve">     * _.differenceBy([2.1, 1.2], [2.3, 3.4], Math.floor);</w:t>
            </w:r>
          </w:p>
          <w:p w:rsidR="00156FB3" w:rsidRDefault="00156FB3" w:rsidP="00156FB3">
            <w:r>
              <w:t xml:space="preserve">     * // =&gt; [1.2]</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differenceBy([{ 'x': 2 }, { 'x': 1 }], [{ 'x': 1 }], 'x');</w:t>
            </w:r>
          </w:p>
          <w:p w:rsidR="00156FB3" w:rsidRDefault="00156FB3" w:rsidP="00156FB3">
            <w:r>
              <w:t xml:space="preserve">     * // =&gt; [{ 'x': 2 }]</w:t>
            </w:r>
          </w:p>
          <w:p w:rsidR="00156FB3" w:rsidRDefault="00156FB3" w:rsidP="00156FB3">
            <w:r>
              <w:t xml:space="preserve">     */</w:t>
            </w:r>
          </w:p>
          <w:p w:rsidR="00156FB3" w:rsidRDefault="00156FB3" w:rsidP="00156FB3">
            <w:r>
              <w:t xml:space="preserve">    var differenceBy = baseRest(function(array, values) {</w:t>
            </w:r>
          </w:p>
          <w:p w:rsidR="00156FB3" w:rsidRDefault="00156FB3" w:rsidP="00156FB3">
            <w:r>
              <w:t xml:space="preserve">      var iteratee = last(values);</w:t>
            </w:r>
          </w:p>
          <w:p w:rsidR="00156FB3" w:rsidRDefault="00156FB3" w:rsidP="00156FB3">
            <w:r>
              <w:t xml:space="preserve">      if (isArrayLikeObject(iteratee)) {</w:t>
            </w:r>
          </w:p>
          <w:p w:rsidR="00156FB3" w:rsidRDefault="00156FB3" w:rsidP="00156FB3">
            <w:r>
              <w:t xml:space="preserve">        iteratee = undefined;</w:t>
            </w:r>
          </w:p>
          <w:p w:rsidR="00156FB3" w:rsidRDefault="00156FB3" w:rsidP="00156FB3">
            <w:r>
              <w:t xml:space="preserve">      }</w:t>
            </w:r>
          </w:p>
          <w:p w:rsidR="00156FB3" w:rsidRDefault="00156FB3" w:rsidP="00156FB3">
            <w:r>
              <w:t xml:space="preserve">      return isArrayLikeObject(array)</w:t>
            </w:r>
          </w:p>
          <w:p w:rsidR="00156FB3" w:rsidRDefault="00156FB3" w:rsidP="00156FB3">
            <w:r>
              <w:t xml:space="preserve">        ? baseDifference(array, baseFlatten(values, 1, isArrayLikeObject, true), getIteratee(iteratee, 2))</w:t>
            </w:r>
          </w:p>
          <w:p w:rsidR="00156FB3" w:rsidRDefault="00156FB3" w:rsidP="00156FB3">
            <w:r>
              <w:t xml:space="preserve">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difference` except that it accepts `comparator`</w:t>
            </w:r>
          </w:p>
          <w:p w:rsidR="00156FB3" w:rsidRDefault="00156FB3" w:rsidP="00156FB3">
            <w:r>
              <w:t xml:space="preserve">     * which is invoked to compare elements of `array` to `values`. The order and</w:t>
            </w:r>
          </w:p>
          <w:p w:rsidR="00156FB3" w:rsidRDefault="00156FB3" w:rsidP="00156FB3">
            <w:r>
              <w:t xml:space="preserve">     * references of result values are determined by the first array. The comparator</w:t>
            </w:r>
          </w:p>
          <w:p w:rsidR="00156FB3" w:rsidRDefault="00156FB3" w:rsidP="00156FB3">
            <w:r>
              <w:lastRenderedPageBreak/>
              <w:t xml:space="preserve">     * is invoked with two arguments: (arrVal, othVal).</w:t>
            </w:r>
          </w:p>
          <w:p w:rsidR="00156FB3" w:rsidRDefault="00156FB3" w:rsidP="00156FB3">
            <w:r>
              <w:t xml:space="preserve">     *</w:t>
            </w:r>
          </w:p>
          <w:p w:rsidR="00156FB3" w:rsidRDefault="00156FB3" w:rsidP="00156FB3">
            <w:r>
              <w:t xml:space="preserve">     * **Note:** Unlike `_.pullAllWith`, this method returns a new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t xml:space="preserve">     * @param {Array} array The array to inspect.</w:t>
            </w:r>
          </w:p>
          <w:p w:rsidR="00156FB3" w:rsidRDefault="00156FB3" w:rsidP="00156FB3">
            <w:r>
              <w:t xml:space="preserve">     * @param {...Array} [values] The values to exclude.</w:t>
            </w:r>
          </w:p>
          <w:p w:rsidR="00156FB3" w:rsidRDefault="00156FB3" w:rsidP="00156FB3">
            <w:r>
              <w:t xml:space="preserve">     * @param {Function} [comparator] The comparator invoked per element.</w:t>
            </w:r>
          </w:p>
          <w:p w:rsidR="00156FB3" w:rsidRDefault="00156FB3" w:rsidP="00156FB3">
            <w:r>
              <w:t xml:space="preserve">     * @returns {Array} Returns the new array of filtered values.</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s = [{ 'x': 1, 'y': 2 }, { 'x': 2, 'y': 1 }];</w:t>
            </w:r>
          </w:p>
          <w:p w:rsidR="00156FB3" w:rsidRDefault="00156FB3" w:rsidP="00156FB3">
            <w:r>
              <w:t xml:space="preserve">     *</w:t>
            </w:r>
          </w:p>
          <w:p w:rsidR="00156FB3" w:rsidRDefault="00156FB3" w:rsidP="00156FB3">
            <w:r>
              <w:t xml:space="preserve">     * _.differenceWith(objects, [{ 'x': 1, 'y': 2 }], _.isEqual);</w:t>
            </w:r>
          </w:p>
          <w:p w:rsidR="00156FB3" w:rsidRDefault="00156FB3" w:rsidP="00156FB3">
            <w:r>
              <w:t xml:space="preserve">     * // =&gt; [{ 'x': 2, 'y': 1 }]</w:t>
            </w:r>
          </w:p>
          <w:p w:rsidR="00156FB3" w:rsidRDefault="00156FB3" w:rsidP="00156FB3">
            <w:r>
              <w:t xml:space="preserve">     */</w:t>
            </w:r>
          </w:p>
          <w:p w:rsidR="00156FB3" w:rsidRDefault="00156FB3" w:rsidP="00156FB3">
            <w:r>
              <w:t xml:space="preserve">    var differenceWith = baseRest(function(array, values) {</w:t>
            </w:r>
          </w:p>
          <w:p w:rsidR="00156FB3" w:rsidRDefault="00156FB3" w:rsidP="00156FB3">
            <w:r>
              <w:t xml:space="preserve">      var comparator = last(values);</w:t>
            </w:r>
          </w:p>
          <w:p w:rsidR="00156FB3" w:rsidRDefault="00156FB3" w:rsidP="00156FB3">
            <w:r>
              <w:t xml:space="preserve">      if (isArrayLikeObject(comparator)) {</w:t>
            </w:r>
          </w:p>
          <w:p w:rsidR="00156FB3" w:rsidRDefault="00156FB3" w:rsidP="00156FB3">
            <w:r>
              <w:t xml:space="preserve">        comparator = undefined;</w:t>
            </w:r>
          </w:p>
          <w:p w:rsidR="00156FB3" w:rsidRDefault="00156FB3" w:rsidP="00156FB3">
            <w:r>
              <w:t xml:space="preserve">      }</w:t>
            </w:r>
          </w:p>
          <w:p w:rsidR="00156FB3" w:rsidRDefault="00156FB3" w:rsidP="00156FB3">
            <w:r>
              <w:t xml:space="preserve">      return isArrayLikeObject(array)</w:t>
            </w:r>
          </w:p>
          <w:p w:rsidR="00156FB3" w:rsidRDefault="00156FB3" w:rsidP="00156FB3">
            <w:r>
              <w:t xml:space="preserve">        ? baseDifference(array, baseFlatten(values, 1, isArrayLikeObject, true), undefined, comparator)</w:t>
            </w:r>
          </w:p>
          <w:p w:rsidR="00156FB3" w:rsidRDefault="00156FB3" w:rsidP="00156FB3">
            <w:r>
              <w:t xml:space="preserve">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slice of `array` with `n` elements dropped from the beginning.</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5.0</w:t>
            </w:r>
          </w:p>
          <w:p w:rsidR="00156FB3" w:rsidRDefault="00156FB3" w:rsidP="00156FB3">
            <w:r>
              <w:t xml:space="preserve">     * @category Array</w:t>
            </w:r>
          </w:p>
          <w:p w:rsidR="00156FB3" w:rsidRDefault="00156FB3" w:rsidP="00156FB3">
            <w:r>
              <w:t xml:space="preserve">     * @param {Array} array The array to query.</w:t>
            </w:r>
          </w:p>
          <w:p w:rsidR="00156FB3" w:rsidRDefault="00156FB3" w:rsidP="00156FB3">
            <w:r>
              <w:t xml:space="preserve">     * @param {number} [n=1] The number of elements to drop.</w:t>
            </w:r>
          </w:p>
          <w:p w:rsidR="00156FB3" w:rsidRDefault="00156FB3" w:rsidP="00156FB3">
            <w:r>
              <w:t xml:space="preserve">     * @param- {Object} [guard] Enables use as an iteratee for methods like `_.map`.</w:t>
            </w:r>
          </w:p>
          <w:p w:rsidR="00156FB3" w:rsidRDefault="00156FB3" w:rsidP="00156FB3">
            <w:r>
              <w:t xml:space="preserve">     * @returns {Array} Returns the slice of `array`.</w:t>
            </w:r>
          </w:p>
          <w:p w:rsidR="00156FB3" w:rsidRDefault="00156FB3" w:rsidP="00156FB3">
            <w:r>
              <w:t xml:space="preserve">     * @example</w:t>
            </w:r>
          </w:p>
          <w:p w:rsidR="00156FB3" w:rsidRDefault="00156FB3" w:rsidP="00156FB3">
            <w:r>
              <w:t xml:space="preserve">     *</w:t>
            </w:r>
          </w:p>
          <w:p w:rsidR="00156FB3" w:rsidRDefault="00156FB3" w:rsidP="00156FB3">
            <w:r>
              <w:t xml:space="preserve">     * _.drop([1, 2, 3]);</w:t>
            </w:r>
          </w:p>
          <w:p w:rsidR="00156FB3" w:rsidRDefault="00156FB3" w:rsidP="00156FB3">
            <w:r>
              <w:t xml:space="preserve">     * // =&gt; [2, 3]</w:t>
            </w:r>
          </w:p>
          <w:p w:rsidR="00156FB3" w:rsidRDefault="00156FB3" w:rsidP="00156FB3">
            <w:r>
              <w:t xml:space="preserve">     *</w:t>
            </w:r>
          </w:p>
          <w:p w:rsidR="00156FB3" w:rsidRDefault="00156FB3" w:rsidP="00156FB3">
            <w:r>
              <w:t xml:space="preserve">     * _.drop([1, 2, 3], 2);</w:t>
            </w:r>
          </w:p>
          <w:p w:rsidR="00156FB3" w:rsidRDefault="00156FB3" w:rsidP="00156FB3">
            <w:r>
              <w:t xml:space="preserve">     * // =&gt; [3]</w:t>
            </w:r>
          </w:p>
          <w:p w:rsidR="00156FB3" w:rsidRDefault="00156FB3" w:rsidP="00156FB3">
            <w:r>
              <w:t xml:space="preserve">     *</w:t>
            </w:r>
          </w:p>
          <w:p w:rsidR="00156FB3" w:rsidRDefault="00156FB3" w:rsidP="00156FB3">
            <w:r>
              <w:lastRenderedPageBreak/>
              <w:t xml:space="preserve">     * _.drop([1, 2, 3], 5);</w:t>
            </w:r>
          </w:p>
          <w:p w:rsidR="00156FB3" w:rsidRDefault="00156FB3" w:rsidP="00156FB3">
            <w:r>
              <w:t xml:space="preserve">     * // =&gt; []</w:t>
            </w:r>
          </w:p>
          <w:p w:rsidR="00156FB3" w:rsidRDefault="00156FB3" w:rsidP="00156FB3">
            <w:r>
              <w:t xml:space="preserve">     *</w:t>
            </w:r>
          </w:p>
          <w:p w:rsidR="00156FB3" w:rsidRDefault="00156FB3" w:rsidP="00156FB3">
            <w:r>
              <w:t xml:space="preserve">     * _.drop([1, 2, 3], 0);</w:t>
            </w:r>
          </w:p>
          <w:p w:rsidR="00156FB3" w:rsidRDefault="00156FB3" w:rsidP="00156FB3">
            <w:r>
              <w:t xml:space="preserve">     * // =&gt; [1, 2, 3]</w:t>
            </w:r>
          </w:p>
          <w:p w:rsidR="00156FB3" w:rsidRDefault="00156FB3" w:rsidP="00156FB3">
            <w:r>
              <w:t xml:space="preserve">     */</w:t>
            </w:r>
          </w:p>
          <w:p w:rsidR="00156FB3" w:rsidRDefault="00156FB3" w:rsidP="00156FB3">
            <w:r>
              <w:t xml:space="preserve">    function drop(array, n, guard) {</w:t>
            </w:r>
          </w:p>
          <w:p w:rsidR="00156FB3" w:rsidRDefault="00156FB3" w:rsidP="00156FB3">
            <w:r>
              <w:t xml:space="preserve">      var length = array == null ? 0 : array.length;</w:t>
            </w:r>
          </w:p>
          <w:p w:rsidR="00156FB3" w:rsidRDefault="00156FB3" w:rsidP="00156FB3">
            <w:r>
              <w:t xml:space="preserve">      if (!length) {</w:t>
            </w:r>
          </w:p>
          <w:p w:rsidR="00156FB3" w:rsidRDefault="00156FB3" w:rsidP="00156FB3">
            <w:r>
              <w:t xml:space="preserve">        return [];</w:t>
            </w:r>
          </w:p>
          <w:p w:rsidR="00156FB3" w:rsidRDefault="00156FB3" w:rsidP="00156FB3">
            <w:r>
              <w:t xml:space="preserve">      }</w:t>
            </w:r>
          </w:p>
          <w:p w:rsidR="00156FB3" w:rsidRDefault="00156FB3" w:rsidP="00156FB3">
            <w:r>
              <w:t xml:space="preserve">      n = (guard || n === undefined) ? 1 : toInteger(n);</w:t>
            </w:r>
          </w:p>
          <w:p w:rsidR="00156FB3" w:rsidRDefault="00156FB3" w:rsidP="00156FB3">
            <w:r>
              <w:t xml:space="preserve">      return baseSlice(array, n &lt; 0 ? 0 : n, length);</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slice of `array` with `n` elements dropped from the end.</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Array</w:t>
            </w:r>
          </w:p>
          <w:p w:rsidR="00156FB3" w:rsidRDefault="00156FB3" w:rsidP="00156FB3">
            <w:r>
              <w:t xml:space="preserve">     * @param {Array} array The array to query.</w:t>
            </w:r>
          </w:p>
          <w:p w:rsidR="00156FB3" w:rsidRDefault="00156FB3" w:rsidP="00156FB3">
            <w:r>
              <w:t xml:space="preserve">     * @param {number} [n=1] The number of elements to drop.</w:t>
            </w:r>
          </w:p>
          <w:p w:rsidR="00156FB3" w:rsidRDefault="00156FB3" w:rsidP="00156FB3">
            <w:r>
              <w:t xml:space="preserve">     * @param- {Object} [guard] Enables use as an iteratee for methods like `_.map`.</w:t>
            </w:r>
          </w:p>
          <w:p w:rsidR="00156FB3" w:rsidRDefault="00156FB3" w:rsidP="00156FB3">
            <w:r>
              <w:t xml:space="preserve">     * @returns {Array} Returns the slice of `array`.</w:t>
            </w:r>
          </w:p>
          <w:p w:rsidR="00156FB3" w:rsidRDefault="00156FB3" w:rsidP="00156FB3">
            <w:r>
              <w:t xml:space="preserve">     * @example</w:t>
            </w:r>
          </w:p>
          <w:p w:rsidR="00156FB3" w:rsidRDefault="00156FB3" w:rsidP="00156FB3">
            <w:r>
              <w:t xml:space="preserve">     *</w:t>
            </w:r>
          </w:p>
          <w:p w:rsidR="00156FB3" w:rsidRDefault="00156FB3" w:rsidP="00156FB3">
            <w:r>
              <w:t xml:space="preserve">     * _.dropRight([1, 2, 3]);</w:t>
            </w:r>
          </w:p>
          <w:p w:rsidR="00156FB3" w:rsidRDefault="00156FB3" w:rsidP="00156FB3">
            <w:r>
              <w:t xml:space="preserve">     * // =&gt; [1, 2]</w:t>
            </w:r>
          </w:p>
          <w:p w:rsidR="00156FB3" w:rsidRDefault="00156FB3" w:rsidP="00156FB3">
            <w:r>
              <w:t xml:space="preserve">     *</w:t>
            </w:r>
          </w:p>
          <w:p w:rsidR="00156FB3" w:rsidRDefault="00156FB3" w:rsidP="00156FB3">
            <w:r>
              <w:t xml:space="preserve">     * _.dropRight([1, 2, 3], 2);</w:t>
            </w:r>
          </w:p>
          <w:p w:rsidR="00156FB3" w:rsidRDefault="00156FB3" w:rsidP="00156FB3">
            <w:r>
              <w:t xml:space="preserve">     * // =&gt; [1]</w:t>
            </w:r>
          </w:p>
          <w:p w:rsidR="00156FB3" w:rsidRDefault="00156FB3" w:rsidP="00156FB3">
            <w:r>
              <w:t xml:space="preserve">     *</w:t>
            </w:r>
          </w:p>
          <w:p w:rsidR="00156FB3" w:rsidRDefault="00156FB3" w:rsidP="00156FB3">
            <w:r>
              <w:t xml:space="preserve">     * _.dropRight([1, 2, 3], 5);</w:t>
            </w:r>
          </w:p>
          <w:p w:rsidR="00156FB3" w:rsidRDefault="00156FB3" w:rsidP="00156FB3">
            <w:r>
              <w:t xml:space="preserve">     * // =&gt; []</w:t>
            </w:r>
          </w:p>
          <w:p w:rsidR="00156FB3" w:rsidRDefault="00156FB3" w:rsidP="00156FB3">
            <w:r>
              <w:t xml:space="preserve">     *</w:t>
            </w:r>
          </w:p>
          <w:p w:rsidR="00156FB3" w:rsidRDefault="00156FB3" w:rsidP="00156FB3">
            <w:r>
              <w:t xml:space="preserve">     * _.dropRight([1, 2, 3], 0);</w:t>
            </w:r>
          </w:p>
          <w:p w:rsidR="00156FB3" w:rsidRDefault="00156FB3" w:rsidP="00156FB3">
            <w:r>
              <w:t xml:space="preserve">     * // =&gt; [1, 2, 3]</w:t>
            </w:r>
          </w:p>
          <w:p w:rsidR="00156FB3" w:rsidRDefault="00156FB3" w:rsidP="00156FB3">
            <w:r>
              <w:t xml:space="preserve">     */</w:t>
            </w:r>
          </w:p>
          <w:p w:rsidR="00156FB3" w:rsidRDefault="00156FB3" w:rsidP="00156FB3">
            <w:r>
              <w:t xml:space="preserve">    function dropRight(array, n, guard) {</w:t>
            </w:r>
          </w:p>
          <w:p w:rsidR="00156FB3" w:rsidRDefault="00156FB3" w:rsidP="00156FB3">
            <w:r>
              <w:t xml:space="preserve">      var length = array == null ? 0 : array.length;</w:t>
            </w:r>
          </w:p>
          <w:p w:rsidR="00156FB3" w:rsidRDefault="00156FB3" w:rsidP="00156FB3">
            <w:r>
              <w:t xml:space="preserve">      if (!length) {</w:t>
            </w:r>
          </w:p>
          <w:p w:rsidR="00156FB3" w:rsidRDefault="00156FB3" w:rsidP="00156FB3">
            <w:r>
              <w:t xml:space="preserve">        return [];</w:t>
            </w:r>
          </w:p>
          <w:p w:rsidR="00156FB3" w:rsidRDefault="00156FB3" w:rsidP="00156FB3">
            <w:r>
              <w:t xml:space="preserve">      }</w:t>
            </w:r>
          </w:p>
          <w:p w:rsidR="00156FB3" w:rsidRDefault="00156FB3" w:rsidP="00156FB3">
            <w:r>
              <w:t xml:space="preserve">      n = (guard || n === undefined) ? 1 : toInteger(n);</w:t>
            </w:r>
          </w:p>
          <w:p w:rsidR="00156FB3" w:rsidRDefault="00156FB3" w:rsidP="00156FB3">
            <w:r>
              <w:t xml:space="preserve">      n = length - n;</w:t>
            </w:r>
          </w:p>
          <w:p w:rsidR="00156FB3" w:rsidRDefault="00156FB3" w:rsidP="00156FB3">
            <w:r>
              <w:t xml:space="preserve">      return baseSlice(array, 0, n &lt; 0 ? 0 : n);</w:t>
            </w:r>
          </w:p>
          <w:p w:rsidR="00156FB3" w:rsidRDefault="00156FB3" w:rsidP="00156FB3">
            <w:r>
              <w:lastRenderedPageBreak/>
              <w:t xml:space="preserve">    }</w:t>
            </w:r>
          </w:p>
          <w:p w:rsidR="00156FB3" w:rsidRDefault="00156FB3" w:rsidP="00156FB3"/>
          <w:p w:rsidR="00156FB3" w:rsidRDefault="00156FB3" w:rsidP="00156FB3">
            <w:r>
              <w:t xml:space="preserve">    /**</w:t>
            </w:r>
          </w:p>
          <w:p w:rsidR="00156FB3" w:rsidRDefault="00156FB3" w:rsidP="00156FB3">
            <w:r>
              <w:t xml:space="preserve">     * Creates a slice of `array` excluding elements dropped from the end.</w:t>
            </w:r>
          </w:p>
          <w:p w:rsidR="00156FB3" w:rsidRDefault="00156FB3" w:rsidP="00156FB3">
            <w:r>
              <w:t xml:space="preserve">     * Elements are dropped until `predicate` returns falsey. The predicate is</w:t>
            </w:r>
          </w:p>
          <w:p w:rsidR="00156FB3" w:rsidRDefault="00156FB3" w:rsidP="00156FB3">
            <w:r>
              <w:t xml:space="preserve">     * invoked with three arguments: (value, index,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Array</w:t>
            </w:r>
          </w:p>
          <w:p w:rsidR="00156FB3" w:rsidRDefault="00156FB3" w:rsidP="00156FB3">
            <w:r>
              <w:t xml:space="preserve">     * @param {Array} array The array to query.</w:t>
            </w:r>
          </w:p>
          <w:p w:rsidR="00156FB3" w:rsidRDefault="00156FB3" w:rsidP="00156FB3">
            <w:r>
              <w:t xml:space="preserve">     * @param {Function} [predicate=_.identity] The function invoked per iteration.</w:t>
            </w:r>
          </w:p>
          <w:p w:rsidR="00156FB3" w:rsidRDefault="00156FB3" w:rsidP="00156FB3">
            <w:r>
              <w:t xml:space="preserve">     * @returns {Array} Returns the slice of `array`.</w:t>
            </w:r>
          </w:p>
          <w:p w:rsidR="00156FB3" w:rsidRDefault="00156FB3" w:rsidP="00156FB3">
            <w:r>
              <w:t xml:space="preserve">     * @example</w:t>
            </w:r>
          </w:p>
          <w:p w:rsidR="00156FB3" w:rsidRDefault="00156FB3" w:rsidP="00156FB3">
            <w:r>
              <w:t xml:space="preserve">     *</w:t>
            </w:r>
          </w:p>
          <w:p w:rsidR="00156FB3" w:rsidRDefault="00156FB3" w:rsidP="00156FB3">
            <w:r>
              <w:t xml:space="preserve">     * var users = [</w:t>
            </w:r>
          </w:p>
          <w:p w:rsidR="00156FB3" w:rsidRDefault="00156FB3" w:rsidP="00156FB3">
            <w:r>
              <w:t xml:space="preserve">     *   { 'user': 'barney',  'active': true },</w:t>
            </w:r>
          </w:p>
          <w:p w:rsidR="00156FB3" w:rsidRDefault="00156FB3" w:rsidP="00156FB3">
            <w:r>
              <w:t xml:space="preserve">     *   { 'user': 'fred',    'active': false },</w:t>
            </w:r>
          </w:p>
          <w:p w:rsidR="00156FB3" w:rsidRDefault="00156FB3" w:rsidP="00156FB3">
            <w:r>
              <w:t xml:space="preserve">     *   { 'user': 'pebbles', 'active': false }</w:t>
            </w:r>
          </w:p>
          <w:p w:rsidR="00156FB3" w:rsidRDefault="00156FB3" w:rsidP="00156FB3">
            <w:r>
              <w:t xml:space="preserve">     * ];</w:t>
            </w:r>
          </w:p>
          <w:p w:rsidR="00156FB3" w:rsidRDefault="00156FB3" w:rsidP="00156FB3">
            <w:r>
              <w:t xml:space="preserve">     *</w:t>
            </w:r>
          </w:p>
          <w:p w:rsidR="00156FB3" w:rsidRDefault="00156FB3" w:rsidP="00156FB3">
            <w:r>
              <w:t xml:space="preserve">     * _.dropRightWhile(users, function(o) { return !o.active; });</w:t>
            </w:r>
          </w:p>
          <w:p w:rsidR="00156FB3" w:rsidRDefault="00156FB3" w:rsidP="00156FB3">
            <w:r>
              <w:t xml:space="preserve">     * // =&gt; objects for ['barney']</w:t>
            </w:r>
          </w:p>
          <w:p w:rsidR="00156FB3" w:rsidRDefault="00156FB3" w:rsidP="00156FB3">
            <w:r>
              <w:t xml:space="preserve">     *</w:t>
            </w:r>
          </w:p>
          <w:p w:rsidR="00156FB3" w:rsidRDefault="00156FB3" w:rsidP="00156FB3">
            <w:r>
              <w:t xml:space="preserve">     * // The `_.matches` iteratee shorthand.</w:t>
            </w:r>
          </w:p>
          <w:p w:rsidR="00156FB3" w:rsidRDefault="00156FB3" w:rsidP="00156FB3">
            <w:r>
              <w:t xml:space="preserve">     * _.dropRightWhile(users, { 'user': 'pebbles', 'active': false });</w:t>
            </w:r>
          </w:p>
          <w:p w:rsidR="00156FB3" w:rsidRDefault="00156FB3" w:rsidP="00156FB3">
            <w:r>
              <w:t xml:space="preserve">     * // =&gt; objects for ['barney', 'fred']</w:t>
            </w:r>
          </w:p>
          <w:p w:rsidR="00156FB3" w:rsidRDefault="00156FB3" w:rsidP="00156FB3">
            <w:r>
              <w:t xml:space="preserve">     *</w:t>
            </w:r>
          </w:p>
          <w:p w:rsidR="00156FB3" w:rsidRDefault="00156FB3" w:rsidP="00156FB3">
            <w:r>
              <w:t xml:space="preserve">     * // The `_.matchesProperty` iteratee shorthand.</w:t>
            </w:r>
          </w:p>
          <w:p w:rsidR="00156FB3" w:rsidRDefault="00156FB3" w:rsidP="00156FB3">
            <w:r>
              <w:t xml:space="preserve">     * _.dropRightWhile(users, ['active', false]);</w:t>
            </w:r>
          </w:p>
          <w:p w:rsidR="00156FB3" w:rsidRDefault="00156FB3" w:rsidP="00156FB3">
            <w:r>
              <w:t xml:space="preserve">     * // =&gt; objects for ['barney']</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dropRightWhile(users, 'active');</w:t>
            </w:r>
          </w:p>
          <w:p w:rsidR="00156FB3" w:rsidRDefault="00156FB3" w:rsidP="00156FB3">
            <w:r>
              <w:t xml:space="preserve">     * // =&gt; objects for ['barney', 'fred', 'pebbles']</w:t>
            </w:r>
          </w:p>
          <w:p w:rsidR="00156FB3" w:rsidRDefault="00156FB3" w:rsidP="00156FB3">
            <w:r>
              <w:t xml:space="preserve">     */</w:t>
            </w:r>
          </w:p>
          <w:p w:rsidR="00156FB3" w:rsidRDefault="00156FB3" w:rsidP="00156FB3">
            <w:r>
              <w:t xml:space="preserve">    function dropRightWhile(array, predicate) {</w:t>
            </w:r>
          </w:p>
          <w:p w:rsidR="00156FB3" w:rsidRDefault="00156FB3" w:rsidP="00156FB3">
            <w:r>
              <w:t xml:space="preserve">      return (array &amp;&amp; array.length)</w:t>
            </w:r>
          </w:p>
          <w:p w:rsidR="00156FB3" w:rsidRDefault="00156FB3" w:rsidP="00156FB3">
            <w:r>
              <w:t xml:space="preserve">        ? baseWhile(array, getIteratee(predicate, 3), true, true)</w:t>
            </w:r>
          </w:p>
          <w:p w:rsidR="00156FB3" w:rsidRDefault="00156FB3" w:rsidP="00156FB3">
            <w:r>
              <w:t xml:space="preserve">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slice of `array` excluding elements dropped from the beginning.</w:t>
            </w:r>
          </w:p>
          <w:p w:rsidR="00156FB3" w:rsidRDefault="00156FB3" w:rsidP="00156FB3">
            <w:r>
              <w:t xml:space="preserve">     * Elements are dropped until `predicate` returns falsey. The predicate is</w:t>
            </w:r>
          </w:p>
          <w:p w:rsidR="00156FB3" w:rsidRDefault="00156FB3" w:rsidP="00156FB3">
            <w:r>
              <w:t xml:space="preserve">     * invoked with three arguments: (value, index, array).</w:t>
            </w:r>
          </w:p>
          <w:p w:rsidR="00156FB3" w:rsidRDefault="00156FB3" w:rsidP="00156FB3">
            <w:r>
              <w:t xml:space="preserve">     *</w:t>
            </w:r>
          </w:p>
          <w:p w:rsidR="00156FB3" w:rsidRDefault="00156FB3" w:rsidP="00156FB3">
            <w:r>
              <w:lastRenderedPageBreak/>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Array</w:t>
            </w:r>
          </w:p>
          <w:p w:rsidR="00156FB3" w:rsidRDefault="00156FB3" w:rsidP="00156FB3">
            <w:r>
              <w:t xml:space="preserve">     * @param {Array} array The array to query.</w:t>
            </w:r>
          </w:p>
          <w:p w:rsidR="00156FB3" w:rsidRDefault="00156FB3" w:rsidP="00156FB3">
            <w:r>
              <w:t xml:space="preserve">     * @param {Function} [predicate=_.identity] The function invoked per iteration.</w:t>
            </w:r>
          </w:p>
          <w:p w:rsidR="00156FB3" w:rsidRDefault="00156FB3" w:rsidP="00156FB3">
            <w:r>
              <w:t xml:space="preserve">     * @returns {Array} Returns the slice of `array`.</w:t>
            </w:r>
          </w:p>
          <w:p w:rsidR="00156FB3" w:rsidRDefault="00156FB3" w:rsidP="00156FB3">
            <w:r>
              <w:t xml:space="preserve">     * @example</w:t>
            </w:r>
          </w:p>
          <w:p w:rsidR="00156FB3" w:rsidRDefault="00156FB3" w:rsidP="00156FB3">
            <w:r>
              <w:t xml:space="preserve">     *</w:t>
            </w:r>
          </w:p>
          <w:p w:rsidR="00156FB3" w:rsidRDefault="00156FB3" w:rsidP="00156FB3">
            <w:r>
              <w:t xml:space="preserve">     * var users = [</w:t>
            </w:r>
          </w:p>
          <w:p w:rsidR="00156FB3" w:rsidRDefault="00156FB3" w:rsidP="00156FB3">
            <w:r>
              <w:t xml:space="preserve">     *   { 'user': 'barney',  'active': false },</w:t>
            </w:r>
          </w:p>
          <w:p w:rsidR="00156FB3" w:rsidRDefault="00156FB3" w:rsidP="00156FB3">
            <w:r>
              <w:t xml:space="preserve">     *   { 'user': 'fred',    'active': false },</w:t>
            </w:r>
          </w:p>
          <w:p w:rsidR="00156FB3" w:rsidRDefault="00156FB3" w:rsidP="00156FB3">
            <w:r>
              <w:t xml:space="preserve">     *   { 'user': 'pebbles', 'active': true }</w:t>
            </w:r>
          </w:p>
          <w:p w:rsidR="00156FB3" w:rsidRDefault="00156FB3" w:rsidP="00156FB3">
            <w:r>
              <w:t xml:space="preserve">     * ];</w:t>
            </w:r>
          </w:p>
          <w:p w:rsidR="00156FB3" w:rsidRDefault="00156FB3" w:rsidP="00156FB3">
            <w:r>
              <w:t xml:space="preserve">     *</w:t>
            </w:r>
          </w:p>
          <w:p w:rsidR="00156FB3" w:rsidRDefault="00156FB3" w:rsidP="00156FB3">
            <w:r>
              <w:t xml:space="preserve">     * _.dropWhile(users, function(o) { return !o.active; });</w:t>
            </w:r>
          </w:p>
          <w:p w:rsidR="00156FB3" w:rsidRDefault="00156FB3" w:rsidP="00156FB3">
            <w:r>
              <w:t xml:space="preserve">     * // =&gt; objects for ['pebbles']</w:t>
            </w:r>
          </w:p>
          <w:p w:rsidR="00156FB3" w:rsidRDefault="00156FB3" w:rsidP="00156FB3">
            <w:r>
              <w:t xml:space="preserve">     *</w:t>
            </w:r>
          </w:p>
          <w:p w:rsidR="00156FB3" w:rsidRDefault="00156FB3" w:rsidP="00156FB3">
            <w:r>
              <w:t xml:space="preserve">     * // The `_.matches` iteratee shorthand.</w:t>
            </w:r>
          </w:p>
          <w:p w:rsidR="00156FB3" w:rsidRDefault="00156FB3" w:rsidP="00156FB3">
            <w:r>
              <w:t xml:space="preserve">     * _.dropWhile(users, { 'user': 'barney', 'active': false });</w:t>
            </w:r>
          </w:p>
          <w:p w:rsidR="00156FB3" w:rsidRDefault="00156FB3" w:rsidP="00156FB3">
            <w:r>
              <w:t xml:space="preserve">     * // =&gt; objects for ['fred', 'pebbles']</w:t>
            </w:r>
          </w:p>
          <w:p w:rsidR="00156FB3" w:rsidRDefault="00156FB3" w:rsidP="00156FB3">
            <w:r>
              <w:t xml:space="preserve">     *</w:t>
            </w:r>
          </w:p>
          <w:p w:rsidR="00156FB3" w:rsidRDefault="00156FB3" w:rsidP="00156FB3">
            <w:r>
              <w:t xml:space="preserve">     * // The `_.matchesProperty` iteratee shorthand.</w:t>
            </w:r>
          </w:p>
          <w:p w:rsidR="00156FB3" w:rsidRDefault="00156FB3" w:rsidP="00156FB3">
            <w:r>
              <w:t xml:space="preserve">     * _.dropWhile(users, ['active', false]);</w:t>
            </w:r>
          </w:p>
          <w:p w:rsidR="00156FB3" w:rsidRDefault="00156FB3" w:rsidP="00156FB3">
            <w:r>
              <w:t xml:space="preserve">     * // =&gt; objects for ['pebbles']</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dropWhile(users, 'active');</w:t>
            </w:r>
          </w:p>
          <w:p w:rsidR="00156FB3" w:rsidRDefault="00156FB3" w:rsidP="00156FB3">
            <w:r>
              <w:t xml:space="preserve">     * // =&gt; objects for ['barney', 'fred', 'pebbles']</w:t>
            </w:r>
          </w:p>
          <w:p w:rsidR="00156FB3" w:rsidRDefault="00156FB3" w:rsidP="00156FB3">
            <w:r>
              <w:t xml:space="preserve">     */</w:t>
            </w:r>
          </w:p>
          <w:p w:rsidR="00156FB3" w:rsidRDefault="00156FB3" w:rsidP="00156FB3">
            <w:r>
              <w:t xml:space="preserve">    function dropWhile(array, predicate) {</w:t>
            </w:r>
          </w:p>
          <w:p w:rsidR="00156FB3" w:rsidRDefault="00156FB3" w:rsidP="00156FB3">
            <w:r>
              <w:t xml:space="preserve">      return (array &amp;&amp; array.length)</w:t>
            </w:r>
          </w:p>
          <w:p w:rsidR="00156FB3" w:rsidRDefault="00156FB3" w:rsidP="00156FB3">
            <w:r>
              <w:t xml:space="preserve">        ? baseWhile(array, getIteratee(predicate, 3), true)</w:t>
            </w:r>
          </w:p>
          <w:p w:rsidR="00156FB3" w:rsidRDefault="00156FB3" w:rsidP="00156FB3">
            <w:r>
              <w:t xml:space="preserve">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Fills elements of `array` with `value` from `start` up to, but not</w:t>
            </w:r>
          </w:p>
          <w:p w:rsidR="00156FB3" w:rsidRDefault="00156FB3" w:rsidP="00156FB3">
            <w:r>
              <w:t xml:space="preserve">     * including, `end`.</w:t>
            </w:r>
          </w:p>
          <w:p w:rsidR="00156FB3" w:rsidRDefault="00156FB3" w:rsidP="00156FB3">
            <w:r>
              <w:t xml:space="preserve">     *</w:t>
            </w:r>
          </w:p>
          <w:p w:rsidR="00156FB3" w:rsidRDefault="00156FB3" w:rsidP="00156FB3">
            <w:r>
              <w:t xml:space="preserve">     * **Note:** This method mutates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2.0</w:t>
            </w:r>
          </w:p>
          <w:p w:rsidR="00156FB3" w:rsidRDefault="00156FB3" w:rsidP="00156FB3">
            <w:r>
              <w:t xml:space="preserve">     * @category Array</w:t>
            </w:r>
          </w:p>
          <w:p w:rsidR="00156FB3" w:rsidRDefault="00156FB3" w:rsidP="00156FB3">
            <w:r>
              <w:t xml:space="preserve">     * @param {Array} array The array to fill.</w:t>
            </w:r>
          </w:p>
          <w:p w:rsidR="00156FB3" w:rsidRDefault="00156FB3" w:rsidP="00156FB3">
            <w:r>
              <w:t xml:space="preserve">     * @param {*} value The value to fill `array` with.</w:t>
            </w:r>
          </w:p>
          <w:p w:rsidR="00156FB3" w:rsidRDefault="00156FB3" w:rsidP="00156FB3">
            <w:r>
              <w:lastRenderedPageBreak/>
              <w:t xml:space="preserve">     * @param {number} [start=0] The start position.</w:t>
            </w:r>
          </w:p>
          <w:p w:rsidR="00156FB3" w:rsidRDefault="00156FB3" w:rsidP="00156FB3">
            <w:r>
              <w:t xml:space="preserve">     * @param {number} [end=array.length] The end position.</w:t>
            </w:r>
          </w:p>
          <w:p w:rsidR="00156FB3" w:rsidRDefault="00156FB3" w:rsidP="00156FB3">
            <w:r>
              <w:t xml:space="preserve">     * @returns {Array} Returns `array`.</w:t>
            </w:r>
          </w:p>
          <w:p w:rsidR="00156FB3" w:rsidRDefault="00156FB3" w:rsidP="00156FB3">
            <w:r>
              <w:t xml:space="preserve">     * @example</w:t>
            </w:r>
          </w:p>
          <w:p w:rsidR="00156FB3" w:rsidRDefault="00156FB3" w:rsidP="00156FB3">
            <w:r>
              <w:t xml:space="preserve">     *</w:t>
            </w:r>
          </w:p>
          <w:p w:rsidR="00156FB3" w:rsidRDefault="00156FB3" w:rsidP="00156FB3">
            <w:r>
              <w:t xml:space="preserve">     * var array = [1, 2, 3];</w:t>
            </w:r>
          </w:p>
          <w:p w:rsidR="00156FB3" w:rsidRDefault="00156FB3" w:rsidP="00156FB3">
            <w:r>
              <w:t xml:space="preserve">     *</w:t>
            </w:r>
          </w:p>
          <w:p w:rsidR="00156FB3" w:rsidRDefault="00156FB3" w:rsidP="00156FB3">
            <w:r>
              <w:t xml:space="preserve">     * _.fill(array, 'a');</w:t>
            </w:r>
          </w:p>
          <w:p w:rsidR="00156FB3" w:rsidRDefault="00156FB3" w:rsidP="00156FB3">
            <w:r>
              <w:t xml:space="preserve">     * console.log(array);</w:t>
            </w:r>
          </w:p>
          <w:p w:rsidR="00156FB3" w:rsidRDefault="00156FB3" w:rsidP="00156FB3">
            <w:r>
              <w:t xml:space="preserve">     * // =&gt; ['a', 'a', 'a']</w:t>
            </w:r>
          </w:p>
          <w:p w:rsidR="00156FB3" w:rsidRDefault="00156FB3" w:rsidP="00156FB3">
            <w:r>
              <w:t xml:space="preserve">     *</w:t>
            </w:r>
          </w:p>
          <w:p w:rsidR="00156FB3" w:rsidRDefault="00156FB3" w:rsidP="00156FB3">
            <w:r>
              <w:t xml:space="preserve">     * _.fill(Array(3), 2);</w:t>
            </w:r>
          </w:p>
          <w:p w:rsidR="00156FB3" w:rsidRDefault="00156FB3" w:rsidP="00156FB3">
            <w:r>
              <w:t xml:space="preserve">     * // =&gt; [2, 2, 2]</w:t>
            </w:r>
          </w:p>
          <w:p w:rsidR="00156FB3" w:rsidRDefault="00156FB3" w:rsidP="00156FB3">
            <w:r>
              <w:t xml:space="preserve">     *</w:t>
            </w:r>
          </w:p>
          <w:p w:rsidR="00156FB3" w:rsidRDefault="00156FB3" w:rsidP="00156FB3">
            <w:r>
              <w:t xml:space="preserve">     * _.fill([4, 6, 8, 10], '*', 1, 3);</w:t>
            </w:r>
          </w:p>
          <w:p w:rsidR="00156FB3" w:rsidRDefault="00156FB3" w:rsidP="00156FB3">
            <w:r>
              <w:t xml:space="preserve">     * // =&gt; [4, '*', '*', 10]</w:t>
            </w:r>
          </w:p>
          <w:p w:rsidR="00156FB3" w:rsidRDefault="00156FB3" w:rsidP="00156FB3">
            <w:r>
              <w:t xml:space="preserve">     */</w:t>
            </w:r>
          </w:p>
          <w:p w:rsidR="00156FB3" w:rsidRDefault="00156FB3" w:rsidP="00156FB3">
            <w:r>
              <w:t xml:space="preserve">    function fill(array, value, start, end) {</w:t>
            </w:r>
          </w:p>
          <w:p w:rsidR="00156FB3" w:rsidRDefault="00156FB3" w:rsidP="00156FB3">
            <w:r>
              <w:t xml:space="preserve">      var length = array == null ? 0 : array.length;</w:t>
            </w:r>
          </w:p>
          <w:p w:rsidR="00156FB3" w:rsidRDefault="00156FB3" w:rsidP="00156FB3">
            <w:r>
              <w:t xml:space="preserve">      if (!length) {</w:t>
            </w:r>
          </w:p>
          <w:p w:rsidR="00156FB3" w:rsidRDefault="00156FB3" w:rsidP="00156FB3">
            <w:r>
              <w:t xml:space="preserve">        return [];</w:t>
            </w:r>
          </w:p>
          <w:p w:rsidR="00156FB3" w:rsidRDefault="00156FB3" w:rsidP="00156FB3">
            <w:r>
              <w:t xml:space="preserve">      }</w:t>
            </w:r>
          </w:p>
          <w:p w:rsidR="00156FB3" w:rsidRDefault="00156FB3" w:rsidP="00156FB3">
            <w:r>
              <w:t xml:space="preserve">      if (start &amp;&amp; typeof start != 'number' &amp;&amp; isIterateeCall(array, value, start)) {</w:t>
            </w:r>
          </w:p>
          <w:p w:rsidR="00156FB3" w:rsidRDefault="00156FB3" w:rsidP="00156FB3">
            <w:r>
              <w:t xml:space="preserve">        start = 0;</w:t>
            </w:r>
          </w:p>
          <w:p w:rsidR="00156FB3" w:rsidRDefault="00156FB3" w:rsidP="00156FB3">
            <w:r>
              <w:t xml:space="preserve">        end = length;</w:t>
            </w:r>
          </w:p>
          <w:p w:rsidR="00156FB3" w:rsidRDefault="00156FB3" w:rsidP="00156FB3">
            <w:r>
              <w:t xml:space="preserve">      }</w:t>
            </w:r>
          </w:p>
          <w:p w:rsidR="00156FB3" w:rsidRDefault="00156FB3" w:rsidP="00156FB3">
            <w:r>
              <w:t xml:space="preserve">      return baseFill(array, value, start, en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find` except that it returns the index of the first</w:t>
            </w:r>
          </w:p>
          <w:p w:rsidR="00156FB3" w:rsidRDefault="00156FB3" w:rsidP="00156FB3">
            <w:r>
              <w:t xml:space="preserve">     * element `predicate` returns truthy for instead of the element itself.</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1.1.0</w:t>
            </w:r>
          </w:p>
          <w:p w:rsidR="00156FB3" w:rsidRDefault="00156FB3" w:rsidP="00156FB3">
            <w:r>
              <w:t xml:space="preserve">     * @category Array</w:t>
            </w:r>
          </w:p>
          <w:p w:rsidR="00156FB3" w:rsidRDefault="00156FB3" w:rsidP="00156FB3">
            <w:r>
              <w:t xml:space="preserve">     * @param {Array} array The array to inspect.</w:t>
            </w:r>
          </w:p>
          <w:p w:rsidR="00156FB3" w:rsidRDefault="00156FB3" w:rsidP="00156FB3">
            <w:r>
              <w:t xml:space="preserve">     * @param {Function} [predicate=_.identity] The function invoked per iteration.</w:t>
            </w:r>
          </w:p>
          <w:p w:rsidR="00156FB3" w:rsidRDefault="00156FB3" w:rsidP="00156FB3">
            <w:r>
              <w:t xml:space="preserve">     * @param {number} [fromIndex=0] The index to search from.</w:t>
            </w:r>
          </w:p>
          <w:p w:rsidR="00156FB3" w:rsidRDefault="00156FB3" w:rsidP="00156FB3">
            <w:r>
              <w:t xml:space="preserve">     * @returns {number} Returns the index of the found element, else `-1`.</w:t>
            </w:r>
          </w:p>
          <w:p w:rsidR="00156FB3" w:rsidRDefault="00156FB3" w:rsidP="00156FB3">
            <w:r>
              <w:t xml:space="preserve">     * @example</w:t>
            </w:r>
          </w:p>
          <w:p w:rsidR="00156FB3" w:rsidRDefault="00156FB3" w:rsidP="00156FB3">
            <w:r>
              <w:t xml:space="preserve">     *</w:t>
            </w:r>
          </w:p>
          <w:p w:rsidR="00156FB3" w:rsidRDefault="00156FB3" w:rsidP="00156FB3">
            <w:r>
              <w:t xml:space="preserve">     * var users = [</w:t>
            </w:r>
          </w:p>
          <w:p w:rsidR="00156FB3" w:rsidRDefault="00156FB3" w:rsidP="00156FB3">
            <w:r>
              <w:t xml:space="preserve">     *   { 'user': 'barney',  'active': false },</w:t>
            </w:r>
          </w:p>
          <w:p w:rsidR="00156FB3" w:rsidRDefault="00156FB3" w:rsidP="00156FB3">
            <w:r>
              <w:t xml:space="preserve">     *   { 'user': 'fred',    'active': false },</w:t>
            </w:r>
          </w:p>
          <w:p w:rsidR="00156FB3" w:rsidRDefault="00156FB3" w:rsidP="00156FB3">
            <w:r>
              <w:t xml:space="preserve">     *   { 'user': 'pebbles', 'active': true }</w:t>
            </w:r>
          </w:p>
          <w:p w:rsidR="00156FB3" w:rsidRDefault="00156FB3" w:rsidP="00156FB3">
            <w:r>
              <w:t xml:space="preserve">     * ];</w:t>
            </w:r>
          </w:p>
          <w:p w:rsidR="00156FB3" w:rsidRDefault="00156FB3" w:rsidP="00156FB3">
            <w:r>
              <w:lastRenderedPageBreak/>
              <w:t xml:space="preserve">     *</w:t>
            </w:r>
          </w:p>
          <w:p w:rsidR="00156FB3" w:rsidRDefault="00156FB3" w:rsidP="00156FB3">
            <w:r>
              <w:t xml:space="preserve">     * _.findIndex(users, function(o) { return o.user == 'barney'; });</w:t>
            </w:r>
          </w:p>
          <w:p w:rsidR="00156FB3" w:rsidRDefault="00156FB3" w:rsidP="00156FB3">
            <w:r>
              <w:t xml:space="preserve">     * // =&gt; 0</w:t>
            </w:r>
          </w:p>
          <w:p w:rsidR="00156FB3" w:rsidRDefault="00156FB3" w:rsidP="00156FB3">
            <w:r>
              <w:t xml:space="preserve">     *</w:t>
            </w:r>
          </w:p>
          <w:p w:rsidR="00156FB3" w:rsidRDefault="00156FB3" w:rsidP="00156FB3">
            <w:r>
              <w:t xml:space="preserve">     * // The `_.matches` iteratee shorthand.</w:t>
            </w:r>
          </w:p>
          <w:p w:rsidR="00156FB3" w:rsidRDefault="00156FB3" w:rsidP="00156FB3">
            <w:r>
              <w:t xml:space="preserve">     * _.findIndex(users, { 'user': 'fred', 'active': false });</w:t>
            </w:r>
          </w:p>
          <w:p w:rsidR="00156FB3" w:rsidRDefault="00156FB3" w:rsidP="00156FB3">
            <w:r>
              <w:t xml:space="preserve">     * // =&gt; 1</w:t>
            </w:r>
          </w:p>
          <w:p w:rsidR="00156FB3" w:rsidRDefault="00156FB3" w:rsidP="00156FB3">
            <w:r>
              <w:t xml:space="preserve">     *</w:t>
            </w:r>
          </w:p>
          <w:p w:rsidR="00156FB3" w:rsidRDefault="00156FB3" w:rsidP="00156FB3">
            <w:r>
              <w:t xml:space="preserve">     * // The `_.matchesProperty` iteratee shorthand.</w:t>
            </w:r>
          </w:p>
          <w:p w:rsidR="00156FB3" w:rsidRDefault="00156FB3" w:rsidP="00156FB3">
            <w:r>
              <w:t xml:space="preserve">     * _.findIndex(users, ['active', false]);</w:t>
            </w:r>
          </w:p>
          <w:p w:rsidR="00156FB3" w:rsidRDefault="00156FB3" w:rsidP="00156FB3">
            <w:r>
              <w:t xml:space="preserve">     * // =&gt; 0</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findIndex(users, 'active');</w:t>
            </w:r>
          </w:p>
          <w:p w:rsidR="00156FB3" w:rsidRDefault="00156FB3" w:rsidP="00156FB3">
            <w:r>
              <w:t xml:space="preserve">     * // =&gt; 2</w:t>
            </w:r>
          </w:p>
          <w:p w:rsidR="00156FB3" w:rsidRDefault="00156FB3" w:rsidP="00156FB3">
            <w:r>
              <w:t xml:space="preserve">     */</w:t>
            </w:r>
          </w:p>
          <w:p w:rsidR="00156FB3" w:rsidRDefault="00156FB3" w:rsidP="00156FB3">
            <w:r>
              <w:t xml:space="preserve">    function findIndex(array, predicate, fromIndex) {</w:t>
            </w:r>
          </w:p>
          <w:p w:rsidR="00156FB3" w:rsidRDefault="00156FB3" w:rsidP="00156FB3">
            <w:r>
              <w:t xml:space="preserve">      var length = array == null ? 0 : array.length;</w:t>
            </w:r>
          </w:p>
          <w:p w:rsidR="00156FB3" w:rsidRDefault="00156FB3" w:rsidP="00156FB3">
            <w:r>
              <w:t xml:space="preserve">      if (!length) {</w:t>
            </w:r>
          </w:p>
          <w:p w:rsidR="00156FB3" w:rsidRDefault="00156FB3" w:rsidP="00156FB3">
            <w:r>
              <w:t xml:space="preserve">        return -1;</w:t>
            </w:r>
          </w:p>
          <w:p w:rsidR="00156FB3" w:rsidRDefault="00156FB3" w:rsidP="00156FB3">
            <w:r>
              <w:t xml:space="preserve">      }</w:t>
            </w:r>
          </w:p>
          <w:p w:rsidR="00156FB3" w:rsidRDefault="00156FB3" w:rsidP="00156FB3">
            <w:r>
              <w:t xml:space="preserve">      var index = fromIndex == null ? 0 : toInteger(fromIndex);</w:t>
            </w:r>
          </w:p>
          <w:p w:rsidR="00156FB3" w:rsidRDefault="00156FB3" w:rsidP="00156FB3">
            <w:r>
              <w:t xml:space="preserve">      if (index &lt; 0) {</w:t>
            </w:r>
          </w:p>
          <w:p w:rsidR="00156FB3" w:rsidRDefault="00156FB3" w:rsidP="00156FB3">
            <w:r>
              <w:t xml:space="preserve">        index = nativeMax(length + index, 0);</w:t>
            </w:r>
          </w:p>
          <w:p w:rsidR="00156FB3" w:rsidRDefault="00156FB3" w:rsidP="00156FB3">
            <w:r>
              <w:t xml:space="preserve">      }</w:t>
            </w:r>
          </w:p>
          <w:p w:rsidR="00156FB3" w:rsidRDefault="00156FB3" w:rsidP="00156FB3">
            <w:r>
              <w:t xml:space="preserve">      return baseFindIndex(array, getIteratee(predicate, 3), index);</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findIndex` except that it iterates over elements</w:t>
            </w:r>
          </w:p>
          <w:p w:rsidR="00156FB3" w:rsidRDefault="00156FB3" w:rsidP="00156FB3">
            <w:r>
              <w:t xml:space="preserve">     * of `collection` from right to lef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2.0.0</w:t>
            </w:r>
          </w:p>
          <w:p w:rsidR="00156FB3" w:rsidRDefault="00156FB3" w:rsidP="00156FB3">
            <w:r>
              <w:t xml:space="preserve">     * @category Array</w:t>
            </w:r>
          </w:p>
          <w:p w:rsidR="00156FB3" w:rsidRDefault="00156FB3" w:rsidP="00156FB3">
            <w:r>
              <w:t xml:space="preserve">     * @param {Array} array The array to inspect.</w:t>
            </w:r>
          </w:p>
          <w:p w:rsidR="00156FB3" w:rsidRDefault="00156FB3" w:rsidP="00156FB3">
            <w:r>
              <w:t xml:space="preserve">     * @param {Function} [predicate=_.identity] The function invoked per iteration.</w:t>
            </w:r>
          </w:p>
          <w:p w:rsidR="00156FB3" w:rsidRDefault="00156FB3" w:rsidP="00156FB3">
            <w:r>
              <w:t xml:space="preserve">     * @param {number} [fromIndex=array.length-1] The index to search from.</w:t>
            </w:r>
          </w:p>
          <w:p w:rsidR="00156FB3" w:rsidRDefault="00156FB3" w:rsidP="00156FB3">
            <w:r>
              <w:t xml:space="preserve">     * @returns {number} Returns the index of the found element, else `-1`.</w:t>
            </w:r>
          </w:p>
          <w:p w:rsidR="00156FB3" w:rsidRDefault="00156FB3" w:rsidP="00156FB3">
            <w:r>
              <w:t xml:space="preserve">     * @example</w:t>
            </w:r>
          </w:p>
          <w:p w:rsidR="00156FB3" w:rsidRDefault="00156FB3" w:rsidP="00156FB3">
            <w:r>
              <w:t xml:space="preserve">     *</w:t>
            </w:r>
          </w:p>
          <w:p w:rsidR="00156FB3" w:rsidRDefault="00156FB3" w:rsidP="00156FB3">
            <w:r>
              <w:t xml:space="preserve">     * var users = [</w:t>
            </w:r>
          </w:p>
          <w:p w:rsidR="00156FB3" w:rsidRDefault="00156FB3" w:rsidP="00156FB3">
            <w:r>
              <w:t xml:space="preserve">     *   { 'user': 'barney',  'active': true },</w:t>
            </w:r>
          </w:p>
          <w:p w:rsidR="00156FB3" w:rsidRDefault="00156FB3" w:rsidP="00156FB3">
            <w:r>
              <w:t xml:space="preserve">     *   { 'user': 'fred',    'active': false },</w:t>
            </w:r>
          </w:p>
          <w:p w:rsidR="00156FB3" w:rsidRDefault="00156FB3" w:rsidP="00156FB3">
            <w:r>
              <w:t xml:space="preserve">     *   { 'user': 'pebbles', 'active': false }</w:t>
            </w:r>
          </w:p>
          <w:p w:rsidR="00156FB3" w:rsidRDefault="00156FB3" w:rsidP="00156FB3">
            <w:r>
              <w:t xml:space="preserve">     * ];</w:t>
            </w:r>
          </w:p>
          <w:p w:rsidR="00156FB3" w:rsidRDefault="00156FB3" w:rsidP="00156FB3">
            <w:r>
              <w:t xml:space="preserve">     *</w:t>
            </w:r>
          </w:p>
          <w:p w:rsidR="00156FB3" w:rsidRDefault="00156FB3" w:rsidP="00156FB3">
            <w:r>
              <w:lastRenderedPageBreak/>
              <w:t xml:space="preserve">     * _.findLastIndex(users, function(o) { return o.user == 'pebbles'; });</w:t>
            </w:r>
          </w:p>
          <w:p w:rsidR="00156FB3" w:rsidRDefault="00156FB3" w:rsidP="00156FB3">
            <w:r>
              <w:t xml:space="preserve">     * // =&gt; 2</w:t>
            </w:r>
          </w:p>
          <w:p w:rsidR="00156FB3" w:rsidRDefault="00156FB3" w:rsidP="00156FB3">
            <w:r>
              <w:t xml:space="preserve">     *</w:t>
            </w:r>
          </w:p>
          <w:p w:rsidR="00156FB3" w:rsidRDefault="00156FB3" w:rsidP="00156FB3">
            <w:r>
              <w:t xml:space="preserve">     * // The `_.matches` iteratee shorthand.</w:t>
            </w:r>
          </w:p>
          <w:p w:rsidR="00156FB3" w:rsidRDefault="00156FB3" w:rsidP="00156FB3">
            <w:r>
              <w:t xml:space="preserve">     * _.findLastIndex(users, { 'user': 'barney', 'active': true });</w:t>
            </w:r>
          </w:p>
          <w:p w:rsidR="00156FB3" w:rsidRDefault="00156FB3" w:rsidP="00156FB3">
            <w:r>
              <w:t xml:space="preserve">     * // =&gt; 0</w:t>
            </w:r>
          </w:p>
          <w:p w:rsidR="00156FB3" w:rsidRDefault="00156FB3" w:rsidP="00156FB3">
            <w:r>
              <w:t xml:space="preserve">     *</w:t>
            </w:r>
          </w:p>
          <w:p w:rsidR="00156FB3" w:rsidRDefault="00156FB3" w:rsidP="00156FB3">
            <w:r>
              <w:t xml:space="preserve">     * // The `_.matchesProperty` iteratee shorthand.</w:t>
            </w:r>
          </w:p>
          <w:p w:rsidR="00156FB3" w:rsidRDefault="00156FB3" w:rsidP="00156FB3">
            <w:r>
              <w:t xml:space="preserve">     * _.findLastIndex(users, ['active', false]);</w:t>
            </w:r>
          </w:p>
          <w:p w:rsidR="00156FB3" w:rsidRDefault="00156FB3" w:rsidP="00156FB3">
            <w:r>
              <w:t xml:space="preserve">     * // =&gt; 2</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findLastIndex(users, 'active');</w:t>
            </w:r>
          </w:p>
          <w:p w:rsidR="00156FB3" w:rsidRDefault="00156FB3" w:rsidP="00156FB3">
            <w:r>
              <w:t xml:space="preserve">     * // =&gt; 0</w:t>
            </w:r>
          </w:p>
          <w:p w:rsidR="00156FB3" w:rsidRDefault="00156FB3" w:rsidP="00156FB3">
            <w:r>
              <w:t xml:space="preserve">     */</w:t>
            </w:r>
          </w:p>
          <w:p w:rsidR="00156FB3" w:rsidRDefault="00156FB3" w:rsidP="00156FB3">
            <w:r>
              <w:t xml:space="preserve">    function findLastIndex(array, predicate, fromIndex) {</w:t>
            </w:r>
          </w:p>
          <w:p w:rsidR="00156FB3" w:rsidRDefault="00156FB3" w:rsidP="00156FB3">
            <w:r>
              <w:t xml:space="preserve">      var length = array == null ? 0 : array.length;</w:t>
            </w:r>
          </w:p>
          <w:p w:rsidR="00156FB3" w:rsidRDefault="00156FB3" w:rsidP="00156FB3">
            <w:r>
              <w:t xml:space="preserve">      if (!length) {</w:t>
            </w:r>
          </w:p>
          <w:p w:rsidR="00156FB3" w:rsidRDefault="00156FB3" w:rsidP="00156FB3">
            <w:r>
              <w:t xml:space="preserve">        return -1;</w:t>
            </w:r>
          </w:p>
          <w:p w:rsidR="00156FB3" w:rsidRDefault="00156FB3" w:rsidP="00156FB3">
            <w:r>
              <w:t xml:space="preserve">      }</w:t>
            </w:r>
          </w:p>
          <w:p w:rsidR="00156FB3" w:rsidRDefault="00156FB3" w:rsidP="00156FB3">
            <w:r>
              <w:t xml:space="preserve">      var index = length - 1;</w:t>
            </w:r>
          </w:p>
          <w:p w:rsidR="00156FB3" w:rsidRDefault="00156FB3" w:rsidP="00156FB3">
            <w:r>
              <w:t xml:space="preserve">      if (fromIndex !== undefined) {</w:t>
            </w:r>
          </w:p>
          <w:p w:rsidR="00156FB3" w:rsidRDefault="00156FB3" w:rsidP="00156FB3">
            <w:r>
              <w:t xml:space="preserve">        index = toInteger(fromIndex);</w:t>
            </w:r>
          </w:p>
          <w:p w:rsidR="00156FB3" w:rsidRDefault="00156FB3" w:rsidP="00156FB3">
            <w:r>
              <w:t xml:space="preserve">        index = fromIndex &lt; 0</w:t>
            </w:r>
          </w:p>
          <w:p w:rsidR="00156FB3" w:rsidRDefault="00156FB3" w:rsidP="00156FB3">
            <w:r>
              <w:t xml:space="preserve">          ? nativeMax(length + index, 0)</w:t>
            </w:r>
          </w:p>
          <w:p w:rsidR="00156FB3" w:rsidRDefault="00156FB3" w:rsidP="00156FB3">
            <w:r>
              <w:t xml:space="preserve">          : nativeMin(index, length - 1);</w:t>
            </w:r>
          </w:p>
          <w:p w:rsidR="00156FB3" w:rsidRDefault="00156FB3" w:rsidP="00156FB3">
            <w:r>
              <w:t xml:space="preserve">      }</w:t>
            </w:r>
          </w:p>
          <w:p w:rsidR="00156FB3" w:rsidRDefault="00156FB3" w:rsidP="00156FB3">
            <w:r>
              <w:t xml:space="preserve">      return baseFindIndex(array, getIteratee(predicate, 3), index, tr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Flattens `array` a single level deep.</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Array</w:t>
            </w:r>
          </w:p>
          <w:p w:rsidR="00156FB3" w:rsidRDefault="00156FB3" w:rsidP="00156FB3">
            <w:r>
              <w:t xml:space="preserve">     * @param {Array} array The array to flatten.</w:t>
            </w:r>
          </w:p>
          <w:p w:rsidR="00156FB3" w:rsidRDefault="00156FB3" w:rsidP="00156FB3">
            <w:r>
              <w:t xml:space="preserve">     * @returns {Array} Returns the new flattened array.</w:t>
            </w:r>
          </w:p>
          <w:p w:rsidR="00156FB3" w:rsidRDefault="00156FB3" w:rsidP="00156FB3">
            <w:r>
              <w:t xml:space="preserve">     * @example</w:t>
            </w:r>
          </w:p>
          <w:p w:rsidR="00156FB3" w:rsidRDefault="00156FB3" w:rsidP="00156FB3">
            <w:r>
              <w:t xml:space="preserve">     *</w:t>
            </w:r>
          </w:p>
          <w:p w:rsidR="00156FB3" w:rsidRDefault="00156FB3" w:rsidP="00156FB3">
            <w:r>
              <w:t xml:space="preserve">     * _.flatten([1, [2, [3, [4]], 5]]);</w:t>
            </w:r>
          </w:p>
          <w:p w:rsidR="00156FB3" w:rsidRDefault="00156FB3" w:rsidP="00156FB3">
            <w:r>
              <w:t xml:space="preserve">     * // =&gt; [1, 2, [3, [4]], 5]</w:t>
            </w:r>
          </w:p>
          <w:p w:rsidR="00156FB3" w:rsidRDefault="00156FB3" w:rsidP="00156FB3">
            <w:r>
              <w:t xml:space="preserve">     */</w:t>
            </w:r>
          </w:p>
          <w:p w:rsidR="00156FB3" w:rsidRDefault="00156FB3" w:rsidP="00156FB3">
            <w:r>
              <w:t xml:space="preserve">    function flatten(array) {</w:t>
            </w:r>
          </w:p>
          <w:p w:rsidR="00156FB3" w:rsidRDefault="00156FB3" w:rsidP="00156FB3">
            <w:r>
              <w:t xml:space="preserve">      var length = array == null ? 0 : array.length;</w:t>
            </w:r>
          </w:p>
          <w:p w:rsidR="00156FB3" w:rsidRDefault="00156FB3" w:rsidP="00156FB3">
            <w:r>
              <w:t xml:space="preserve">      return length ? baseFlatten(array, 1)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cursively flattens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Array</w:t>
            </w:r>
          </w:p>
          <w:p w:rsidR="00156FB3" w:rsidRDefault="00156FB3" w:rsidP="00156FB3">
            <w:r>
              <w:t xml:space="preserve">     * @param {Array} array The array to flatten.</w:t>
            </w:r>
          </w:p>
          <w:p w:rsidR="00156FB3" w:rsidRDefault="00156FB3" w:rsidP="00156FB3">
            <w:r>
              <w:t xml:space="preserve">     * @returns {Array} Returns the new flattened array.</w:t>
            </w:r>
          </w:p>
          <w:p w:rsidR="00156FB3" w:rsidRDefault="00156FB3" w:rsidP="00156FB3">
            <w:r>
              <w:t xml:space="preserve">     * @example</w:t>
            </w:r>
          </w:p>
          <w:p w:rsidR="00156FB3" w:rsidRDefault="00156FB3" w:rsidP="00156FB3">
            <w:r>
              <w:t xml:space="preserve">     *</w:t>
            </w:r>
          </w:p>
          <w:p w:rsidR="00156FB3" w:rsidRDefault="00156FB3" w:rsidP="00156FB3">
            <w:r>
              <w:t xml:space="preserve">     * _.flattenDeep([1, [2, [3, [4]], 5]]);</w:t>
            </w:r>
          </w:p>
          <w:p w:rsidR="00156FB3" w:rsidRDefault="00156FB3" w:rsidP="00156FB3">
            <w:r>
              <w:t xml:space="preserve">     * // =&gt; [1, 2, 3, 4, 5]</w:t>
            </w:r>
          </w:p>
          <w:p w:rsidR="00156FB3" w:rsidRDefault="00156FB3" w:rsidP="00156FB3">
            <w:r>
              <w:t xml:space="preserve">     */</w:t>
            </w:r>
          </w:p>
          <w:p w:rsidR="00156FB3" w:rsidRDefault="00156FB3" w:rsidP="00156FB3">
            <w:r>
              <w:t xml:space="preserve">    function flattenDeep(array) {</w:t>
            </w:r>
          </w:p>
          <w:p w:rsidR="00156FB3" w:rsidRDefault="00156FB3" w:rsidP="00156FB3">
            <w:r>
              <w:t xml:space="preserve">      var length = array == null ? 0 : array.length;</w:t>
            </w:r>
          </w:p>
          <w:p w:rsidR="00156FB3" w:rsidRDefault="00156FB3" w:rsidP="00156FB3">
            <w:r>
              <w:t xml:space="preserve">      return length ? baseFlatten(array, INFINITY)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cursively flatten `array` up to `depth` time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4.0</w:t>
            </w:r>
          </w:p>
          <w:p w:rsidR="00156FB3" w:rsidRDefault="00156FB3" w:rsidP="00156FB3">
            <w:r>
              <w:t xml:space="preserve">     * @category Array</w:t>
            </w:r>
          </w:p>
          <w:p w:rsidR="00156FB3" w:rsidRDefault="00156FB3" w:rsidP="00156FB3">
            <w:r>
              <w:t xml:space="preserve">     * @param {Array} array The array to flatten.</w:t>
            </w:r>
          </w:p>
          <w:p w:rsidR="00156FB3" w:rsidRDefault="00156FB3" w:rsidP="00156FB3">
            <w:r>
              <w:t xml:space="preserve">     * @param {number} [depth=1] The maximum recursion depth.</w:t>
            </w:r>
          </w:p>
          <w:p w:rsidR="00156FB3" w:rsidRDefault="00156FB3" w:rsidP="00156FB3">
            <w:r>
              <w:t xml:space="preserve">     * @returns {Array} Returns the new flattened array.</w:t>
            </w:r>
          </w:p>
          <w:p w:rsidR="00156FB3" w:rsidRDefault="00156FB3" w:rsidP="00156FB3">
            <w:r>
              <w:t xml:space="preserve">     * @example</w:t>
            </w:r>
          </w:p>
          <w:p w:rsidR="00156FB3" w:rsidRDefault="00156FB3" w:rsidP="00156FB3">
            <w:r>
              <w:t xml:space="preserve">     *</w:t>
            </w:r>
          </w:p>
          <w:p w:rsidR="00156FB3" w:rsidRDefault="00156FB3" w:rsidP="00156FB3">
            <w:r>
              <w:t xml:space="preserve">     * var array = [1, [2, [3, [4]], 5]];</w:t>
            </w:r>
          </w:p>
          <w:p w:rsidR="00156FB3" w:rsidRDefault="00156FB3" w:rsidP="00156FB3">
            <w:r>
              <w:t xml:space="preserve">     *</w:t>
            </w:r>
          </w:p>
          <w:p w:rsidR="00156FB3" w:rsidRDefault="00156FB3" w:rsidP="00156FB3">
            <w:r>
              <w:t xml:space="preserve">     * _.flattenDepth(array, 1);</w:t>
            </w:r>
          </w:p>
          <w:p w:rsidR="00156FB3" w:rsidRDefault="00156FB3" w:rsidP="00156FB3">
            <w:r>
              <w:t xml:space="preserve">     * // =&gt; [1, 2, [3, [4]], 5]</w:t>
            </w:r>
          </w:p>
          <w:p w:rsidR="00156FB3" w:rsidRDefault="00156FB3" w:rsidP="00156FB3">
            <w:r>
              <w:t xml:space="preserve">     *</w:t>
            </w:r>
          </w:p>
          <w:p w:rsidR="00156FB3" w:rsidRDefault="00156FB3" w:rsidP="00156FB3">
            <w:r>
              <w:t xml:space="preserve">     * _.flattenDepth(array, 2);</w:t>
            </w:r>
          </w:p>
          <w:p w:rsidR="00156FB3" w:rsidRDefault="00156FB3" w:rsidP="00156FB3">
            <w:r>
              <w:t xml:space="preserve">     * // =&gt; [1, 2, 3, [4], 5]</w:t>
            </w:r>
          </w:p>
          <w:p w:rsidR="00156FB3" w:rsidRDefault="00156FB3" w:rsidP="00156FB3">
            <w:r>
              <w:t xml:space="preserve">     */</w:t>
            </w:r>
          </w:p>
          <w:p w:rsidR="00156FB3" w:rsidRDefault="00156FB3" w:rsidP="00156FB3">
            <w:r>
              <w:t xml:space="preserve">    function flattenDepth(array, depth) {</w:t>
            </w:r>
          </w:p>
          <w:p w:rsidR="00156FB3" w:rsidRDefault="00156FB3" w:rsidP="00156FB3">
            <w:r>
              <w:t xml:space="preserve">      var length = array == null ? 0 : array.length;</w:t>
            </w:r>
          </w:p>
          <w:p w:rsidR="00156FB3" w:rsidRDefault="00156FB3" w:rsidP="00156FB3">
            <w:r>
              <w:t xml:space="preserve">      if (!length) {</w:t>
            </w:r>
          </w:p>
          <w:p w:rsidR="00156FB3" w:rsidRDefault="00156FB3" w:rsidP="00156FB3">
            <w:r>
              <w:t xml:space="preserve">        return [];</w:t>
            </w:r>
          </w:p>
          <w:p w:rsidR="00156FB3" w:rsidRDefault="00156FB3" w:rsidP="00156FB3">
            <w:r>
              <w:t xml:space="preserve">      }</w:t>
            </w:r>
          </w:p>
          <w:p w:rsidR="00156FB3" w:rsidRDefault="00156FB3" w:rsidP="00156FB3">
            <w:r>
              <w:t xml:space="preserve">      depth = depth === undefined ? 1 : toInteger(depth);</w:t>
            </w:r>
          </w:p>
          <w:p w:rsidR="00156FB3" w:rsidRDefault="00156FB3" w:rsidP="00156FB3">
            <w:r>
              <w:t xml:space="preserve">      return baseFlatten(array, depth);</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inverse of `_.toPairs`; this method returns an object composed</w:t>
            </w:r>
          </w:p>
          <w:p w:rsidR="00156FB3" w:rsidRDefault="00156FB3" w:rsidP="00156FB3">
            <w:r>
              <w:t xml:space="preserve">     * from key-value `pair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t xml:space="preserve">     * @param {Array} pairs The key-value pairs.</w:t>
            </w:r>
          </w:p>
          <w:p w:rsidR="00156FB3" w:rsidRDefault="00156FB3" w:rsidP="00156FB3">
            <w:r>
              <w:t xml:space="preserve">     * @returns {Object} Returns the new object.</w:t>
            </w:r>
          </w:p>
          <w:p w:rsidR="00156FB3" w:rsidRDefault="00156FB3" w:rsidP="00156FB3">
            <w:r>
              <w:t xml:space="preserve">     * @example</w:t>
            </w:r>
          </w:p>
          <w:p w:rsidR="00156FB3" w:rsidRDefault="00156FB3" w:rsidP="00156FB3">
            <w:r>
              <w:t xml:space="preserve">     *</w:t>
            </w:r>
          </w:p>
          <w:p w:rsidR="00156FB3" w:rsidRDefault="00156FB3" w:rsidP="00156FB3">
            <w:r>
              <w:t xml:space="preserve">     * _.fromPairs([['a', 1], ['b', 2]]);</w:t>
            </w:r>
          </w:p>
          <w:p w:rsidR="00156FB3" w:rsidRDefault="00156FB3" w:rsidP="00156FB3">
            <w:r>
              <w:t xml:space="preserve">     * // =&gt; { 'a': 1, 'b': 2 }</w:t>
            </w:r>
          </w:p>
          <w:p w:rsidR="00156FB3" w:rsidRDefault="00156FB3" w:rsidP="00156FB3">
            <w:r>
              <w:t xml:space="preserve">     */</w:t>
            </w:r>
          </w:p>
          <w:p w:rsidR="00156FB3" w:rsidRDefault="00156FB3" w:rsidP="00156FB3">
            <w:r>
              <w:t xml:space="preserve">    function fromPairs(pairs) {</w:t>
            </w:r>
          </w:p>
          <w:p w:rsidR="00156FB3" w:rsidRDefault="00156FB3" w:rsidP="00156FB3">
            <w:r>
              <w:t xml:space="preserve">      var index = -1,</w:t>
            </w:r>
          </w:p>
          <w:p w:rsidR="00156FB3" w:rsidRDefault="00156FB3" w:rsidP="00156FB3">
            <w:r>
              <w:t xml:space="preserve">          length = pairs == null ? 0 : pairs.length,</w:t>
            </w:r>
          </w:p>
          <w:p w:rsidR="00156FB3" w:rsidRDefault="00156FB3" w:rsidP="00156FB3">
            <w:r>
              <w:t xml:space="preserve">          result = {};</w:t>
            </w:r>
          </w:p>
          <w:p w:rsidR="00156FB3" w:rsidRDefault="00156FB3" w:rsidP="00156FB3"/>
          <w:p w:rsidR="00156FB3" w:rsidRDefault="00156FB3" w:rsidP="00156FB3">
            <w:r>
              <w:t xml:space="preserve">      while (++index &lt; length) {</w:t>
            </w:r>
          </w:p>
          <w:p w:rsidR="00156FB3" w:rsidRDefault="00156FB3" w:rsidP="00156FB3">
            <w:r>
              <w:t xml:space="preserve">        var pair = pairs[index];</w:t>
            </w:r>
          </w:p>
          <w:p w:rsidR="00156FB3" w:rsidRDefault="00156FB3" w:rsidP="00156FB3">
            <w:r>
              <w:t xml:space="preserve">        result[pair[0]] = pair[1];</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first element of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alias first</w:t>
            </w:r>
          </w:p>
          <w:p w:rsidR="00156FB3" w:rsidRDefault="00156FB3" w:rsidP="00156FB3">
            <w:r>
              <w:t xml:space="preserve">     * @category Array</w:t>
            </w:r>
          </w:p>
          <w:p w:rsidR="00156FB3" w:rsidRDefault="00156FB3" w:rsidP="00156FB3">
            <w:r>
              <w:t xml:space="preserve">     * @param {Array} array The array to query.</w:t>
            </w:r>
          </w:p>
          <w:p w:rsidR="00156FB3" w:rsidRDefault="00156FB3" w:rsidP="00156FB3">
            <w:r>
              <w:t xml:space="preserve">     * @returns {*} Returns the first element of `array`.</w:t>
            </w:r>
          </w:p>
          <w:p w:rsidR="00156FB3" w:rsidRDefault="00156FB3" w:rsidP="00156FB3">
            <w:r>
              <w:t xml:space="preserve">     * @example</w:t>
            </w:r>
          </w:p>
          <w:p w:rsidR="00156FB3" w:rsidRDefault="00156FB3" w:rsidP="00156FB3">
            <w:r>
              <w:t xml:space="preserve">     *</w:t>
            </w:r>
          </w:p>
          <w:p w:rsidR="00156FB3" w:rsidRDefault="00156FB3" w:rsidP="00156FB3">
            <w:r>
              <w:t xml:space="preserve">     * _.head([1, 2, 3]);</w:t>
            </w:r>
          </w:p>
          <w:p w:rsidR="00156FB3" w:rsidRDefault="00156FB3" w:rsidP="00156FB3">
            <w:r>
              <w:t xml:space="preserve">     * // =&gt; 1</w:t>
            </w:r>
          </w:p>
          <w:p w:rsidR="00156FB3" w:rsidRDefault="00156FB3" w:rsidP="00156FB3">
            <w:r>
              <w:t xml:space="preserve">     *</w:t>
            </w:r>
          </w:p>
          <w:p w:rsidR="00156FB3" w:rsidRDefault="00156FB3" w:rsidP="00156FB3">
            <w:r>
              <w:t xml:space="preserve">     * _.head([]);</w:t>
            </w:r>
          </w:p>
          <w:p w:rsidR="00156FB3" w:rsidRDefault="00156FB3" w:rsidP="00156FB3">
            <w:r>
              <w:t xml:space="preserve">     * // =&gt; undefined</w:t>
            </w:r>
          </w:p>
          <w:p w:rsidR="00156FB3" w:rsidRDefault="00156FB3" w:rsidP="00156FB3">
            <w:r>
              <w:t xml:space="preserve">     */</w:t>
            </w:r>
          </w:p>
          <w:p w:rsidR="00156FB3" w:rsidRDefault="00156FB3" w:rsidP="00156FB3">
            <w:r>
              <w:t xml:space="preserve">    function head(array) {</w:t>
            </w:r>
          </w:p>
          <w:p w:rsidR="00156FB3" w:rsidRDefault="00156FB3" w:rsidP="00156FB3">
            <w:r>
              <w:t xml:space="preserve">      return (array &amp;&amp; array.length) ? array[0] : undefined;</w:t>
            </w:r>
          </w:p>
          <w:p w:rsidR="00156FB3" w:rsidRDefault="00156FB3" w:rsidP="00156FB3">
            <w:r>
              <w:lastRenderedPageBreak/>
              <w:t xml:space="preserve">    }</w:t>
            </w:r>
          </w:p>
          <w:p w:rsidR="00156FB3" w:rsidRDefault="00156FB3" w:rsidP="00156FB3"/>
          <w:p w:rsidR="00156FB3" w:rsidRDefault="00156FB3" w:rsidP="00156FB3">
            <w:r>
              <w:t xml:space="preserve">    /**</w:t>
            </w:r>
          </w:p>
          <w:p w:rsidR="00156FB3" w:rsidRDefault="00156FB3" w:rsidP="00156FB3">
            <w:r>
              <w:t xml:space="preserve">     * Gets the index at which the first occurrence of `value` is found in `array`</w:t>
            </w:r>
          </w:p>
          <w:p w:rsidR="00156FB3" w:rsidRDefault="00156FB3" w:rsidP="00156FB3">
            <w:r>
              <w:t xml:space="preserve">     * using [`SameValueZero`](http://ecma-international.org/ecma-262/7.0/#sec-samevaluezero)</w:t>
            </w:r>
          </w:p>
          <w:p w:rsidR="00156FB3" w:rsidRDefault="00156FB3" w:rsidP="00156FB3">
            <w:r>
              <w:t xml:space="preserve">     * for equality comparisons. If `fromIndex` is negative, it's used as the</w:t>
            </w:r>
          </w:p>
          <w:p w:rsidR="00156FB3" w:rsidRDefault="00156FB3" w:rsidP="00156FB3">
            <w:r>
              <w:t xml:space="preserve">     * offset from the end of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Array</w:t>
            </w:r>
          </w:p>
          <w:p w:rsidR="00156FB3" w:rsidRDefault="00156FB3" w:rsidP="00156FB3">
            <w:r>
              <w:t xml:space="preserve">     * @param {Array} array The array to inspect.</w:t>
            </w:r>
          </w:p>
          <w:p w:rsidR="00156FB3" w:rsidRDefault="00156FB3" w:rsidP="00156FB3">
            <w:r>
              <w:t xml:space="preserve">     * @param {*} value The value to search for.</w:t>
            </w:r>
          </w:p>
          <w:p w:rsidR="00156FB3" w:rsidRDefault="00156FB3" w:rsidP="00156FB3">
            <w:r>
              <w:t xml:space="preserve">     * @param {number} [fromIndex=0] The index to search from.</w:t>
            </w:r>
          </w:p>
          <w:p w:rsidR="00156FB3" w:rsidRDefault="00156FB3" w:rsidP="00156FB3">
            <w:r>
              <w:t xml:space="preserve">     * @returns {number} Returns the index of the matched value, else `-1`.</w:t>
            </w:r>
          </w:p>
          <w:p w:rsidR="00156FB3" w:rsidRDefault="00156FB3" w:rsidP="00156FB3">
            <w:r>
              <w:t xml:space="preserve">     * @example</w:t>
            </w:r>
          </w:p>
          <w:p w:rsidR="00156FB3" w:rsidRDefault="00156FB3" w:rsidP="00156FB3">
            <w:r>
              <w:t xml:space="preserve">     *</w:t>
            </w:r>
          </w:p>
          <w:p w:rsidR="00156FB3" w:rsidRDefault="00156FB3" w:rsidP="00156FB3">
            <w:r>
              <w:t xml:space="preserve">     * _.indexOf([1, 2, 1, 2], 2);</w:t>
            </w:r>
          </w:p>
          <w:p w:rsidR="00156FB3" w:rsidRDefault="00156FB3" w:rsidP="00156FB3">
            <w:r>
              <w:t xml:space="preserve">     * // =&gt; 1</w:t>
            </w:r>
          </w:p>
          <w:p w:rsidR="00156FB3" w:rsidRDefault="00156FB3" w:rsidP="00156FB3">
            <w:r>
              <w:t xml:space="preserve">     *</w:t>
            </w:r>
          </w:p>
          <w:p w:rsidR="00156FB3" w:rsidRDefault="00156FB3" w:rsidP="00156FB3">
            <w:r>
              <w:t xml:space="preserve">     * // Search from the `fromIndex`.</w:t>
            </w:r>
          </w:p>
          <w:p w:rsidR="00156FB3" w:rsidRDefault="00156FB3" w:rsidP="00156FB3">
            <w:r>
              <w:t xml:space="preserve">     * _.indexOf([1, 2, 1, 2], 2, 2);</w:t>
            </w:r>
          </w:p>
          <w:p w:rsidR="00156FB3" w:rsidRDefault="00156FB3" w:rsidP="00156FB3">
            <w:r>
              <w:t xml:space="preserve">     * // =&gt; 3</w:t>
            </w:r>
          </w:p>
          <w:p w:rsidR="00156FB3" w:rsidRDefault="00156FB3" w:rsidP="00156FB3">
            <w:r>
              <w:t xml:space="preserve">     */</w:t>
            </w:r>
          </w:p>
          <w:p w:rsidR="00156FB3" w:rsidRDefault="00156FB3" w:rsidP="00156FB3">
            <w:r>
              <w:t xml:space="preserve">    function indexOf(array, value, fromIndex) {</w:t>
            </w:r>
          </w:p>
          <w:p w:rsidR="00156FB3" w:rsidRDefault="00156FB3" w:rsidP="00156FB3">
            <w:r>
              <w:t xml:space="preserve">      var length = array == null ? 0 : array.length;</w:t>
            </w:r>
          </w:p>
          <w:p w:rsidR="00156FB3" w:rsidRDefault="00156FB3" w:rsidP="00156FB3">
            <w:r>
              <w:t xml:space="preserve">      if (!length) {</w:t>
            </w:r>
          </w:p>
          <w:p w:rsidR="00156FB3" w:rsidRDefault="00156FB3" w:rsidP="00156FB3">
            <w:r>
              <w:t xml:space="preserve">        return -1;</w:t>
            </w:r>
          </w:p>
          <w:p w:rsidR="00156FB3" w:rsidRDefault="00156FB3" w:rsidP="00156FB3">
            <w:r>
              <w:t xml:space="preserve">      }</w:t>
            </w:r>
          </w:p>
          <w:p w:rsidR="00156FB3" w:rsidRDefault="00156FB3" w:rsidP="00156FB3">
            <w:r>
              <w:t xml:space="preserve">      var index = fromIndex == null ? 0 : toInteger(fromIndex);</w:t>
            </w:r>
          </w:p>
          <w:p w:rsidR="00156FB3" w:rsidRDefault="00156FB3" w:rsidP="00156FB3">
            <w:r>
              <w:t xml:space="preserve">      if (index &lt; 0) {</w:t>
            </w:r>
          </w:p>
          <w:p w:rsidR="00156FB3" w:rsidRDefault="00156FB3" w:rsidP="00156FB3">
            <w:r>
              <w:t xml:space="preserve">        index = nativeMax(length + index, 0);</w:t>
            </w:r>
          </w:p>
          <w:p w:rsidR="00156FB3" w:rsidRDefault="00156FB3" w:rsidP="00156FB3">
            <w:r>
              <w:t xml:space="preserve">      }</w:t>
            </w:r>
          </w:p>
          <w:p w:rsidR="00156FB3" w:rsidRDefault="00156FB3" w:rsidP="00156FB3">
            <w:r>
              <w:t xml:space="preserve">      return baseIndexOf(array, value, index);</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all but the last element of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Array</w:t>
            </w:r>
          </w:p>
          <w:p w:rsidR="00156FB3" w:rsidRDefault="00156FB3" w:rsidP="00156FB3">
            <w:r>
              <w:t xml:space="preserve">     * @param {Array} array The array to query.</w:t>
            </w:r>
          </w:p>
          <w:p w:rsidR="00156FB3" w:rsidRDefault="00156FB3" w:rsidP="00156FB3">
            <w:r>
              <w:t xml:space="preserve">     * @returns {Array} Returns the slice of `array`.</w:t>
            </w:r>
          </w:p>
          <w:p w:rsidR="00156FB3" w:rsidRDefault="00156FB3" w:rsidP="00156FB3">
            <w:r>
              <w:t xml:space="preserve">     * @example</w:t>
            </w:r>
          </w:p>
          <w:p w:rsidR="00156FB3" w:rsidRDefault="00156FB3" w:rsidP="00156FB3">
            <w:r>
              <w:t xml:space="preserve">     *</w:t>
            </w:r>
          </w:p>
          <w:p w:rsidR="00156FB3" w:rsidRDefault="00156FB3" w:rsidP="00156FB3">
            <w:r>
              <w:lastRenderedPageBreak/>
              <w:t xml:space="preserve">     * _.initial([1, 2, 3]);</w:t>
            </w:r>
          </w:p>
          <w:p w:rsidR="00156FB3" w:rsidRDefault="00156FB3" w:rsidP="00156FB3">
            <w:r>
              <w:t xml:space="preserve">     * // =&gt; [1, 2]</w:t>
            </w:r>
          </w:p>
          <w:p w:rsidR="00156FB3" w:rsidRDefault="00156FB3" w:rsidP="00156FB3">
            <w:r>
              <w:t xml:space="preserve">     */</w:t>
            </w:r>
          </w:p>
          <w:p w:rsidR="00156FB3" w:rsidRDefault="00156FB3" w:rsidP="00156FB3">
            <w:r>
              <w:t xml:space="preserve">    function initial(array) {</w:t>
            </w:r>
          </w:p>
          <w:p w:rsidR="00156FB3" w:rsidRDefault="00156FB3" w:rsidP="00156FB3">
            <w:r>
              <w:t xml:space="preserve">      var length = array == null ? 0 : array.length;</w:t>
            </w:r>
          </w:p>
          <w:p w:rsidR="00156FB3" w:rsidRDefault="00156FB3" w:rsidP="00156FB3">
            <w:r>
              <w:t xml:space="preserve">      return length ? baseSlice(array, 0, -1)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of unique values that are included in all given arrays</w:t>
            </w:r>
          </w:p>
          <w:p w:rsidR="00156FB3" w:rsidRDefault="00156FB3" w:rsidP="00156FB3">
            <w:r>
              <w:t xml:space="preserve">     * using [`SameValueZero`](http://ecma-international.org/ecma-262/7.0/#sec-samevaluezero)</w:t>
            </w:r>
          </w:p>
          <w:p w:rsidR="00156FB3" w:rsidRDefault="00156FB3" w:rsidP="00156FB3">
            <w:r>
              <w:t xml:space="preserve">     * for equality comparisons. The order and references of result values are</w:t>
            </w:r>
          </w:p>
          <w:p w:rsidR="00156FB3" w:rsidRDefault="00156FB3" w:rsidP="00156FB3">
            <w:r>
              <w:t xml:space="preserve">     * determined by the first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Array</w:t>
            </w:r>
          </w:p>
          <w:p w:rsidR="00156FB3" w:rsidRDefault="00156FB3" w:rsidP="00156FB3">
            <w:r>
              <w:t xml:space="preserve">     * @param {...Array} [arrays] The arrays to inspect.</w:t>
            </w:r>
          </w:p>
          <w:p w:rsidR="00156FB3" w:rsidRDefault="00156FB3" w:rsidP="00156FB3">
            <w:r>
              <w:t xml:space="preserve">     * @returns {Array} Returns the new array of intersecting values.</w:t>
            </w:r>
          </w:p>
          <w:p w:rsidR="00156FB3" w:rsidRDefault="00156FB3" w:rsidP="00156FB3">
            <w:r>
              <w:t xml:space="preserve">     * @example</w:t>
            </w:r>
          </w:p>
          <w:p w:rsidR="00156FB3" w:rsidRDefault="00156FB3" w:rsidP="00156FB3">
            <w:r>
              <w:t xml:space="preserve">     *</w:t>
            </w:r>
          </w:p>
          <w:p w:rsidR="00156FB3" w:rsidRDefault="00156FB3" w:rsidP="00156FB3">
            <w:r>
              <w:t xml:space="preserve">     * _.intersection([2, 1], [2, 3]);</w:t>
            </w:r>
          </w:p>
          <w:p w:rsidR="00156FB3" w:rsidRDefault="00156FB3" w:rsidP="00156FB3">
            <w:r>
              <w:t xml:space="preserve">     * // =&gt; [2]</w:t>
            </w:r>
          </w:p>
          <w:p w:rsidR="00156FB3" w:rsidRDefault="00156FB3" w:rsidP="00156FB3">
            <w:r>
              <w:t xml:space="preserve">     */</w:t>
            </w:r>
          </w:p>
          <w:p w:rsidR="00156FB3" w:rsidRDefault="00156FB3" w:rsidP="00156FB3">
            <w:r>
              <w:t xml:space="preserve">    var intersection = baseRest(function(arrays) {</w:t>
            </w:r>
          </w:p>
          <w:p w:rsidR="00156FB3" w:rsidRDefault="00156FB3" w:rsidP="00156FB3">
            <w:r>
              <w:t xml:space="preserve">      var mapped = arrayMap(arrays, castArrayLikeObject);</w:t>
            </w:r>
          </w:p>
          <w:p w:rsidR="00156FB3" w:rsidRDefault="00156FB3" w:rsidP="00156FB3">
            <w:r>
              <w:t xml:space="preserve">      return (mapped.length &amp;&amp; mapped[0] === arrays[0])</w:t>
            </w:r>
          </w:p>
          <w:p w:rsidR="00156FB3" w:rsidRDefault="00156FB3" w:rsidP="00156FB3">
            <w:r>
              <w:t xml:space="preserve">        ? baseIntersection(mapped)</w:t>
            </w:r>
          </w:p>
          <w:p w:rsidR="00156FB3" w:rsidRDefault="00156FB3" w:rsidP="00156FB3">
            <w:r>
              <w:t xml:space="preserve">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intersection` except that it accepts `iteratee`</w:t>
            </w:r>
          </w:p>
          <w:p w:rsidR="00156FB3" w:rsidRDefault="00156FB3" w:rsidP="00156FB3">
            <w:r>
              <w:t xml:space="preserve">     * which is invoked for each element of each `arrays` to generate the criterion</w:t>
            </w:r>
          </w:p>
          <w:p w:rsidR="00156FB3" w:rsidRDefault="00156FB3" w:rsidP="00156FB3">
            <w:r>
              <w:t xml:space="preserve">     * by which they're compared. The order and references of result values are</w:t>
            </w:r>
          </w:p>
          <w:p w:rsidR="00156FB3" w:rsidRDefault="00156FB3" w:rsidP="00156FB3">
            <w:r>
              <w:t xml:space="preserve">     * determined by the first array. The iteratee is invoked with one argument:</w:t>
            </w:r>
          </w:p>
          <w:p w:rsidR="00156FB3" w:rsidRDefault="00156FB3" w:rsidP="00156FB3">
            <w:r>
              <w:t xml:space="preserve">     * (valu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t xml:space="preserve">     * @param {...Array} [arrays] The arrays to inspect.</w:t>
            </w:r>
          </w:p>
          <w:p w:rsidR="00156FB3" w:rsidRDefault="00156FB3" w:rsidP="00156FB3">
            <w:r>
              <w:t xml:space="preserve">     * @param {Function} [iteratee=_.identity] The iteratee invoked per element.</w:t>
            </w:r>
          </w:p>
          <w:p w:rsidR="00156FB3" w:rsidRDefault="00156FB3" w:rsidP="00156FB3">
            <w:r>
              <w:t xml:space="preserve">     * @returns {Array} Returns the new array of intersecting values.</w:t>
            </w:r>
          </w:p>
          <w:p w:rsidR="00156FB3" w:rsidRDefault="00156FB3" w:rsidP="00156FB3">
            <w:r>
              <w:t xml:space="preserve">     * @example</w:t>
            </w:r>
          </w:p>
          <w:p w:rsidR="00156FB3" w:rsidRDefault="00156FB3" w:rsidP="00156FB3">
            <w:r>
              <w:t xml:space="preserve">     *</w:t>
            </w:r>
          </w:p>
          <w:p w:rsidR="00156FB3" w:rsidRDefault="00156FB3" w:rsidP="00156FB3">
            <w:r>
              <w:lastRenderedPageBreak/>
              <w:t xml:space="preserve">     * _.intersectionBy([2.1, 1.2], [2.3, 3.4], Math.floor);</w:t>
            </w:r>
          </w:p>
          <w:p w:rsidR="00156FB3" w:rsidRDefault="00156FB3" w:rsidP="00156FB3">
            <w:r>
              <w:t xml:space="preserve">     * // =&gt; [2.1]</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intersectionBy([{ 'x': 1 }], [{ 'x': 2 }, { 'x': 1 }], 'x');</w:t>
            </w:r>
          </w:p>
          <w:p w:rsidR="00156FB3" w:rsidRDefault="00156FB3" w:rsidP="00156FB3">
            <w:r>
              <w:t xml:space="preserve">     * // =&gt; [{ 'x': 1 }]</w:t>
            </w:r>
          </w:p>
          <w:p w:rsidR="00156FB3" w:rsidRDefault="00156FB3" w:rsidP="00156FB3">
            <w:r>
              <w:t xml:space="preserve">     */</w:t>
            </w:r>
          </w:p>
          <w:p w:rsidR="00156FB3" w:rsidRDefault="00156FB3" w:rsidP="00156FB3">
            <w:r>
              <w:t xml:space="preserve">    var intersectionBy = baseRest(function(arrays) {</w:t>
            </w:r>
          </w:p>
          <w:p w:rsidR="00156FB3" w:rsidRDefault="00156FB3" w:rsidP="00156FB3">
            <w:r>
              <w:t xml:space="preserve">      var iteratee = last(arrays),</w:t>
            </w:r>
          </w:p>
          <w:p w:rsidR="00156FB3" w:rsidRDefault="00156FB3" w:rsidP="00156FB3">
            <w:r>
              <w:t xml:space="preserve">          mapped = arrayMap(arrays, castArrayLikeObject);</w:t>
            </w:r>
          </w:p>
          <w:p w:rsidR="00156FB3" w:rsidRDefault="00156FB3" w:rsidP="00156FB3"/>
          <w:p w:rsidR="00156FB3" w:rsidRDefault="00156FB3" w:rsidP="00156FB3">
            <w:r>
              <w:t xml:space="preserve">      if (iteratee === last(mapped)) {</w:t>
            </w:r>
          </w:p>
          <w:p w:rsidR="00156FB3" w:rsidRDefault="00156FB3" w:rsidP="00156FB3">
            <w:r>
              <w:t xml:space="preserve">        iteratee = undefined;</w:t>
            </w:r>
          </w:p>
          <w:p w:rsidR="00156FB3" w:rsidRDefault="00156FB3" w:rsidP="00156FB3">
            <w:r>
              <w:t xml:space="preserve">      } else {</w:t>
            </w:r>
          </w:p>
          <w:p w:rsidR="00156FB3" w:rsidRDefault="00156FB3" w:rsidP="00156FB3">
            <w:r>
              <w:t xml:space="preserve">        mapped.pop();</w:t>
            </w:r>
          </w:p>
          <w:p w:rsidR="00156FB3" w:rsidRDefault="00156FB3" w:rsidP="00156FB3">
            <w:r>
              <w:t xml:space="preserve">      }</w:t>
            </w:r>
          </w:p>
          <w:p w:rsidR="00156FB3" w:rsidRDefault="00156FB3" w:rsidP="00156FB3">
            <w:r>
              <w:t xml:space="preserve">      return (mapped.length &amp;&amp; mapped[0] === arrays[0])</w:t>
            </w:r>
          </w:p>
          <w:p w:rsidR="00156FB3" w:rsidRDefault="00156FB3" w:rsidP="00156FB3">
            <w:r>
              <w:t xml:space="preserve">        ? baseIntersection(mapped, getIteratee(iteratee, 2))</w:t>
            </w:r>
          </w:p>
          <w:p w:rsidR="00156FB3" w:rsidRDefault="00156FB3" w:rsidP="00156FB3">
            <w:r>
              <w:t xml:space="preserve">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intersection` except that it accepts `comparator`</w:t>
            </w:r>
          </w:p>
          <w:p w:rsidR="00156FB3" w:rsidRDefault="00156FB3" w:rsidP="00156FB3">
            <w:r>
              <w:t xml:space="preserve">     * which is invoked to compare elements of `arrays`. The order and references</w:t>
            </w:r>
          </w:p>
          <w:p w:rsidR="00156FB3" w:rsidRDefault="00156FB3" w:rsidP="00156FB3">
            <w:r>
              <w:t xml:space="preserve">     * of result values are determined by the first array. The comparator is</w:t>
            </w:r>
          </w:p>
          <w:p w:rsidR="00156FB3" w:rsidRDefault="00156FB3" w:rsidP="00156FB3">
            <w:r>
              <w:t xml:space="preserve">     * invoked with two arguments: (arrVal, othVal).</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t xml:space="preserve">     * @param {...Array} [arrays] The arrays to inspect.</w:t>
            </w:r>
          </w:p>
          <w:p w:rsidR="00156FB3" w:rsidRDefault="00156FB3" w:rsidP="00156FB3">
            <w:r>
              <w:t xml:space="preserve">     * @param {Function} [comparator] The comparator invoked per element.</w:t>
            </w:r>
          </w:p>
          <w:p w:rsidR="00156FB3" w:rsidRDefault="00156FB3" w:rsidP="00156FB3">
            <w:r>
              <w:t xml:space="preserve">     * @returns {Array} Returns the new array of intersecting values.</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s = [{ 'x': 1, 'y': 2 }, { 'x': 2, 'y': 1 }];</w:t>
            </w:r>
          </w:p>
          <w:p w:rsidR="00156FB3" w:rsidRDefault="00156FB3" w:rsidP="00156FB3">
            <w:r>
              <w:t xml:space="preserve">     * var others = [{ 'x': 1, 'y': 1 }, { 'x': 1, 'y': 2 }];</w:t>
            </w:r>
          </w:p>
          <w:p w:rsidR="00156FB3" w:rsidRDefault="00156FB3" w:rsidP="00156FB3">
            <w:r>
              <w:t xml:space="preserve">     *</w:t>
            </w:r>
          </w:p>
          <w:p w:rsidR="00156FB3" w:rsidRDefault="00156FB3" w:rsidP="00156FB3">
            <w:r>
              <w:t xml:space="preserve">     * _.intersectionWith(objects, others, _.isEqual);</w:t>
            </w:r>
          </w:p>
          <w:p w:rsidR="00156FB3" w:rsidRDefault="00156FB3" w:rsidP="00156FB3">
            <w:r>
              <w:t xml:space="preserve">     * // =&gt; [{ 'x': 1, 'y': 2 }]</w:t>
            </w:r>
          </w:p>
          <w:p w:rsidR="00156FB3" w:rsidRDefault="00156FB3" w:rsidP="00156FB3">
            <w:r>
              <w:t xml:space="preserve">     */</w:t>
            </w:r>
          </w:p>
          <w:p w:rsidR="00156FB3" w:rsidRDefault="00156FB3" w:rsidP="00156FB3">
            <w:r>
              <w:t xml:space="preserve">    var intersectionWith = baseRest(function(arrays) {</w:t>
            </w:r>
          </w:p>
          <w:p w:rsidR="00156FB3" w:rsidRDefault="00156FB3" w:rsidP="00156FB3">
            <w:r>
              <w:t xml:space="preserve">      var comparator = last(arrays),</w:t>
            </w:r>
          </w:p>
          <w:p w:rsidR="00156FB3" w:rsidRDefault="00156FB3" w:rsidP="00156FB3">
            <w:r>
              <w:t xml:space="preserve">          mapped = arrayMap(arrays, castArrayLikeObject);</w:t>
            </w:r>
          </w:p>
          <w:p w:rsidR="00156FB3" w:rsidRDefault="00156FB3" w:rsidP="00156FB3"/>
          <w:p w:rsidR="00156FB3" w:rsidRDefault="00156FB3" w:rsidP="00156FB3">
            <w:r>
              <w:t xml:space="preserve">      comparator = typeof comparator == 'function' ? comparator : undefined;</w:t>
            </w:r>
          </w:p>
          <w:p w:rsidR="00156FB3" w:rsidRDefault="00156FB3" w:rsidP="00156FB3">
            <w:r>
              <w:t xml:space="preserve">      if (comparator) {</w:t>
            </w:r>
          </w:p>
          <w:p w:rsidR="00156FB3" w:rsidRDefault="00156FB3" w:rsidP="00156FB3">
            <w:r>
              <w:lastRenderedPageBreak/>
              <w:t xml:space="preserve">        mapped.pop();</w:t>
            </w:r>
          </w:p>
          <w:p w:rsidR="00156FB3" w:rsidRDefault="00156FB3" w:rsidP="00156FB3">
            <w:r>
              <w:t xml:space="preserve">      }</w:t>
            </w:r>
          </w:p>
          <w:p w:rsidR="00156FB3" w:rsidRDefault="00156FB3" w:rsidP="00156FB3">
            <w:r>
              <w:t xml:space="preserve">      return (mapped.length &amp;&amp; mapped[0] === arrays[0])</w:t>
            </w:r>
          </w:p>
          <w:p w:rsidR="00156FB3" w:rsidRDefault="00156FB3" w:rsidP="00156FB3">
            <w:r>
              <w:t xml:space="preserve">        ? baseIntersection(mapped, undefined, comparator)</w:t>
            </w:r>
          </w:p>
          <w:p w:rsidR="00156FB3" w:rsidRDefault="00156FB3" w:rsidP="00156FB3">
            <w:r>
              <w:t xml:space="preserve">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all elements in `array` into a string separated by `separator`.</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t xml:space="preserve">     * @param {Array} array The array to convert.</w:t>
            </w:r>
          </w:p>
          <w:p w:rsidR="00156FB3" w:rsidRDefault="00156FB3" w:rsidP="00156FB3">
            <w:r>
              <w:t xml:space="preserve">     * @param {string} [separator=','] The element separator.</w:t>
            </w:r>
          </w:p>
          <w:p w:rsidR="00156FB3" w:rsidRDefault="00156FB3" w:rsidP="00156FB3">
            <w:r>
              <w:t xml:space="preserve">     * @returns {string} Returns the join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join(['a', 'b', 'c'], '~');</w:t>
            </w:r>
          </w:p>
          <w:p w:rsidR="00156FB3" w:rsidRDefault="00156FB3" w:rsidP="00156FB3">
            <w:r>
              <w:t xml:space="preserve">     * // =&gt; 'a~b~c'</w:t>
            </w:r>
          </w:p>
          <w:p w:rsidR="00156FB3" w:rsidRDefault="00156FB3" w:rsidP="00156FB3">
            <w:r>
              <w:t xml:space="preserve">     */</w:t>
            </w:r>
          </w:p>
          <w:p w:rsidR="00156FB3" w:rsidRDefault="00156FB3" w:rsidP="00156FB3">
            <w:r>
              <w:t xml:space="preserve">    function join(array, separator) {</w:t>
            </w:r>
          </w:p>
          <w:p w:rsidR="00156FB3" w:rsidRDefault="00156FB3" w:rsidP="00156FB3">
            <w:r>
              <w:t xml:space="preserve">      return array == null ? '' : nativeJoin.call(array, separato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last element of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Array</w:t>
            </w:r>
          </w:p>
          <w:p w:rsidR="00156FB3" w:rsidRDefault="00156FB3" w:rsidP="00156FB3">
            <w:r>
              <w:t xml:space="preserve">     * @param {Array} array The array to query.</w:t>
            </w:r>
          </w:p>
          <w:p w:rsidR="00156FB3" w:rsidRDefault="00156FB3" w:rsidP="00156FB3">
            <w:r>
              <w:t xml:space="preserve">     * @returns {*} Returns the last element of `array`.</w:t>
            </w:r>
          </w:p>
          <w:p w:rsidR="00156FB3" w:rsidRDefault="00156FB3" w:rsidP="00156FB3">
            <w:r>
              <w:t xml:space="preserve">     * @example</w:t>
            </w:r>
          </w:p>
          <w:p w:rsidR="00156FB3" w:rsidRDefault="00156FB3" w:rsidP="00156FB3">
            <w:r>
              <w:t xml:space="preserve">     *</w:t>
            </w:r>
          </w:p>
          <w:p w:rsidR="00156FB3" w:rsidRDefault="00156FB3" w:rsidP="00156FB3">
            <w:r>
              <w:t xml:space="preserve">     * _.last([1, 2, 3]);</w:t>
            </w:r>
          </w:p>
          <w:p w:rsidR="00156FB3" w:rsidRDefault="00156FB3" w:rsidP="00156FB3">
            <w:r>
              <w:t xml:space="preserve">     * // =&gt; 3</w:t>
            </w:r>
          </w:p>
          <w:p w:rsidR="00156FB3" w:rsidRDefault="00156FB3" w:rsidP="00156FB3">
            <w:r>
              <w:t xml:space="preserve">     */</w:t>
            </w:r>
          </w:p>
          <w:p w:rsidR="00156FB3" w:rsidRDefault="00156FB3" w:rsidP="00156FB3">
            <w:r>
              <w:t xml:space="preserve">    function last(array) {</w:t>
            </w:r>
          </w:p>
          <w:p w:rsidR="00156FB3" w:rsidRDefault="00156FB3" w:rsidP="00156FB3">
            <w:r>
              <w:t xml:space="preserve">      var length = array == null ? 0 : array.length;</w:t>
            </w:r>
          </w:p>
          <w:p w:rsidR="00156FB3" w:rsidRDefault="00156FB3" w:rsidP="00156FB3">
            <w:r>
              <w:t xml:space="preserve">      return length ? array[length - 1] : undefine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indexOf` except that it iterates over elements of</w:t>
            </w:r>
          </w:p>
          <w:p w:rsidR="00156FB3" w:rsidRDefault="00156FB3" w:rsidP="00156FB3">
            <w:r>
              <w:t xml:space="preserve">     * `array` from right to left.</w:t>
            </w:r>
          </w:p>
          <w:p w:rsidR="00156FB3" w:rsidRDefault="00156FB3" w:rsidP="00156FB3">
            <w:r>
              <w:lastRenderedPageBreak/>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Array</w:t>
            </w:r>
          </w:p>
          <w:p w:rsidR="00156FB3" w:rsidRDefault="00156FB3" w:rsidP="00156FB3">
            <w:r>
              <w:t xml:space="preserve">     * @param {Array} array The array to inspect.</w:t>
            </w:r>
          </w:p>
          <w:p w:rsidR="00156FB3" w:rsidRDefault="00156FB3" w:rsidP="00156FB3">
            <w:r>
              <w:t xml:space="preserve">     * @param {*} value The value to search for.</w:t>
            </w:r>
          </w:p>
          <w:p w:rsidR="00156FB3" w:rsidRDefault="00156FB3" w:rsidP="00156FB3">
            <w:r>
              <w:t xml:space="preserve">     * @param {number} [fromIndex=array.length-1] The index to search from.</w:t>
            </w:r>
          </w:p>
          <w:p w:rsidR="00156FB3" w:rsidRDefault="00156FB3" w:rsidP="00156FB3">
            <w:r>
              <w:t xml:space="preserve">     * @returns {number} Returns the index of the matched value, else `-1`.</w:t>
            </w:r>
          </w:p>
          <w:p w:rsidR="00156FB3" w:rsidRDefault="00156FB3" w:rsidP="00156FB3">
            <w:r>
              <w:t xml:space="preserve">     * @example</w:t>
            </w:r>
          </w:p>
          <w:p w:rsidR="00156FB3" w:rsidRDefault="00156FB3" w:rsidP="00156FB3">
            <w:r>
              <w:t xml:space="preserve">     *</w:t>
            </w:r>
          </w:p>
          <w:p w:rsidR="00156FB3" w:rsidRDefault="00156FB3" w:rsidP="00156FB3">
            <w:r>
              <w:t xml:space="preserve">     * _.lastIndexOf([1, 2, 1, 2], 2);</w:t>
            </w:r>
          </w:p>
          <w:p w:rsidR="00156FB3" w:rsidRDefault="00156FB3" w:rsidP="00156FB3">
            <w:r>
              <w:t xml:space="preserve">     * // =&gt; 3</w:t>
            </w:r>
          </w:p>
          <w:p w:rsidR="00156FB3" w:rsidRDefault="00156FB3" w:rsidP="00156FB3">
            <w:r>
              <w:t xml:space="preserve">     *</w:t>
            </w:r>
          </w:p>
          <w:p w:rsidR="00156FB3" w:rsidRDefault="00156FB3" w:rsidP="00156FB3">
            <w:r>
              <w:t xml:space="preserve">     * // Search from the `fromIndex`.</w:t>
            </w:r>
          </w:p>
          <w:p w:rsidR="00156FB3" w:rsidRDefault="00156FB3" w:rsidP="00156FB3">
            <w:r>
              <w:t xml:space="preserve">     * _.lastIndexOf([1, 2, 1, 2], 2, 2);</w:t>
            </w:r>
          </w:p>
          <w:p w:rsidR="00156FB3" w:rsidRDefault="00156FB3" w:rsidP="00156FB3">
            <w:r>
              <w:t xml:space="preserve">     * // =&gt; 1</w:t>
            </w:r>
          </w:p>
          <w:p w:rsidR="00156FB3" w:rsidRDefault="00156FB3" w:rsidP="00156FB3">
            <w:r>
              <w:t xml:space="preserve">     */</w:t>
            </w:r>
          </w:p>
          <w:p w:rsidR="00156FB3" w:rsidRDefault="00156FB3" w:rsidP="00156FB3">
            <w:r>
              <w:t xml:space="preserve">    function lastIndexOf(array, value, fromIndex) {</w:t>
            </w:r>
          </w:p>
          <w:p w:rsidR="00156FB3" w:rsidRDefault="00156FB3" w:rsidP="00156FB3">
            <w:r>
              <w:t xml:space="preserve">      var length = array == null ? 0 : array.length;</w:t>
            </w:r>
          </w:p>
          <w:p w:rsidR="00156FB3" w:rsidRDefault="00156FB3" w:rsidP="00156FB3">
            <w:r>
              <w:t xml:space="preserve">      if (!length) {</w:t>
            </w:r>
          </w:p>
          <w:p w:rsidR="00156FB3" w:rsidRDefault="00156FB3" w:rsidP="00156FB3">
            <w:r>
              <w:t xml:space="preserve">        return -1;</w:t>
            </w:r>
          </w:p>
          <w:p w:rsidR="00156FB3" w:rsidRDefault="00156FB3" w:rsidP="00156FB3">
            <w:r>
              <w:t xml:space="preserve">      }</w:t>
            </w:r>
          </w:p>
          <w:p w:rsidR="00156FB3" w:rsidRDefault="00156FB3" w:rsidP="00156FB3">
            <w:r>
              <w:t xml:space="preserve">      var index = length;</w:t>
            </w:r>
          </w:p>
          <w:p w:rsidR="00156FB3" w:rsidRDefault="00156FB3" w:rsidP="00156FB3">
            <w:r>
              <w:t xml:space="preserve">      if (fromIndex !== undefined) {</w:t>
            </w:r>
          </w:p>
          <w:p w:rsidR="00156FB3" w:rsidRDefault="00156FB3" w:rsidP="00156FB3">
            <w:r>
              <w:t xml:space="preserve">        index = toInteger(fromIndex);</w:t>
            </w:r>
          </w:p>
          <w:p w:rsidR="00156FB3" w:rsidRDefault="00156FB3" w:rsidP="00156FB3">
            <w:r>
              <w:t xml:space="preserve">        index = index &lt; 0 ? nativeMax(length + index, 0) : nativeMin(index, length - 1);</w:t>
            </w:r>
          </w:p>
          <w:p w:rsidR="00156FB3" w:rsidRDefault="00156FB3" w:rsidP="00156FB3">
            <w:r>
              <w:t xml:space="preserve">      }</w:t>
            </w:r>
          </w:p>
          <w:p w:rsidR="00156FB3" w:rsidRDefault="00156FB3" w:rsidP="00156FB3">
            <w:r>
              <w:t xml:space="preserve">      return value === value</w:t>
            </w:r>
          </w:p>
          <w:p w:rsidR="00156FB3" w:rsidRDefault="00156FB3" w:rsidP="00156FB3">
            <w:r>
              <w:t xml:space="preserve">        ? strictLastIndexOf(array, value, index)</w:t>
            </w:r>
          </w:p>
          <w:p w:rsidR="00156FB3" w:rsidRDefault="00156FB3" w:rsidP="00156FB3">
            <w:r>
              <w:t xml:space="preserve">        : baseFindIndex(array, baseIsNaN, index, tr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element at index `n` of `array`. If `n` is negative, the nth</w:t>
            </w:r>
          </w:p>
          <w:p w:rsidR="00156FB3" w:rsidRDefault="00156FB3" w:rsidP="00156FB3">
            <w:r>
              <w:t xml:space="preserve">     * element from the end is returned.</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11.0</w:t>
            </w:r>
          </w:p>
          <w:p w:rsidR="00156FB3" w:rsidRDefault="00156FB3" w:rsidP="00156FB3">
            <w:r>
              <w:t xml:space="preserve">     * @category Array</w:t>
            </w:r>
          </w:p>
          <w:p w:rsidR="00156FB3" w:rsidRDefault="00156FB3" w:rsidP="00156FB3">
            <w:r>
              <w:t xml:space="preserve">     * @param {Array} array The array to query.</w:t>
            </w:r>
          </w:p>
          <w:p w:rsidR="00156FB3" w:rsidRDefault="00156FB3" w:rsidP="00156FB3">
            <w:r>
              <w:t xml:space="preserve">     * @param {number} [n=0] The index of the element to return.</w:t>
            </w:r>
          </w:p>
          <w:p w:rsidR="00156FB3" w:rsidRDefault="00156FB3" w:rsidP="00156FB3">
            <w:r>
              <w:t xml:space="preserve">     * @returns {*} Returns the nth element of `array`.</w:t>
            </w:r>
          </w:p>
          <w:p w:rsidR="00156FB3" w:rsidRDefault="00156FB3" w:rsidP="00156FB3">
            <w:r>
              <w:t xml:space="preserve">     * @example</w:t>
            </w:r>
          </w:p>
          <w:p w:rsidR="00156FB3" w:rsidRDefault="00156FB3" w:rsidP="00156FB3">
            <w:r>
              <w:t xml:space="preserve">     *</w:t>
            </w:r>
          </w:p>
          <w:p w:rsidR="00156FB3" w:rsidRDefault="00156FB3" w:rsidP="00156FB3">
            <w:r>
              <w:t xml:space="preserve">     * var array = ['a', 'b', 'c', 'd'];</w:t>
            </w:r>
          </w:p>
          <w:p w:rsidR="00156FB3" w:rsidRDefault="00156FB3" w:rsidP="00156FB3">
            <w:r>
              <w:t xml:space="preserve">     *</w:t>
            </w:r>
          </w:p>
          <w:p w:rsidR="00156FB3" w:rsidRDefault="00156FB3" w:rsidP="00156FB3">
            <w:r>
              <w:lastRenderedPageBreak/>
              <w:t xml:space="preserve">     * _.nth(array, 1);</w:t>
            </w:r>
          </w:p>
          <w:p w:rsidR="00156FB3" w:rsidRDefault="00156FB3" w:rsidP="00156FB3">
            <w:r>
              <w:t xml:space="preserve">     * // =&gt; 'b'</w:t>
            </w:r>
          </w:p>
          <w:p w:rsidR="00156FB3" w:rsidRDefault="00156FB3" w:rsidP="00156FB3">
            <w:r>
              <w:t xml:space="preserve">     *</w:t>
            </w:r>
          </w:p>
          <w:p w:rsidR="00156FB3" w:rsidRDefault="00156FB3" w:rsidP="00156FB3">
            <w:r>
              <w:t xml:space="preserve">     * _.nth(array, -2);</w:t>
            </w:r>
          </w:p>
          <w:p w:rsidR="00156FB3" w:rsidRDefault="00156FB3" w:rsidP="00156FB3">
            <w:r>
              <w:t xml:space="preserve">     * // =&gt; 'c';</w:t>
            </w:r>
          </w:p>
          <w:p w:rsidR="00156FB3" w:rsidRDefault="00156FB3" w:rsidP="00156FB3">
            <w:r>
              <w:t xml:space="preserve">     */</w:t>
            </w:r>
          </w:p>
          <w:p w:rsidR="00156FB3" w:rsidRDefault="00156FB3" w:rsidP="00156FB3">
            <w:r>
              <w:t xml:space="preserve">    function nth(array, n) {</w:t>
            </w:r>
          </w:p>
          <w:p w:rsidR="00156FB3" w:rsidRDefault="00156FB3" w:rsidP="00156FB3">
            <w:r>
              <w:t xml:space="preserve">      return (array &amp;&amp; array.length) ? baseNth(array, toInteger(n)) : undefine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moves all given values from `array` using</w:t>
            </w:r>
          </w:p>
          <w:p w:rsidR="00156FB3" w:rsidRDefault="00156FB3" w:rsidP="00156FB3">
            <w:r>
              <w:t xml:space="preserve">     * [`SameValueZero`](http://ecma-international.org/ecma-262/7.0/#sec-samevaluezero)</w:t>
            </w:r>
          </w:p>
          <w:p w:rsidR="00156FB3" w:rsidRDefault="00156FB3" w:rsidP="00156FB3">
            <w:r>
              <w:t xml:space="preserve">     * for equality comparisons.</w:t>
            </w:r>
          </w:p>
          <w:p w:rsidR="00156FB3" w:rsidRDefault="00156FB3" w:rsidP="00156FB3">
            <w:r>
              <w:t xml:space="preserve">     *</w:t>
            </w:r>
          </w:p>
          <w:p w:rsidR="00156FB3" w:rsidRDefault="00156FB3" w:rsidP="00156FB3">
            <w:r>
              <w:t xml:space="preserve">     * **Note:** Unlike `_.without`, this method mutates `array`. Use `_.remove`</w:t>
            </w:r>
          </w:p>
          <w:p w:rsidR="00156FB3" w:rsidRDefault="00156FB3" w:rsidP="00156FB3">
            <w:r>
              <w:t xml:space="preserve">     * to remove elements from an array by predicat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2.0.0</w:t>
            </w:r>
          </w:p>
          <w:p w:rsidR="00156FB3" w:rsidRDefault="00156FB3" w:rsidP="00156FB3">
            <w:r>
              <w:t xml:space="preserve">     * @category Array</w:t>
            </w:r>
          </w:p>
          <w:p w:rsidR="00156FB3" w:rsidRDefault="00156FB3" w:rsidP="00156FB3">
            <w:r>
              <w:t xml:space="preserve">     * @param {Array} array The array to modify.</w:t>
            </w:r>
          </w:p>
          <w:p w:rsidR="00156FB3" w:rsidRDefault="00156FB3" w:rsidP="00156FB3">
            <w:r>
              <w:t xml:space="preserve">     * @param {...*} [values] The values to remove.</w:t>
            </w:r>
          </w:p>
          <w:p w:rsidR="00156FB3" w:rsidRDefault="00156FB3" w:rsidP="00156FB3">
            <w:r>
              <w:t xml:space="preserve">     * @returns {Array} Returns `array`.</w:t>
            </w:r>
          </w:p>
          <w:p w:rsidR="00156FB3" w:rsidRDefault="00156FB3" w:rsidP="00156FB3">
            <w:r>
              <w:t xml:space="preserve">     * @example</w:t>
            </w:r>
          </w:p>
          <w:p w:rsidR="00156FB3" w:rsidRDefault="00156FB3" w:rsidP="00156FB3">
            <w:r>
              <w:t xml:space="preserve">     *</w:t>
            </w:r>
          </w:p>
          <w:p w:rsidR="00156FB3" w:rsidRDefault="00156FB3" w:rsidP="00156FB3">
            <w:r>
              <w:t xml:space="preserve">     * var array = ['a', 'b', 'c', 'a', 'b', 'c'];</w:t>
            </w:r>
          </w:p>
          <w:p w:rsidR="00156FB3" w:rsidRDefault="00156FB3" w:rsidP="00156FB3">
            <w:r>
              <w:t xml:space="preserve">     *</w:t>
            </w:r>
          </w:p>
          <w:p w:rsidR="00156FB3" w:rsidRDefault="00156FB3" w:rsidP="00156FB3">
            <w:r>
              <w:t xml:space="preserve">     * _.pull(array, 'a', 'c');</w:t>
            </w:r>
          </w:p>
          <w:p w:rsidR="00156FB3" w:rsidRDefault="00156FB3" w:rsidP="00156FB3">
            <w:r>
              <w:t xml:space="preserve">     * console.log(array);</w:t>
            </w:r>
          </w:p>
          <w:p w:rsidR="00156FB3" w:rsidRDefault="00156FB3" w:rsidP="00156FB3">
            <w:r>
              <w:t xml:space="preserve">     * // =&gt; ['b', 'b']</w:t>
            </w:r>
          </w:p>
          <w:p w:rsidR="00156FB3" w:rsidRDefault="00156FB3" w:rsidP="00156FB3">
            <w:r>
              <w:t xml:space="preserve">     */</w:t>
            </w:r>
          </w:p>
          <w:p w:rsidR="00156FB3" w:rsidRDefault="00156FB3" w:rsidP="00156FB3">
            <w:r>
              <w:t xml:space="preserve">    var pull = baseRest(pullAll);</w:t>
            </w:r>
          </w:p>
          <w:p w:rsidR="00156FB3" w:rsidRDefault="00156FB3" w:rsidP="00156FB3"/>
          <w:p w:rsidR="00156FB3" w:rsidRDefault="00156FB3" w:rsidP="00156FB3">
            <w:r>
              <w:t xml:space="preserve">    /**</w:t>
            </w:r>
          </w:p>
          <w:p w:rsidR="00156FB3" w:rsidRDefault="00156FB3" w:rsidP="00156FB3">
            <w:r>
              <w:t xml:space="preserve">     * This method is like `_.pull` except that it accepts an array of values to remove.</w:t>
            </w:r>
          </w:p>
          <w:p w:rsidR="00156FB3" w:rsidRDefault="00156FB3" w:rsidP="00156FB3">
            <w:r>
              <w:t xml:space="preserve">     *</w:t>
            </w:r>
          </w:p>
          <w:p w:rsidR="00156FB3" w:rsidRDefault="00156FB3" w:rsidP="00156FB3">
            <w:r>
              <w:t xml:space="preserve">     * **Note:** Unlike `_.difference`, this method mutates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t xml:space="preserve">     * @param {Array} array The array to modify.</w:t>
            </w:r>
          </w:p>
          <w:p w:rsidR="00156FB3" w:rsidRDefault="00156FB3" w:rsidP="00156FB3">
            <w:r>
              <w:t xml:space="preserve">     * @param {Array} values The values to remove.</w:t>
            </w:r>
          </w:p>
          <w:p w:rsidR="00156FB3" w:rsidRDefault="00156FB3" w:rsidP="00156FB3">
            <w:r>
              <w:t xml:space="preserve">     * @returns {Array} Returns `array`.</w:t>
            </w:r>
          </w:p>
          <w:p w:rsidR="00156FB3" w:rsidRDefault="00156FB3" w:rsidP="00156FB3">
            <w:r>
              <w:t xml:space="preserve">     * @example</w:t>
            </w:r>
          </w:p>
          <w:p w:rsidR="00156FB3" w:rsidRDefault="00156FB3" w:rsidP="00156FB3">
            <w:r>
              <w:lastRenderedPageBreak/>
              <w:t xml:space="preserve">     *</w:t>
            </w:r>
          </w:p>
          <w:p w:rsidR="00156FB3" w:rsidRDefault="00156FB3" w:rsidP="00156FB3">
            <w:r>
              <w:t xml:space="preserve">     * var array = ['a', 'b', 'c', 'a', 'b', 'c'];</w:t>
            </w:r>
          </w:p>
          <w:p w:rsidR="00156FB3" w:rsidRDefault="00156FB3" w:rsidP="00156FB3">
            <w:r>
              <w:t xml:space="preserve">     *</w:t>
            </w:r>
          </w:p>
          <w:p w:rsidR="00156FB3" w:rsidRDefault="00156FB3" w:rsidP="00156FB3">
            <w:r>
              <w:t xml:space="preserve">     * _.pullAll(array, ['a', 'c']);</w:t>
            </w:r>
          </w:p>
          <w:p w:rsidR="00156FB3" w:rsidRDefault="00156FB3" w:rsidP="00156FB3">
            <w:r>
              <w:t xml:space="preserve">     * console.log(array);</w:t>
            </w:r>
          </w:p>
          <w:p w:rsidR="00156FB3" w:rsidRDefault="00156FB3" w:rsidP="00156FB3">
            <w:r>
              <w:t xml:space="preserve">     * // =&gt; ['b', 'b']</w:t>
            </w:r>
          </w:p>
          <w:p w:rsidR="00156FB3" w:rsidRDefault="00156FB3" w:rsidP="00156FB3">
            <w:r>
              <w:t xml:space="preserve">     */</w:t>
            </w:r>
          </w:p>
          <w:p w:rsidR="00156FB3" w:rsidRDefault="00156FB3" w:rsidP="00156FB3">
            <w:r>
              <w:t xml:space="preserve">    function pullAll(array, values) {</w:t>
            </w:r>
          </w:p>
          <w:p w:rsidR="00156FB3" w:rsidRDefault="00156FB3" w:rsidP="00156FB3">
            <w:r>
              <w:t xml:space="preserve">      return (array &amp;&amp; array.length &amp;&amp; values &amp;&amp; values.length)</w:t>
            </w:r>
          </w:p>
          <w:p w:rsidR="00156FB3" w:rsidRDefault="00156FB3" w:rsidP="00156FB3">
            <w:r>
              <w:t xml:space="preserve">        ? basePullAll(array, values)</w:t>
            </w:r>
          </w:p>
          <w:p w:rsidR="00156FB3" w:rsidRDefault="00156FB3" w:rsidP="00156FB3">
            <w:r>
              <w:t xml:space="preserve">        : arra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pullAll` except that it accepts `iteratee` which is</w:t>
            </w:r>
          </w:p>
          <w:p w:rsidR="00156FB3" w:rsidRDefault="00156FB3" w:rsidP="00156FB3">
            <w:r>
              <w:t xml:space="preserve">     * invoked for each element of `array` and `values` to generate the criterion</w:t>
            </w:r>
          </w:p>
          <w:p w:rsidR="00156FB3" w:rsidRDefault="00156FB3" w:rsidP="00156FB3">
            <w:r>
              <w:t xml:space="preserve">     * by which they're compared. The iteratee is invoked with one argument: (value).</w:t>
            </w:r>
          </w:p>
          <w:p w:rsidR="00156FB3" w:rsidRDefault="00156FB3" w:rsidP="00156FB3">
            <w:r>
              <w:t xml:space="preserve">     *</w:t>
            </w:r>
          </w:p>
          <w:p w:rsidR="00156FB3" w:rsidRDefault="00156FB3" w:rsidP="00156FB3">
            <w:r>
              <w:t xml:space="preserve">     * **Note:** Unlike `_.differenceBy`, this method mutates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t xml:space="preserve">     * @param {Array} array The array to modify.</w:t>
            </w:r>
          </w:p>
          <w:p w:rsidR="00156FB3" w:rsidRDefault="00156FB3" w:rsidP="00156FB3">
            <w:r>
              <w:t xml:space="preserve">     * @param {Array} values The values to remove.</w:t>
            </w:r>
          </w:p>
          <w:p w:rsidR="00156FB3" w:rsidRDefault="00156FB3" w:rsidP="00156FB3">
            <w:r>
              <w:t xml:space="preserve">     * @param {Function} [iteratee=_.identity] The iteratee invoked per element.</w:t>
            </w:r>
          </w:p>
          <w:p w:rsidR="00156FB3" w:rsidRDefault="00156FB3" w:rsidP="00156FB3">
            <w:r>
              <w:t xml:space="preserve">     * @returns {Array} Returns `array`.</w:t>
            </w:r>
          </w:p>
          <w:p w:rsidR="00156FB3" w:rsidRDefault="00156FB3" w:rsidP="00156FB3">
            <w:r>
              <w:t xml:space="preserve">     * @example</w:t>
            </w:r>
          </w:p>
          <w:p w:rsidR="00156FB3" w:rsidRDefault="00156FB3" w:rsidP="00156FB3">
            <w:r>
              <w:t xml:space="preserve">     *</w:t>
            </w:r>
          </w:p>
          <w:p w:rsidR="00156FB3" w:rsidRDefault="00156FB3" w:rsidP="00156FB3">
            <w:r>
              <w:t xml:space="preserve">     * var array = [{ 'x': 1 }, { 'x': 2 }, { 'x': 3 }, { 'x': 1 }];</w:t>
            </w:r>
          </w:p>
          <w:p w:rsidR="00156FB3" w:rsidRDefault="00156FB3" w:rsidP="00156FB3">
            <w:r>
              <w:t xml:space="preserve">     *</w:t>
            </w:r>
          </w:p>
          <w:p w:rsidR="00156FB3" w:rsidRDefault="00156FB3" w:rsidP="00156FB3">
            <w:r>
              <w:t xml:space="preserve">     * _.pullAllBy(array, [{ 'x': 1 }, { 'x': 3 }], 'x');</w:t>
            </w:r>
          </w:p>
          <w:p w:rsidR="00156FB3" w:rsidRDefault="00156FB3" w:rsidP="00156FB3">
            <w:r>
              <w:t xml:space="preserve">     * console.log(array);</w:t>
            </w:r>
          </w:p>
          <w:p w:rsidR="00156FB3" w:rsidRDefault="00156FB3" w:rsidP="00156FB3">
            <w:r>
              <w:t xml:space="preserve">     * // =&gt; [{ 'x': 2 }]</w:t>
            </w:r>
          </w:p>
          <w:p w:rsidR="00156FB3" w:rsidRDefault="00156FB3" w:rsidP="00156FB3">
            <w:r>
              <w:t xml:space="preserve">     */</w:t>
            </w:r>
          </w:p>
          <w:p w:rsidR="00156FB3" w:rsidRDefault="00156FB3" w:rsidP="00156FB3">
            <w:r>
              <w:t xml:space="preserve">    function pullAllBy(array, values, iteratee) {</w:t>
            </w:r>
          </w:p>
          <w:p w:rsidR="00156FB3" w:rsidRDefault="00156FB3" w:rsidP="00156FB3">
            <w:r>
              <w:t xml:space="preserve">      return (array &amp;&amp; array.length &amp;&amp; values &amp;&amp; values.length)</w:t>
            </w:r>
          </w:p>
          <w:p w:rsidR="00156FB3" w:rsidRDefault="00156FB3" w:rsidP="00156FB3">
            <w:r>
              <w:t xml:space="preserve">        ? basePullAll(array, values, getIteratee(iteratee, 2))</w:t>
            </w:r>
          </w:p>
          <w:p w:rsidR="00156FB3" w:rsidRDefault="00156FB3" w:rsidP="00156FB3">
            <w:r>
              <w:t xml:space="preserve">        : arra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pullAll` except that it accepts `comparator` which</w:t>
            </w:r>
          </w:p>
          <w:p w:rsidR="00156FB3" w:rsidRDefault="00156FB3" w:rsidP="00156FB3">
            <w:r>
              <w:t xml:space="preserve">     * is invoked to compare elements of `array` to `values`. The comparator is</w:t>
            </w:r>
          </w:p>
          <w:p w:rsidR="00156FB3" w:rsidRDefault="00156FB3" w:rsidP="00156FB3">
            <w:r>
              <w:t xml:space="preserve">     * invoked with two arguments: (arrVal, othVal).</w:t>
            </w:r>
          </w:p>
          <w:p w:rsidR="00156FB3" w:rsidRDefault="00156FB3" w:rsidP="00156FB3">
            <w:r>
              <w:t xml:space="preserve">     *</w:t>
            </w:r>
          </w:p>
          <w:p w:rsidR="00156FB3" w:rsidRDefault="00156FB3" w:rsidP="00156FB3">
            <w:r>
              <w:t xml:space="preserve">     * **Note:** Unlike `_.differenceWith`, this method mutates `array`.</w:t>
            </w:r>
          </w:p>
          <w:p w:rsidR="00156FB3" w:rsidRDefault="00156FB3" w:rsidP="00156FB3">
            <w:r>
              <w:lastRenderedPageBreak/>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6.0</w:t>
            </w:r>
          </w:p>
          <w:p w:rsidR="00156FB3" w:rsidRDefault="00156FB3" w:rsidP="00156FB3">
            <w:r>
              <w:t xml:space="preserve">     * @category Array</w:t>
            </w:r>
          </w:p>
          <w:p w:rsidR="00156FB3" w:rsidRDefault="00156FB3" w:rsidP="00156FB3">
            <w:r>
              <w:t xml:space="preserve">     * @param {Array} array The array to modify.</w:t>
            </w:r>
          </w:p>
          <w:p w:rsidR="00156FB3" w:rsidRDefault="00156FB3" w:rsidP="00156FB3">
            <w:r>
              <w:t xml:space="preserve">     * @param {Array} values The values to remove.</w:t>
            </w:r>
          </w:p>
          <w:p w:rsidR="00156FB3" w:rsidRDefault="00156FB3" w:rsidP="00156FB3">
            <w:r>
              <w:t xml:space="preserve">     * @param {Function} [comparator] The comparator invoked per element.</w:t>
            </w:r>
          </w:p>
          <w:p w:rsidR="00156FB3" w:rsidRDefault="00156FB3" w:rsidP="00156FB3">
            <w:r>
              <w:t xml:space="preserve">     * @returns {Array} Returns `array`.</w:t>
            </w:r>
          </w:p>
          <w:p w:rsidR="00156FB3" w:rsidRDefault="00156FB3" w:rsidP="00156FB3">
            <w:r>
              <w:t xml:space="preserve">     * @example</w:t>
            </w:r>
          </w:p>
          <w:p w:rsidR="00156FB3" w:rsidRDefault="00156FB3" w:rsidP="00156FB3">
            <w:r>
              <w:t xml:space="preserve">     *</w:t>
            </w:r>
          </w:p>
          <w:p w:rsidR="00156FB3" w:rsidRDefault="00156FB3" w:rsidP="00156FB3">
            <w:r>
              <w:t xml:space="preserve">     * var array = [{ 'x': 1, 'y': 2 }, { 'x': 3, 'y': 4 }, { 'x': 5, 'y': 6 }];</w:t>
            </w:r>
          </w:p>
          <w:p w:rsidR="00156FB3" w:rsidRDefault="00156FB3" w:rsidP="00156FB3">
            <w:r>
              <w:t xml:space="preserve">     *</w:t>
            </w:r>
          </w:p>
          <w:p w:rsidR="00156FB3" w:rsidRDefault="00156FB3" w:rsidP="00156FB3">
            <w:r>
              <w:t xml:space="preserve">     * _.pullAllWith(array, [{ 'x': 3, 'y': 4 }], _.isEqual);</w:t>
            </w:r>
          </w:p>
          <w:p w:rsidR="00156FB3" w:rsidRDefault="00156FB3" w:rsidP="00156FB3">
            <w:r>
              <w:t xml:space="preserve">     * console.log(array);</w:t>
            </w:r>
          </w:p>
          <w:p w:rsidR="00156FB3" w:rsidRDefault="00156FB3" w:rsidP="00156FB3">
            <w:r>
              <w:t xml:space="preserve">     * // =&gt; [{ 'x': 1, 'y': 2 }, { 'x': 5, 'y': 6 }]</w:t>
            </w:r>
          </w:p>
          <w:p w:rsidR="00156FB3" w:rsidRDefault="00156FB3" w:rsidP="00156FB3">
            <w:r>
              <w:t xml:space="preserve">     */</w:t>
            </w:r>
          </w:p>
          <w:p w:rsidR="00156FB3" w:rsidRDefault="00156FB3" w:rsidP="00156FB3">
            <w:r>
              <w:t xml:space="preserve">    function pullAllWith(array, values, comparator) {</w:t>
            </w:r>
          </w:p>
          <w:p w:rsidR="00156FB3" w:rsidRDefault="00156FB3" w:rsidP="00156FB3">
            <w:r>
              <w:t xml:space="preserve">      return (array &amp;&amp; array.length &amp;&amp; values &amp;&amp; values.length)</w:t>
            </w:r>
          </w:p>
          <w:p w:rsidR="00156FB3" w:rsidRDefault="00156FB3" w:rsidP="00156FB3">
            <w:r>
              <w:t xml:space="preserve">        ? basePullAll(array, values, undefined, comparator)</w:t>
            </w:r>
          </w:p>
          <w:p w:rsidR="00156FB3" w:rsidRDefault="00156FB3" w:rsidP="00156FB3">
            <w:r>
              <w:t xml:space="preserve">        : arra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moves elements from `array` corresponding to `indexes` and returns an</w:t>
            </w:r>
          </w:p>
          <w:p w:rsidR="00156FB3" w:rsidRDefault="00156FB3" w:rsidP="00156FB3">
            <w:r>
              <w:t xml:space="preserve">     * array of removed elements.</w:t>
            </w:r>
          </w:p>
          <w:p w:rsidR="00156FB3" w:rsidRDefault="00156FB3" w:rsidP="00156FB3">
            <w:r>
              <w:t xml:space="preserve">     *</w:t>
            </w:r>
          </w:p>
          <w:p w:rsidR="00156FB3" w:rsidRDefault="00156FB3" w:rsidP="00156FB3">
            <w:r>
              <w:t xml:space="preserve">     * **Note:** Unlike `_.at`, this method mutates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Array</w:t>
            </w:r>
          </w:p>
          <w:p w:rsidR="00156FB3" w:rsidRDefault="00156FB3" w:rsidP="00156FB3">
            <w:r>
              <w:t xml:space="preserve">     * @param {Array} array The array to modify.</w:t>
            </w:r>
          </w:p>
          <w:p w:rsidR="00156FB3" w:rsidRDefault="00156FB3" w:rsidP="00156FB3">
            <w:r>
              <w:t xml:space="preserve">     * @param {...(number|number[])} [indexes] The indexes of elements to remove.</w:t>
            </w:r>
          </w:p>
          <w:p w:rsidR="00156FB3" w:rsidRDefault="00156FB3" w:rsidP="00156FB3">
            <w:r>
              <w:t xml:space="preserve">     * @returns {Array} Returns the new array of removed elements.</w:t>
            </w:r>
          </w:p>
          <w:p w:rsidR="00156FB3" w:rsidRDefault="00156FB3" w:rsidP="00156FB3">
            <w:r>
              <w:t xml:space="preserve">     * @example</w:t>
            </w:r>
          </w:p>
          <w:p w:rsidR="00156FB3" w:rsidRDefault="00156FB3" w:rsidP="00156FB3">
            <w:r>
              <w:t xml:space="preserve">     *</w:t>
            </w:r>
          </w:p>
          <w:p w:rsidR="00156FB3" w:rsidRDefault="00156FB3" w:rsidP="00156FB3">
            <w:r>
              <w:t xml:space="preserve">     * var array = ['a', 'b', 'c', 'd'];</w:t>
            </w:r>
          </w:p>
          <w:p w:rsidR="00156FB3" w:rsidRDefault="00156FB3" w:rsidP="00156FB3">
            <w:r>
              <w:t xml:space="preserve">     * var pulled = _.pullAt(array, [1, 3]);</w:t>
            </w:r>
          </w:p>
          <w:p w:rsidR="00156FB3" w:rsidRDefault="00156FB3" w:rsidP="00156FB3">
            <w:r>
              <w:t xml:space="preserve">     *</w:t>
            </w:r>
          </w:p>
          <w:p w:rsidR="00156FB3" w:rsidRDefault="00156FB3" w:rsidP="00156FB3">
            <w:r>
              <w:t xml:space="preserve">     * console.log(array);</w:t>
            </w:r>
          </w:p>
          <w:p w:rsidR="00156FB3" w:rsidRDefault="00156FB3" w:rsidP="00156FB3">
            <w:r>
              <w:t xml:space="preserve">     * // =&gt; ['a', 'c']</w:t>
            </w:r>
          </w:p>
          <w:p w:rsidR="00156FB3" w:rsidRDefault="00156FB3" w:rsidP="00156FB3">
            <w:r>
              <w:t xml:space="preserve">     *</w:t>
            </w:r>
          </w:p>
          <w:p w:rsidR="00156FB3" w:rsidRDefault="00156FB3" w:rsidP="00156FB3">
            <w:r>
              <w:t xml:space="preserve">     * console.log(pulled);</w:t>
            </w:r>
          </w:p>
          <w:p w:rsidR="00156FB3" w:rsidRDefault="00156FB3" w:rsidP="00156FB3">
            <w:r>
              <w:t xml:space="preserve">     * // =&gt; ['b', 'd']</w:t>
            </w:r>
          </w:p>
          <w:p w:rsidR="00156FB3" w:rsidRDefault="00156FB3" w:rsidP="00156FB3">
            <w:r>
              <w:t xml:space="preserve">     */</w:t>
            </w:r>
          </w:p>
          <w:p w:rsidR="00156FB3" w:rsidRDefault="00156FB3" w:rsidP="00156FB3">
            <w:r>
              <w:t xml:space="preserve">    var pullAt = flatRest(function(array, indexes) {</w:t>
            </w:r>
          </w:p>
          <w:p w:rsidR="00156FB3" w:rsidRDefault="00156FB3" w:rsidP="00156FB3">
            <w:r>
              <w:lastRenderedPageBreak/>
              <w:t xml:space="preserve">      var length = array == null ? 0 : array.length,</w:t>
            </w:r>
          </w:p>
          <w:p w:rsidR="00156FB3" w:rsidRDefault="00156FB3" w:rsidP="00156FB3">
            <w:r>
              <w:t xml:space="preserve">          result = baseAt(array, indexes);</w:t>
            </w:r>
          </w:p>
          <w:p w:rsidR="00156FB3" w:rsidRDefault="00156FB3" w:rsidP="00156FB3"/>
          <w:p w:rsidR="00156FB3" w:rsidRDefault="00156FB3" w:rsidP="00156FB3">
            <w:r>
              <w:t xml:space="preserve">      basePullAt(array, arrayMap(indexes, function(index) {</w:t>
            </w:r>
          </w:p>
          <w:p w:rsidR="00156FB3" w:rsidRDefault="00156FB3" w:rsidP="00156FB3">
            <w:r>
              <w:t xml:space="preserve">        return isIndex(index, length) ? +index : index;</w:t>
            </w:r>
          </w:p>
          <w:p w:rsidR="00156FB3" w:rsidRDefault="00156FB3" w:rsidP="00156FB3">
            <w:r>
              <w:t xml:space="preserve">      }).sort(compareAscending));</w:t>
            </w:r>
          </w:p>
          <w:p w:rsidR="00156FB3" w:rsidRDefault="00156FB3" w:rsidP="00156FB3"/>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moves all elements from `array` that `predicate` returns truthy for</w:t>
            </w:r>
          </w:p>
          <w:p w:rsidR="00156FB3" w:rsidRDefault="00156FB3" w:rsidP="00156FB3">
            <w:r>
              <w:t xml:space="preserve">     * and returns an array of the removed elements. The predicate is invoked</w:t>
            </w:r>
          </w:p>
          <w:p w:rsidR="00156FB3" w:rsidRDefault="00156FB3" w:rsidP="00156FB3">
            <w:r>
              <w:t xml:space="preserve">     * with three arguments: (value, index, array).</w:t>
            </w:r>
          </w:p>
          <w:p w:rsidR="00156FB3" w:rsidRDefault="00156FB3" w:rsidP="00156FB3">
            <w:r>
              <w:t xml:space="preserve">     *</w:t>
            </w:r>
          </w:p>
          <w:p w:rsidR="00156FB3" w:rsidRDefault="00156FB3" w:rsidP="00156FB3">
            <w:r>
              <w:t xml:space="preserve">     * **Note:** Unlike `_.filter`, this method mutates `array`. Use `_.pull`</w:t>
            </w:r>
          </w:p>
          <w:p w:rsidR="00156FB3" w:rsidRDefault="00156FB3" w:rsidP="00156FB3">
            <w:r>
              <w:t xml:space="preserve">     * to pull elements from an array by valu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2.0.0</w:t>
            </w:r>
          </w:p>
          <w:p w:rsidR="00156FB3" w:rsidRDefault="00156FB3" w:rsidP="00156FB3">
            <w:r>
              <w:t xml:space="preserve">     * @category Array</w:t>
            </w:r>
          </w:p>
          <w:p w:rsidR="00156FB3" w:rsidRDefault="00156FB3" w:rsidP="00156FB3">
            <w:r>
              <w:t xml:space="preserve">     * @param {Array} array The array to modify.</w:t>
            </w:r>
          </w:p>
          <w:p w:rsidR="00156FB3" w:rsidRDefault="00156FB3" w:rsidP="00156FB3">
            <w:r>
              <w:t xml:space="preserve">     * @param {Function} [predicate=_.identity] The function invoked per iteration.</w:t>
            </w:r>
          </w:p>
          <w:p w:rsidR="00156FB3" w:rsidRDefault="00156FB3" w:rsidP="00156FB3">
            <w:r>
              <w:t xml:space="preserve">     * @returns {Array} Returns the new array of removed elements.</w:t>
            </w:r>
          </w:p>
          <w:p w:rsidR="00156FB3" w:rsidRDefault="00156FB3" w:rsidP="00156FB3">
            <w:r>
              <w:t xml:space="preserve">     * @example</w:t>
            </w:r>
          </w:p>
          <w:p w:rsidR="00156FB3" w:rsidRDefault="00156FB3" w:rsidP="00156FB3">
            <w:r>
              <w:t xml:space="preserve">     *</w:t>
            </w:r>
          </w:p>
          <w:p w:rsidR="00156FB3" w:rsidRDefault="00156FB3" w:rsidP="00156FB3">
            <w:r>
              <w:t xml:space="preserve">     * var array = [1, 2, 3, 4];</w:t>
            </w:r>
          </w:p>
          <w:p w:rsidR="00156FB3" w:rsidRDefault="00156FB3" w:rsidP="00156FB3">
            <w:r>
              <w:t xml:space="preserve">     * var evens = _.remove(array, function(n) {</w:t>
            </w:r>
          </w:p>
          <w:p w:rsidR="00156FB3" w:rsidRDefault="00156FB3" w:rsidP="00156FB3">
            <w:r>
              <w:t xml:space="preserve">     *   return n % 2 == 0;</w:t>
            </w:r>
          </w:p>
          <w:p w:rsidR="00156FB3" w:rsidRDefault="00156FB3" w:rsidP="00156FB3">
            <w:r>
              <w:t xml:space="preserve">     * });</w:t>
            </w:r>
          </w:p>
          <w:p w:rsidR="00156FB3" w:rsidRDefault="00156FB3" w:rsidP="00156FB3">
            <w:r>
              <w:t xml:space="preserve">     *</w:t>
            </w:r>
          </w:p>
          <w:p w:rsidR="00156FB3" w:rsidRDefault="00156FB3" w:rsidP="00156FB3">
            <w:r>
              <w:t xml:space="preserve">     * console.log(array);</w:t>
            </w:r>
          </w:p>
          <w:p w:rsidR="00156FB3" w:rsidRDefault="00156FB3" w:rsidP="00156FB3">
            <w:r>
              <w:t xml:space="preserve">     * // =&gt; [1, 3]</w:t>
            </w:r>
          </w:p>
          <w:p w:rsidR="00156FB3" w:rsidRDefault="00156FB3" w:rsidP="00156FB3">
            <w:r>
              <w:t xml:space="preserve">     *</w:t>
            </w:r>
          </w:p>
          <w:p w:rsidR="00156FB3" w:rsidRDefault="00156FB3" w:rsidP="00156FB3">
            <w:r>
              <w:t xml:space="preserve">     * console.log(evens);</w:t>
            </w:r>
          </w:p>
          <w:p w:rsidR="00156FB3" w:rsidRDefault="00156FB3" w:rsidP="00156FB3">
            <w:r>
              <w:t xml:space="preserve">     * // =&gt; [2, 4]</w:t>
            </w:r>
          </w:p>
          <w:p w:rsidR="00156FB3" w:rsidRDefault="00156FB3" w:rsidP="00156FB3">
            <w:r>
              <w:t xml:space="preserve">     */</w:t>
            </w:r>
          </w:p>
          <w:p w:rsidR="00156FB3" w:rsidRDefault="00156FB3" w:rsidP="00156FB3">
            <w:r>
              <w:t xml:space="preserve">    function remove(array, predicate) {</w:t>
            </w:r>
          </w:p>
          <w:p w:rsidR="00156FB3" w:rsidRDefault="00156FB3" w:rsidP="00156FB3">
            <w:r>
              <w:t xml:space="preserve">      var result = [];</w:t>
            </w:r>
          </w:p>
          <w:p w:rsidR="00156FB3" w:rsidRDefault="00156FB3" w:rsidP="00156FB3">
            <w:r>
              <w:t xml:space="preserve">      if (!(array &amp;&amp; array.length)) {</w:t>
            </w:r>
          </w:p>
          <w:p w:rsidR="00156FB3" w:rsidRDefault="00156FB3" w:rsidP="00156FB3">
            <w:r>
              <w:t xml:space="preserve">        return result;</w:t>
            </w:r>
          </w:p>
          <w:p w:rsidR="00156FB3" w:rsidRDefault="00156FB3" w:rsidP="00156FB3">
            <w:r>
              <w:t xml:space="preserve">      }</w:t>
            </w:r>
          </w:p>
          <w:p w:rsidR="00156FB3" w:rsidRDefault="00156FB3" w:rsidP="00156FB3">
            <w:r>
              <w:t xml:space="preserve">      var index = -1,</w:t>
            </w:r>
          </w:p>
          <w:p w:rsidR="00156FB3" w:rsidRDefault="00156FB3" w:rsidP="00156FB3">
            <w:r>
              <w:t xml:space="preserve">          indexes = [],</w:t>
            </w:r>
          </w:p>
          <w:p w:rsidR="00156FB3" w:rsidRDefault="00156FB3" w:rsidP="00156FB3">
            <w:r>
              <w:t xml:space="preserve">          length = array.length;</w:t>
            </w:r>
          </w:p>
          <w:p w:rsidR="00156FB3" w:rsidRDefault="00156FB3" w:rsidP="00156FB3"/>
          <w:p w:rsidR="00156FB3" w:rsidRDefault="00156FB3" w:rsidP="00156FB3">
            <w:r>
              <w:t xml:space="preserve">      predicate = getIteratee(predicate, 3);</w:t>
            </w:r>
          </w:p>
          <w:p w:rsidR="00156FB3" w:rsidRDefault="00156FB3" w:rsidP="00156FB3">
            <w:r>
              <w:lastRenderedPageBreak/>
              <w:t xml:space="preserve">      while (++index &lt; length) {</w:t>
            </w:r>
          </w:p>
          <w:p w:rsidR="00156FB3" w:rsidRDefault="00156FB3" w:rsidP="00156FB3">
            <w:r>
              <w:t xml:space="preserve">        var value = array[index];</w:t>
            </w:r>
          </w:p>
          <w:p w:rsidR="00156FB3" w:rsidRDefault="00156FB3" w:rsidP="00156FB3">
            <w:r>
              <w:t xml:space="preserve">        if (predicate(value, index, array)) {</w:t>
            </w:r>
          </w:p>
          <w:p w:rsidR="00156FB3" w:rsidRDefault="00156FB3" w:rsidP="00156FB3">
            <w:r>
              <w:t xml:space="preserve">          result.push(value);</w:t>
            </w:r>
          </w:p>
          <w:p w:rsidR="00156FB3" w:rsidRDefault="00156FB3" w:rsidP="00156FB3">
            <w:r>
              <w:t xml:space="preserve">          indexes.push(index);</w:t>
            </w:r>
          </w:p>
          <w:p w:rsidR="00156FB3" w:rsidRDefault="00156FB3" w:rsidP="00156FB3">
            <w:r>
              <w:t xml:space="preserve">        }</w:t>
            </w:r>
          </w:p>
          <w:p w:rsidR="00156FB3" w:rsidRDefault="00156FB3" w:rsidP="00156FB3">
            <w:r>
              <w:t xml:space="preserve">      }</w:t>
            </w:r>
          </w:p>
          <w:p w:rsidR="00156FB3" w:rsidRDefault="00156FB3" w:rsidP="00156FB3">
            <w:r>
              <w:t xml:space="preserve">      basePullAt(array, indexes);</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verses `array` so that the first element becomes the last, the second</w:t>
            </w:r>
          </w:p>
          <w:p w:rsidR="00156FB3" w:rsidRDefault="00156FB3" w:rsidP="00156FB3">
            <w:r>
              <w:t xml:space="preserve">     * element becomes the second to last, and so on.</w:t>
            </w:r>
          </w:p>
          <w:p w:rsidR="00156FB3" w:rsidRDefault="00156FB3" w:rsidP="00156FB3">
            <w:r>
              <w:t xml:space="preserve">     *</w:t>
            </w:r>
          </w:p>
          <w:p w:rsidR="00156FB3" w:rsidRDefault="00156FB3" w:rsidP="00156FB3">
            <w:r>
              <w:t xml:space="preserve">     * **Note:** This method mutates `array` and is based on</w:t>
            </w:r>
          </w:p>
          <w:p w:rsidR="00156FB3" w:rsidRDefault="00156FB3" w:rsidP="00156FB3">
            <w:r>
              <w:t xml:space="preserve">     * [`Array#reverse`](https://mdn.io/Array/revers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t xml:space="preserve">     * @param {Array} array The array to modify.</w:t>
            </w:r>
          </w:p>
          <w:p w:rsidR="00156FB3" w:rsidRDefault="00156FB3" w:rsidP="00156FB3">
            <w:r>
              <w:t xml:space="preserve">     * @returns {Array} Returns `array`.</w:t>
            </w:r>
          </w:p>
          <w:p w:rsidR="00156FB3" w:rsidRDefault="00156FB3" w:rsidP="00156FB3">
            <w:r>
              <w:t xml:space="preserve">     * @example</w:t>
            </w:r>
          </w:p>
          <w:p w:rsidR="00156FB3" w:rsidRDefault="00156FB3" w:rsidP="00156FB3">
            <w:r>
              <w:t xml:space="preserve">     *</w:t>
            </w:r>
          </w:p>
          <w:p w:rsidR="00156FB3" w:rsidRDefault="00156FB3" w:rsidP="00156FB3">
            <w:r>
              <w:t xml:space="preserve">     * var array = [1, 2, 3];</w:t>
            </w:r>
          </w:p>
          <w:p w:rsidR="00156FB3" w:rsidRDefault="00156FB3" w:rsidP="00156FB3">
            <w:r>
              <w:t xml:space="preserve">     *</w:t>
            </w:r>
          </w:p>
          <w:p w:rsidR="00156FB3" w:rsidRDefault="00156FB3" w:rsidP="00156FB3">
            <w:r>
              <w:t xml:space="preserve">     * _.reverse(array);</w:t>
            </w:r>
          </w:p>
          <w:p w:rsidR="00156FB3" w:rsidRDefault="00156FB3" w:rsidP="00156FB3">
            <w:r>
              <w:t xml:space="preserve">     * // =&gt; [3, 2, 1]</w:t>
            </w:r>
          </w:p>
          <w:p w:rsidR="00156FB3" w:rsidRDefault="00156FB3" w:rsidP="00156FB3">
            <w:r>
              <w:t xml:space="preserve">     *</w:t>
            </w:r>
          </w:p>
          <w:p w:rsidR="00156FB3" w:rsidRDefault="00156FB3" w:rsidP="00156FB3">
            <w:r>
              <w:t xml:space="preserve">     * console.log(array);</w:t>
            </w:r>
          </w:p>
          <w:p w:rsidR="00156FB3" w:rsidRDefault="00156FB3" w:rsidP="00156FB3">
            <w:r>
              <w:t xml:space="preserve">     * // =&gt; [3, 2, 1]</w:t>
            </w:r>
          </w:p>
          <w:p w:rsidR="00156FB3" w:rsidRDefault="00156FB3" w:rsidP="00156FB3">
            <w:r>
              <w:t xml:space="preserve">     */</w:t>
            </w:r>
          </w:p>
          <w:p w:rsidR="00156FB3" w:rsidRDefault="00156FB3" w:rsidP="00156FB3">
            <w:r>
              <w:t xml:space="preserve">    function reverse(array) {</w:t>
            </w:r>
          </w:p>
          <w:p w:rsidR="00156FB3" w:rsidRDefault="00156FB3" w:rsidP="00156FB3">
            <w:r>
              <w:t xml:space="preserve">      return array == null ? array : nativeReverse.call(arra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slice of `array` from `start` up to, but not including, `end`.</w:t>
            </w:r>
          </w:p>
          <w:p w:rsidR="00156FB3" w:rsidRDefault="00156FB3" w:rsidP="00156FB3">
            <w:r>
              <w:t xml:space="preserve">     *</w:t>
            </w:r>
          </w:p>
          <w:p w:rsidR="00156FB3" w:rsidRDefault="00156FB3" w:rsidP="00156FB3">
            <w:r>
              <w:t xml:space="preserve">     * **Note:** This method is used instead of</w:t>
            </w:r>
          </w:p>
          <w:p w:rsidR="00156FB3" w:rsidRDefault="00156FB3" w:rsidP="00156FB3">
            <w:r>
              <w:t xml:space="preserve">     * [`Array#slice`](https://mdn.io/Array/slice) to ensure dense arrays are</w:t>
            </w:r>
          </w:p>
          <w:p w:rsidR="00156FB3" w:rsidRDefault="00156FB3" w:rsidP="00156FB3">
            <w:r>
              <w:t xml:space="preserve">     * returned.</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lastRenderedPageBreak/>
              <w:t xml:space="preserve">     * @category Array</w:t>
            </w:r>
          </w:p>
          <w:p w:rsidR="00156FB3" w:rsidRDefault="00156FB3" w:rsidP="00156FB3">
            <w:r>
              <w:t xml:space="preserve">     * @param {Array} array The array to slice.</w:t>
            </w:r>
          </w:p>
          <w:p w:rsidR="00156FB3" w:rsidRDefault="00156FB3" w:rsidP="00156FB3">
            <w:r>
              <w:t xml:space="preserve">     * @param {number} [start=0] The start position.</w:t>
            </w:r>
          </w:p>
          <w:p w:rsidR="00156FB3" w:rsidRDefault="00156FB3" w:rsidP="00156FB3">
            <w:r>
              <w:t xml:space="preserve">     * @param {number} [end=array.length] The end position.</w:t>
            </w:r>
          </w:p>
          <w:p w:rsidR="00156FB3" w:rsidRDefault="00156FB3" w:rsidP="00156FB3">
            <w:r>
              <w:t xml:space="preserve">     * @returns {Array} Returns the slice of `array`.</w:t>
            </w:r>
          </w:p>
          <w:p w:rsidR="00156FB3" w:rsidRDefault="00156FB3" w:rsidP="00156FB3">
            <w:r>
              <w:t xml:space="preserve">     */</w:t>
            </w:r>
          </w:p>
          <w:p w:rsidR="00156FB3" w:rsidRDefault="00156FB3" w:rsidP="00156FB3">
            <w:r>
              <w:t xml:space="preserve">    function slice(array, start, end) {</w:t>
            </w:r>
          </w:p>
          <w:p w:rsidR="00156FB3" w:rsidRDefault="00156FB3" w:rsidP="00156FB3">
            <w:r>
              <w:t xml:space="preserve">      var length = array == null ? 0 : array.length;</w:t>
            </w:r>
          </w:p>
          <w:p w:rsidR="00156FB3" w:rsidRDefault="00156FB3" w:rsidP="00156FB3">
            <w:r>
              <w:t xml:space="preserve">      if (!length) {</w:t>
            </w:r>
          </w:p>
          <w:p w:rsidR="00156FB3" w:rsidRDefault="00156FB3" w:rsidP="00156FB3">
            <w:r>
              <w:t xml:space="preserve">        return [];</w:t>
            </w:r>
          </w:p>
          <w:p w:rsidR="00156FB3" w:rsidRDefault="00156FB3" w:rsidP="00156FB3">
            <w:r>
              <w:t xml:space="preserve">      }</w:t>
            </w:r>
          </w:p>
          <w:p w:rsidR="00156FB3" w:rsidRDefault="00156FB3" w:rsidP="00156FB3">
            <w:r>
              <w:t xml:space="preserve">      if (end &amp;&amp; typeof end != 'number' &amp;&amp; isIterateeCall(array, start, end)) {</w:t>
            </w:r>
          </w:p>
          <w:p w:rsidR="00156FB3" w:rsidRDefault="00156FB3" w:rsidP="00156FB3">
            <w:r>
              <w:t xml:space="preserve">        start = 0;</w:t>
            </w:r>
          </w:p>
          <w:p w:rsidR="00156FB3" w:rsidRDefault="00156FB3" w:rsidP="00156FB3">
            <w:r>
              <w:t xml:space="preserve">        end = length;</w:t>
            </w:r>
          </w:p>
          <w:p w:rsidR="00156FB3" w:rsidRDefault="00156FB3" w:rsidP="00156FB3">
            <w:r>
              <w:t xml:space="preserve">      }</w:t>
            </w:r>
          </w:p>
          <w:p w:rsidR="00156FB3" w:rsidRDefault="00156FB3" w:rsidP="00156FB3">
            <w:r>
              <w:t xml:space="preserve">      else {</w:t>
            </w:r>
          </w:p>
          <w:p w:rsidR="00156FB3" w:rsidRDefault="00156FB3" w:rsidP="00156FB3">
            <w:r>
              <w:t xml:space="preserve">        start = start == null ? 0 : toInteger(start);</w:t>
            </w:r>
          </w:p>
          <w:p w:rsidR="00156FB3" w:rsidRDefault="00156FB3" w:rsidP="00156FB3">
            <w:r>
              <w:t xml:space="preserve">        end = end === undefined ? length : toInteger(end);</w:t>
            </w:r>
          </w:p>
          <w:p w:rsidR="00156FB3" w:rsidRDefault="00156FB3" w:rsidP="00156FB3">
            <w:r>
              <w:t xml:space="preserve">      }</w:t>
            </w:r>
          </w:p>
          <w:p w:rsidR="00156FB3" w:rsidRDefault="00156FB3" w:rsidP="00156FB3">
            <w:r>
              <w:t xml:space="preserve">      return baseSlice(array, start, en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Uses a binary search to determine the lowest index at which `value`</w:t>
            </w:r>
          </w:p>
          <w:p w:rsidR="00156FB3" w:rsidRDefault="00156FB3" w:rsidP="00156FB3">
            <w:r>
              <w:t xml:space="preserve">     * should be inserted into `array` in order to maintain its sort order.</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Array</w:t>
            </w:r>
          </w:p>
          <w:p w:rsidR="00156FB3" w:rsidRDefault="00156FB3" w:rsidP="00156FB3">
            <w:r>
              <w:t xml:space="preserve">     * @param {Array} array The sorted array to inspect.</w:t>
            </w:r>
          </w:p>
          <w:p w:rsidR="00156FB3" w:rsidRDefault="00156FB3" w:rsidP="00156FB3">
            <w:r>
              <w:t xml:space="preserve">     * @param {*} value The value to evaluate.</w:t>
            </w:r>
          </w:p>
          <w:p w:rsidR="00156FB3" w:rsidRDefault="00156FB3" w:rsidP="00156FB3">
            <w:r>
              <w:t xml:space="preserve">     * @returns {number} Returns the index at which `value` should be inserted</w:t>
            </w:r>
          </w:p>
          <w:p w:rsidR="00156FB3" w:rsidRDefault="00156FB3" w:rsidP="00156FB3">
            <w:r>
              <w:t xml:space="preserve">     *  into `array`.</w:t>
            </w:r>
          </w:p>
          <w:p w:rsidR="00156FB3" w:rsidRDefault="00156FB3" w:rsidP="00156FB3">
            <w:r>
              <w:t xml:space="preserve">     * @example</w:t>
            </w:r>
          </w:p>
          <w:p w:rsidR="00156FB3" w:rsidRDefault="00156FB3" w:rsidP="00156FB3">
            <w:r>
              <w:t xml:space="preserve">     *</w:t>
            </w:r>
          </w:p>
          <w:p w:rsidR="00156FB3" w:rsidRDefault="00156FB3" w:rsidP="00156FB3">
            <w:r>
              <w:t xml:space="preserve">     * _.sortedIndex([30, 50], 40);</w:t>
            </w:r>
          </w:p>
          <w:p w:rsidR="00156FB3" w:rsidRDefault="00156FB3" w:rsidP="00156FB3">
            <w:r>
              <w:t xml:space="preserve">     * // =&gt; 1</w:t>
            </w:r>
          </w:p>
          <w:p w:rsidR="00156FB3" w:rsidRDefault="00156FB3" w:rsidP="00156FB3">
            <w:r>
              <w:t xml:space="preserve">     */</w:t>
            </w:r>
          </w:p>
          <w:p w:rsidR="00156FB3" w:rsidRDefault="00156FB3" w:rsidP="00156FB3">
            <w:r>
              <w:t xml:space="preserve">    function sortedIndex(array, value) {</w:t>
            </w:r>
          </w:p>
          <w:p w:rsidR="00156FB3" w:rsidRDefault="00156FB3" w:rsidP="00156FB3">
            <w:r>
              <w:t xml:space="preserve">      return baseSortedIndex(array, 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sortedIndex` except that it accepts `iteratee`</w:t>
            </w:r>
          </w:p>
          <w:p w:rsidR="00156FB3" w:rsidRDefault="00156FB3" w:rsidP="00156FB3">
            <w:r>
              <w:t xml:space="preserve">     * which is invoked for `value` and each element of `array` to compute their</w:t>
            </w:r>
          </w:p>
          <w:p w:rsidR="00156FB3" w:rsidRDefault="00156FB3" w:rsidP="00156FB3">
            <w:r>
              <w:t xml:space="preserve">     * sort ranking. The iteratee is invoked with one argument: (value).</w:t>
            </w:r>
          </w:p>
          <w:p w:rsidR="00156FB3" w:rsidRDefault="00156FB3" w:rsidP="00156FB3">
            <w:r>
              <w:t xml:space="preserve">     *</w:t>
            </w:r>
          </w:p>
          <w:p w:rsidR="00156FB3" w:rsidRDefault="00156FB3" w:rsidP="00156FB3">
            <w:r>
              <w:lastRenderedPageBreak/>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t xml:space="preserve">     * @param {Array} array The sorted array to inspect.</w:t>
            </w:r>
          </w:p>
          <w:p w:rsidR="00156FB3" w:rsidRDefault="00156FB3" w:rsidP="00156FB3">
            <w:r>
              <w:t xml:space="preserve">     * @param {*} value The value to evaluate.</w:t>
            </w:r>
          </w:p>
          <w:p w:rsidR="00156FB3" w:rsidRDefault="00156FB3" w:rsidP="00156FB3">
            <w:r>
              <w:t xml:space="preserve">     * @param {Function} [iteratee=_.identity] The iteratee invoked per element.</w:t>
            </w:r>
          </w:p>
          <w:p w:rsidR="00156FB3" w:rsidRDefault="00156FB3" w:rsidP="00156FB3">
            <w:r>
              <w:t xml:space="preserve">     * @returns {number} Returns the index at which `value` should be inserted</w:t>
            </w:r>
          </w:p>
          <w:p w:rsidR="00156FB3" w:rsidRDefault="00156FB3" w:rsidP="00156FB3">
            <w:r>
              <w:t xml:space="preserve">     *  into `array`.</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s = [{ 'x': 4 }, { 'x': 5 }];</w:t>
            </w:r>
          </w:p>
          <w:p w:rsidR="00156FB3" w:rsidRDefault="00156FB3" w:rsidP="00156FB3">
            <w:r>
              <w:t xml:space="preserve">     *</w:t>
            </w:r>
          </w:p>
          <w:p w:rsidR="00156FB3" w:rsidRDefault="00156FB3" w:rsidP="00156FB3">
            <w:r>
              <w:t xml:space="preserve">     * _.sortedIndexBy(objects, { 'x': 4 }, function(o) { return o.x; });</w:t>
            </w:r>
          </w:p>
          <w:p w:rsidR="00156FB3" w:rsidRDefault="00156FB3" w:rsidP="00156FB3">
            <w:r>
              <w:t xml:space="preserve">     * // =&gt; 0</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sortedIndexBy(objects, { 'x': 4 }, 'x');</w:t>
            </w:r>
          </w:p>
          <w:p w:rsidR="00156FB3" w:rsidRDefault="00156FB3" w:rsidP="00156FB3">
            <w:r>
              <w:t xml:space="preserve">     * // =&gt; 0</w:t>
            </w:r>
          </w:p>
          <w:p w:rsidR="00156FB3" w:rsidRDefault="00156FB3" w:rsidP="00156FB3">
            <w:r>
              <w:t xml:space="preserve">     */</w:t>
            </w:r>
          </w:p>
          <w:p w:rsidR="00156FB3" w:rsidRDefault="00156FB3" w:rsidP="00156FB3">
            <w:r>
              <w:t xml:space="preserve">    function sortedIndexBy(array, value, iteratee) {</w:t>
            </w:r>
          </w:p>
          <w:p w:rsidR="00156FB3" w:rsidRDefault="00156FB3" w:rsidP="00156FB3">
            <w:r>
              <w:t xml:space="preserve">      return baseSortedIndexBy(array, value, getIteratee(iteratee, 2));</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indexOf` except that it performs a binary</w:t>
            </w:r>
          </w:p>
          <w:p w:rsidR="00156FB3" w:rsidRDefault="00156FB3" w:rsidP="00156FB3">
            <w:r>
              <w:t xml:space="preserve">     * search on a sorted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t xml:space="preserve">     * @param {Array} array The array to inspect.</w:t>
            </w:r>
          </w:p>
          <w:p w:rsidR="00156FB3" w:rsidRDefault="00156FB3" w:rsidP="00156FB3">
            <w:r>
              <w:t xml:space="preserve">     * @param {*} value The value to search for.</w:t>
            </w:r>
          </w:p>
          <w:p w:rsidR="00156FB3" w:rsidRDefault="00156FB3" w:rsidP="00156FB3">
            <w:r>
              <w:t xml:space="preserve">     * @returns {number} Returns the index of the matched value, else `-1`.</w:t>
            </w:r>
          </w:p>
          <w:p w:rsidR="00156FB3" w:rsidRDefault="00156FB3" w:rsidP="00156FB3">
            <w:r>
              <w:t xml:space="preserve">     * @example</w:t>
            </w:r>
          </w:p>
          <w:p w:rsidR="00156FB3" w:rsidRDefault="00156FB3" w:rsidP="00156FB3">
            <w:r>
              <w:t xml:space="preserve">     *</w:t>
            </w:r>
          </w:p>
          <w:p w:rsidR="00156FB3" w:rsidRDefault="00156FB3" w:rsidP="00156FB3">
            <w:r>
              <w:t xml:space="preserve">     * _.sortedIndexOf([4, 5, 5, 5, 6], 5);</w:t>
            </w:r>
          </w:p>
          <w:p w:rsidR="00156FB3" w:rsidRDefault="00156FB3" w:rsidP="00156FB3">
            <w:r>
              <w:t xml:space="preserve">     * // =&gt; 1</w:t>
            </w:r>
          </w:p>
          <w:p w:rsidR="00156FB3" w:rsidRDefault="00156FB3" w:rsidP="00156FB3">
            <w:r>
              <w:t xml:space="preserve">     */</w:t>
            </w:r>
          </w:p>
          <w:p w:rsidR="00156FB3" w:rsidRDefault="00156FB3" w:rsidP="00156FB3">
            <w:r>
              <w:t xml:space="preserve">    function sortedIndexOf(array, value) {</w:t>
            </w:r>
          </w:p>
          <w:p w:rsidR="00156FB3" w:rsidRDefault="00156FB3" w:rsidP="00156FB3">
            <w:r>
              <w:t xml:space="preserve">      var length = array == null ? 0 : array.length;</w:t>
            </w:r>
          </w:p>
          <w:p w:rsidR="00156FB3" w:rsidRDefault="00156FB3" w:rsidP="00156FB3">
            <w:r>
              <w:t xml:space="preserve">      if (length) {</w:t>
            </w:r>
          </w:p>
          <w:p w:rsidR="00156FB3" w:rsidRDefault="00156FB3" w:rsidP="00156FB3">
            <w:r>
              <w:t xml:space="preserve">        var index = baseSortedIndex(array, value);</w:t>
            </w:r>
          </w:p>
          <w:p w:rsidR="00156FB3" w:rsidRDefault="00156FB3" w:rsidP="00156FB3">
            <w:r>
              <w:t xml:space="preserve">        if (index &lt; length &amp;&amp; eq(array[index], value)) {</w:t>
            </w:r>
          </w:p>
          <w:p w:rsidR="00156FB3" w:rsidRDefault="00156FB3" w:rsidP="00156FB3">
            <w:r>
              <w:t xml:space="preserve">          return index;</w:t>
            </w:r>
          </w:p>
          <w:p w:rsidR="00156FB3" w:rsidRDefault="00156FB3" w:rsidP="00156FB3">
            <w:r>
              <w:t xml:space="preserve">        }</w:t>
            </w:r>
          </w:p>
          <w:p w:rsidR="00156FB3" w:rsidRDefault="00156FB3" w:rsidP="00156FB3">
            <w:r>
              <w:t xml:space="preserve">      }</w:t>
            </w:r>
          </w:p>
          <w:p w:rsidR="00156FB3" w:rsidRDefault="00156FB3" w:rsidP="00156FB3">
            <w:r>
              <w:lastRenderedPageBreak/>
              <w:t xml:space="preserve">      return -1;</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sortedIndex` except that it returns the highest</w:t>
            </w:r>
          </w:p>
          <w:p w:rsidR="00156FB3" w:rsidRDefault="00156FB3" w:rsidP="00156FB3">
            <w:r>
              <w:t xml:space="preserve">     * index at which `value` should be inserted into `array` in order to</w:t>
            </w:r>
          </w:p>
          <w:p w:rsidR="00156FB3" w:rsidRDefault="00156FB3" w:rsidP="00156FB3">
            <w:r>
              <w:t xml:space="preserve">     * maintain its sort order.</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Array</w:t>
            </w:r>
          </w:p>
          <w:p w:rsidR="00156FB3" w:rsidRDefault="00156FB3" w:rsidP="00156FB3">
            <w:r>
              <w:t xml:space="preserve">     * @param {Array} array The sorted array to inspect.</w:t>
            </w:r>
          </w:p>
          <w:p w:rsidR="00156FB3" w:rsidRDefault="00156FB3" w:rsidP="00156FB3">
            <w:r>
              <w:t xml:space="preserve">     * @param {*} value The value to evaluate.</w:t>
            </w:r>
          </w:p>
          <w:p w:rsidR="00156FB3" w:rsidRDefault="00156FB3" w:rsidP="00156FB3">
            <w:r>
              <w:t xml:space="preserve">     * @returns {number} Returns the index at which `value` should be inserted</w:t>
            </w:r>
          </w:p>
          <w:p w:rsidR="00156FB3" w:rsidRDefault="00156FB3" w:rsidP="00156FB3">
            <w:r>
              <w:t xml:space="preserve">     *  into `array`.</w:t>
            </w:r>
          </w:p>
          <w:p w:rsidR="00156FB3" w:rsidRDefault="00156FB3" w:rsidP="00156FB3">
            <w:r>
              <w:t xml:space="preserve">     * @example</w:t>
            </w:r>
          </w:p>
          <w:p w:rsidR="00156FB3" w:rsidRDefault="00156FB3" w:rsidP="00156FB3">
            <w:r>
              <w:t xml:space="preserve">     *</w:t>
            </w:r>
          </w:p>
          <w:p w:rsidR="00156FB3" w:rsidRDefault="00156FB3" w:rsidP="00156FB3">
            <w:r>
              <w:t xml:space="preserve">     * _.sortedLastIndex([4, 5, 5, 5, 6], 5);</w:t>
            </w:r>
          </w:p>
          <w:p w:rsidR="00156FB3" w:rsidRDefault="00156FB3" w:rsidP="00156FB3">
            <w:r>
              <w:t xml:space="preserve">     * // =&gt; 4</w:t>
            </w:r>
          </w:p>
          <w:p w:rsidR="00156FB3" w:rsidRDefault="00156FB3" w:rsidP="00156FB3">
            <w:r>
              <w:t xml:space="preserve">     */</w:t>
            </w:r>
          </w:p>
          <w:p w:rsidR="00156FB3" w:rsidRDefault="00156FB3" w:rsidP="00156FB3">
            <w:r>
              <w:t xml:space="preserve">    function sortedLastIndex(array, value) {</w:t>
            </w:r>
          </w:p>
          <w:p w:rsidR="00156FB3" w:rsidRDefault="00156FB3" w:rsidP="00156FB3">
            <w:r>
              <w:t xml:space="preserve">      return baseSortedIndex(array, value, tr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sortedLastIndex` except that it accepts `iteratee`</w:t>
            </w:r>
          </w:p>
          <w:p w:rsidR="00156FB3" w:rsidRDefault="00156FB3" w:rsidP="00156FB3">
            <w:r>
              <w:t xml:space="preserve">     * which is invoked for `value` and each element of `array` to compute their</w:t>
            </w:r>
          </w:p>
          <w:p w:rsidR="00156FB3" w:rsidRDefault="00156FB3" w:rsidP="00156FB3">
            <w:r>
              <w:t xml:space="preserve">     * sort ranking. The iteratee is invoked with one argument: (valu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t xml:space="preserve">     * @param {Array} array The sorted array to inspect.</w:t>
            </w:r>
          </w:p>
          <w:p w:rsidR="00156FB3" w:rsidRDefault="00156FB3" w:rsidP="00156FB3">
            <w:r>
              <w:t xml:space="preserve">     * @param {*} value The value to evaluate.</w:t>
            </w:r>
          </w:p>
          <w:p w:rsidR="00156FB3" w:rsidRDefault="00156FB3" w:rsidP="00156FB3">
            <w:r>
              <w:t xml:space="preserve">     * @param {Function} [iteratee=_.identity] The iteratee invoked per element.</w:t>
            </w:r>
          </w:p>
          <w:p w:rsidR="00156FB3" w:rsidRDefault="00156FB3" w:rsidP="00156FB3">
            <w:r>
              <w:t xml:space="preserve">     * @returns {number} Returns the index at which `value` should be inserted</w:t>
            </w:r>
          </w:p>
          <w:p w:rsidR="00156FB3" w:rsidRDefault="00156FB3" w:rsidP="00156FB3">
            <w:r>
              <w:t xml:space="preserve">     *  into `array`.</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s = [{ 'x': 4 }, { 'x': 5 }];</w:t>
            </w:r>
          </w:p>
          <w:p w:rsidR="00156FB3" w:rsidRDefault="00156FB3" w:rsidP="00156FB3">
            <w:r>
              <w:t xml:space="preserve">     *</w:t>
            </w:r>
          </w:p>
          <w:p w:rsidR="00156FB3" w:rsidRDefault="00156FB3" w:rsidP="00156FB3">
            <w:r>
              <w:t xml:space="preserve">     * _.sortedLastIndexBy(objects, { 'x': 4 }, function(o) { return o.x; });</w:t>
            </w:r>
          </w:p>
          <w:p w:rsidR="00156FB3" w:rsidRDefault="00156FB3" w:rsidP="00156FB3">
            <w:r>
              <w:t xml:space="preserve">     * // =&gt; 1</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sortedLastIndexBy(objects, { 'x': 4 }, 'x');</w:t>
            </w:r>
          </w:p>
          <w:p w:rsidR="00156FB3" w:rsidRDefault="00156FB3" w:rsidP="00156FB3">
            <w:r>
              <w:lastRenderedPageBreak/>
              <w:t xml:space="preserve">     * // =&gt; 1</w:t>
            </w:r>
          </w:p>
          <w:p w:rsidR="00156FB3" w:rsidRDefault="00156FB3" w:rsidP="00156FB3">
            <w:r>
              <w:t xml:space="preserve">     */</w:t>
            </w:r>
          </w:p>
          <w:p w:rsidR="00156FB3" w:rsidRDefault="00156FB3" w:rsidP="00156FB3">
            <w:r>
              <w:t xml:space="preserve">    function sortedLastIndexBy(array, value, iteratee) {</w:t>
            </w:r>
          </w:p>
          <w:p w:rsidR="00156FB3" w:rsidRDefault="00156FB3" w:rsidP="00156FB3">
            <w:r>
              <w:t xml:space="preserve">      return baseSortedIndexBy(array, value, getIteratee(iteratee, 2), tr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lastIndexOf` except that it performs a binary</w:t>
            </w:r>
          </w:p>
          <w:p w:rsidR="00156FB3" w:rsidRDefault="00156FB3" w:rsidP="00156FB3">
            <w:r>
              <w:t xml:space="preserve">     * search on a sorted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t xml:space="preserve">     * @param {Array} array The array to inspect.</w:t>
            </w:r>
          </w:p>
          <w:p w:rsidR="00156FB3" w:rsidRDefault="00156FB3" w:rsidP="00156FB3">
            <w:r>
              <w:t xml:space="preserve">     * @param {*} value The value to search for.</w:t>
            </w:r>
          </w:p>
          <w:p w:rsidR="00156FB3" w:rsidRDefault="00156FB3" w:rsidP="00156FB3">
            <w:r>
              <w:t xml:space="preserve">     * @returns {number} Returns the index of the matched value, else `-1`.</w:t>
            </w:r>
          </w:p>
          <w:p w:rsidR="00156FB3" w:rsidRDefault="00156FB3" w:rsidP="00156FB3">
            <w:r>
              <w:t xml:space="preserve">     * @example</w:t>
            </w:r>
          </w:p>
          <w:p w:rsidR="00156FB3" w:rsidRDefault="00156FB3" w:rsidP="00156FB3">
            <w:r>
              <w:t xml:space="preserve">     *</w:t>
            </w:r>
          </w:p>
          <w:p w:rsidR="00156FB3" w:rsidRDefault="00156FB3" w:rsidP="00156FB3">
            <w:r>
              <w:t xml:space="preserve">     * _.sortedLastIndexOf([4, 5, 5, 5, 6], 5);</w:t>
            </w:r>
          </w:p>
          <w:p w:rsidR="00156FB3" w:rsidRDefault="00156FB3" w:rsidP="00156FB3">
            <w:r>
              <w:t xml:space="preserve">     * // =&gt; 3</w:t>
            </w:r>
          </w:p>
          <w:p w:rsidR="00156FB3" w:rsidRDefault="00156FB3" w:rsidP="00156FB3">
            <w:r>
              <w:t xml:space="preserve">     */</w:t>
            </w:r>
          </w:p>
          <w:p w:rsidR="00156FB3" w:rsidRDefault="00156FB3" w:rsidP="00156FB3">
            <w:r>
              <w:t xml:space="preserve">    function sortedLastIndexOf(array, value) {</w:t>
            </w:r>
          </w:p>
          <w:p w:rsidR="00156FB3" w:rsidRDefault="00156FB3" w:rsidP="00156FB3">
            <w:r>
              <w:t xml:space="preserve">      var length = array == null ? 0 : array.length;</w:t>
            </w:r>
          </w:p>
          <w:p w:rsidR="00156FB3" w:rsidRDefault="00156FB3" w:rsidP="00156FB3">
            <w:r>
              <w:t xml:space="preserve">      if (length) {</w:t>
            </w:r>
          </w:p>
          <w:p w:rsidR="00156FB3" w:rsidRDefault="00156FB3" w:rsidP="00156FB3">
            <w:r>
              <w:t xml:space="preserve">        var index = baseSortedIndex(array, value, true) - 1;</w:t>
            </w:r>
          </w:p>
          <w:p w:rsidR="00156FB3" w:rsidRDefault="00156FB3" w:rsidP="00156FB3">
            <w:r>
              <w:t xml:space="preserve">        if (eq(array[index], value)) {</w:t>
            </w:r>
          </w:p>
          <w:p w:rsidR="00156FB3" w:rsidRDefault="00156FB3" w:rsidP="00156FB3">
            <w:r>
              <w:t xml:space="preserve">          return index;</w:t>
            </w:r>
          </w:p>
          <w:p w:rsidR="00156FB3" w:rsidRDefault="00156FB3" w:rsidP="00156FB3">
            <w:r>
              <w:t xml:space="preserve">        }</w:t>
            </w:r>
          </w:p>
          <w:p w:rsidR="00156FB3" w:rsidRDefault="00156FB3" w:rsidP="00156FB3">
            <w:r>
              <w:t xml:space="preserve">      }</w:t>
            </w:r>
          </w:p>
          <w:p w:rsidR="00156FB3" w:rsidRDefault="00156FB3" w:rsidP="00156FB3">
            <w:r>
              <w:t xml:space="preserve">      return -1;</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uniq` except that it's designed and optimized</w:t>
            </w:r>
          </w:p>
          <w:p w:rsidR="00156FB3" w:rsidRDefault="00156FB3" w:rsidP="00156FB3">
            <w:r>
              <w:t xml:space="preserve">     * for sorted array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t xml:space="preserve">     * @param {Array} array The array to inspect.</w:t>
            </w:r>
          </w:p>
          <w:p w:rsidR="00156FB3" w:rsidRDefault="00156FB3" w:rsidP="00156FB3">
            <w:r>
              <w:t xml:space="preserve">     * @returns {Array} Returns the new duplicate free array.</w:t>
            </w:r>
          </w:p>
          <w:p w:rsidR="00156FB3" w:rsidRDefault="00156FB3" w:rsidP="00156FB3">
            <w:r>
              <w:t xml:space="preserve">     * @example</w:t>
            </w:r>
          </w:p>
          <w:p w:rsidR="00156FB3" w:rsidRDefault="00156FB3" w:rsidP="00156FB3">
            <w:r>
              <w:t xml:space="preserve">     *</w:t>
            </w:r>
          </w:p>
          <w:p w:rsidR="00156FB3" w:rsidRDefault="00156FB3" w:rsidP="00156FB3">
            <w:r>
              <w:t xml:space="preserve">     * _.sortedUniq([1, 1, 2]);</w:t>
            </w:r>
          </w:p>
          <w:p w:rsidR="00156FB3" w:rsidRDefault="00156FB3" w:rsidP="00156FB3">
            <w:r>
              <w:t xml:space="preserve">     * // =&gt; [1, 2]</w:t>
            </w:r>
          </w:p>
          <w:p w:rsidR="00156FB3" w:rsidRDefault="00156FB3" w:rsidP="00156FB3">
            <w:r>
              <w:t xml:space="preserve">     */</w:t>
            </w:r>
          </w:p>
          <w:p w:rsidR="00156FB3" w:rsidRDefault="00156FB3" w:rsidP="00156FB3">
            <w:r>
              <w:lastRenderedPageBreak/>
              <w:t xml:space="preserve">    function sortedUniq(array) {</w:t>
            </w:r>
          </w:p>
          <w:p w:rsidR="00156FB3" w:rsidRDefault="00156FB3" w:rsidP="00156FB3">
            <w:r>
              <w:t xml:space="preserve">      return (array &amp;&amp; array.length)</w:t>
            </w:r>
          </w:p>
          <w:p w:rsidR="00156FB3" w:rsidRDefault="00156FB3" w:rsidP="00156FB3">
            <w:r>
              <w:t xml:space="preserve">        ? baseSortedUniq(array)</w:t>
            </w:r>
          </w:p>
          <w:p w:rsidR="00156FB3" w:rsidRDefault="00156FB3" w:rsidP="00156FB3">
            <w:r>
              <w:t xml:space="preserve">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uniqBy` except that it's designed and optimized</w:t>
            </w:r>
          </w:p>
          <w:p w:rsidR="00156FB3" w:rsidRDefault="00156FB3" w:rsidP="00156FB3">
            <w:r>
              <w:t xml:space="preserve">     * for sorted array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t xml:space="preserve">     * @param {Array} array The array to inspect.</w:t>
            </w:r>
          </w:p>
          <w:p w:rsidR="00156FB3" w:rsidRDefault="00156FB3" w:rsidP="00156FB3">
            <w:r>
              <w:t xml:space="preserve">     * @param {Function} [iteratee] The iteratee invoked per element.</w:t>
            </w:r>
          </w:p>
          <w:p w:rsidR="00156FB3" w:rsidRDefault="00156FB3" w:rsidP="00156FB3">
            <w:r>
              <w:t xml:space="preserve">     * @returns {Array} Returns the new duplicate free array.</w:t>
            </w:r>
          </w:p>
          <w:p w:rsidR="00156FB3" w:rsidRDefault="00156FB3" w:rsidP="00156FB3">
            <w:r>
              <w:t xml:space="preserve">     * @example</w:t>
            </w:r>
          </w:p>
          <w:p w:rsidR="00156FB3" w:rsidRDefault="00156FB3" w:rsidP="00156FB3">
            <w:r>
              <w:t xml:space="preserve">     *</w:t>
            </w:r>
          </w:p>
          <w:p w:rsidR="00156FB3" w:rsidRDefault="00156FB3" w:rsidP="00156FB3">
            <w:r>
              <w:t xml:space="preserve">     * _.sortedUniqBy([1.1, 1.2, 2.3, 2.4], Math.floor);</w:t>
            </w:r>
          </w:p>
          <w:p w:rsidR="00156FB3" w:rsidRDefault="00156FB3" w:rsidP="00156FB3">
            <w:r>
              <w:t xml:space="preserve">     * // =&gt; [1.1, 2.3]</w:t>
            </w:r>
          </w:p>
          <w:p w:rsidR="00156FB3" w:rsidRDefault="00156FB3" w:rsidP="00156FB3">
            <w:r>
              <w:t xml:space="preserve">     */</w:t>
            </w:r>
          </w:p>
          <w:p w:rsidR="00156FB3" w:rsidRDefault="00156FB3" w:rsidP="00156FB3">
            <w:r>
              <w:t xml:space="preserve">    function sortedUniqBy(array, iteratee) {</w:t>
            </w:r>
          </w:p>
          <w:p w:rsidR="00156FB3" w:rsidRDefault="00156FB3" w:rsidP="00156FB3">
            <w:r>
              <w:t xml:space="preserve">      return (array &amp;&amp; array.length)</w:t>
            </w:r>
          </w:p>
          <w:p w:rsidR="00156FB3" w:rsidRDefault="00156FB3" w:rsidP="00156FB3">
            <w:r>
              <w:t xml:space="preserve">        ? baseSortedUniq(array, getIteratee(iteratee, 2))</w:t>
            </w:r>
          </w:p>
          <w:p w:rsidR="00156FB3" w:rsidRDefault="00156FB3" w:rsidP="00156FB3">
            <w:r>
              <w:t xml:space="preserve">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all but the first element of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t xml:space="preserve">     * @param {Array} array The array to query.</w:t>
            </w:r>
          </w:p>
          <w:p w:rsidR="00156FB3" w:rsidRDefault="00156FB3" w:rsidP="00156FB3">
            <w:r>
              <w:t xml:space="preserve">     * @returns {Array} Returns the slice of `array`.</w:t>
            </w:r>
          </w:p>
          <w:p w:rsidR="00156FB3" w:rsidRDefault="00156FB3" w:rsidP="00156FB3">
            <w:r>
              <w:t xml:space="preserve">     * @example</w:t>
            </w:r>
          </w:p>
          <w:p w:rsidR="00156FB3" w:rsidRDefault="00156FB3" w:rsidP="00156FB3">
            <w:r>
              <w:t xml:space="preserve">     *</w:t>
            </w:r>
          </w:p>
          <w:p w:rsidR="00156FB3" w:rsidRDefault="00156FB3" w:rsidP="00156FB3">
            <w:r>
              <w:t xml:space="preserve">     * _.tail([1, 2, 3]);</w:t>
            </w:r>
          </w:p>
          <w:p w:rsidR="00156FB3" w:rsidRDefault="00156FB3" w:rsidP="00156FB3">
            <w:r>
              <w:t xml:space="preserve">     * // =&gt; [2, 3]</w:t>
            </w:r>
          </w:p>
          <w:p w:rsidR="00156FB3" w:rsidRDefault="00156FB3" w:rsidP="00156FB3">
            <w:r>
              <w:t xml:space="preserve">     */</w:t>
            </w:r>
          </w:p>
          <w:p w:rsidR="00156FB3" w:rsidRDefault="00156FB3" w:rsidP="00156FB3">
            <w:r>
              <w:t xml:space="preserve">    function tail(array) {</w:t>
            </w:r>
          </w:p>
          <w:p w:rsidR="00156FB3" w:rsidRDefault="00156FB3" w:rsidP="00156FB3">
            <w:r>
              <w:t xml:space="preserve">      var length = array == null ? 0 : array.length;</w:t>
            </w:r>
          </w:p>
          <w:p w:rsidR="00156FB3" w:rsidRDefault="00156FB3" w:rsidP="00156FB3">
            <w:r>
              <w:t xml:space="preserve">      return length ? baseSlice(array, 1, length)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lastRenderedPageBreak/>
              <w:t xml:space="preserve">     * Creates a slice of `array` with `n` elements taken from the beginning.</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Array</w:t>
            </w:r>
          </w:p>
          <w:p w:rsidR="00156FB3" w:rsidRDefault="00156FB3" w:rsidP="00156FB3">
            <w:r>
              <w:t xml:space="preserve">     * @param {Array} array The array to query.</w:t>
            </w:r>
          </w:p>
          <w:p w:rsidR="00156FB3" w:rsidRDefault="00156FB3" w:rsidP="00156FB3">
            <w:r>
              <w:t xml:space="preserve">     * @param {number} [n=1] The number of elements to take.</w:t>
            </w:r>
          </w:p>
          <w:p w:rsidR="00156FB3" w:rsidRDefault="00156FB3" w:rsidP="00156FB3">
            <w:r>
              <w:t xml:space="preserve">     * @param- {Object} [guard] Enables use as an iteratee for methods like `_.map`.</w:t>
            </w:r>
          </w:p>
          <w:p w:rsidR="00156FB3" w:rsidRDefault="00156FB3" w:rsidP="00156FB3">
            <w:r>
              <w:t xml:space="preserve">     * @returns {Array} Returns the slice of `array`.</w:t>
            </w:r>
          </w:p>
          <w:p w:rsidR="00156FB3" w:rsidRDefault="00156FB3" w:rsidP="00156FB3">
            <w:r>
              <w:t xml:space="preserve">     * @example</w:t>
            </w:r>
          </w:p>
          <w:p w:rsidR="00156FB3" w:rsidRDefault="00156FB3" w:rsidP="00156FB3">
            <w:r>
              <w:t xml:space="preserve">     *</w:t>
            </w:r>
          </w:p>
          <w:p w:rsidR="00156FB3" w:rsidRDefault="00156FB3" w:rsidP="00156FB3">
            <w:r>
              <w:t xml:space="preserve">     * _.take([1, 2, 3]);</w:t>
            </w:r>
          </w:p>
          <w:p w:rsidR="00156FB3" w:rsidRDefault="00156FB3" w:rsidP="00156FB3">
            <w:r>
              <w:t xml:space="preserve">     * // =&gt; [1]</w:t>
            </w:r>
          </w:p>
          <w:p w:rsidR="00156FB3" w:rsidRDefault="00156FB3" w:rsidP="00156FB3">
            <w:r>
              <w:t xml:space="preserve">     *</w:t>
            </w:r>
          </w:p>
          <w:p w:rsidR="00156FB3" w:rsidRDefault="00156FB3" w:rsidP="00156FB3">
            <w:r>
              <w:t xml:space="preserve">     * _.take([1, 2, 3], 2);</w:t>
            </w:r>
          </w:p>
          <w:p w:rsidR="00156FB3" w:rsidRDefault="00156FB3" w:rsidP="00156FB3">
            <w:r>
              <w:t xml:space="preserve">     * // =&gt; [1, 2]</w:t>
            </w:r>
          </w:p>
          <w:p w:rsidR="00156FB3" w:rsidRDefault="00156FB3" w:rsidP="00156FB3">
            <w:r>
              <w:t xml:space="preserve">     *</w:t>
            </w:r>
          </w:p>
          <w:p w:rsidR="00156FB3" w:rsidRDefault="00156FB3" w:rsidP="00156FB3">
            <w:r>
              <w:t xml:space="preserve">     * _.take([1, 2, 3], 5);</w:t>
            </w:r>
          </w:p>
          <w:p w:rsidR="00156FB3" w:rsidRDefault="00156FB3" w:rsidP="00156FB3">
            <w:r>
              <w:t xml:space="preserve">     * // =&gt; [1, 2, 3]</w:t>
            </w:r>
          </w:p>
          <w:p w:rsidR="00156FB3" w:rsidRDefault="00156FB3" w:rsidP="00156FB3">
            <w:r>
              <w:t xml:space="preserve">     *</w:t>
            </w:r>
          </w:p>
          <w:p w:rsidR="00156FB3" w:rsidRDefault="00156FB3" w:rsidP="00156FB3">
            <w:r>
              <w:t xml:space="preserve">     * _.take([1, 2, 3], 0);</w:t>
            </w:r>
          </w:p>
          <w:p w:rsidR="00156FB3" w:rsidRDefault="00156FB3" w:rsidP="00156FB3">
            <w:r>
              <w:t xml:space="preserve">     * // =&gt; []</w:t>
            </w:r>
          </w:p>
          <w:p w:rsidR="00156FB3" w:rsidRDefault="00156FB3" w:rsidP="00156FB3">
            <w:r>
              <w:t xml:space="preserve">     */</w:t>
            </w:r>
          </w:p>
          <w:p w:rsidR="00156FB3" w:rsidRDefault="00156FB3" w:rsidP="00156FB3">
            <w:r>
              <w:t xml:space="preserve">    function take(array, n, guard) {</w:t>
            </w:r>
          </w:p>
          <w:p w:rsidR="00156FB3" w:rsidRDefault="00156FB3" w:rsidP="00156FB3">
            <w:r>
              <w:t xml:space="preserve">      if (!(array &amp;&amp; array.length)) {</w:t>
            </w:r>
          </w:p>
          <w:p w:rsidR="00156FB3" w:rsidRDefault="00156FB3" w:rsidP="00156FB3">
            <w:r>
              <w:t xml:space="preserve">        return [];</w:t>
            </w:r>
          </w:p>
          <w:p w:rsidR="00156FB3" w:rsidRDefault="00156FB3" w:rsidP="00156FB3">
            <w:r>
              <w:t xml:space="preserve">      }</w:t>
            </w:r>
          </w:p>
          <w:p w:rsidR="00156FB3" w:rsidRDefault="00156FB3" w:rsidP="00156FB3">
            <w:r>
              <w:t xml:space="preserve">      n = (guard || n === undefined) ? 1 : toInteger(n);</w:t>
            </w:r>
          </w:p>
          <w:p w:rsidR="00156FB3" w:rsidRDefault="00156FB3" w:rsidP="00156FB3">
            <w:r>
              <w:t xml:space="preserve">      return baseSlice(array, 0, n &lt; 0 ? 0 : n);</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slice of `array` with `n` elements taken from the end.</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Array</w:t>
            </w:r>
          </w:p>
          <w:p w:rsidR="00156FB3" w:rsidRDefault="00156FB3" w:rsidP="00156FB3">
            <w:r>
              <w:t xml:space="preserve">     * @param {Array} array The array to query.</w:t>
            </w:r>
          </w:p>
          <w:p w:rsidR="00156FB3" w:rsidRDefault="00156FB3" w:rsidP="00156FB3">
            <w:r>
              <w:t xml:space="preserve">     * @param {number} [n=1] The number of elements to take.</w:t>
            </w:r>
          </w:p>
          <w:p w:rsidR="00156FB3" w:rsidRDefault="00156FB3" w:rsidP="00156FB3">
            <w:r>
              <w:t xml:space="preserve">     * @param- {Object} [guard] Enables use as an iteratee for methods like `_.map`.</w:t>
            </w:r>
          </w:p>
          <w:p w:rsidR="00156FB3" w:rsidRDefault="00156FB3" w:rsidP="00156FB3">
            <w:r>
              <w:t xml:space="preserve">     * @returns {Array} Returns the slice of `array`.</w:t>
            </w:r>
          </w:p>
          <w:p w:rsidR="00156FB3" w:rsidRDefault="00156FB3" w:rsidP="00156FB3">
            <w:r>
              <w:t xml:space="preserve">     * @example</w:t>
            </w:r>
          </w:p>
          <w:p w:rsidR="00156FB3" w:rsidRDefault="00156FB3" w:rsidP="00156FB3">
            <w:r>
              <w:t xml:space="preserve">     *</w:t>
            </w:r>
          </w:p>
          <w:p w:rsidR="00156FB3" w:rsidRDefault="00156FB3" w:rsidP="00156FB3">
            <w:r>
              <w:t xml:space="preserve">     * _.takeRight([1, 2, 3]);</w:t>
            </w:r>
          </w:p>
          <w:p w:rsidR="00156FB3" w:rsidRDefault="00156FB3" w:rsidP="00156FB3">
            <w:r>
              <w:t xml:space="preserve">     * // =&gt; [3]</w:t>
            </w:r>
          </w:p>
          <w:p w:rsidR="00156FB3" w:rsidRDefault="00156FB3" w:rsidP="00156FB3">
            <w:r>
              <w:t xml:space="preserve">     *</w:t>
            </w:r>
          </w:p>
          <w:p w:rsidR="00156FB3" w:rsidRDefault="00156FB3" w:rsidP="00156FB3">
            <w:r>
              <w:lastRenderedPageBreak/>
              <w:t xml:space="preserve">     * _.takeRight([1, 2, 3], 2);</w:t>
            </w:r>
          </w:p>
          <w:p w:rsidR="00156FB3" w:rsidRDefault="00156FB3" w:rsidP="00156FB3">
            <w:r>
              <w:t xml:space="preserve">     * // =&gt; [2, 3]</w:t>
            </w:r>
          </w:p>
          <w:p w:rsidR="00156FB3" w:rsidRDefault="00156FB3" w:rsidP="00156FB3">
            <w:r>
              <w:t xml:space="preserve">     *</w:t>
            </w:r>
          </w:p>
          <w:p w:rsidR="00156FB3" w:rsidRDefault="00156FB3" w:rsidP="00156FB3">
            <w:r>
              <w:t xml:space="preserve">     * _.takeRight([1, 2, 3], 5);</w:t>
            </w:r>
          </w:p>
          <w:p w:rsidR="00156FB3" w:rsidRDefault="00156FB3" w:rsidP="00156FB3">
            <w:r>
              <w:t xml:space="preserve">     * // =&gt; [1, 2, 3]</w:t>
            </w:r>
          </w:p>
          <w:p w:rsidR="00156FB3" w:rsidRDefault="00156FB3" w:rsidP="00156FB3">
            <w:r>
              <w:t xml:space="preserve">     *</w:t>
            </w:r>
          </w:p>
          <w:p w:rsidR="00156FB3" w:rsidRDefault="00156FB3" w:rsidP="00156FB3">
            <w:r>
              <w:t xml:space="preserve">     * _.takeRight([1, 2, 3], 0);</w:t>
            </w:r>
          </w:p>
          <w:p w:rsidR="00156FB3" w:rsidRDefault="00156FB3" w:rsidP="00156FB3">
            <w:r>
              <w:t xml:space="preserve">     * // =&gt; []</w:t>
            </w:r>
          </w:p>
          <w:p w:rsidR="00156FB3" w:rsidRDefault="00156FB3" w:rsidP="00156FB3">
            <w:r>
              <w:t xml:space="preserve">     */</w:t>
            </w:r>
          </w:p>
          <w:p w:rsidR="00156FB3" w:rsidRDefault="00156FB3" w:rsidP="00156FB3">
            <w:r>
              <w:t xml:space="preserve">    function takeRight(array, n, guard) {</w:t>
            </w:r>
          </w:p>
          <w:p w:rsidR="00156FB3" w:rsidRDefault="00156FB3" w:rsidP="00156FB3">
            <w:r>
              <w:t xml:space="preserve">      var length = array == null ? 0 : array.length;</w:t>
            </w:r>
          </w:p>
          <w:p w:rsidR="00156FB3" w:rsidRDefault="00156FB3" w:rsidP="00156FB3">
            <w:r>
              <w:t xml:space="preserve">      if (!length) {</w:t>
            </w:r>
          </w:p>
          <w:p w:rsidR="00156FB3" w:rsidRDefault="00156FB3" w:rsidP="00156FB3">
            <w:r>
              <w:t xml:space="preserve">        return [];</w:t>
            </w:r>
          </w:p>
          <w:p w:rsidR="00156FB3" w:rsidRDefault="00156FB3" w:rsidP="00156FB3">
            <w:r>
              <w:t xml:space="preserve">      }</w:t>
            </w:r>
          </w:p>
          <w:p w:rsidR="00156FB3" w:rsidRDefault="00156FB3" w:rsidP="00156FB3">
            <w:r>
              <w:t xml:space="preserve">      n = (guard || n === undefined) ? 1 : toInteger(n);</w:t>
            </w:r>
          </w:p>
          <w:p w:rsidR="00156FB3" w:rsidRDefault="00156FB3" w:rsidP="00156FB3">
            <w:r>
              <w:t xml:space="preserve">      n = length - n;</w:t>
            </w:r>
          </w:p>
          <w:p w:rsidR="00156FB3" w:rsidRDefault="00156FB3" w:rsidP="00156FB3">
            <w:r>
              <w:t xml:space="preserve">      return baseSlice(array, n &lt; 0 ? 0 : n, length);</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slice of `array` with elements taken from the end. Elements are</w:t>
            </w:r>
          </w:p>
          <w:p w:rsidR="00156FB3" w:rsidRDefault="00156FB3" w:rsidP="00156FB3">
            <w:r>
              <w:t xml:space="preserve">     * taken until `predicate` returns falsey. The predicate is invoked with</w:t>
            </w:r>
          </w:p>
          <w:p w:rsidR="00156FB3" w:rsidRDefault="00156FB3" w:rsidP="00156FB3">
            <w:r>
              <w:t xml:space="preserve">     * three arguments: (value, index,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Array</w:t>
            </w:r>
          </w:p>
          <w:p w:rsidR="00156FB3" w:rsidRDefault="00156FB3" w:rsidP="00156FB3">
            <w:r>
              <w:t xml:space="preserve">     * @param {Array} array The array to query.</w:t>
            </w:r>
          </w:p>
          <w:p w:rsidR="00156FB3" w:rsidRDefault="00156FB3" w:rsidP="00156FB3">
            <w:r>
              <w:t xml:space="preserve">     * @param {Function} [predicate=_.identity] The function invoked per iteration.</w:t>
            </w:r>
          </w:p>
          <w:p w:rsidR="00156FB3" w:rsidRDefault="00156FB3" w:rsidP="00156FB3">
            <w:r>
              <w:t xml:space="preserve">     * @returns {Array} Returns the slice of `array`.</w:t>
            </w:r>
          </w:p>
          <w:p w:rsidR="00156FB3" w:rsidRDefault="00156FB3" w:rsidP="00156FB3">
            <w:r>
              <w:t xml:space="preserve">     * @example</w:t>
            </w:r>
          </w:p>
          <w:p w:rsidR="00156FB3" w:rsidRDefault="00156FB3" w:rsidP="00156FB3">
            <w:r>
              <w:t xml:space="preserve">     *</w:t>
            </w:r>
          </w:p>
          <w:p w:rsidR="00156FB3" w:rsidRDefault="00156FB3" w:rsidP="00156FB3">
            <w:r>
              <w:t xml:space="preserve">     * var users = [</w:t>
            </w:r>
          </w:p>
          <w:p w:rsidR="00156FB3" w:rsidRDefault="00156FB3" w:rsidP="00156FB3">
            <w:r>
              <w:t xml:space="preserve">     *   { 'user': 'barney',  'active': true },</w:t>
            </w:r>
          </w:p>
          <w:p w:rsidR="00156FB3" w:rsidRDefault="00156FB3" w:rsidP="00156FB3">
            <w:r>
              <w:t xml:space="preserve">     *   { 'user': 'fred',    'active': false },</w:t>
            </w:r>
          </w:p>
          <w:p w:rsidR="00156FB3" w:rsidRDefault="00156FB3" w:rsidP="00156FB3">
            <w:r>
              <w:t xml:space="preserve">     *   { 'user': 'pebbles', 'active': false }</w:t>
            </w:r>
          </w:p>
          <w:p w:rsidR="00156FB3" w:rsidRDefault="00156FB3" w:rsidP="00156FB3">
            <w:r>
              <w:t xml:space="preserve">     * ];</w:t>
            </w:r>
          </w:p>
          <w:p w:rsidR="00156FB3" w:rsidRDefault="00156FB3" w:rsidP="00156FB3">
            <w:r>
              <w:t xml:space="preserve">     *</w:t>
            </w:r>
          </w:p>
          <w:p w:rsidR="00156FB3" w:rsidRDefault="00156FB3" w:rsidP="00156FB3">
            <w:r>
              <w:t xml:space="preserve">     * _.takeRightWhile(users, function(o) { return !o.active; });</w:t>
            </w:r>
          </w:p>
          <w:p w:rsidR="00156FB3" w:rsidRDefault="00156FB3" w:rsidP="00156FB3">
            <w:r>
              <w:t xml:space="preserve">     * // =&gt; objects for ['fred', 'pebbles']</w:t>
            </w:r>
          </w:p>
          <w:p w:rsidR="00156FB3" w:rsidRDefault="00156FB3" w:rsidP="00156FB3">
            <w:r>
              <w:t xml:space="preserve">     *</w:t>
            </w:r>
          </w:p>
          <w:p w:rsidR="00156FB3" w:rsidRDefault="00156FB3" w:rsidP="00156FB3">
            <w:r>
              <w:t xml:space="preserve">     * // The `_.matches` iteratee shorthand.</w:t>
            </w:r>
          </w:p>
          <w:p w:rsidR="00156FB3" w:rsidRDefault="00156FB3" w:rsidP="00156FB3">
            <w:r>
              <w:t xml:space="preserve">     * _.takeRightWhile(users, { 'user': 'pebbles', 'active': false });</w:t>
            </w:r>
          </w:p>
          <w:p w:rsidR="00156FB3" w:rsidRDefault="00156FB3" w:rsidP="00156FB3">
            <w:r>
              <w:t xml:space="preserve">     * // =&gt; objects for ['pebbles']</w:t>
            </w:r>
          </w:p>
          <w:p w:rsidR="00156FB3" w:rsidRDefault="00156FB3" w:rsidP="00156FB3">
            <w:r>
              <w:t xml:space="preserve">     *</w:t>
            </w:r>
          </w:p>
          <w:p w:rsidR="00156FB3" w:rsidRDefault="00156FB3" w:rsidP="00156FB3">
            <w:r>
              <w:t xml:space="preserve">     * // The `_.matchesProperty` iteratee shorthand.</w:t>
            </w:r>
          </w:p>
          <w:p w:rsidR="00156FB3" w:rsidRDefault="00156FB3" w:rsidP="00156FB3">
            <w:r>
              <w:t xml:space="preserve">     * _.takeRightWhile(users, ['active', false]);</w:t>
            </w:r>
          </w:p>
          <w:p w:rsidR="00156FB3" w:rsidRDefault="00156FB3" w:rsidP="00156FB3">
            <w:r>
              <w:lastRenderedPageBreak/>
              <w:t xml:space="preserve">     * // =&gt; objects for ['fred', 'pebbles']</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takeRightWhile(users, 'active');</w:t>
            </w:r>
          </w:p>
          <w:p w:rsidR="00156FB3" w:rsidRDefault="00156FB3" w:rsidP="00156FB3">
            <w:r>
              <w:t xml:space="preserve">     * // =&gt; []</w:t>
            </w:r>
          </w:p>
          <w:p w:rsidR="00156FB3" w:rsidRDefault="00156FB3" w:rsidP="00156FB3">
            <w:r>
              <w:t xml:space="preserve">     */</w:t>
            </w:r>
          </w:p>
          <w:p w:rsidR="00156FB3" w:rsidRDefault="00156FB3" w:rsidP="00156FB3">
            <w:r>
              <w:t xml:space="preserve">    function takeRightWhile(array, predicate) {</w:t>
            </w:r>
          </w:p>
          <w:p w:rsidR="00156FB3" w:rsidRDefault="00156FB3" w:rsidP="00156FB3">
            <w:r>
              <w:t xml:space="preserve">      return (array &amp;&amp; array.length)</w:t>
            </w:r>
          </w:p>
          <w:p w:rsidR="00156FB3" w:rsidRDefault="00156FB3" w:rsidP="00156FB3">
            <w:r>
              <w:t xml:space="preserve">        ? baseWhile(array, getIteratee(predicate, 3), false, true)</w:t>
            </w:r>
          </w:p>
          <w:p w:rsidR="00156FB3" w:rsidRDefault="00156FB3" w:rsidP="00156FB3">
            <w:r>
              <w:t xml:space="preserve">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slice of `array` with elements taken from the beginning. Elements</w:t>
            </w:r>
          </w:p>
          <w:p w:rsidR="00156FB3" w:rsidRDefault="00156FB3" w:rsidP="00156FB3">
            <w:r>
              <w:t xml:space="preserve">     * are taken until `predicate` returns falsey. The predicate is invoked with</w:t>
            </w:r>
          </w:p>
          <w:p w:rsidR="00156FB3" w:rsidRDefault="00156FB3" w:rsidP="00156FB3">
            <w:r>
              <w:t xml:space="preserve">     * three arguments: (value, index,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Array</w:t>
            </w:r>
          </w:p>
          <w:p w:rsidR="00156FB3" w:rsidRDefault="00156FB3" w:rsidP="00156FB3">
            <w:r>
              <w:t xml:space="preserve">     * @param {Array} array The array to query.</w:t>
            </w:r>
          </w:p>
          <w:p w:rsidR="00156FB3" w:rsidRDefault="00156FB3" w:rsidP="00156FB3">
            <w:r>
              <w:t xml:space="preserve">     * @param {Function} [predicate=_.identity] The function invoked per iteration.</w:t>
            </w:r>
          </w:p>
          <w:p w:rsidR="00156FB3" w:rsidRDefault="00156FB3" w:rsidP="00156FB3">
            <w:r>
              <w:t xml:space="preserve">     * @returns {Array} Returns the slice of `array`.</w:t>
            </w:r>
          </w:p>
          <w:p w:rsidR="00156FB3" w:rsidRDefault="00156FB3" w:rsidP="00156FB3">
            <w:r>
              <w:t xml:space="preserve">     * @example</w:t>
            </w:r>
          </w:p>
          <w:p w:rsidR="00156FB3" w:rsidRDefault="00156FB3" w:rsidP="00156FB3">
            <w:r>
              <w:t xml:space="preserve">     *</w:t>
            </w:r>
          </w:p>
          <w:p w:rsidR="00156FB3" w:rsidRDefault="00156FB3" w:rsidP="00156FB3">
            <w:r>
              <w:t xml:space="preserve">     * var users = [</w:t>
            </w:r>
          </w:p>
          <w:p w:rsidR="00156FB3" w:rsidRDefault="00156FB3" w:rsidP="00156FB3">
            <w:r>
              <w:t xml:space="preserve">     *   { 'user': 'barney',  'active': false },</w:t>
            </w:r>
          </w:p>
          <w:p w:rsidR="00156FB3" w:rsidRDefault="00156FB3" w:rsidP="00156FB3">
            <w:r>
              <w:t xml:space="preserve">     *   { 'user': 'fred',    'active': false },</w:t>
            </w:r>
          </w:p>
          <w:p w:rsidR="00156FB3" w:rsidRDefault="00156FB3" w:rsidP="00156FB3">
            <w:r>
              <w:t xml:space="preserve">     *   { 'user': 'pebbles', 'active': true }</w:t>
            </w:r>
          </w:p>
          <w:p w:rsidR="00156FB3" w:rsidRDefault="00156FB3" w:rsidP="00156FB3">
            <w:r>
              <w:t xml:space="preserve">     * ];</w:t>
            </w:r>
          </w:p>
          <w:p w:rsidR="00156FB3" w:rsidRDefault="00156FB3" w:rsidP="00156FB3">
            <w:r>
              <w:t xml:space="preserve">     *</w:t>
            </w:r>
          </w:p>
          <w:p w:rsidR="00156FB3" w:rsidRDefault="00156FB3" w:rsidP="00156FB3">
            <w:r>
              <w:t xml:space="preserve">     * _.takeWhile(users, function(o) { return !o.active; });</w:t>
            </w:r>
          </w:p>
          <w:p w:rsidR="00156FB3" w:rsidRDefault="00156FB3" w:rsidP="00156FB3">
            <w:r>
              <w:t xml:space="preserve">     * // =&gt; objects for ['barney', 'fred']</w:t>
            </w:r>
          </w:p>
          <w:p w:rsidR="00156FB3" w:rsidRDefault="00156FB3" w:rsidP="00156FB3">
            <w:r>
              <w:t xml:space="preserve">     *</w:t>
            </w:r>
          </w:p>
          <w:p w:rsidR="00156FB3" w:rsidRDefault="00156FB3" w:rsidP="00156FB3">
            <w:r>
              <w:t xml:space="preserve">     * // The `_.matches` iteratee shorthand.</w:t>
            </w:r>
          </w:p>
          <w:p w:rsidR="00156FB3" w:rsidRDefault="00156FB3" w:rsidP="00156FB3">
            <w:r>
              <w:t xml:space="preserve">     * _.takeWhile(users, { 'user': 'barney', 'active': false });</w:t>
            </w:r>
          </w:p>
          <w:p w:rsidR="00156FB3" w:rsidRDefault="00156FB3" w:rsidP="00156FB3">
            <w:r>
              <w:t xml:space="preserve">     * // =&gt; objects for ['barney']</w:t>
            </w:r>
          </w:p>
          <w:p w:rsidR="00156FB3" w:rsidRDefault="00156FB3" w:rsidP="00156FB3">
            <w:r>
              <w:t xml:space="preserve">     *</w:t>
            </w:r>
          </w:p>
          <w:p w:rsidR="00156FB3" w:rsidRDefault="00156FB3" w:rsidP="00156FB3">
            <w:r>
              <w:t xml:space="preserve">     * // The `_.matchesProperty` iteratee shorthand.</w:t>
            </w:r>
          </w:p>
          <w:p w:rsidR="00156FB3" w:rsidRDefault="00156FB3" w:rsidP="00156FB3">
            <w:r>
              <w:t xml:space="preserve">     * _.takeWhile(users, ['active', false]);</w:t>
            </w:r>
          </w:p>
          <w:p w:rsidR="00156FB3" w:rsidRDefault="00156FB3" w:rsidP="00156FB3">
            <w:r>
              <w:t xml:space="preserve">     * // =&gt; objects for ['barney', 'fred']</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takeWhile(users, 'active');</w:t>
            </w:r>
          </w:p>
          <w:p w:rsidR="00156FB3" w:rsidRDefault="00156FB3" w:rsidP="00156FB3">
            <w:r>
              <w:t xml:space="preserve">     * // =&gt; []</w:t>
            </w:r>
          </w:p>
          <w:p w:rsidR="00156FB3" w:rsidRDefault="00156FB3" w:rsidP="00156FB3">
            <w:r>
              <w:t xml:space="preserve">     */</w:t>
            </w:r>
          </w:p>
          <w:p w:rsidR="00156FB3" w:rsidRDefault="00156FB3" w:rsidP="00156FB3">
            <w:r>
              <w:t xml:space="preserve">    function takeWhile(array, predicate) {</w:t>
            </w:r>
          </w:p>
          <w:p w:rsidR="00156FB3" w:rsidRDefault="00156FB3" w:rsidP="00156FB3">
            <w:r>
              <w:lastRenderedPageBreak/>
              <w:t xml:space="preserve">      return (array &amp;&amp; array.length)</w:t>
            </w:r>
          </w:p>
          <w:p w:rsidR="00156FB3" w:rsidRDefault="00156FB3" w:rsidP="00156FB3">
            <w:r>
              <w:t xml:space="preserve">        ? baseWhile(array, getIteratee(predicate, 3))</w:t>
            </w:r>
          </w:p>
          <w:p w:rsidR="00156FB3" w:rsidRDefault="00156FB3" w:rsidP="00156FB3">
            <w:r>
              <w:t xml:space="preserve">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of unique values, in order, from all given arrays using</w:t>
            </w:r>
          </w:p>
          <w:p w:rsidR="00156FB3" w:rsidRDefault="00156FB3" w:rsidP="00156FB3">
            <w:r>
              <w:t xml:space="preserve">     * [`SameValueZero`](http://ecma-international.org/ecma-262/7.0/#sec-samevaluezero)</w:t>
            </w:r>
          </w:p>
          <w:p w:rsidR="00156FB3" w:rsidRDefault="00156FB3" w:rsidP="00156FB3">
            <w:r>
              <w:t xml:space="preserve">     * for equality comparison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Array</w:t>
            </w:r>
          </w:p>
          <w:p w:rsidR="00156FB3" w:rsidRDefault="00156FB3" w:rsidP="00156FB3">
            <w:r>
              <w:t xml:space="preserve">     * @param {...Array} [arrays] The arrays to inspect.</w:t>
            </w:r>
          </w:p>
          <w:p w:rsidR="00156FB3" w:rsidRDefault="00156FB3" w:rsidP="00156FB3">
            <w:r>
              <w:t xml:space="preserve">     * @returns {Array} Returns the new array of combined values.</w:t>
            </w:r>
          </w:p>
          <w:p w:rsidR="00156FB3" w:rsidRDefault="00156FB3" w:rsidP="00156FB3">
            <w:r>
              <w:t xml:space="preserve">     * @example</w:t>
            </w:r>
          </w:p>
          <w:p w:rsidR="00156FB3" w:rsidRDefault="00156FB3" w:rsidP="00156FB3">
            <w:r>
              <w:t xml:space="preserve">     *</w:t>
            </w:r>
          </w:p>
          <w:p w:rsidR="00156FB3" w:rsidRDefault="00156FB3" w:rsidP="00156FB3">
            <w:r>
              <w:t xml:space="preserve">     * _.union([2], [1, 2]);</w:t>
            </w:r>
          </w:p>
          <w:p w:rsidR="00156FB3" w:rsidRDefault="00156FB3" w:rsidP="00156FB3">
            <w:r>
              <w:t xml:space="preserve">     * // =&gt; [2, 1]</w:t>
            </w:r>
          </w:p>
          <w:p w:rsidR="00156FB3" w:rsidRDefault="00156FB3" w:rsidP="00156FB3">
            <w:r>
              <w:t xml:space="preserve">     */</w:t>
            </w:r>
          </w:p>
          <w:p w:rsidR="00156FB3" w:rsidRDefault="00156FB3" w:rsidP="00156FB3">
            <w:r>
              <w:t xml:space="preserve">    var union = baseRest(function(arrays) {</w:t>
            </w:r>
          </w:p>
          <w:p w:rsidR="00156FB3" w:rsidRDefault="00156FB3" w:rsidP="00156FB3">
            <w:r>
              <w:t xml:space="preserve">      return baseUniq(baseFlatten(arrays, 1, isArrayLikeObject, tr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union` except that it accepts `iteratee` which is</w:t>
            </w:r>
          </w:p>
          <w:p w:rsidR="00156FB3" w:rsidRDefault="00156FB3" w:rsidP="00156FB3">
            <w:r>
              <w:t xml:space="preserve">     * invoked for each element of each `arrays` to generate the criterion by</w:t>
            </w:r>
          </w:p>
          <w:p w:rsidR="00156FB3" w:rsidRDefault="00156FB3" w:rsidP="00156FB3">
            <w:r>
              <w:t xml:space="preserve">     * which uniqueness is computed. Result values are chosen from the first</w:t>
            </w:r>
          </w:p>
          <w:p w:rsidR="00156FB3" w:rsidRDefault="00156FB3" w:rsidP="00156FB3">
            <w:r>
              <w:t xml:space="preserve">     * array in which the value occurs. The iteratee is invoked with one argument:</w:t>
            </w:r>
          </w:p>
          <w:p w:rsidR="00156FB3" w:rsidRDefault="00156FB3" w:rsidP="00156FB3">
            <w:r>
              <w:t xml:space="preserve">     * (valu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t xml:space="preserve">     * @param {...Array} [arrays] The arrays to inspect.</w:t>
            </w:r>
          </w:p>
          <w:p w:rsidR="00156FB3" w:rsidRDefault="00156FB3" w:rsidP="00156FB3">
            <w:r>
              <w:t xml:space="preserve">     * @param {Function} [iteratee=_.identity] The iteratee invoked per element.</w:t>
            </w:r>
          </w:p>
          <w:p w:rsidR="00156FB3" w:rsidRDefault="00156FB3" w:rsidP="00156FB3">
            <w:r>
              <w:t xml:space="preserve">     * @returns {Array} Returns the new array of combined values.</w:t>
            </w:r>
          </w:p>
          <w:p w:rsidR="00156FB3" w:rsidRDefault="00156FB3" w:rsidP="00156FB3">
            <w:r>
              <w:t xml:space="preserve">     * @example</w:t>
            </w:r>
          </w:p>
          <w:p w:rsidR="00156FB3" w:rsidRDefault="00156FB3" w:rsidP="00156FB3">
            <w:r>
              <w:t xml:space="preserve">     *</w:t>
            </w:r>
          </w:p>
          <w:p w:rsidR="00156FB3" w:rsidRDefault="00156FB3" w:rsidP="00156FB3">
            <w:r>
              <w:t xml:space="preserve">     * _.unionBy([2.1], [1.2, 2.3], Math.floor);</w:t>
            </w:r>
          </w:p>
          <w:p w:rsidR="00156FB3" w:rsidRDefault="00156FB3" w:rsidP="00156FB3">
            <w:r>
              <w:t xml:space="preserve">     * // =&gt; [2.1, 1.2]</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unionBy([{ 'x': 1 }], [{ 'x': 2 }, { 'x': 1 }], 'x');</w:t>
            </w:r>
          </w:p>
          <w:p w:rsidR="00156FB3" w:rsidRDefault="00156FB3" w:rsidP="00156FB3">
            <w:r>
              <w:t xml:space="preserve">     * // =&gt; [{ 'x': 1 }, { 'x': 2 }]</w:t>
            </w:r>
          </w:p>
          <w:p w:rsidR="00156FB3" w:rsidRDefault="00156FB3" w:rsidP="00156FB3">
            <w:r>
              <w:t xml:space="preserve">     */</w:t>
            </w:r>
          </w:p>
          <w:p w:rsidR="00156FB3" w:rsidRDefault="00156FB3" w:rsidP="00156FB3">
            <w:r>
              <w:lastRenderedPageBreak/>
              <w:t xml:space="preserve">    var unionBy = baseRest(function(arrays) {</w:t>
            </w:r>
          </w:p>
          <w:p w:rsidR="00156FB3" w:rsidRDefault="00156FB3" w:rsidP="00156FB3">
            <w:r>
              <w:t xml:space="preserve">      var iteratee = last(arrays);</w:t>
            </w:r>
          </w:p>
          <w:p w:rsidR="00156FB3" w:rsidRDefault="00156FB3" w:rsidP="00156FB3">
            <w:r>
              <w:t xml:space="preserve">      if (isArrayLikeObject(iteratee)) {</w:t>
            </w:r>
          </w:p>
          <w:p w:rsidR="00156FB3" w:rsidRDefault="00156FB3" w:rsidP="00156FB3">
            <w:r>
              <w:t xml:space="preserve">        iteratee = undefined;</w:t>
            </w:r>
          </w:p>
          <w:p w:rsidR="00156FB3" w:rsidRDefault="00156FB3" w:rsidP="00156FB3">
            <w:r>
              <w:t xml:space="preserve">      }</w:t>
            </w:r>
          </w:p>
          <w:p w:rsidR="00156FB3" w:rsidRDefault="00156FB3" w:rsidP="00156FB3">
            <w:r>
              <w:t xml:space="preserve">      return baseUniq(baseFlatten(arrays, 1, isArrayLikeObject, true), getIteratee(iteratee, 2));</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union` except that it accepts `comparator` which</w:t>
            </w:r>
          </w:p>
          <w:p w:rsidR="00156FB3" w:rsidRDefault="00156FB3" w:rsidP="00156FB3">
            <w:r>
              <w:t xml:space="preserve">     * is invoked to compare elements of `arrays`. Result values are chosen from</w:t>
            </w:r>
          </w:p>
          <w:p w:rsidR="00156FB3" w:rsidRDefault="00156FB3" w:rsidP="00156FB3">
            <w:r>
              <w:t xml:space="preserve">     * the first array in which the value occurs. The comparator is invoked</w:t>
            </w:r>
          </w:p>
          <w:p w:rsidR="00156FB3" w:rsidRDefault="00156FB3" w:rsidP="00156FB3">
            <w:r>
              <w:t xml:space="preserve">     * with two arguments: (arrVal, othVal).</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t xml:space="preserve">     * @param {...Array} [arrays] The arrays to inspect.</w:t>
            </w:r>
          </w:p>
          <w:p w:rsidR="00156FB3" w:rsidRDefault="00156FB3" w:rsidP="00156FB3">
            <w:r>
              <w:t xml:space="preserve">     * @param {Function} [comparator] The comparator invoked per element.</w:t>
            </w:r>
          </w:p>
          <w:p w:rsidR="00156FB3" w:rsidRDefault="00156FB3" w:rsidP="00156FB3">
            <w:r>
              <w:t xml:space="preserve">     * @returns {Array} Returns the new array of combined values.</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s = [{ 'x': 1, 'y': 2 }, { 'x': 2, 'y': 1 }];</w:t>
            </w:r>
          </w:p>
          <w:p w:rsidR="00156FB3" w:rsidRDefault="00156FB3" w:rsidP="00156FB3">
            <w:r>
              <w:t xml:space="preserve">     * var others = [{ 'x': 1, 'y': 1 }, { 'x': 1, 'y': 2 }];</w:t>
            </w:r>
          </w:p>
          <w:p w:rsidR="00156FB3" w:rsidRDefault="00156FB3" w:rsidP="00156FB3">
            <w:r>
              <w:t xml:space="preserve">     *</w:t>
            </w:r>
          </w:p>
          <w:p w:rsidR="00156FB3" w:rsidRDefault="00156FB3" w:rsidP="00156FB3">
            <w:r>
              <w:t xml:space="preserve">     * _.unionWith(objects, others, _.isEqual);</w:t>
            </w:r>
          </w:p>
          <w:p w:rsidR="00156FB3" w:rsidRDefault="00156FB3" w:rsidP="00156FB3">
            <w:r>
              <w:t xml:space="preserve">     * // =&gt; [{ 'x': 1, 'y': 2 }, { 'x': 2, 'y': 1 }, { 'x': 1, 'y': 1 }]</w:t>
            </w:r>
          </w:p>
          <w:p w:rsidR="00156FB3" w:rsidRDefault="00156FB3" w:rsidP="00156FB3">
            <w:r>
              <w:t xml:space="preserve">     */</w:t>
            </w:r>
          </w:p>
          <w:p w:rsidR="00156FB3" w:rsidRDefault="00156FB3" w:rsidP="00156FB3">
            <w:r>
              <w:t xml:space="preserve">    var unionWith = baseRest(function(arrays) {</w:t>
            </w:r>
          </w:p>
          <w:p w:rsidR="00156FB3" w:rsidRDefault="00156FB3" w:rsidP="00156FB3">
            <w:r>
              <w:t xml:space="preserve">      var comparator = last(arrays);</w:t>
            </w:r>
          </w:p>
          <w:p w:rsidR="00156FB3" w:rsidRDefault="00156FB3" w:rsidP="00156FB3">
            <w:r>
              <w:t xml:space="preserve">      comparator = typeof comparator == 'function' ? comparator : undefined;</w:t>
            </w:r>
          </w:p>
          <w:p w:rsidR="00156FB3" w:rsidRDefault="00156FB3" w:rsidP="00156FB3">
            <w:r>
              <w:t xml:space="preserve">      return baseUniq(baseFlatten(arrays, 1, isArrayLikeObject, true), undefined, comparato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duplicate-free version of an array, using</w:t>
            </w:r>
          </w:p>
          <w:p w:rsidR="00156FB3" w:rsidRDefault="00156FB3" w:rsidP="00156FB3">
            <w:r>
              <w:t xml:space="preserve">     * [`SameValueZero`](http://ecma-international.org/ecma-262/7.0/#sec-samevaluezero)</w:t>
            </w:r>
          </w:p>
          <w:p w:rsidR="00156FB3" w:rsidRDefault="00156FB3" w:rsidP="00156FB3">
            <w:r>
              <w:t xml:space="preserve">     * for equality comparisons, in which only the first occurrence of each element</w:t>
            </w:r>
          </w:p>
          <w:p w:rsidR="00156FB3" w:rsidRDefault="00156FB3" w:rsidP="00156FB3">
            <w:r>
              <w:t xml:space="preserve">     * is kept. The order of result values is determined by the order they occur</w:t>
            </w:r>
          </w:p>
          <w:p w:rsidR="00156FB3" w:rsidRDefault="00156FB3" w:rsidP="00156FB3">
            <w:r>
              <w:t xml:space="preserve">     * in the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Array</w:t>
            </w:r>
          </w:p>
          <w:p w:rsidR="00156FB3" w:rsidRDefault="00156FB3" w:rsidP="00156FB3">
            <w:r>
              <w:t xml:space="preserve">     * @param {Array} array The array to inspect.</w:t>
            </w:r>
          </w:p>
          <w:p w:rsidR="00156FB3" w:rsidRDefault="00156FB3" w:rsidP="00156FB3">
            <w:r>
              <w:t xml:space="preserve">     * @returns {Array} Returns the new duplicate free array.</w:t>
            </w:r>
          </w:p>
          <w:p w:rsidR="00156FB3" w:rsidRDefault="00156FB3" w:rsidP="00156FB3">
            <w:r>
              <w:lastRenderedPageBreak/>
              <w:t xml:space="preserve">     * @example</w:t>
            </w:r>
          </w:p>
          <w:p w:rsidR="00156FB3" w:rsidRDefault="00156FB3" w:rsidP="00156FB3">
            <w:r>
              <w:t xml:space="preserve">     *</w:t>
            </w:r>
          </w:p>
          <w:p w:rsidR="00156FB3" w:rsidRDefault="00156FB3" w:rsidP="00156FB3">
            <w:r>
              <w:t xml:space="preserve">     * _.uniq([2, 1, 2]);</w:t>
            </w:r>
          </w:p>
          <w:p w:rsidR="00156FB3" w:rsidRDefault="00156FB3" w:rsidP="00156FB3">
            <w:r>
              <w:t xml:space="preserve">     * // =&gt; [2, 1]</w:t>
            </w:r>
          </w:p>
          <w:p w:rsidR="00156FB3" w:rsidRDefault="00156FB3" w:rsidP="00156FB3">
            <w:r>
              <w:t xml:space="preserve">     */</w:t>
            </w:r>
          </w:p>
          <w:p w:rsidR="00156FB3" w:rsidRDefault="00156FB3" w:rsidP="00156FB3">
            <w:r>
              <w:t xml:space="preserve">    function uniq(array) {</w:t>
            </w:r>
          </w:p>
          <w:p w:rsidR="00156FB3" w:rsidRDefault="00156FB3" w:rsidP="00156FB3">
            <w:r>
              <w:t xml:space="preserve">      return (array &amp;&amp; array.length) ? baseUniq(array)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uniq` except that it accepts `iteratee` which is</w:t>
            </w:r>
          </w:p>
          <w:p w:rsidR="00156FB3" w:rsidRDefault="00156FB3" w:rsidP="00156FB3">
            <w:r>
              <w:t xml:space="preserve">     * invoked for each element in `array` to generate the criterion by which</w:t>
            </w:r>
          </w:p>
          <w:p w:rsidR="00156FB3" w:rsidRDefault="00156FB3" w:rsidP="00156FB3">
            <w:r>
              <w:t xml:space="preserve">     * uniqueness is computed. The order of result values is determined by the</w:t>
            </w:r>
          </w:p>
          <w:p w:rsidR="00156FB3" w:rsidRDefault="00156FB3" w:rsidP="00156FB3">
            <w:r>
              <w:t xml:space="preserve">     * order they occur in the array. The iteratee is invoked with one argument:</w:t>
            </w:r>
          </w:p>
          <w:p w:rsidR="00156FB3" w:rsidRDefault="00156FB3" w:rsidP="00156FB3">
            <w:r>
              <w:t xml:space="preserve">     * (valu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t xml:space="preserve">     * @param {Array} array The array to inspect.</w:t>
            </w:r>
          </w:p>
          <w:p w:rsidR="00156FB3" w:rsidRDefault="00156FB3" w:rsidP="00156FB3">
            <w:r>
              <w:t xml:space="preserve">     * @param {Function} [iteratee=_.identity] The iteratee invoked per element.</w:t>
            </w:r>
          </w:p>
          <w:p w:rsidR="00156FB3" w:rsidRDefault="00156FB3" w:rsidP="00156FB3">
            <w:r>
              <w:t xml:space="preserve">     * @returns {Array} Returns the new duplicate free array.</w:t>
            </w:r>
          </w:p>
          <w:p w:rsidR="00156FB3" w:rsidRDefault="00156FB3" w:rsidP="00156FB3">
            <w:r>
              <w:t xml:space="preserve">     * @example</w:t>
            </w:r>
          </w:p>
          <w:p w:rsidR="00156FB3" w:rsidRDefault="00156FB3" w:rsidP="00156FB3">
            <w:r>
              <w:t xml:space="preserve">     *</w:t>
            </w:r>
          </w:p>
          <w:p w:rsidR="00156FB3" w:rsidRDefault="00156FB3" w:rsidP="00156FB3">
            <w:r>
              <w:t xml:space="preserve">     * _.uniqBy([2.1, 1.2, 2.3], Math.floor);</w:t>
            </w:r>
          </w:p>
          <w:p w:rsidR="00156FB3" w:rsidRDefault="00156FB3" w:rsidP="00156FB3">
            <w:r>
              <w:t xml:space="preserve">     * // =&gt; [2.1, 1.2]</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uniqBy([{ 'x': 1 }, { 'x': 2 }, { 'x': 1 }], 'x');</w:t>
            </w:r>
          </w:p>
          <w:p w:rsidR="00156FB3" w:rsidRDefault="00156FB3" w:rsidP="00156FB3">
            <w:r>
              <w:t xml:space="preserve">     * // =&gt; [{ 'x': 1 }, { 'x': 2 }]</w:t>
            </w:r>
          </w:p>
          <w:p w:rsidR="00156FB3" w:rsidRDefault="00156FB3" w:rsidP="00156FB3">
            <w:r>
              <w:t xml:space="preserve">     */</w:t>
            </w:r>
          </w:p>
          <w:p w:rsidR="00156FB3" w:rsidRDefault="00156FB3" w:rsidP="00156FB3">
            <w:r>
              <w:t xml:space="preserve">    function uniqBy(array, iteratee) {</w:t>
            </w:r>
          </w:p>
          <w:p w:rsidR="00156FB3" w:rsidRDefault="00156FB3" w:rsidP="00156FB3">
            <w:r>
              <w:t xml:space="preserve">      return (array &amp;&amp; array.length) ? baseUniq(array, getIteratee(iteratee, 2))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uniq` except that it accepts `comparator` which</w:t>
            </w:r>
          </w:p>
          <w:p w:rsidR="00156FB3" w:rsidRDefault="00156FB3" w:rsidP="00156FB3">
            <w:r>
              <w:t xml:space="preserve">     * is invoked to compare elements of `array`. The order of result values is</w:t>
            </w:r>
          </w:p>
          <w:p w:rsidR="00156FB3" w:rsidRDefault="00156FB3" w:rsidP="00156FB3">
            <w:r>
              <w:t xml:space="preserve">     * determined by the order they occur in the array.The comparator is invoked</w:t>
            </w:r>
          </w:p>
          <w:p w:rsidR="00156FB3" w:rsidRDefault="00156FB3" w:rsidP="00156FB3">
            <w:r>
              <w:t xml:space="preserve">     * with two arguments: (arrVal, othVal).</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t xml:space="preserve">     * @param {Array} array The array to inspect.</w:t>
            </w:r>
          </w:p>
          <w:p w:rsidR="00156FB3" w:rsidRDefault="00156FB3" w:rsidP="00156FB3">
            <w:r>
              <w:t xml:space="preserve">     * @param {Function} [comparator] The comparator invoked per element.</w:t>
            </w:r>
          </w:p>
          <w:p w:rsidR="00156FB3" w:rsidRDefault="00156FB3" w:rsidP="00156FB3">
            <w:r>
              <w:lastRenderedPageBreak/>
              <w:t xml:space="preserve">     * @returns {Array} Returns the new duplicate free array.</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s = [{ 'x': 1, 'y': 2 }, { 'x': 2, 'y': 1 }, { 'x': 1, 'y': 2 }];</w:t>
            </w:r>
          </w:p>
          <w:p w:rsidR="00156FB3" w:rsidRDefault="00156FB3" w:rsidP="00156FB3">
            <w:r>
              <w:t xml:space="preserve">     *</w:t>
            </w:r>
          </w:p>
          <w:p w:rsidR="00156FB3" w:rsidRDefault="00156FB3" w:rsidP="00156FB3">
            <w:r>
              <w:t xml:space="preserve">     * _.uniqWith(objects, _.isEqual);</w:t>
            </w:r>
          </w:p>
          <w:p w:rsidR="00156FB3" w:rsidRDefault="00156FB3" w:rsidP="00156FB3">
            <w:r>
              <w:t xml:space="preserve">     * // =&gt; [{ 'x': 1, 'y': 2 }, { 'x': 2, 'y': 1 }]</w:t>
            </w:r>
          </w:p>
          <w:p w:rsidR="00156FB3" w:rsidRDefault="00156FB3" w:rsidP="00156FB3">
            <w:r>
              <w:t xml:space="preserve">     */</w:t>
            </w:r>
          </w:p>
          <w:p w:rsidR="00156FB3" w:rsidRDefault="00156FB3" w:rsidP="00156FB3">
            <w:r>
              <w:t xml:space="preserve">    function uniqWith(array, comparator) {</w:t>
            </w:r>
          </w:p>
          <w:p w:rsidR="00156FB3" w:rsidRDefault="00156FB3" w:rsidP="00156FB3">
            <w:r>
              <w:t xml:space="preserve">      comparator = typeof comparator == 'function' ? comparator : undefined;</w:t>
            </w:r>
          </w:p>
          <w:p w:rsidR="00156FB3" w:rsidRDefault="00156FB3" w:rsidP="00156FB3">
            <w:r>
              <w:t xml:space="preserve">      return (array &amp;&amp; array.length) ? baseUniq(array, undefined, comparator)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zip` except that it accepts an array of grouped</w:t>
            </w:r>
          </w:p>
          <w:p w:rsidR="00156FB3" w:rsidRDefault="00156FB3" w:rsidP="00156FB3">
            <w:r>
              <w:t xml:space="preserve">     * elements and creates an array regrouping the elements to their pre-zip</w:t>
            </w:r>
          </w:p>
          <w:p w:rsidR="00156FB3" w:rsidRDefault="00156FB3" w:rsidP="00156FB3">
            <w:r>
              <w:t xml:space="preserve">     * configuration.</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1.2.0</w:t>
            </w:r>
          </w:p>
          <w:p w:rsidR="00156FB3" w:rsidRDefault="00156FB3" w:rsidP="00156FB3">
            <w:r>
              <w:t xml:space="preserve">     * @category Array</w:t>
            </w:r>
          </w:p>
          <w:p w:rsidR="00156FB3" w:rsidRDefault="00156FB3" w:rsidP="00156FB3">
            <w:r>
              <w:t xml:space="preserve">     * @param {Array} array The array of grouped elements to process.</w:t>
            </w:r>
          </w:p>
          <w:p w:rsidR="00156FB3" w:rsidRDefault="00156FB3" w:rsidP="00156FB3">
            <w:r>
              <w:t xml:space="preserve">     * @returns {Array} Returns the new array of regrouped elements.</w:t>
            </w:r>
          </w:p>
          <w:p w:rsidR="00156FB3" w:rsidRDefault="00156FB3" w:rsidP="00156FB3">
            <w:r>
              <w:t xml:space="preserve">     * @example</w:t>
            </w:r>
          </w:p>
          <w:p w:rsidR="00156FB3" w:rsidRDefault="00156FB3" w:rsidP="00156FB3">
            <w:r>
              <w:t xml:space="preserve">     *</w:t>
            </w:r>
          </w:p>
          <w:p w:rsidR="00156FB3" w:rsidRDefault="00156FB3" w:rsidP="00156FB3">
            <w:r>
              <w:t xml:space="preserve">     * var zipped = _.zip(['a', 'b'], [1, 2], [true, false]);</w:t>
            </w:r>
          </w:p>
          <w:p w:rsidR="00156FB3" w:rsidRDefault="00156FB3" w:rsidP="00156FB3">
            <w:r>
              <w:t xml:space="preserve">     * // =&gt; [['a', 1, true], ['b', 2, false]]</w:t>
            </w:r>
          </w:p>
          <w:p w:rsidR="00156FB3" w:rsidRDefault="00156FB3" w:rsidP="00156FB3">
            <w:r>
              <w:t xml:space="preserve">     *</w:t>
            </w:r>
          </w:p>
          <w:p w:rsidR="00156FB3" w:rsidRDefault="00156FB3" w:rsidP="00156FB3">
            <w:r>
              <w:t xml:space="preserve">     * _.unzip(zipped);</w:t>
            </w:r>
          </w:p>
          <w:p w:rsidR="00156FB3" w:rsidRDefault="00156FB3" w:rsidP="00156FB3">
            <w:r>
              <w:t xml:space="preserve">     * // =&gt; [['a', 'b'], [1, 2], [true, false]]</w:t>
            </w:r>
          </w:p>
          <w:p w:rsidR="00156FB3" w:rsidRDefault="00156FB3" w:rsidP="00156FB3">
            <w:r>
              <w:t xml:space="preserve">     */</w:t>
            </w:r>
          </w:p>
          <w:p w:rsidR="00156FB3" w:rsidRDefault="00156FB3" w:rsidP="00156FB3">
            <w:r>
              <w:t xml:space="preserve">    function unzip(array) {</w:t>
            </w:r>
          </w:p>
          <w:p w:rsidR="00156FB3" w:rsidRDefault="00156FB3" w:rsidP="00156FB3">
            <w:r>
              <w:t xml:space="preserve">      if (!(array &amp;&amp; array.length)) {</w:t>
            </w:r>
          </w:p>
          <w:p w:rsidR="00156FB3" w:rsidRDefault="00156FB3" w:rsidP="00156FB3">
            <w:r>
              <w:t xml:space="preserve">        return [];</w:t>
            </w:r>
          </w:p>
          <w:p w:rsidR="00156FB3" w:rsidRDefault="00156FB3" w:rsidP="00156FB3">
            <w:r>
              <w:t xml:space="preserve">      }</w:t>
            </w:r>
          </w:p>
          <w:p w:rsidR="00156FB3" w:rsidRDefault="00156FB3" w:rsidP="00156FB3">
            <w:r>
              <w:t xml:space="preserve">      var length = 0;</w:t>
            </w:r>
          </w:p>
          <w:p w:rsidR="00156FB3" w:rsidRDefault="00156FB3" w:rsidP="00156FB3">
            <w:r>
              <w:t xml:space="preserve">      array = arrayFilter(array, function(group) {</w:t>
            </w:r>
          </w:p>
          <w:p w:rsidR="00156FB3" w:rsidRDefault="00156FB3" w:rsidP="00156FB3">
            <w:r>
              <w:t xml:space="preserve">        if (isArrayLikeObject(group)) {</w:t>
            </w:r>
          </w:p>
          <w:p w:rsidR="00156FB3" w:rsidRDefault="00156FB3" w:rsidP="00156FB3">
            <w:r>
              <w:t xml:space="preserve">          length = nativeMax(group.length, length);</w:t>
            </w:r>
          </w:p>
          <w:p w:rsidR="00156FB3" w:rsidRDefault="00156FB3" w:rsidP="00156FB3">
            <w:r>
              <w:t xml:space="preserve">          return true;</w:t>
            </w:r>
          </w:p>
          <w:p w:rsidR="00156FB3" w:rsidRDefault="00156FB3" w:rsidP="00156FB3">
            <w:r>
              <w:t xml:space="preserve">        }</w:t>
            </w:r>
          </w:p>
          <w:p w:rsidR="00156FB3" w:rsidRDefault="00156FB3" w:rsidP="00156FB3">
            <w:r>
              <w:t xml:space="preserve">      });</w:t>
            </w:r>
          </w:p>
          <w:p w:rsidR="00156FB3" w:rsidRDefault="00156FB3" w:rsidP="00156FB3">
            <w:r>
              <w:t xml:space="preserve">      return baseTimes(length, function(index) {</w:t>
            </w:r>
          </w:p>
          <w:p w:rsidR="00156FB3" w:rsidRDefault="00156FB3" w:rsidP="00156FB3">
            <w:r>
              <w:t xml:space="preserve">        return arrayMap(array, baseProperty(index));</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lastRenderedPageBreak/>
              <w:t xml:space="preserve">    /**</w:t>
            </w:r>
          </w:p>
          <w:p w:rsidR="00156FB3" w:rsidRDefault="00156FB3" w:rsidP="00156FB3">
            <w:r>
              <w:t xml:space="preserve">     * This method is like `_.unzip` except that it accepts `iteratee` to specify</w:t>
            </w:r>
          </w:p>
          <w:p w:rsidR="00156FB3" w:rsidRDefault="00156FB3" w:rsidP="00156FB3">
            <w:r>
              <w:t xml:space="preserve">     * how regrouped values should be combined. The iteratee is invoked with the</w:t>
            </w:r>
          </w:p>
          <w:p w:rsidR="00156FB3" w:rsidRDefault="00156FB3" w:rsidP="00156FB3">
            <w:r>
              <w:t xml:space="preserve">     * elements of each group: (...group).</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8.0</w:t>
            </w:r>
          </w:p>
          <w:p w:rsidR="00156FB3" w:rsidRDefault="00156FB3" w:rsidP="00156FB3">
            <w:r>
              <w:t xml:space="preserve">     * @category Array</w:t>
            </w:r>
          </w:p>
          <w:p w:rsidR="00156FB3" w:rsidRDefault="00156FB3" w:rsidP="00156FB3">
            <w:r>
              <w:t xml:space="preserve">     * @param {Array} array The array of grouped elements to process.</w:t>
            </w:r>
          </w:p>
          <w:p w:rsidR="00156FB3" w:rsidRDefault="00156FB3" w:rsidP="00156FB3">
            <w:r>
              <w:t xml:space="preserve">     * @param {Function} [iteratee=_.identity] The function to combine</w:t>
            </w:r>
          </w:p>
          <w:p w:rsidR="00156FB3" w:rsidRDefault="00156FB3" w:rsidP="00156FB3">
            <w:r>
              <w:t xml:space="preserve">     *  regrouped values.</w:t>
            </w:r>
          </w:p>
          <w:p w:rsidR="00156FB3" w:rsidRDefault="00156FB3" w:rsidP="00156FB3">
            <w:r>
              <w:t xml:space="preserve">     * @returns {Array} Returns the new array of regrouped elements.</w:t>
            </w:r>
          </w:p>
          <w:p w:rsidR="00156FB3" w:rsidRDefault="00156FB3" w:rsidP="00156FB3">
            <w:r>
              <w:t xml:space="preserve">     * @example</w:t>
            </w:r>
          </w:p>
          <w:p w:rsidR="00156FB3" w:rsidRDefault="00156FB3" w:rsidP="00156FB3">
            <w:r>
              <w:t xml:space="preserve">     *</w:t>
            </w:r>
          </w:p>
          <w:p w:rsidR="00156FB3" w:rsidRDefault="00156FB3" w:rsidP="00156FB3">
            <w:r>
              <w:t xml:space="preserve">     * var zipped = _.zip([1, 2], [10, 20], [100, 200]);</w:t>
            </w:r>
          </w:p>
          <w:p w:rsidR="00156FB3" w:rsidRDefault="00156FB3" w:rsidP="00156FB3">
            <w:r>
              <w:t xml:space="preserve">     * // =&gt; [[1, 10, 100], [2, 20, 200]]</w:t>
            </w:r>
          </w:p>
          <w:p w:rsidR="00156FB3" w:rsidRDefault="00156FB3" w:rsidP="00156FB3">
            <w:r>
              <w:t xml:space="preserve">     *</w:t>
            </w:r>
          </w:p>
          <w:p w:rsidR="00156FB3" w:rsidRDefault="00156FB3" w:rsidP="00156FB3">
            <w:r>
              <w:t xml:space="preserve">     * _.unzipWith(zipped, _.add);</w:t>
            </w:r>
          </w:p>
          <w:p w:rsidR="00156FB3" w:rsidRDefault="00156FB3" w:rsidP="00156FB3">
            <w:r>
              <w:t xml:space="preserve">     * // =&gt; [3, 30, 300]</w:t>
            </w:r>
          </w:p>
          <w:p w:rsidR="00156FB3" w:rsidRDefault="00156FB3" w:rsidP="00156FB3">
            <w:r>
              <w:t xml:space="preserve">     */</w:t>
            </w:r>
          </w:p>
          <w:p w:rsidR="00156FB3" w:rsidRDefault="00156FB3" w:rsidP="00156FB3">
            <w:r>
              <w:t xml:space="preserve">    function unzipWith(array, iteratee) {</w:t>
            </w:r>
          </w:p>
          <w:p w:rsidR="00156FB3" w:rsidRDefault="00156FB3" w:rsidP="00156FB3">
            <w:r>
              <w:t xml:space="preserve">      if (!(array &amp;&amp; array.length)) {</w:t>
            </w:r>
          </w:p>
          <w:p w:rsidR="00156FB3" w:rsidRDefault="00156FB3" w:rsidP="00156FB3">
            <w:r>
              <w:t xml:space="preserve">        return [];</w:t>
            </w:r>
          </w:p>
          <w:p w:rsidR="00156FB3" w:rsidRDefault="00156FB3" w:rsidP="00156FB3">
            <w:r>
              <w:t xml:space="preserve">      }</w:t>
            </w:r>
          </w:p>
          <w:p w:rsidR="00156FB3" w:rsidRDefault="00156FB3" w:rsidP="00156FB3">
            <w:r>
              <w:t xml:space="preserve">      var result = unzip(array);</w:t>
            </w:r>
          </w:p>
          <w:p w:rsidR="00156FB3" w:rsidRDefault="00156FB3" w:rsidP="00156FB3">
            <w:r>
              <w:t xml:space="preserve">      if (iteratee == null) {</w:t>
            </w:r>
          </w:p>
          <w:p w:rsidR="00156FB3" w:rsidRDefault="00156FB3" w:rsidP="00156FB3">
            <w:r>
              <w:t xml:space="preserve">        return result;</w:t>
            </w:r>
          </w:p>
          <w:p w:rsidR="00156FB3" w:rsidRDefault="00156FB3" w:rsidP="00156FB3">
            <w:r>
              <w:t xml:space="preserve">      }</w:t>
            </w:r>
          </w:p>
          <w:p w:rsidR="00156FB3" w:rsidRDefault="00156FB3" w:rsidP="00156FB3">
            <w:r>
              <w:t xml:space="preserve">      return arrayMap(result, function(group) {</w:t>
            </w:r>
          </w:p>
          <w:p w:rsidR="00156FB3" w:rsidRDefault="00156FB3" w:rsidP="00156FB3">
            <w:r>
              <w:t xml:space="preserve">        return apply(iteratee, undefined, group);</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excluding all given values using</w:t>
            </w:r>
          </w:p>
          <w:p w:rsidR="00156FB3" w:rsidRDefault="00156FB3" w:rsidP="00156FB3">
            <w:r>
              <w:t xml:space="preserve">     * [`SameValueZero`](http://ecma-international.org/ecma-262/7.0/#sec-samevaluezero)</w:t>
            </w:r>
          </w:p>
          <w:p w:rsidR="00156FB3" w:rsidRDefault="00156FB3" w:rsidP="00156FB3">
            <w:r>
              <w:t xml:space="preserve">     * for equality comparisons.</w:t>
            </w:r>
          </w:p>
          <w:p w:rsidR="00156FB3" w:rsidRDefault="00156FB3" w:rsidP="00156FB3">
            <w:r>
              <w:t xml:space="preserve">     *</w:t>
            </w:r>
          </w:p>
          <w:p w:rsidR="00156FB3" w:rsidRDefault="00156FB3" w:rsidP="00156FB3">
            <w:r>
              <w:t xml:space="preserve">     * **Note:** Unlike `_.pull`, this method returns a new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Array</w:t>
            </w:r>
          </w:p>
          <w:p w:rsidR="00156FB3" w:rsidRDefault="00156FB3" w:rsidP="00156FB3">
            <w:r>
              <w:t xml:space="preserve">     * @param {Array} array The array to inspect.</w:t>
            </w:r>
          </w:p>
          <w:p w:rsidR="00156FB3" w:rsidRDefault="00156FB3" w:rsidP="00156FB3">
            <w:r>
              <w:t xml:space="preserve">     * @param {...*} [values] The values to exclude.</w:t>
            </w:r>
          </w:p>
          <w:p w:rsidR="00156FB3" w:rsidRDefault="00156FB3" w:rsidP="00156FB3">
            <w:r>
              <w:t xml:space="preserve">     * @returns {Array} Returns the new array of filtered values.</w:t>
            </w:r>
          </w:p>
          <w:p w:rsidR="00156FB3" w:rsidRDefault="00156FB3" w:rsidP="00156FB3">
            <w:r>
              <w:lastRenderedPageBreak/>
              <w:t xml:space="preserve">     * @see _.difference, _.xor</w:t>
            </w:r>
          </w:p>
          <w:p w:rsidR="00156FB3" w:rsidRDefault="00156FB3" w:rsidP="00156FB3">
            <w:r>
              <w:t xml:space="preserve">     * @example</w:t>
            </w:r>
          </w:p>
          <w:p w:rsidR="00156FB3" w:rsidRDefault="00156FB3" w:rsidP="00156FB3">
            <w:r>
              <w:t xml:space="preserve">     *</w:t>
            </w:r>
          </w:p>
          <w:p w:rsidR="00156FB3" w:rsidRDefault="00156FB3" w:rsidP="00156FB3">
            <w:r>
              <w:t xml:space="preserve">     * _.without([2, 1, 2, 3], 1, 2);</w:t>
            </w:r>
          </w:p>
          <w:p w:rsidR="00156FB3" w:rsidRDefault="00156FB3" w:rsidP="00156FB3">
            <w:r>
              <w:t xml:space="preserve">     * // =&gt; [3]</w:t>
            </w:r>
          </w:p>
          <w:p w:rsidR="00156FB3" w:rsidRDefault="00156FB3" w:rsidP="00156FB3">
            <w:r>
              <w:t xml:space="preserve">     */</w:t>
            </w:r>
          </w:p>
          <w:p w:rsidR="00156FB3" w:rsidRDefault="00156FB3" w:rsidP="00156FB3">
            <w:r>
              <w:t xml:space="preserve">    var without = baseRest(function(array, values) {</w:t>
            </w:r>
          </w:p>
          <w:p w:rsidR="00156FB3" w:rsidRDefault="00156FB3" w:rsidP="00156FB3">
            <w:r>
              <w:t xml:space="preserve">      return isArrayLikeObject(array)</w:t>
            </w:r>
          </w:p>
          <w:p w:rsidR="00156FB3" w:rsidRDefault="00156FB3" w:rsidP="00156FB3">
            <w:r>
              <w:t xml:space="preserve">        ? baseDifference(array, values)</w:t>
            </w:r>
          </w:p>
          <w:p w:rsidR="00156FB3" w:rsidRDefault="00156FB3" w:rsidP="00156FB3">
            <w:r>
              <w:t xml:space="preserve">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of unique values that is the</w:t>
            </w:r>
          </w:p>
          <w:p w:rsidR="00156FB3" w:rsidRDefault="00156FB3" w:rsidP="00156FB3">
            <w:r>
              <w:t xml:space="preserve">     * [symmetric difference](https://en.wikipedia.org/wiki/Symmetric_difference)</w:t>
            </w:r>
          </w:p>
          <w:p w:rsidR="00156FB3" w:rsidRDefault="00156FB3" w:rsidP="00156FB3">
            <w:r>
              <w:t xml:space="preserve">     * of the given arrays. The order of result values is determined by the order</w:t>
            </w:r>
          </w:p>
          <w:p w:rsidR="00156FB3" w:rsidRDefault="00156FB3" w:rsidP="00156FB3">
            <w:r>
              <w:t xml:space="preserve">     * they occur in the array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2.4.0</w:t>
            </w:r>
          </w:p>
          <w:p w:rsidR="00156FB3" w:rsidRDefault="00156FB3" w:rsidP="00156FB3">
            <w:r>
              <w:t xml:space="preserve">     * @category Array</w:t>
            </w:r>
          </w:p>
          <w:p w:rsidR="00156FB3" w:rsidRDefault="00156FB3" w:rsidP="00156FB3">
            <w:r>
              <w:t xml:space="preserve">     * @param {...Array} [arrays] The arrays to inspect.</w:t>
            </w:r>
          </w:p>
          <w:p w:rsidR="00156FB3" w:rsidRDefault="00156FB3" w:rsidP="00156FB3">
            <w:r>
              <w:t xml:space="preserve">     * @returns {Array} Returns the new array of filtered values.</w:t>
            </w:r>
          </w:p>
          <w:p w:rsidR="00156FB3" w:rsidRDefault="00156FB3" w:rsidP="00156FB3">
            <w:r>
              <w:t xml:space="preserve">     * @see _.difference, _.without</w:t>
            </w:r>
          </w:p>
          <w:p w:rsidR="00156FB3" w:rsidRDefault="00156FB3" w:rsidP="00156FB3">
            <w:r>
              <w:t xml:space="preserve">     * @example</w:t>
            </w:r>
          </w:p>
          <w:p w:rsidR="00156FB3" w:rsidRDefault="00156FB3" w:rsidP="00156FB3">
            <w:r>
              <w:t xml:space="preserve">     *</w:t>
            </w:r>
          </w:p>
          <w:p w:rsidR="00156FB3" w:rsidRDefault="00156FB3" w:rsidP="00156FB3">
            <w:r>
              <w:t xml:space="preserve">     * _.xor([2, 1], [2, 3]);</w:t>
            </w:r>
          </w:p>
          <w:p w:rsidR="00156FB3" w:rsidRDefault="00156FB3" w:rsidP="00156FB3">
            <w:r>
              <w:t xml:space="preserve">     * // =&gt; [1, 3]</w:t>
            </w:r>
          </w:p>
          <w:p w:rsidR="00156FB3" w:rsidRDefault="00156FB3" w:rsidP="00156FB3">
            <w:r>
              <w:t xml:space="preserve">     */</w:t>
            </w:r>
          </w:p>
          <w:p w:rsidR="00156FB3" w:rsidRDefault="00156FB3" w:rsidP="00156FB3">
            <w:r>
              <w:t xml:space="preserve">    var xor = baseRest(function(arrays) {</w:t>
            </w:r>
          </w:p>
          <w:p w:rsidR="00156FB3" w:rsidRDefault="00156FB3" w:rsidP="00156FB3">
            <w:r>
              <w:t xml:space="preserve">      return baseXor(arrayFilter(arrays, isArrayLike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xor` except that it accepts `iteratee` which is</w:t>
            </w:r>
          </w:p>
          <w:p w:rsidR="00156FB3" w:rsidRDefault="00156FB3" w:rsidP="00156FB3">
            <w:r>
              <w:t xml:space="preserve">     * invoked for each element of each `arrays` to generate the criterion by</w:t>
            </w:r>
          </w:p>
          <w:p w:rsidR="00156FB3" w:rsidRDefault="00156FB3" w:rsidP="00156FB3">
            <w:r>
              <w:t xml:space="preserve">     * which by which they're compared. The order of result values is determined</w:t>
            </w:r>
          </w:p>
          <w:p w:rsidR="00156FB3" w:rsidRDefault="00156FB3" w:rsidP="00156FB3">
            <w:r>
              <w:t xml:space="preserve">     * by the order they occur in the arrays. The iteratee is invoked with one</w:t>
            </w:r>
          </w:p>
          <w:p w:rsidR="00156FB3" w:rsidRDefault="00156FB3" w:rsidP="00156FB3">
            <w:r>
              <w:t xml:space="preserve">     * argument: (valu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t xml:space="preserve">     * @param {...Array} [arrays] The arrays to inspect.</w:t>
            </w:r>
          </w:p>
          <w:p w:rsidR="00156FB3" w:rsidRDefault="00156FB3" w:rsidP="00156FB3">
            <w:r>
              <w:t xml:space="preserve">     * @param {Function} [iteratee=_.identity] The iteratee invoked per element.</w:t>
            </w:r>
          </w:p>
          <w:p w:rsidR="00156FB3" w:rsidRDefault="00156FB3" w:rsidP="00156FB3">
            <w:r>
              <w:t xml:space="preserve">     * @returns {Array} Returns the new array of filtered values.</w:t>
            </w:r>
          </w:p>
          <w:p w:rsidR="00156FB3" w:rsidRDefault="00156FB3" w:rsidP="00156FB3">
            <w:r>
              <w:lastRenderedPageBreak/>
              <w:t xml:space="preserve">     * @example</w:t>
            </w:r>
          </w:p>
          <w:p w:rsidR="00156FB3" w:rsidRDefault="00156FB3" w:rsidP="00156FB3">
            <w:r>
              <w:t xml:space="preserve">     *</w:t>
            </w:r>
          </w:p>
          <w:p w:rsidR="00156FB3" w:rsidRDefault="00156FB3" w:rsidP="00156FB3">
            <w:r>
              <w:t xml:space="preserve">     * _.xorBy([2.1, 1.2], [2.3, 3.4], Math.floor);</w:t>
            </w:r>
          </w:p>
          <w:p w:rsidR="00156FB3" w:rsidRDefault="00156FB3" w:rsidP="00156FB3">
            <w:r>
              <w:t xml:space="preserve">     * // =&gt; [1.2, 3.4]</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xorBy([{ 'x': 1 }], [{ 'x': 2 }, { 'x': 1 }], 'x');</w:t>
            </w:r>
          </w:p>
          <w:p w:rsidR="00156FB3" w:rsidRDefault="00156FB3" w:rsidP="00156FB3">
            <w:r>
              <w:t xml:space="preserve">     * // =&gt; [{ 'x': 2 }]</w:t>
            </w:r>
          </w:p>
          <w:p w:rsidR="00156FB3" w:rsidRDefault="00156FB3" w:rsidP="00156FB3">
            <w:r>
              <w:t xml:space="preserve">     */</w:t>
            </w:r>
          </w:p>
          <w:p w:rsidR="00156FB3" w:rsidRDefault="00156FB3" w:rsidP="00156FB3">
            <w:r>
              <w:t xml:space="preserve">    var xorBy = baseRest(function(arrays) {</w:t>
            </w:r>
          </w:p>
          <w:p w:rsidR="00156FB3" w:rsidRDefault="00156FB3" w:rsidP="00156FB3">
            <w:r>
              <w:t xml:space="preserve">      var iteratee = last(arrays);</w:t>
            </w:r>
          </w:p>
          <w:p w:rsidR="00156FB3" w:rsidRDefault="00156FB3" w:rsidP="00156FB3">
            <w:r>
              <w:t xml:space="preserve">      if (isArrayLikeObject(iteratee)) {</w:t>
            </w:r>
          </w:p>
          <w:p w:rsidR="00156FB3" w:rsidRDefault="00156FB3" w:rsidP="00156FB3">
            <w:r>
              <w:t xml:space="preserve">        iteratee = undefined;</w:t>
            </w:r>
          </w:p>
          <w:p w:rsidR="00156FB3" w:rsidRDefault="00156FB3" w:rsidP="00156FB3">
            <w:r>
              <w:t xml:space="preserve">      }</w:t>
            </w:r>
          </w:p>
          <w:p w:rsidR="00156FB3" w:rsidRDefault="00156FB3" w:rsidP="00156FB3">
            <w:r>
              <w:t xml:space="preserve">      return baseXor(arrayFilter(arrays, isArrayLikeObject), getIteratee(iteratee, 2));</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xor` except that it accepts `comparator` which is</w:t>
            </w:r>
          </w:p>
          <w:p w:rsidR="00156FB3" w:rsidRDefault="00156FB3" w:rsidP="00156FB3">
            <w:r>
              <w:t xml:space="preserve">     * invoked to compare elements of `arrays`. The order of result values is</w:t>
            </w:r>
          </w:p>
          <w:p w:rsidR="00156FB3" w:rsidRDefault="00156FB3" w:rsidP="00156FB3">
            <w:r>
              <w:t xml:space="preserve">     * determined by the order they occur in the arrays. The comparator is invoked</w:t>
            </w:r>
          </w:p>
          <w:p w:rsidR="00156FB3" w:rsidRDefault="00156FB3" w:rsidP="00156FB3">
            <w:r>
              <w:t xml:space="preserve">     * with two arguments: (arrVal, othVal).</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Array</w:t>
            </w:r>
          </w:p>
          <w:p w:rsidR="00156FB3" w:rsidRDefault="00156FB3" w:rsidP="00156FB3">
            <w:r>
              <w:t xml:space="preserve">     * @param {...Array} [arrays] The arrays to inspect.</w:t>
            </w:r>
          </w:p>
          <w:p w:rsidR="00156FB3" w:rsidRDefault="00156FB3" w:rsidP="00156FB3">
            <w:r>
              <w:t xml:space="preserve">     * @param {Function} [comparator] The comparator invoked per element.</w:t>
            </w:r>
          </w:p>
          <w:p w:rsidR="00156FB3" w:rsidRDefault="00156FB3" w:rsidP="00156FB3">
            <w:r>
              <w:t xml:space="preserve">     * @returns {Array} Returns the new array of filtered values.</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s = [{ 'x': 1, 'y': 2 }, { 'x': 2, 'y': 1 }];</w:t>
            </w:r>
          </w:p>
          <w:p w:rsidR="00156FB3" w:rsidRDefault="00156FB3" w:rsidP="00156FB3">
            <w:r>
              <w:t xml:space="preserve">     * var others = [{ 'x': 1, 'y': 1 }, { 'x': 1, 'y': 2 }];</w:t>
            </w:r>
          </w:p>
          <w:p w:rsidR="00156FB3" w:rsidRDefault="00156FB3" w:rsidP="00156FB3">
            <w:r>
              <w:t xml:space="preserve">     *</w:t>
            </w:r>
          </w:p>
          <w:p w:rsidR="00156FB3" w:rsidRDefault="00156FB3" w:rsidP="00156FB3">
            <w:r>
              <w:t xml:space="preserve">     * _.xorWith(objects, others, _.isEqual);</w:t>
            </w:r>
          </w:p>
          <w:p w:rsidR="00156FB3" w:rsidRDefault="00156FB3" w:rsidP="00156FB3">
            <w:r>
              <w:t xml:space="preserve">     * // =&gt; [{ 'x': 2, 'y': 1 }, { 'x': 1, 'y': 1 }]</w:t>
            </w:r>
          </w:p>
          <w:p w:rsidR="00156FB3" w:rsidRDefault="00156FB3" w:rsidP="00156FB3">
            <w:r>
              <w:t xml:space="preserve">     */</w:t>
            </w:r>
          </w:p>
          <w:p w:rsidR="00156FB3" w:rsidRDefault="00156FB3" w:rsidP="00156FB3">
            <w:r>
              <w:t xml:space="preserve">    var xorWith = baseRest(function(arrays) {</w:t>
            </w:r>
          </w:p>
          <w:p w:rsidR="00156FB3" w:rsidRDefault="00156FB3" w:rsidP="00156FB3">
            <w:r>
              <w:t xml:space="preserve">      var comparator = last(arrays);</w:t>
            </w:r>
          </w:p>
          <w:p w:rsidR="00156FB3" w:rsidRDefault="00156FB3" w:rsidP="00156FB3">
            <w:r>
              <w:t xml:space="preserve">      comparator = typeof comparator == 'function' ? comparator : undefined;</w:t>
            </w:r>
          </w:p>
          <w:p w:rsidR="00156FB3" w:rsidRDefault="00156FB3" w:rsidP="00156FB3">
            <w:r>
              <w:t xml:space="preserve">      return baseXor(arrayFilter(arrays, isArrayLikeObject), undefined, comparato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of grouped elements, the first of which contains the</w:t>
            </w:r>
          </w:p>
          <w:p w:rsidR="00156FB3" w:rsidRDefault="00156FB3" w:rsidP="00156FB3">
            <w:r>
              <w:t xml:space="preserve">     * first elements of the given arrays, the second of which contains the</w:t>
            </w:r>
          </w:p>
          <w:p w:rsidR="00156FB3" w:rsidRDefault="00156FB3" w:rsidP="00156FB3">
            <w:r>
              <w:t xml:space="preserve">     * second elements of the given arrays, and so on.</w:t>
            </w:r>
          </w:p>
          <w:p w:rsidR="00156FB3" w:rsidRDefault="00156FB3" w:rsidP="00156FB3">
            <w:r>
              <w:lastRenderedPageBreak/>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Array</w:t>
            </w:r>
          </w:p>
          <w:p w:rsidR="00156FB3" w:rsidRDefault="00156FB3" w:rsidP="00156FB3">
            <w:r>
              <w:t xml:space="preserve">     * @param {...Array} [arrays] The arrays to process.</w:t>
            </w:r>
          </w:p>
          <w:p w:rsidR="00156FB3" w:rsidRDefault="00156FB3" w:rsidP="00156FB3">
            <w:r>
              <w:t xml:space="preserve">     * @returns {Array} Returns the new array of grouped elements.</w:t>
            </w:r>
          </w:p>
          <w:p w:rsidR="00156FB3" w:rsidRDefault="00156FB3" w:rsidP="00156FB3">
            <w:r>
              <w:t xml:space="preserve">     * @example</w:t>
            </w:r>
          </w:p>
          <w:p w:rsidR="00156FB3" w:rsidRDefault="00156FB3" w:rsidP="00156FB3">
            <w:r>
              <w:t xml:space="preserve">     *</w:t>
            </w:r>
          </w:p>
          <w:p w:rsidR="00156FB3" w:rsidRDefault="00156FB3" w:rsidP="00156FB3">
            <w:r>
              <w:t xml:space="preserve">     * _.zip(['a', 'b'], [1, 2], [true, false]);</w:t>
            </w:r>
          </w:p>
          <w:p w:rsidR="00156FB3" w:rsidRDefault="00156FB3" w:rsidP="00156FB3">
            <w:r>
              <w:t xml:space="preserve">     * // =&gt; [['a', 1, true], ['b', 2, false]]</w:t>
            </w:r>
          </w:p>
          <w:p w:rsidR="00156FB3" w:rsidRDefault="00156FB3" w:rsidP="00156FB3">
            <w:r>
              <w:t xml:space="preserve">     */</w:t>
            </w:r>
          </w:p>
          <w:p w:rsidR="00156FB3" w:rsidRDefault="00156FB3" w:rsidP="00156FB3">
            <w:r>
              <w:t xml:space="preserve">    var zip = baseRest(unzip);</w:t>
            </w:r>
          </w:p>
          <w:p w:rsidR="00156FB3" w:rsidRDefault="00156FB3" w:rsidP="00156FB3"/>
          <w:p w:rsidR="00156FB3" w:rsidRDefault="00156FB3" w:rsidP="00156FB3">
            <w:r>
              <w:t xml:space="preserve">    /**</w:t>
            </w:r>
          </w:p>
          <w:p w:rsidR="00156FB3" w:rsidRDefault="00156FB3" w:rsidP="00156FB3">
            <w:r>
              <w:t xml:space="preserve">     * This method is like `_.fromPairs` except that it accepts two arrays,</w:t>
            </w:r>
          </w:p>
          <w:p w:rsidR="00156FB3" w:rsidRDefault="00156FB3" w:rsidP="00156FB3">
            <w:r>
              <w:t xml:space="preserve">     * one of property identifiers and one of corresponding value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4.0</w:t>
            </w:r>
          </w:p>
          <w:p w:rsidR="00156FB3" w:rsidRDefault="00156FB3" w:rsidP="00156FB3">
            <w:r>
              <w:t xml:space="preserve">     * @category Array</w:t>
            </w:r>
          </w:p>
          <w:p w:rsidR="00156FB3" w:rsidRDefault="00156FB3" w:rsidP="00156FB3">
            <w:r>
              <w:t xml:space="preserve">     * @param {Array} [props=[]] The property identifiers.</w:t>
            </w:r>
          </w:p>
          <w:p w:rsidR="00156FB3" w:rsidRDefault="00156FB3" w:rsidP="00156FB3">
            <w:r>
              <w:t xml:space="preserve">     * @param {Array} [values=[]] The property values.</w:t>
            </w:r>
          </w:p>
          <w:p w:rsidR="00156FB3" w:rsidRDefault="00156FB3" w:rsidP="00156FB3">
            <w:r>
              <w:t xml:space="preserve">     * @returns {Object} Returns the new object.</w:t>
            </w:r>
          </w:p>
          <w:p w:rsidR="00156FB3" w:rsidRDefault="00156FB3" w:rsidP="00156FB3">
            <w:r>
              <w:t xml:space="preserve">     * @example</w:t>
            </w:r>
          </w:p>
          <w:p w:rsidR="00156FB3" w:rsidRDefault="00156FB3" w:rsidP="00156FB3">
            <w:r>
              <w:t xml:space="preserve">     *</w:t>
            </w:r>
          </w:p>
          <w:p w:rsidR="00156FB3" w:rsidRDefault="00156FB3" w:rsidP="00156FB3">
            <w:r>
              <w:t xml:space="preserve">     * _.zipObject(['a', 'b'], [1, 2]);</w:t>
            </w:r>
          </w:p>
          <w:p w:rsidR="00156FB3" w:rsidRDefault="00156FB3" w:rsidP="00156FB3">
            <w:r>
              <w:t xml:space="preserve">     * // =&gt; { 'a': 1, 'b': 2 }</w:t>
            </w:r>
          </w:p>
          <w:p w:rsidR="00156FB3" w:rsidRDefault="00156FB3" w:rsidP="00156FB3">
            <w:r>
              <w:t xml:space="preserve">     */</w:t>
            </w:r>
          </w:p>
          <w:p w:rsidR="00156FB3" w:rsidRDefault="00156FB3" w:rsidP="00156FB3">
            <w:r>
              <w:t xml:space="preserve">    function zipObject(props, values) {</w:t>
            </w:r>
          </w:p>
          <w:p w:rsidR="00156FB3" w:rsidRDefault="00156FB3" w:rsidP="00156FB3">
            <w:r>
              <w:t xml:space="preserve">      return baseZipObject(props || [], values || [], assign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zipObject` except that it supports property path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1.0</w:t>
            </w:r>
          </w:p>
          <w:p w:rsidR="00156FB3" w:rsidRDefault="00156FB3" w:rsidP="00156FB3">
            <w:r>
              <w:t xml:space="preserve">     * @category Array</w:t>
            </w:r>
          </w:p>
          <w:p w:rsidR="00156FB3" w:rsidRDefault="00156FB3" w:rsidP="00156FB3">
            <w:r>
              <w:t xml:space="preserve">     * @param {Array} [props=[]] The property identifiers.</w:t>
            </w:r>
          </w:p>
          <w:p w:rsidR="00156FB3" w:rsidRDefault="00156FB3" w:rsidP="00156FB3">
            <w:r>
              <w:t xml:space="preserve">     * @param {Array} [values=[]] The property values.</w:t>
            </w:r>
          </w:p>
          <w:p w:rsidR="00156FB3" w:rsidRDefault="00156FB3" w:rsidP="00156FB3">
            <w:r>
              <w:t xml:space="preserve">     * @returns {Object} Returns the new object.</w:t>
            </w:r>
          </w:p>
          <w:p w:rsidR="00156FB3" w:rsidRDefault="00156FB3" w:rsidP="00156FB3">
            <w:r>
              <w:t xml:space="preserve">     * @example</w:t>
            </w:r>
          </w:p>
          <w:p w:rsidR="00156FB3" w:rsidRDefault="00156FB3" w:rsidP="00156FB3">
            <w:r>
              <w:t xml:space="preserve">     *</w:t>
            </w:r>
          </w:p>
          <w:p w:rsidR="00156FB3" w:rsidRDefault="00156FB3" w:rsidP="00156FB3">
            <w:r>
              <w:t xml:space="preserve">     * _.zipObjectDeep(['a.b[0].c', 'a.b[1].d'], [1, 2]);</w:t>
            </w:r>
          </w:p>
          <w:p w:rsidR="00156FB3" w:rsidRDefault="00156FB3" w:rsidP="00156FB3">
            <w:r>
              <w:t xml:space="preserve">     * // =&gt; { 'a': { 'b': [{ 'c': 1 }, { 'd': 2 }] } }</w:t>
            </w:r>
          </w:p>
          <w:p w:rsidR="00156FB3" w:rsidRDefault="00156FB3" w:rsidP="00156FB3">
            <w:r>
              <w:lastRenderedPageBreak/>
              <w:t xml:space="preserve">     */</w:t>
            </w:r>
          </w:p>
          <w:p w:rsidR="00156FB3" w:rsidRDefault="00156FB3" w:rsidP="00156FB3">
            <w:r>
              <w:t xml:space="preserve">    function zipObjectDeep(props, values) {</w:t>
            </w:r>
          </w:p>
          <w:p w:rsidR="00156FB3" w:rsidRDefault="00156FB3" w:rsidP="00156FB3">
            <w:r>
              <w:t xml:space="preserve">      return baseZipObject(props || [], values || [], baseSe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zip` except that it accepts `iteratee` to specify</w:t>
            </w:r>
          </w:p>
          <w:p w:rsidR="00156FB3" w:rsidRDefault="00156FB3" w:rsidP="00156FB3">
            <w:r>
              <w:t xml:space="preserve">     * how grouped values should be combined. The iteratee is invoked with the</w:t>
            </w:r>
          </w:p>
          <w:p w:rsidR="00156FB3" w:rsidRDefault="00156FB3" w:rsidP="00156FB3">
            <w:r>
              <w:t xml:space="preserve">     * elements of each group: (...group).</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8.0</w:t>
            </w:r>
          </w:p>
          <w:p w:rsidR="00156FB3" w:rsidRDefault="00156FB3" w:rsidP="00156FB3">
            <w:r>
              <w:t xml:space="preserve">     * @category Array</w:t>
            </w:r>
          </w:p>
          <w:p w:rsidR="00156FB3" w:rsidRDefault="00156FB3" w:rsidP="00156FB3">
            <w:r>
              <w:t xml:space="preserve">     * @param {...Array} [arrays] The arrays to process.</w:t>
            </w:r>
          </w:p>
          <w:p w:rsidR="00156FB3" w:rsidRDefault="00156FB3" w:rsidP="00156FB3">
            <w:r>
              <w:t xml:space="preserve">     * @param {Function} [iteratee=_.identity] The function to combine</w:t>
            </w:r>
          </w:p>
          <w:p w:rsidR="00156FB3" w:rsidRDefault="00156FB3" w:rsidP="00156FB3">
            <w:r>
              <w:t xml:space="preserve">     *  grouped values.</w:t>
            </w:r>
          </w:p>
          <w:p w:rsidR="00156FB3" w:rsidRDefault="00156FB3" w:rsidP="00156FB3">
            <w:r>
              <w:t xml:space="preserve">     * @returns {Array} Returns the new array of grouped elements.</w:t>
            </w:r>
          </w:p>
          <w:p w:rsidR="00156FB3" w:rsidRDefault="00156FB3" w:rsidP="00156FB3">
            <w:r>
              <w:t xml:space="preserve">     * @example</w:t>
            </w:r>
          </w:p>
          <w:p w:rsidR="00156FB3" w:rsidRDefault="00156FB3" w:rsidP="00156FB3">
            <w:r>
              <w:t xml:space="preserve">     *</w:t>
            </w:r>
          </w:p>
          <w:p w:rsidR="00156FB3" w:rsidRDefault="00156FB3" w:rsidP="00156FB3">
            <w:r>
              <w:t xml:space="preserve">     * _.zipWith([1, 2], [10, 20], [100, 200], function(a, b, c) {</w:t>
            </w:r>
          </w:p>
          <w:p w:rsidR="00156FB3" w:rsidRDefault="00156FB3" w:rsidP="00156FB3">
            <w:r>
              <w:t xml:space="preserve">     *   return a + b + c;</w:t>
            </w:r>
          </w:p>
          <w:p w:rsidR="00156FB3" w:rsidRDefault="00156FB3" w:rsidP="00156FB3">
            <w:r>
              <w:t xml:space="preserve">     * });</w:t>
            </w:r>
          </w:p>
          <w:p w:rsidR="00156FB3" w:rsidRDefault="00156FB3" w:rsidP="00156FB3">
            <w:r>
              <w:t xml:space="preserve">     * // =&gt; [111, 222]</w:t>
            </w:r>
          </w:p>
          <w:p w:rsidR="00156FB3" w:rsidRDefault="00156FB3" w:rsidP="00156FB3">
            <w:r>
              <w:t xml:space="preserve">     */</w:t>
            </w:r>
          </w:p>
          <w:p w:rsidR="00156FB3" w:rsidRDefault="00156FB3" w:rsidP="00156FB3">
            <w:r>
              <w:t xml:space="preserve">    var zipWith = baseRest(function(arrays) {</w:t>
            </w:r>
          </w:p>
          <w:p w:rsidR="00156FB3" w:rsidRDefault="00156FB3" w:rsidP="00156FB3">
            <w:r>
              <w:t xml:space="preserve">      var length = arrays.length,</w:t>
            </w:r>
          </w:p>
          <w:p w:rsidR="00156FB3" w:rsidRDefault="00156FB3" w:rsidP="00156FB3">
            <w:r>
              <w:t xml:space="preserve">          iteratee = length &gt; 1 ? arrays[length - 1] : undefined;</w:t>
            </w:r>
          </w:p>
          <w:p w:rsidR="00156FB3" w:rsidRDefault="00156FB3" w:rsidP="00156FB3"/>
          <w:p w:rsidR="00156FB3" w:rsidRDefault="00156FB3" w:rsidP="00156FB3">
            <w:r>
              <w:t xml:space="preserve">      iteratee = typeof iteratee == 'function' ? (arrays.pop(), iteratee) : undefined;</w:t>
            </w:r>
          </w:p>
          <w:p w:rsidR="00156FB3" w:rsidRDefault="00156FB3" w:rsidP="00156FB3">
            <w:r>
              <w:t xml:space="preserve">      return unzipWith(arrays, iterate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lodash` wrapper instance that wraps `value` with explicit method</w:t>
            </w:r>
          </w:p>
          <w:p w:rsidR="00156FB3" w:rsidRDefault="00156FB3" w:rsidP="00156FB3">
            <w:r>
              <w:t xml:space="preserve">     * chain sequences enabled. The result of such sequences must be unwrapped</w:t>
            </w:r>
          </w:p>
          <w:p w:rsidR="00156FB3" w:rsidRDefault="00156FB3" w:rsidP="00156FB3">
            <w:r>
              <w:t xml:space="preserve">     * with `_#valu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1.3.0</w:t>
            </w:r>
          </w:p>
          <w:p w:rsidR="00156FB3" w:rsidRDefault="00156FB3" w:rsidP="00156FB3">
            <w:r>
              <w:t xml:space="preserve">     * @category Seq</w:t>
            </w:r>
          </w:p>
          <w:p w:rsidR="00156FB3" w:rsidRDefault="00156FB3" w:rsidP="00156FB3">
            <w:r>
              <w:t xml:space="preserve">     * @param {*} value The value to wrap.</w:t>
            </w:r>
          </w:p>
          <w:p w:rsidR="00156FB3" w:rsidRDefault="00156FB3" w:rsidP="00156FB3">
            <w:r>
              <w:t xml:space="preserve">     * @returns {Object} Returns the new `lodash` wrapper instance.</w:t>
            </w:r>
          </w:p>
          <w:p w:rsidR="00156FB3" w:rsidRDefault="00156FB3" w:rsidP="00156FB3">
            <w:r>
              <w:t xml:space="preserve">     * @example</w:t>
            </w:r>
          </w:p>
          <w:p w:rsidR="00156FB3" w:rsidRDefault="00156FB3" w:rsidP="00156FB3">
            <w:r>
              <w:t xml:space="preserve">     *</w:t>
            </w:r>
          </w:p>
          <w:p w:rsidR="00156FB3" w:rsidRDefault="00156FB3" w:rsidP="00156FB3">
            <w:r>
              <w:lastRenderedPageBreak/>
              <w:t xml:space="preserve">     * var users = [</w:t>
            </w:r>
          </w:p>
          <w:p w:rsidR="00156FB3" w:rsidRDefault="00156FB3" w:rsidP="00156FB3">
            <w:r>
              <w:t xml:space="preserve">     *   { 'user': 'barney',  'age': 36 },</w:t>
            </w:r>
          </w:p>
          <w:p w:rsidR="00156FB3" w:rsidRDefault="00156FB3" w:rsidP="00156FB3">
            <w:r>
              <w:t xml:space="preserve">     *   { 'user': 'fred',    'age': 40 },</w:t>
            </w:r>
          </w:p>
          <w:p w:rsidR="00156FB3" w:rsidRDefault="00156FB3" w:rsidP="00156FB3">
            <w:r>
              <w:t xml:space="preserve">     *   { 'user': 'pebbles', 'age': 1 }</w:t>
            </w:r>
          </w:p>
          <w:p w:rsidR="00156FB3" w:rsidRDefault="00156FB3" w:rsidP="00156FB3">
            <w:r>
              <w:t xml:space="preserve">     * ];</w:t>
            </w:r>
          </w:p>
          <w:p w:rsidR="00156FB3" w:rsidRDefault="00156FB3" w:rsidP="00156FB3">
            <w:r>
              <w:t xml:space="preserve">     *</w:t>
            </w:r>
          </w:p>
          <w:p w:rsidR="00156FB3" w:rsidRDefault="00156FB3" w:rsidP="00156FB3">
            <w:r>
              <w:t xml:space="preserve">     * var youngest = _</w:t>
            </w:r>
          </w:p>
          <w:p w:rsidR="00156FB3" w:rsidRDefault="00156FB3" w:rsidP="00156FB3">
            <w:r>
              <w:t xml:space="preserve">     *   .chain(users)</w:t>
            </w:r>
          </w:p>
          <w:p w:rsidR="00156FB3" w:rsidRDefault="00156FB3" w:rsidP="00156FB3">
            <w:r>
              <w:t xml:space="preserve">     *   .sortBy('age')</w:t>
            </w:r>
          </w:p>
          <w:p w:rsidR="00156FB3" w:rsidRDefault="00156FB3" w:rsidP="00156FB3">
            <w:r>
              <w:t xml:space="preserve">     *   .map(function(o) {</w:t>
            </w:r>
          </w:p>
          <w:p w:rsidR="00156FB3" w:rsidRDefault="00156FB3" w:rsidP="00156FB3">
            <w:r>
              <w:t xml:space="preserve">     *     return o.user + ' is ' + o.age;</w:t>
            </w:r>
          </w:p>
          <w:p w:rsidR="00156FB3" w:rsidRDefault="00156FB3" w:rsidP="00156FB3">
            <w:r>
              <w:t xml:space="preserve">     *   })</w:t>
            </w:r>
          </w:p>
          <w:p w:rsidR="00156FB3" w:rsidRDefault="00156FB3" w:rsidP="00156FB3">
            <w:r>
              <w:t xml:space="preserve">     *   .head()</w:t>
            </w:r>
          </w:p>
          <w:p w:rsidR="00156FB3" w:rsidRDefault="00156FB3" w:rsidP="00156FB3">
            <w:r>
              <w:t xml:space="preserve">     *   .value();</w:t>
            </w:r>
          </w:p>
          <w:p w:rsidR="00156FB3" w:rsidRDefault="00156FB3" w:rsidP="00156FB3">
            <w:r>
              <w:t xml:space="preserve">     * // =&gt; 'pebbles is 1'</w:t>
            </w:r>
          </w:p>
          <w:p w:rsidR="00156FB3" w:rsidRDefault="00156FB3" w:rsidP="00156FB3">
            <w:r>
              <w:t xml:space="preserve">     */</w:t>
            </w:r>
          </w:p>
          <w:p w:rsidR="00156FB3" w:rsidRDefault="00156FB3" w:rsidP="00156FB3">
            <w:r>
              <w:t xml:space="preserve">    function chain(value) {</w:t>
            </w:r>
          </w:p>
          <w:p w:rsidR="00156FB3" w:rsidRDefault="00156FB3" w:rsidP="00156FB3">
            <w:r>
              <w:t xml:space="preserve">      var result = lodash(value);</w:t>
            </w:r>
          </w:p>
          <w:p w:rsidR="00156FB3" w:rsidRDefault="00156FB3" w:rsidP="00156FB3">
            <w:r>
              <w:t xml:space="preserve">      result.__chain__ = true;</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nvokes `interceptor` and returns `value`. The interceptor</w:t>
            </w:r>
          </w:p>
          <w:p w:rsidR="00156FB3" w:rsidRDefault="00156FB3" w:rsidP="00156FB3">
            <w:r>
              <w:t xml:space="preserve">     * is invoked with one argument; (value). The purpose of this method is to</w:t>
            </w:r>
          </w:p>
          <w:p w:rsidR="00156FB3" w:rsidRDefault="00156FB3" w:rsidP="00156FB3">
            <w:r>
              <w:t xml:space="preserve">     * "tap into" a method chain sequence in order to modify intermediate result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Seq</w:t>
            </w:r>
          </w:p>
          <w:p w:rsidR="00156FB3" w:rsidRDefault="00156FB3" w:rsidP="00156FB3">
            <w:r>
              <w:t xml:space="preserve">     * @param {*} value The value to provide to `interceptor`.</w:t>
            </w:r>
          </w:p>
          <w:p w:rsidR="00156FB3" w:rsidRDefault="00156FB3" w:rsidP="00156FB3">
            <w:r>
              <w:t xml:space="preserve">     * @param {Function} interceptor The function to invoke.</w:t>
            </w:r>
          </w:p>
          <w:p w:rsidR="00156FB3" w:rsidRDefault="00156FB3" w:rsidP="00156FB3">
            <w:r>
              <w:t xml:space="preserve">     * @returns {*} Returns `value`.</w:t>
            </w:r>
          </w:p>
          <w:p w:rsidR="00156FB3" w:rsidRDefault="00156FB3" w:rsidP="00156FB3">
            <w:r>
              <w:t xml:space="preserve">     * @example</w:t>
            </w:r>
          </w:p>
          <w:p w:rsidR="00156FB3" w:rsidRDefault="00156FB3" w:rsidP="00156FB3">
            <w:r>
              <w:t xml:space="preserve">     *</w:t>
            </w:r>
          </w:p>
          <w:p w:rsidR="00156FB3" w:rsidRDefault="00156FB3" w:rsidP="00156FB3">
            <w:r>
              <w:t xml:space="preserve">     * _([1, 2, 3])</w:t>
            </w:r>
          </w:p>
          <w:p w:rsidR="00156FB3" w:rsidRDefault="00156FB3" w:rsidP="00156FB3">
            <w:r>
              <w:t xml:space="preserve">     *  .tap(function(array) {</w:t>
            </w:r>
          </w:p>
          <w:p w:rsidR="00156FB3" w:rsidRDefault="00156FB3" w:rsidP="00156FB3">
            <w:r>
              <w:t xml:space="preserve">     *    // Mutate input array.</w:t>
            </w:r>
          </w:p>
          <w:p w:rsidR="00156FB3" w:rsidRDefault="00156FB3" w:rsidP="00156FB3">
            <w:r>
              <w:t xml:space="preserve">     *    array.pop();</w:t>
            </w:r>
          </w:p>
          <w:p w:rsidR="00156FB3" w:rsidRDefault="00156FB3" w:rsidP="00156FB3">
            <w:r>
              <w:t xml:space="preserve">     *  })</w:t>
            </w:r>
          </w:p>
          <w:p w:rsidR="00156FB3" w:rsidRDefault="00156FB3" w:rsidP="00156FB3">
            <w:r>
              <w:t xml:space="preserve">     *  .reverse()</w:t>
            </w:r>
          </w:p>
          <w:p w:rsidR="00156FB3" w:rsidRDefault="00156FB3" w:rsidP="00156FB3">
            <w:r>
              <w:t xml:space="preserve">     *  .value();</w:t>
            </w:r>
          </w:p>
          <w:p w:rsidR="00156FB3" w:rsidRDefault="00156FB3" w:rsidP="00156FB3">
            <w:r>
              <w:t xml:space="preserve">     * // =&gt; [2, 1]</w:t>
            </w:r>
          </w:p>
          <w:p w:rsidR="00156FB3" w:rsidRDefault="00156FB3" w:rsidP="00156FB3">
            <w:r>
              <w:t xml:space="preserve">     */</w:t>
            </w:r>
          </w:p>
          <w:p w:rsidR="00156FB3" w:rsidRDefault="00156FB3" w:rsidP="00156FB3">
            <w:r>
              <w:t xml:space="preserve">    function tap(value, interceptor) {</w:t>
            </w:r>
          </w:p>
          <w:p w:rsidR="00156FB3" w:rsidRDefault="00156FB3" w:rsidP="00156FB3">
            <w:r>
              <w:t xml:space="preserve">      interceptor(value);</w:t>
            </w:r>
          </w:p>
          <w:p w:rsidR="00156FB3" w:rsidRDefault="00156FB3" w:rsidP="00156FB3">
            <w:r>
              <w:t xml:space="preserve">      return value;</w:t>
            </w:r>
          </w:p>
          <w:p w:rsidR="00156FB3" w:rsidRDefault="00156FB3" w:rsidP="00156FB3">
            <w:r>
              <w:lastRenderedPageBreak/>
              <w:t xml:space="preserve">    }</w:t>
            </w:r>
          </w:p>
          <w:p w:rsidR="00156FB3" w:rsidRDefault="00156FB3" w:rsidP="00156FB3"/>
          <w:p w:rsidR="00156FB3" w:rsidRDefault="00156FB3" w:rsidP="00156FB3">
            <w:r>
              <w:t xml:space="preserve">    /**</w:t>
            </w:r>
          </w:p>
          <w:p w:rsidR="00156FB3" w:rsidRDefault="00156FB3" w:rsidP="00156FB3">
            <w:r>
              <w:t xml:space="preserve">     * This method is like `_.tap` except that it returns the result of `interceptor`.</w:t>
            </w:r>
          </w:p>
          <w:p w:rsidR="00156FB3" w:rsidRDefault="00156FB3" w:rsidP="00156FB3">
            <w:r>
              <w:t xml:space="preserve">     * The purpose of this method is to "pass thru" values replacing intermediate</w:t>
            </w:r>
          </w:p>
          <w:p w:rsidR="00156FB3" w:rsidRDefault="00156FB3" w:rsidP="00156FB3">
            <w:r>
              <w:t xml:space="preserve">     * results in a method chain sequenc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Seq</w:t>
            </w:r>
          </w:p>
          <w:p w:rsidR="00156FB3" w:rsidRDefault="00156FB3" w:rsidP="00156FB3">
            <w:r>
              <w:t xml:space="preserve">     * @param {*} value The value to provide to `interceptor`.</w:t>
            </w:r>
          </w:p>
          <w:p w:rsidR="00156FB3" w:rsidRDefault="00156FB3" w:rsidP="00156FB3">
            <w:r>
              <w:t xml:space="preserve">     * @param {Function} interceptor The function to invoke.</w:t>
            </w:r>
          </w:p>
          <w:p w:rsidR="00156FB3" w:rsidRDefault="00156FB3" w:rsidP="00156FB3">
            <w:r>
              <w:t xml:space="preserve">     * @returns {*} Returns the result of `interceptor`.</w:t>
            </w:r>
          </w:p>
          <w:p w:rsidR="00156FB3" w:rsidRDefault="00156FB3" w:rsidP="00156FB3">
            <w:r>
              <w:t xml:space="preserve">     * @example</w:t>
            </w:r>
          </w:p>
          <w:p w:rsidR="00156FB3" w:rsidRDefault="00156FB3" w:rsidP="00156FB3">
            <w:r>
              <w:t xml:space="preserve">     *</w:t>
            </w:r>
          </w:p>
          <w:p w:rsidR="00156FB3" w:rsidRDefault="00156FB3" w:rsidP="00156FB3">
            <w:r>
              <w:t xml:space="preserve">     * _('  abc  ')</w:t>
            </w:r>
          </w:p>
          <w:p w:rsidR="00156FB3" w:rsidRDefault="00156FB3" w:rsidP="00156FB3">
            <w:r>
              <w:t xml:space="preserve">     *  .chain()</w:t>
            </w:r>
          </w:p>
          <w:p w:rsidR="00156FB3" w:rsidRDefault="00156FB3" w:rsidP="00156FB3">
            <w:r>
              <w:t xml:space="preserve">     *  .trim()</w:t>
            </w:r>
          </w:p>
          <w:p w:rsidR="00156FB3" w:rsidRDefault="00156FB3" w:rsidP="00156FB3">
            <w:r>
              <w:t xml:space="preserve">     *  .thru(function(value) {</w:t>
            </w:r>
          </w:p>
          <w:p w:rsidR="00156FB3" w:rsidRDefault="00156FB3" w:rsidP="00156FB3">
            <w:r>
              <w:t xml:space="preserve">     *    return [value];</w:t>
            </w:r>
          </w:p>
          <w:p w:rsidR="00156FB3" w:rsidRDefault="00156FB3" w:rsidP="00156FB3">
            <w:r>
              <w:t xml:space="preserve">     *  })</w:t>
            </w:r>
          </w:p>
          <w:p w:rsidR="00156FB3" w:rsidRDefault="00156FB3" w:rsidP="00156FB3">
            <w:r>
              <w:t xml:space="preserve">     *  .value();</w:t>
            </w:r>
          </w:p>
          <w:p w:rsidR="00156FB3" w:rsidRDefault="00156FB3" w:rsidP="00156FB3">
            <w:r>
              <w:t xml:space="preserve">     * // =&gt; ['abc']</w:t>
            </w:r>
          </w:p>
          <w:p w:rsidR="00156FB3" w:rsidRDefault="00156FB3" w:rsidP="00156FB3">
            <w:r>
              <w:t xml:space="preserve">     */</w:t>
            </w:r>
          </w:p>
          <w:p w:rsidR="00156FB3" w:rsidRDefault="00156FB3" w:rsidP="00156FB3">
            <w:r>
              <w:t xml:space="preserve">    function thru(value, interceptor) {</w:t>
            </w:r>
          </w:p>
          <w:p w:rsidR="00156FB3" w:rsidRDefault="00156FB3" w:rsidP="00156FB3">
            <w:r>
              <w:t xml:space="preserve">      return interceptor(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the wrapper version of `_.at`.</w:t>
            </w:r>
          </w:p>
          <w:p w:rsidR="00156FB3" w:rsidRDefault="00156FB3" w:rsidP="00156FB3">
            <w:r>
              <w:t xml:space="preserve">     *</w:t>
            </w:r>
          </w:p>
          <w:p w:rsidR="00156FB3" w:rsidRDefault="00156FB3" w:rsidP="00156FB3">
            <w:r>
              <w:t xml:space="preserve">     * @name at</w:t>
            </w:r>
          </w:p>
          <w:p w:rsidR="00156FB3" w:rsidRDefault="00156FB3" w:rsidP="00156FB3">
            <w:r>
              <w:t xml:space="preserve">     * @memberOf _</w:t>
            </w:r>
          </w:p>
          <w:p w:rsidR="00156FB3" w:rsidRDefault="00156FB3" w:rsidP="00156FB3">
            <w:r>
              <w:t xml:space="preserve">     * @since 1.0.0</w:t>
            </w:r>
          </w:p>
          <w:p w:rsidR="00156FB3" w:rsidRDefault="00156FB3" w:rsidP="00156FB3">
            <w:r>
              <w:t xml:space="preserve">     * @category Seq</w:t>
            </w:r>
          </w:p>
          <w:p w:rsidR="00156FB3" w:rsidRDefault="00156FB3" w:rsidP="00156FB3">
            <w:r>
              <w:t xml:space="preserve">     * @param {...(string|string[])} [paths] The property paths to pick.</w:t>
            </w:r>
          </w:p>
          <w:p w:rsidR="00156FB3" w:rsidRDefault="00156FB3" w:rsidP="00156FB3">
            <w:r>
              <w:t xml:space="preserve">     * @returns {Object} Returns the new `lodash` wrapper instance.</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 'a': [{ 'b': { 'c': 3 } }, 4] };</w:t>
            </w:r>
          </w:p>
          <w:p w:rsidR="00156FB3" w:rsidRDefault="00156FB3" w:rsidP="00156FB3">
            <w:r>
              <w:t xml:space="preserve">     *</w:t>
            </w:r>
          </w:p>
          <w:p w:rsidR="00156FB3" w:rsidRDefault="00156FB3" w:rsidP="00156FB3">
            <w:r>
              <w:t xml:space="preserve">     * _(object).at(['a[0].b.c', 'a[1]']).value();</w:t>
            </w:r>
          </w:p>
          <w:p w:rsidR="00156FB3" w:rsidRDefault="00156FB3" w:rsidP="00156FB3">
            <w:r>
              <w:t xml:space="preserve">     * // =&gt; [3, 4]</w:t>
            </w:r>
          </w:p>
          <w:p w:rsidR="00156FB3" w:rsidRDefault="00156FB3" w:rsidP="00156FB3">
            <w:r>
              <w:t xml:space="preserve">     */</w:t>
            </w:r>
          </w:p>
          <w:p w:rsidR="00156FB3" w:rsidRDefault="00156FB3" w:rsidP="00156FB3">
            <w:r>
              <w:t xml:space="preserve">    var wrapperAt = flatRest(function(paths) {</w:t>
            </w:r>
          </w:p>
          <w:p w:rsidR="00156FB3" w:rsidRDefault="00156FB3" w:rsidP="00156FB3">
            <w:r>
              <w:t xml:space="preserve">      var length = paths.length,</w:t>
            </w:r>
          </w:p>
          <w:p w:rsidR="00156FB3" w:rsidRDefault="00156FB3" w:rsidP="00156FB3">
            <w:r>
              <w:t xml:space="preserve">          start = length ? paths[0] : 0,</w:t>
            </w:r>
          </w:p>
          <w:p w:rsidR="00156FB3" w:rsidRDefault="00156FB3" w:rsidP="00156FB3">
            <w:r>
              <w:lastRenderedPageBreak/>
              <w:t xml:space="preserve">          value = this.__wrapped__,</w:t>
            </w:r>
          </w:p>
          <w:p w:rsidR="00156FB3" w:rsidRDefault="00156FB3" w:rsidP="00156FB3">
            <w:r>
              <w:t xml:space="preserve">          interceptor = function(object) { return baseAt(object, paths); };</w:t>
            </w:r>
          </w:p>
          <w:p w:rsidR="00156FB3" w:rsidRDefault="00156FB3" w:rsidP="00156FB3"/>
          <w:p w:rsidR="00156FB3" w:rsidRDefault="00156FB3" w:rsidP="00156FB3">
            <w:r>
              <w:t xml:space="preserve">      if (length &gt; 1 || this.__actions__.length ||</w:t>
            </w:r>
          </w:p>
          <w:p w:rsidR="00156FB3" w:rsidRDefault="00156FB3" w:rsidP="00156FB3">
            <w:r>
              <w:t xml:space="preserve">          !(value instanceof LazyWrapper) || !isIndex(start)) {</w:t>
            </w:r>
          </w:p>
          <w:p w:rsidR="00156FB3" w:rsidRDefault="00156FB3" w:rsidP="00156FB3">
            <w:r>
              <w:t xml:space="preserve">        return this.thru(interceptor);</w:t>
            </w:r>
          </w:p>
          <w:p w:rsidR="00156FB3" w:rsidRDefault="00156FB3" w:rsidP="00156FB3">
            <w:r>
              <w:t xml:space="preserve">      }</w:t>
            </w:r>
          </w:p>
          <w:p w:rsidR="00156FB3" w:rsidRDefault="00156FB3" w:rsidP="00156FB3">
            <w:r>
              <w:t xml:space="preserve">      value = value.slice(start, +start + (length ? 1 : 0));</w:t>
            </w:r>
          </w:p>
          <w:p w:rsidR="00156FB3" w:rsidRDefault="00156FB3" w:rsidP="00156FB3">
            <w:r>
              <w:t xml:space="preserve">      value.__actions__.push({</w:t>
            </w:r>
          </w:p>
          <w:p w:rsidR="00156FB3" w:rsidRDefault="00156FB3" w:rsidP="00156FB3">
            <w:r>
              <w:t xml:space="preserve">        'func': thru,</w:t>
            </w:r>
          </w:p>
          <w:p w:rsidR="00156FB3" w:rsidRDefault="00156FB3" w:rsidP="00156FB3">
            <w:r>
              <w:t xml:space="preserve">        'args': [interceptor],</w:t>
            </w:r>
          </w:p>
          <w:p w:rsidR="00156FB3" w:rsidRDefault="00156FB3" w:rsidP="00156FB3">
            <w:r>
              <w:t xml:space="preserve">        'thisArg': undefined</w:t>
            </w:r>
          </w:p>
          <w:p w:rsidR="00156FB3" w:rsidRDefault="00156FB3" w:rsidP="00156FB3">
            <w:r>
              <w:t xml:space="preserve">      });</w:t>
            </w:r>
          </w:p>
          <w:p w:rsidR="00156FB3" w:rsidRDefault="00156FB3" w:rsidP="00156FB3">
            <w:r>
              <w:t xml:space="preserve">      return new LodashWrapper(value, this.__chain__).thru(function(array) {</w:t>
            </w:r>
          </w:p>
          <w:p w:rsidR="00156FB3" w:rsidRDefault="00156FB3" w:rsidP="00156FB3">
            <w:r>
              <w:t xml:space="preserve">        if (length &amp;&amp; !array.length) {</w:t>
            </w:r>
          </w:p>
          <w:p w:rsidR="00156FB3" w:rsidRDefault="00156FB3" w:rsidP="00156FB3">
            <w:r>
              <w:t xml:space="preserve">          array.push(undefined);</w:t>
            </w:r>
          </w:p>
          <w:p w:rsidR="00156FB3" w:rsidRDefault="00156FB3" w:rsidP="00156FB3">
            <w:r>
              <w:t xml:space="preserve">        }</w:t>
            </w:r>
          </w:p>
          <w:p w:rsidR="00156FB3" w:rsidRDefault="00156FB3" w:rsidP="00156FB3">
            <w:r>
              <w:t xml:space="preserve">        return array;</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lodash` wrapper instance with explicit method chain sequences enabled.</w:t>
            </w:r>
          </w:p>
          <w:p w:rsidR="00156FB3" w:rsidRDefault="00156FB3" w:rsidP="00156FB3">
            <w:r>
              <w:t xml:space="preserve">     *</w:t>
            </w:r>
          </w:p>
          <w:p w:rsidR="00156FB3" w:rsidRDefault="00156FB3" w:rsidP="00156FB3">
            <w:r>
              <w:t xml:space="preserve">     * @name chain</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Seq</w:t>
            </w:r>
          </w:p>
          <w:p w:rsidR="00156FB3" w:rsidRDefault="00156FB3" w:rsidP="00156FB3">
            <w:r>
              <w:t xml:space="preserve">     * @returns {Object} Returns the new `lodash` wrapper instance.</w:t>
            </w:r>
          </w:p>
          <w:p w:rsidR="00156FB3" w:rsidRDefault="00156FB3" w:rsidP="00156FB3">
            <w:r>
              <w:t xml:space="preserve">     * @example</w:t>
            </w:r>
          </w:p>
          <w:p w:rsidR="00156FB3" w:rsidRDefault="00156FB3" w:rsidP="00156FB3">
            <w:r>
              <w:t xml:space="preserve">     *</w:t>
            </w:r>
          </w:p>
          <w:p w:rsidR="00156FB3" w:rsidRDefault="00156FB3" w:rsidP="00156FB3">
            <w:r>
              <w:t xml:space="preserve">     * var users = [</w:t>
            </w:r>
          </w:p>
          <w:p w:rsidR="00156FB3" w:rsidRDefault="00156FB3" w:rsidP="00156FB3">
            <w:r>
              <w:t xml:space="preserve">     *   { 'user': 'barney', 'age': 36 },</w:t>
            </w:r>
          </w:p>
          <w:p w:rsidR="00156FB3" w:rsidRDefault="00156FB3" w:rsidP="00156FB3">
            <w:r>
              <w:t xml:space="preserve">     *   { 'user': 'fred',   'age': 40 }</w:t>
            </w:r>
          </w:p>
          <w:p w:rsidR="00156FB3" w:rsidRDefault="00156FB3" w:rsidP="00156FB3">
            <w:r>
              <w:t xml:space="preserve">     * ];</w:t>
            </w:r>
          </w:p>
          <w:p w:rsidR="00156FB3" w:rsidRDefault="00156FB3" w:rsidP="00156FB3">
            <w:r>
              <w:t xml:space="preserve">     *</w:t>
            </w:r>
          </w:p>
          <w:p w:rsidR="00156FB3" w:rsidRDefault="00156FB3" w:rsidP="00156FB3">
            <w:r>
              <w:t xml:space="preserve">     * // A sequence without explicit chaining.</w:t>
            </w:r>
          </w:p>
          <w:p w:rsidR="00156FB3" w:rsidRDefault="00156FB3" w:rsidP="00156FB3">
            <w:r>
              <w:t xml:space="preserve">     * _(users).head();</w:t>
            </w:r>
          </w:p>
          <w:p w:rsidR="00156FB3" w:rsidRDefault="00156FB3" w:rsidP="00156FB3">
            <w:r>
              <w:t xml:space="preserve">     * // =&gt; { 'user': 'barney', 'age': 36 }</w:t>
            </w:r>
          </w:p>
          <w:p w:rsidR="00156FB3" w:rsidRDefault="00156FB3" w:rsidP="00156FB3">
            <w:r>
              <w:t xml:space="preserve">     *</w:t>
            </w:r>
          </w:p>
          <w:p w:rsidR="00156FB3" w:rsidRDefault="00156FB3" w:rsidP="00156FB3">
            <w:r>
              <w:t xml:space="preserve">     * // A sequence with explicit chaining.</w:t>
            </w:r>
          </w:p>
          <w:p w:rsidR="00156FB3" w:rsidRDefault="00156FB3" w:rsidP="00156FB3">
            <w:r>
              <w:t xml:space="preserve">     * _(users)</w:t>
            </w:r>
          </w:p>
          <w:p w:rsidR="00156FB3" w:rsidRDefault="00156FB3" w:rsidP="00156FB3">
            <w:r>
              <w:t xml:space="preserve">     *   .chain()</w:t>
            </w:r>
          </w:p>
          <w:p w:rsidR="00156FB3" w:rsidRDefault="00156FB3" w:rsidP="00156FB3">
            <w:r>
              <w:t xml:space="preserve">     *   .head()</w:t>
            </w:r>
          </w:p>
          <w:p w:rsidR="00156FB3" w:rsidRDefault="00156FB3" w:rsidP="00156FB3">
            <w:r>
              <w:t xml:space="preserve">     *   .pick('user')</w:t>
            </w:r>
          </w:p>
          <w:p w:rsidR="00156FB3" w:rsidRDefault="00156FB3" w:rsidP="00156FB3">
            <w:r>
              <w:t xml:space="preserve">     *   .value();</w:t>
            </w:r>
          </w:p>
          <w:p w:rsidR="00156FB3" w:rsidRDefault="00156FB3" w:rsidP="00156FB3">
            <w:r>
              <w:t xml:space="preserve">     * // =&gt; { 'user': 'barney' }</w:t>
            </w:r>
          </w:p>
          <w:p w:rsidR="00156FB3" w:rsidRDefault="00156FB3" w:rsidP="00156FB3">
            <w:r>
              <w:t xml:space="preserve">     */</w:t>
            </w:r>
          </w:p>
          <w:p w:rsidR="00156FB3" w:rsidRDefault="00156FB3" w:rsidP="00156FB3">
            <w:r>
              <w:lastRenderedPageBreak/>
              <w:t xml:space="preserve">    function wrapperChain() {</w:t>
            </w:r>
          </w:p>
          <w:p w:rsidR="00156FB3" w:rsidRDefault="00156FB3" w:rsidP="00156FB3">
            <w:r>
              <w:t xml:space="preserve">      return chain(thi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Executes the chain sequence and returns the wrapped result.</w:t>
            </w:r>
          </w:p>
          <w:p w:rsidR="00156FB3" w:rsidRDefault="00156FB3" w:rsidP="00156FB3">
            <w:r>
              <w:t xml:space="preserve">     *</w:t>
            </w:r>
          </w:p>
          <w:p w:rsidR="00156FB3" w:rsidRDefault="00156FB3" w:rsidP="00156FB3">
            <w:r>
              <w:t xml:space="preserve">     * @name commit</w:t>
            </w:r>
          </w:p>
          <w:p w:rsidR="00156FB3" w:rsidRDefault="00156FB3" w:rsidP="00156FB3">
            <w:r>
              <w:t xml:space="preserve">     * @memberOf _</w:t>
            </w:r>
          </w:p>
          <w:p w:rsidR="00156FB3" w:rsidRDefault="00156FB3" w:rsidP="00156FB3">
            <w:r>
              <w:t xml:space="preserve">     * @since 3.2.0</w:t>
            </w:r>
          </w:p>
          <w:p w:rsidR="00156FB3" w:rsidRDefault="00156FB3" w:rsidP="00156FB3">
            <w:r>
              <w:t xml:space="preserve">     * @category Seq</w:t>
            </w:r>
          </w:p>
          <w:p w:rsidR="00156FB3" w:rsidRDefault="00156FB3" w:rsidP="00156FB3">
            <w:r>
              <w:t xml:space="preserve">     * @returns {Object} Returns the new `lodash` wrapper instance.</w:t>
            </w:r>
          </w:p>
          <w:p w:rsidR="00156FB3" w:rsidRDefault="00156FB3" w:rsidP="00156FB3">
            <w:r>
              <w:t xml:space="preserve">     * @example</w:t>
            </w:r>
          </w:p>
          <w:p w:rsidR="00156FB3" w:rsidRDefault="00156FB3" w:rsidP="00156FB3">
            <w:r>
              <w:t xml:space="preserve">     *</w:t>
            </w:r>
          </w:p>
          <w:p w:rsidR="00156FB3" w:rsidRDefault="00156FB3" w:rsidP="00156FB3">
            <w:r>
              <w:t xml:space="preserve">     * var array = [1, 2];</w:t>
            </w:r>
          </w:p>
          <w:p w:rsidR="00156FB3" w:rsidRDefault="00156FB3" w:rsidP="00156FB3">
            <w:r>
              <w:t xml:space="preserve">     * var wrapped = _(array).push(3);</w:t>
            </w:r>
          </w:p>
          <w:p w:rsidR="00156FB3" w:rsidRDefault="00156FB3" w:rsidP="00156FB3">
            <w:r>
              <w:t xml:space="preserve">     *</w:t>
            </w:r>
          </w:p>
          <w:p w:rsidR="00156FB3" w:rsidRDefault="00156FB3" w:rsidP="00156FB3">
            <w:r>
              <w:t xml:space="preserve">     * console.log(array);</w:t>
            </w:r>
          </w:p>
          <w:p w:rsidR="00156FB3" w:rsidRDefault="00156FB3" w:rsidP="00156FB3">
            <w:r>
              <w:t xml:space="preserve">     * // =&gt; [1, 2]</w:t>
            </w:r>
          </w:p>
          <w:p w:rsidR="00156FB3" w:rsidRDefault="00156FB3" w:rsidP="00156FB3">
            <w:r>
              <w:t xml:space="preserve">     *</w:t>
            </w:r>
          </w:p>
          <w:p w:rsidR="00156FB3" w:rsidRDefault="00156FB3" w:rsidP="00156FB3">
            <w:r>
              <w:t xml:space="preserve">     * wrapped = wrapped.commit();</w:t>
            </w:r>
          </w:p>
          <w:p w:rsidR="00156FB3" w:rsidRDefault="00156FB3" w:rsidP="00156FB3">
            <w:r>
              <w:t xml:space="preserve">     * console.log(array);</w:t>
            </w:r>
          </w:p>
          <w:p w:rsidR="00156FB3" w:rsidRDefault="00156FB3" w:rsidP="00156FB3">
            <w:r>
              <w:t xml:space="preserve">     * // =&gt; [1, 2, 3]</w:t>
            </w:r>
          </w:p>
          <w:p w:rsidR="00156FB3" w:rsidRDefault="00156FB3" w:rsidP="00156FB3">
            <w:r>
              <w:t xml:space="preserve">     *</w:t>
            </w:r>
          </w:p>
          <w:p w:rsidR="00156FB3" w:rsidRDefault="00156FB3" w:rsidP="00156FB3">
            <w:r>
              <w:t xml:space="preserve">     * wrapped.last();</w:t>
            </w:r>
          </w:p>
          <w:p w:rsidR="00156FB3" w:rsidRDefault="00156FB3" w:rsidP="00156FB3">
            <w:r>
              <w:t xml:space="preserve">     * // =&gt; 3</w:t>
            </w:r>
          </w:p>
          <w:p w:rsidR="00156FB3" w:rsidRDefault="00156FB3" w:rsidP="00156FB3">
            <w:r>
              <w:t xml:space="preserve">     *</w:t>
            </w:r>
          </w:p>
          <w:p w:rsidR="00156FB3" w:rsidRDefault="00156FB3" w:rsidP="00156FB3">
            <w:r>
              <w:t xml:space="preserve">     * console.log(array);</w:t>
            </w:r>
          </w:p>
          <w:p w:rsidR="00156FB3" w:rsidRDefault="00156FB3" w:rsidP="00156FB3">
            <w:r>
              <w:t xml:space="preserve">     * // =&gt; [1, 2, 3]</w:t>
            </w:r>
          </w:p>
          <w:p w:rsidR="00156FB3" w:rsidRDefault="00156FB3" w:rsidP="00156FB3">
            <w:r>
              <w:t xml:space="preserve">     */</w:t>
            </w:r>
          </w:p>
          <w:p w:rsidR="00156FB3" w:rsidRDefault="00156FB3" w:rsidP="00156FB3">
            <w:r>
              <w:t xml:space="preserve">    function wrapperCommit() {</w:t>
            </w:r>
          </w:p>
          <w:p w:rsidR="00156FB3" w:rsidRDefault="00156FB3" w:rsidP="00156FB3">
            <w:r>
              <w:t xml:space="preserve">      return new LodashWrapper(this.value(), this.__chain__);</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next value on a wrapped object following the</w:t>
            </w:r>
          </w:p>
          <w:p w:rsidR="00156FB3" w:rsidRDefault="00156FB3" w:rsidP="00156FB3">
            <w:r>
              <w:t xml:space="preserve">     * [iterator protocol](https://mdn.io/iteration_protocols#iterator).</w:t>
            </w:r>
          </w:p>
          <w:p w:rsidR="00156FB3" w:rsidRDefault="00156FB3" w:rsidP="00156FB3">
            <w:r>
              <w:t xml:space="preserve">     *</w:t>
            </w:r>
          </w:p>
          <w:p w:rsidR="00156FB3" w:rsidRDefault="00156FB3" w:rsidP="00156FB3">
            <w:r>
              <w:t xml:space="preserve">     * @name next</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Seq</w:t>
            </w:r>
          </w:p>
          <w:p w:rsidR="00156FB3" w:rsidRDefault="00156FB3" w:rsidP="00156FB3">
            <w:r>
              <w:t xml:space="preserve">     * @returns {Object} Returns the next iterator value.</w:t>
            </w:r>
          </w:p>
          <w:p w:rsidR="00156FB3" w:rsidRDefault="00156FB3" w:rsidP="00156FB3">
            <w:r>
              <w:t xml:space="preserve">     * @example</w:t>
            </w:r>
          </w:p>
          <w:p w:rsidR="00156FB3" w:rsidRDefault="00156FB3" w:rsidP="00156FB3">
            <w:r>
              <w:t xml:space="preserve">     *</w:t>
            </w:r>
          </w:p>
          <w:p w:rsidR="00156FB3" w:rsidRDefault="00156FB3" w:rsidP="00156FB3">
            <w:r>
              <w:t xml:space="preserve">     * var wrapped = _([1, 2]);</w:t>
            </w:r>
          </w:p>
          <w:p w:rsidR="00156FB3" w:rsidRDefault="00156FB3" w:rsidP="00156FB3">
            <w:r>
              <w:t xml:space="preserve">     *</w:t>
            </w:r>
          </w:p>
          <w:p w:rsidR="00156FB3" w:rsidRDefault="00156FB3" w:rsidP="00156FB3">
            <w:r>
              <w:t xml:space="preserve">     * wrapped.next();</w:t>
            </w:r>
          </w:p>
          <w:p w:rsidR="00156FB3" w:rsidRDefault="00156FB3" w:rsidP="00156FB3">
            <w:r>
              <w:lastRenderedPageBreak/>
              <w:t xml:space="preserve">     * // =&gt; { 'done': false, 'value': 1 }</w:t>
            </w:r>
          </w:p>
          <w:p w:rsidR="00156FB3" w:rsidRDefault="00156FB3" w:rsidP="00156FB3">
            <w:r>
              <w:t xml:space="preserve">     *</w:t>
            </w:r>
          </w:p>
          <w:p w:rsidR="00156FB3" w:rsidRDefault="00156FB3" w:rsidP="00156FB3">
            <w:r>
              <w:t xml:space="preserve">     * wrapped.next();</w:t>
            </w:r>
          </w:p>
          <w:p w:rsidR="00156FB3" w:rsidRDefault="00156FB3" w:rsidP="00156FB3">
            <w:r>
              <w:t xml:space="preserve">     * // =&gt; { 'done': false, 'value': 2 }</w:t>
            </w:r>
          </w:p>
          <w:p w:rsidR="00156FB3" w:rsidRDefault="00156FB3" w:rsidP="00156FB3">
            <w:r>
              <w:t xml:space="preserve">     *</w:t>
            </w:r>
          </w:p>
          <w:p w:rsidR="00156FB3" w:rsidRDefault="00156FB3" w:rsidP="00156FB3">
            <w:r>
              <w:t xml:space="preserve">     * wrapped.next();</w:t>
            </w:r>
          </w:p>
          <w:p w:rsidR="00156FB3" w:rsidRDefault="00156FB3" w:rsidP="00156FB3">
            <w:r>
              <w:t xml:space="preserve">     * // =&gt; { 'done': true, 'value': undefined }</w:t>
            </w:r>
          </w:p>
          <w:p w:rsidR="00156FB3" w:rsidRDefault="00156FB3" w:rsidP="00156FB3">
            <w:r>
              <w:t xml:space="preserve">     */</w:t>
            </w:r>
          </w:p>
          <w:p w:rsidR="00156FB3" w:rsidRDefault="00156FB3" w:rsidP="00156FB3">
            <w:r>
              <w:t xml:space="preserve">    function wrapperNext() {</w:t>
            </w:r>
          </w:p>
          <w:p w:rsidR="00156FB3" w:rsidRDefault="00156FB3" w:rsidP="00156FB3">
            <w:r>
              <w:t xml:space="preserve">      if (this.__values__ === undefined) {</w:t>
            </w:r>
          </w:p>
          <w:p w:rsidR="00156FB3" w:rsidRDefault="00156FB3" w:rsidP="00156FB3">
            <w:r>
              <w:t xml:space="preserve">        this.__values__ = toArray(this.value());</w:t>
            </w:r>
          </w:p>
          <w:p w:rsidR="00156FB3" w:rsidRDefault="00156FB3" w:rsidP="00156FB3">
            <w:r>
              <w:t xml:space="preserve">      }</w:t>
            </w:r>
          </w:p>
          <w:p w:rsidR="00156FB3" w:rsidRDefault="00156FB3" w:rsidP="00156FB3">
            <w:r>
              <w:t xml:space="preserve">      var done = this.__index__ &gt;= this.__values__.length,</w:t>
            </w:r>
          </w:p>
          <w:p w:rsidR="00156FB3" w:rsidRDefault="00156FB3" w:rsidP="00156FB3">
            <w:r>
              <w:t xml:space="preserve">          value = done ? undefined : this.__values__[this.__index__++];</w:t>
            </w:r>
          </w:p>
          <w:p w:rsidR="00156FB3" w:rsidRDefault="00156FB3" w:rsidP="00156FB3"/>
          <w:p w:rsidR="00156FB3" w:rsidRDefault="00156FB3" w:rsidP="00156FB3">
            <w:r>
              <w:t xml:space="preserve">      return { 'done': done, 'value': valu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Enables the wrapper to be iterable.</w:t>
            </w:r>
          </w:p>
          <w:p w:rsidR="00156FB3" w:rsidRDefault="00156FB3" w:rsidP="00156FB3">
            <w:r>
              <w:t xml:space="preserve">     *</w:t>
            </w:r>
          </w:p>
          <w:p w:rsidR="00156FB3" w:rsidRDefault="00156FB3" w:rsidP="00156FB3">
            <w:r>
              <w:t xml:space="preserve">     * @name Symbol.iterator</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Seq</w:t>
            </w:r>
          </w:p>
          <w:p w:rsidR="00156FB3" w:rsidRDefault="00156FB3" w:rsidP="00156FB3">
            <w:r>
              <w:t xml:space="preserve">     * @returns {Object} Returns the wrapper object.</w:t>
            </w:r>
          </w:p>
          <w:p w:rsidR="00156FB3" w:rsidRDefault="00156FB3" w:rsidP="00156FB3">
            <w:r>
              <w:t xml:space="preserve">     * @example</w:t>
            </w:r>
          </w:p>
          <w:p w:rsidR="00156FB3" w:rsidRDefault="00156FB3" w:rsidP="00156FB3">
            <w:r>
              <w:t xml:space="preserve">     *</w:t>
            </w:r>
          </w:p>
          <w:p w:rsidR="00156FB3" w:rsidRDefault="00156FB3" w:rsidP="00156FB3">
            <w:r>
              <w:t xml:space="preserve">     * var wrapped = _([1, 2]);</w:t>
            </w:r>
          </w:p>
          <w:p w:rsidR="00156FB3" w:rsidRDefault="00156FB3" w:rsidP="00156FB3">
            <w:r>
              <w:t xml:space="preserve">     *</w:t>
            </w:r>
          </w:p>
          <w:p w:rsidR="00156FB3" w:rsidRDefault="00156FB3" w:rsidP="00156FB3">
            <w:r>
              <w:t xml:space="preserve">     * wrapped[Symbol.iterator]() === wrapped;</w:t>
            </w:r>
          </w:p>
          <w:p w:rsidR="00156FB3" w:rsidRDefault="00156FB3" w:rsidP="00156FB3">
            <w:r>
              <w:t xml:space="preserve">     * // =&gt; true</w:t>
            </w:r>
          </w:p>
          <w:p w:rsidR="00156FB3" w:rsidRDefault="00156FB3" w:rsidP="00156FB3">
            <w:r>
              <w:t xml:space="preserve">     *</w:t>
            </w:r>
          </w:p>
          <w:p w:rsidR="00156FB3" w:rsidRDefault="00156FB3" w:rsidP="00156FB3">
            <w:r>
              <w:t xml:space="preserve">     * Array.from(wrapped);</w:t>
            </w:r>
          </w:p>
          <w:p w:rsidR="00156FB3" w:rsidRDefault="00156FB3" w:rsidP="00156FB3">
            <w:r>
              <w:t xml:space="preserve">     * // =&gt; [1, 2]</w:t>
            </w:r>
          </w:p>
          <w:p w:rsidR="00156FB3" w:rsidRDefault="00156FB3" w:rsidP="00156FB3">
            <w:r>
              <w:t xml:space="preserve">     */</w:t>
            </w:r>
          </w:p>
          <w:p w:rsidR="00156FB3" w:rsidRDefault="00156FB3" w:rsidP="00156FB3">
            <w:r>
              <w:t xml:space="preserve">    function wrapperToIterator() {</w:t>
            </w:r>
          </w:p>
          <w:p w:rsidR="00156FB3" w:rsidRDefault="00156FB3" w:rsidP="00156FB3">
            <w:r>
              <w:t xml:space="preserve">      return thi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clone of the chain sequence planting `value` as the wrapped value.</w:t>
            </w:r>
          </w:p>
          <w:p w:rsidR="00156FB3" w:rsidRDefault="00156FB3" w:rsidP="00156FB3">
            <w:r>
              <w:t xml:space="preserve">     *</w:t>
            </w:r>
          </w:p>
          <w:p w:rsidR="00156FB3" w:rsidRDefault="00156FB3" w:rsidP="00156FB3">
            <w:r>
              <w:t xml:space="preserve">     * @name plant</w:t>
            </w:r>
          </w:p>
          <w:p w:rsidR="00156FB3" w:rsidRDefault="00156FB3" w:rsidP="00156FB3">
            <w:r>
              <w:t xml:space="preserve">     * @memberOf _</w:t>
            </w:r>
          </w:p>
          <w:p w:rsidR="00156FB3" w:rsidRDefault="00156FB3" w:rsidP="00156FB3">
            <w:r>
              <w:t xml:space="preserve">     * @since 3.2.0</w:t>
            </w:r>
          </w:p>
          <w:p w:rsidR="00156FB3" w:rsidRDefault="00156FB3" w:rsidP="00156FB3">
            <w:r>
              <w:t xml:space="preserve">     * @category Seq</w:t>
            </w:r>
          </w:p>
          <w:p w:rsidR="00156FB3" w:rsidRDefault="00156FB3" w:rsidP="00156FB3">
            <w:r>
              <w:t xml:space="preserve">     * @param {*} value The value to plant.</w:t>
            </w:r>
          </w:p>
          <w:p w:rsidR="00156FB3" w:rsidRDefault="00156FB3" w:rsidP="00156FB3">
            <w:r>
              <w:lastRenderedPageBreak/>
              <w:t xml:space="preserve">     * @returns {Object} Returns the new `lodash` wrapper instance.</w:t>
            </w:r>
          </w:p>
          <w:p w:rsidR="00156FB3" w:rsidRDefault="00156FB3" w:rsidP="00156FB3">
            <w:r>
              <w:t xml:space="preserve">     * @example</w:t>
            </w:r>
          </w:p>
          <w:p w:rsidR="00156FB3" w:rsidRDefault="00156FB3" w:rsidP="00156FB3">
            <w:r>
              <w:t xml:space="preserve">     *</w:t>
            </w:r>
          </w:p>
          <w:p w:rsidR="00156FB3" w:rsidRDefault="00156FB3" w:rsidP="00156FB3">
            <w:r>
              <w:t xml:space="preserve">     * function square(n) {</w:t>
            </w:r>
          </w:p>
          <w:p w:rsidR="00156FB3" w:rsidRDefault="00156FB3" w:rsidP="00156FB3">
            <w:r>
              <w:t xml:space="preserve">     *   return n * n;</w:t>
            </w:r>
          </w:p>
          <w:p w:rsidR="00156FB3" w:rsidRDefault="00156FB3" w:rsidP="00156FB3">
            <w:r>
              <w:t xml:space="preserve">     * }</w:t>
            </w:r>
          </w:p>
          <w:p w:rsidR="00156FB3" w:rsidRDefault="00156FB3" w:rsidP="00156FB3">
            <w:r>
              <w:t xml:space="preserve">     *</w:t>
            </w:r>
          </w:p>
          <w:p w:rsidR="00156FB3" w:rsidRDefault="00156FB3" w:rsidP="00156FB3">
            <w:r>
              <w:t xml:space="preserve">     * var wrapped = _([1, 2]).map(square);</w:t>
            </w:r>
          </w:p>
          <w:p w:rsidR="00156FB3" w:rsidRDefault="00156FB3" w:rsidP="00156FB3">
            <w:r>
              <w:t xml:space="preserve">     * var other = wrapped.plant([3, 4]);</w:t>
            </w:r>
          </w:p>
          <w:p w:rsidR="00156FB3" w:rsidRDefault="00156FB3" w:rsidP="00156FB3">
            <w:r>
              <w:t xml:space="preserve">     *</w:t>
            </w:r>
          </w:p>
          <w:p w:rsidR="00156FB3" w:rsidRDefault="00156FB3" w:rsidP="00156FB3">
            <w:r>
              <w:t xml:space="preserve">     * other.value();</w:t>
            </w:r>
          </w:p>
          <w:p w:rsidR="00156FB3" w:rsidRDefault="00156FB3" w:rsidP="00156FB3">
            <w:r>
              <w:t xml:space="preserve">     * // =&gt; [9, 16]</w:t>
            </w:r>
          </w:p>
          <w:p w:rsidR="00156FB3" w:rsidRDefault="00156FB3" w:rsidP="00156FB3">
            <w:r>
              <w:t xml:space="preserve">     *</w:t>
            </w:r>
          </w:p>
          <w:p w:rsidR="00156FB3" w:rsidRDefault="00156FB3" w:rsidP="00156FB3">
            <w:r>
              <w:t xml:space="preserve">     * wrapped.value();</w:t>
            </w:r>
          </w:p>
          <w:p w:rsidR="00156FB3" w:rsidRDefault="00156FB3" w:rsidP="00156FB3">
            <w:r>
              <w:t xml:space="preserve">     * // =&gt; [1, 4]</w:t>
            </w:r>
          </w:p>
          <w:p w:rsidR="00156FB3" w:rsidRDefault="00156FB3" w:rsidP="00156FB3">
            <w:r>
              <w:t xml:space="preserve">     */</w:t>
            </w:r>
          </w:p>
          <w:p w:rsidR="00156FB3" w:rsidRDefault="00156FB3" w:rsidP="00156FB3">
            <w:r>
              <w:t xml:space="preserve">    function wrapperPlant(value) {</w:t>
            </w:r>
          </w:p>
          <w:p w:rsidR="00156FB3" w:rsidRDefault="00156FB3" w:rsidP="00156FB3">
            <w:r>
              <w:t xml:space="preserve">      var result,</w:t>
            </w:r>
          </w:p>
          <w:p w:rsidR="00156FB3" w:rsidRDefault="00156FB3" w:rsidP="00156FB3">
            <w:r>
              <w:t xml:space="preserve">          parent = this;</w:t>
            </w:r>
          </w:p>
          <w:p w:rsidR="00156FB3" w:rsidRDefault="00156FB3" w:rsidP="00156FB3"/>
          <w:p w:rsidR="00156FB3" w:rsidRDefault="00156FB3" w:rsidP="00156FB3">
            <w:r>
              <w:t xml:space="preserve">      while (parent instanceof baseLodash) {</w:t>
            </w:r>
          </w:p>
          <w:p w:rsidR="00156FB3" w:rsidRDefault="00156FB3" w:rsidP="00156FB3">
            <w:r>
              <w:t xml:space="preserve">        var clone = wrapperClone(parent);</w:t>
            </w:r>
          </w:p>
          <w:p w:rsidR="00156FB3" w:rsidRDefault="00156FB3" w:rsidP="00156FB3">
            <w:r>
              <w:t xml:space="preserve">        clone.__index__ = 0;</w:t>
            </w:r>
          </w:p>
          <w:p w:rsidR="00156FB3" w:rsidRDefault="00156FB3" w:rsidP="00156FB3">
            <w:r>
              <w:t xml:space="preserve">        clone.__values__ = undefined;</w:t>
            </w:r>
          </w:p>
          <w:p w:rsidR="00156FB3" w:rsidRDefault="00156FB3" w:rsidP="00156FB3">
            <w:r>
              <w:t xml:space="preserve">        if (result) {</w:t>
            </w:r>
          </w:p>
          <w:p w:rsidR="00156FB3" w:rsidRDefault="00156FB3" w:rsidP="00156FB3">
            <w:r>
              <w:t xml:space="preserve">          previous.__wrapped__ = clone;</w:t>
            </w:r>
          </w:p>
          <w:p w:rsidR="00156FB3" w:rsidRDefault="00156FB3" w:rsidP="00156FB3">
            <w:r>
              <w:t xml:space="preserve">        } else {</w:t>
            </w:r>
          </w:p>
          <w:p w:rsidR="00156FB3" w:rsidRDefault="00156FB3" w:rsidP="00156FB3">
            <w:r>
              <w:t xml:space="preserve">          result = clone;</w:t>
            </w:r>
          </w:p>
          <w:p w:rsidR="00156FB3" w:rsidRDefault="00156FB3" w:rsidP="00156FB3">
            <w:r>
              <w:t xml:space="preserve">        }</w:t>
            </w:r>
          </w:p>
          <w:p w:rsidR="00156FB3" w:rsidRDefault="00156FB3" w:rsidP="00156FB3">
            <w:r>
              <w:t xml:space="preserve">        var previous = clone;</w:t>
            </w:r>
          </w:p>
          <w:p w:rsidR="00156FB3" w:rsidRDefault="00156FB3" w:rsidP="00156FB3">
            <w:r>
              <w:t xml:space="preserve">        parent = parent.__wrapped__;</w:t>
            </w:r>
          </w:p>
          <w:p w:rsidR="00156FB3" w:rsidRDefault="00156FB3" w:rsidP="00156FB3">
            <w:r>
              <w:t xml:space="preserve">      }</w:t>
            </w:r>
          </w:p>
          <w:p w:rsidR="00156FB3" w:rsidRDefault="00156FB3" w:rsidP="00156FB3">
            <w:r>
              <w:t xml:space="preserve">      previous.__wrapped__ = value;</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the wrapper version of `_.reverse`.</w:t>
            </w:r>
          </w:p>
          <w:p w:rsidR="00156FB3" w:rsidRDefault="00156FB3" w:rsidP="00156FB3">
            <w:r>
              <w:t xml:space="preserve">     *</w:t>
            </w:r>
          </w:p>
          <w:p w:rsidR="00156FB3" w:rsidRDefault="00156FB3" w:rsidP="00156FB3">
            <w:r>
              <w:t xml:space="preserve">     * **Note:** This method mutates the wrapped array.</w:t>
            </w:r>
          </w:p>
          <w:p w:rsidR="00156FB3" w:rsidRDefault="00156FB3" w:rsidP="00156FB3">
            <w:r>
              <w:t xml:space="preserve">     *</w:t>
            </w:r>
          </w:p>
          <w:p w:rsidR="00156FB3" w:rsidRDefault="00156FB3" w:rsidP="00156FB3">
            <w:r>
              <w:t xml:space="preserve">     * @name reverse</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Seq</w:t>
            </w:r>
          </w:p>
          <w:p w:rsidR="00156FB3" w:rsidRDefault="00156FB3" w:rsidP="00156FB3">
            <w:r>
              <w:t xml:space="preserve">     * @returns {Object} Returns the new `lodash` wrapper instance.</w:t>
            </w:r>
          </w:p>
          <w:p w:rsidR="00156FB3" w:rsidRDefault="00156FB3" w:rsidP="00156FB3">
            <w:r>
              <w:t xml:space="preserve">     * @example</w:t>
            </w:r>
          </w:p>
          <w:p w:rsidR="00156FB3" w:rsidRDefault="00156FB3" w:rsidP="00156FB3">
            <w:r>
              <w:t xml:space="preserve">     *</w:t>
            </w:r>
          </w:p>
          <w:p w:rsidR="00156FB3" w:rsidRDefault="00156FB3" w:rsidP="00156FB3">
            <w:r>
              <w:lastRenderedPageBreak/>
              <w:t xml:space="preserve">     * var array = [1, 2, 3];</w:t>
            </w:r>
          </w:p>
          <w:p w:rsidR="00156FB3" w:rsidRDefault="00156FB3" w:rsidP="00156FB3">
            <w:r>
              <w:t xml:space="preserve">     *</w:t>
            </w:r>
          </w:p>
          <w:p w:rsidR="00156FB3" w:rsidRDefault="00156FB3" w:rsidP="00156FB3">
            <w:r>
              <w:t xml:space="preserve">     * _(array).reverse().value()</w:t>
            </w:r>
          </w:p>
          <w:p w:rsidR="00156FB3" w:rsidRDefault="00156FB3" w:rsidP="00156FB3">
            <w:r>
              <w:t xml:space="preserve">     * // =&gt; [3, 2, 1]</w:t>
            </w:r>
          </w:p>
          <w:p w:rsidR="00156FB3" w:rsidRDefault="00156FB3" w:rsidP="00156FB3">
            <w:r>
              <w:t xml:space="preserve">     *</w:t>
            </w:r>
          </w:p>
          <w:p w:rsidR="00156FB3" w:rsidRDefault="00156FB3" w:rsidP="00156FB3">
            <w:r>
              <w:t xml:space="preserve">     * console.log(array);</w:t>
            </w:r>
          </w:p>
          <w:p w:rsidR="00156FB3" w:rsidRDefault="00156FB3" w:rsidP="00156FB3">
            <w:r>
              <w:t xml:space="preserve">     * // =&gt; [3, 2, 1]</w:t>
            </w:r>
          </w:p>
          <w:p w:rsidR="00156FB3" w:rsidRDefault="00156FB3" w:rsidP="00156FB3">
            <w:r>
              <w:t xml:space="preserve">     */</w:t>
            </w:r>
          </w:p>
          <w:p w:rsidR="00156FB3" w:rsidRDefault="00156FB3" w:rsidP="00156FB3">
            <w:r>
              <w:t xml:space="preserve">    function wrapperReverse() {</w:t>
            </w:r>
          </w:p>
          <w:p w:rsidR="00156FB3" w:rsidRDefault="00156FB3" w:rsidP="00156FB3">
            <w:r>
              <w:t xml:space="preserve">      var value = this.__wrapped__;</w:t>
            </w:r>
          </w:p>
          <w:p w:rsidR="00156FB3" w:rsidRDefault="00156FB3" w:rsidP="00156FB3">
            <w:r>
              <w:t xml:space="preserve">      if (value instanceof LazyWrapper) {</w:t>
            </w:r>
          </w:p>
          <w:p w:rsidR="00156FB3" w:rsidRDefault="00156FB3" w:rsidP="00156FB3">
            <w:r>
              <w:t xml:space="preserve">        var wrapped = value;</w:t>
            </w:r>
          </w:p>
          <w:p w:rsidR="00156FB3" w:rsidRDefault="00156FB3" w:rsidP="00156FB3">
            <w:r>
              <w:t xml:space="preserve">        if (this.__actions__.length) {</w:t>
            </w:r>
          </w:p>
          <w:p w:rsidR="00156FB3" w:rsidRDefault="00156FB3" w:rsidP="00156FB3">
            <w:r>
              <w:t xml:space="preserve">          wrapped = new LazyWrapper(this);</w:t>
            </w:r>
          </w:p>
          <w:p w:rsidR="00156FB3" w:rsidRDefault="00156FB3" w:rsidP="00156FB3">
            <w:r>
              <w:t xml:space="preserve">        }</w:t>
            </w:r>
          </w:p>
          <w:p w:rsidR="00156FB3" w:rsidRDefault="00156FB3" w:rsidP="00156FB3">
            <w:r>
              <w:t xml:space="preserve">        wrapped = wrapped.reverse();</w:t>
            </w:r>
          </w:p>
          <w:p w:rsidR="00156FB3" w:rsidRDefault="00156FB3" w:rsidP="00156FB3">
            <w:r>
              <w:t xml:space="preserve">        wrapped.__actions__.push({</w:t>
            </w:r>
          </w:p>
          <w:p w:rsidR="00156FB3" w:rsidRDefault="00156FB3" w:rsidP="00156FB3">
            <w:r>
              <w:t xml:space="preserve">          'func': thru,</w:t>
            </w:r>
          </w:p>
          <w:p w:rsidR="00156FB3" w:rsidRDefault="00156FB3" w:rsidP="00156FB3">
            <w:r>
              <w:t xml:space="preserve">          'args': [reverse],</w:t>
            </w:r>
          </w:p>
          <w:p w:rsidR="00156FB3" w:rsidRDefault="00156FB3" w:rsidP="00156FB3">
            <w:r>
              <w:t xml:space="preserve">          'thisArg': undefined</w:t>
            </w:r>
          </w:p>
          <w:p w:rsidR="00156FB3" w:rsidRDefault="00156FB3" w:rsidP="00156FB3">
            <w:r>
              <w:t xml:space="preserve">        });</w:t>
            </w:r>
          </w:p>
          <w:p w:rsidR="00156FB3" w:rsidRDefault="00156FB3" w:rsidP="00156FB3">
            <w:r>
              <w:t xml:space="preserve">        return new LodashWrapper(wrapped, this.__chain__);</w:t>
            </w:r>
          </w:p>
          <w:p w:rsidR="00156FB3" w:rsidRDefault="00156FB3" w:rsidP="00156FB3">
            <w:r>
              <w:t xml:space="preserve">      }</w:t>
            </w:r>
          </w:p>
          <w:p w:rsidR="00156FB3" w:rsidRDefault="00156FB3" w:rsidP="00156FB3">
            <w:r>
              <w:t xml:space="preserve">      return this.thru(revers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Executes the chain sequence to resolve the unwrapped value.</w:t>
            </w:r>
          </w:p>
          <w:p w:rsidR="00156FB3" w:rsidRDefault="00156FB3" w:rsidP="00156FB3">
            <w:r>
              <w:t xml:space="preserve">     *</w:t>
            </w:r>
          </w:p>
          <w:p w:rsidR="00156FB3" w:rsidRDefault="00156FB3" w:rsidP="00156FB3">
            <w:r>
              <w:t xml:space="preserve">     * @name value</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alias toJSON, valueOf</w:t>
            </w:r>
          </w:p>
          <w:p w:rsidR="00156FB3" w:rsidRDefault="00156FB3" w:rsidP="00156FB3">
            <w:r>
              <w:t xml:space="preserve">     * @category Seq</w:t>
            </w:r>
          </w:p>
          <w:p w:rsidR="00156FB3" w:rsidRDefault="00156FB3" w:rsidP="00156FB3">
            <w:r>
              <w:t xml:space="preserve">     * @returns {*} Returns the resolved unwrapped value.</w:t>
            </w:r>
          </w:p>
          <w:p w:rsidR="00156FB3" w:rsidRDefault="00156FB3" w:rsidP="00156FB3">
            <w:r>
              <w:t xml:space="preserve">     * @example</w:t>
            </w:r>
          </w:p>
          <w:p w:rsidR="00156FB3" w:rsidRDefault="00156FB3" w:rsidP="00156FB3">
            <w:r>
              <w:t xml:space="preserve">     *</w:t>
            </w:r>
          </w:p>
          <w:p w:rsidR="00156FB3" w:rsidRDefault="00156FB3" w:rsidP="00156FB3">
            <w:r>
              <w:t xml:space="preserve">     * _([1, 2, 3]).value();</w:t>
            </w:r>
          </w:p>
          <w:p w:rsidR="00156FB3" w:rsidRDefault="00156FB3" w:rsidP="00156FB3">
            <w:r>
              <w:t xml:space="preserve">     * // =&gt; [1, 2, 3]</w:t>
            </w:r>
          </w:p>
          <w:p w:rsidR="00156FB3" w:rsidRDefault="00156FB3" w:rsidP="00156FB3">
            <w:r>
              <w:t xml:space="preserve">     */</w:t>
            </w:r>
          </w:p>
          <w:p w:rsidR="00156FB3" w:rsidRDefault="00156FB3" w:rsidP="00156FB3">
            <w:r>
              <w:t xml:space="preserve">    function wrapperValue() {</w:t>
            </w:r>
          </w:p>
          <w:p w:rsidR="00156FB3" w:rsidRDefault="00156FB3" w:rsidP="00156FB3">
            <w:r>
              <w:t xml:space="preserve">      return baseWrapperValue(this.__wrapped__, this.__actions__);</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object composed of keys generated from the results of running</w:t>
            </w:r>
          </w:p>
          <w:p w:rsidR="00156FB3" w:rsidRDefault="00156FB3" w:rsidP="00156FB3">
            <w:r>
              <w:lastRenderedPageBreak/>
              <w:t xml:space="preserve">     * each element of `collection` thru `iteratee`. The corresponding value of</w:t>
            </w:r>
          </w:p>
          <w:p w:rsidR="00156FB3" w:rsidRDefault="00156FB3" w:rsidP="00156FB3">
            <w:r>
              <w:t xml:space="preserve">     * each key is the number of times the key was returned by `iteratee`. The</w:t>
            </w:r>
          </w:p>
          <w:p w:rsidR="00156FB3" w:rsidRDefault="00156FB3" w:rsidP="00156FB3">
            <w:r>
              <w:t xml:space="preserve">     * iteratee is invoked with one argument: (valu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5.0</w:t>
            </w:r>
          </w:p>
          <w:p w:rsidR="00156FB3" w:rsidRDefault="00156FB3" w:rsidP="00156FB3">
            <w:r>
              <w:t xml:space="preserve">     * @category Collection</w:t>
            </w:r>
          </w:p>
          <w:p w:rsidR="00156FB3" w:rsidRDefault="00156FB3" w:rsidP="00156FB3">
            <w:r>
              <w:t xml:space="preserve">     * @param {Array|Object} collection The collection to iterate over.</w:t>
            </w:r>
          </w:p>
          <w:p w:rsidR="00156FB3" w:rsidRDefault="00156FB3" w:rsidP="00156FB3">
            <w:r>
              <w:t xml:space="preserve">     * @param {Function} [iteratee=_.identity] The iteratee to transform keys.</w:t>
            </w:r>
          </w:p>
          <w:p w:rsidR="00156FB3" w:rsidRDefault="00156FB3" w:rsidP="00156FB3">
            <w:r>
              <w:t xml:space="preserve">     * @returns {Object} Returns the composed aggregate object.</w:t>
            </w:r>
          </w:p>
          <w:p w:rsidR="00156FB3" w:rsidRDefault="00156FB3" w:rsidP="00156FB3">
            <w:r>
              <w:t xml:space="preserve">     * @example</w:t>
            </w:r>
          </w:p>
          <w:p w:rsidR="00156FB3" w:rsidRDefault="00156FB3" w:rsidP="00156FB3">
            <w:r>
              <w:t xml:space="preserve">     *</w:t>
            </w:r>
          </w:p>
          <w:p w:rsidR="00156FB3" w:rsidRDefault="00156FB3" w:rsidP="00156FB3">
            <w:r>
              <w:t xml:space="preserve">     * _.countBy([6.1, 4.2, 6.3], Math.floor);</w:t>
            </w:r>
          </w:p>
          <w:p w:rsidR="00156FB3" w:rsidRDefault="00156FB3" w:rsidP="00156FB3">
            <w:r>
              <w:t xml:space="preserve">     * // =&gt; { '4': 1, '6': 2 }</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countBy(['one', 'two', 'three'], 'length');</w:t>
            </w:r>
          </w:p>
          <w:p w:rsidR="00156FB3" w:rsidRDefault="00156FB3" w:rsidP="00156FB3">
            <w:r>
              <w:t xml:space="preserve">     * // =&gt; { '3': 2, '5': 1 }</w:t>
            </w:r>
          </w:p>
          <w:p w:rsidR="00156FB3" w:rsidRDefault="00156FB3" w:rsidP="00156FB3">
            <w:r>
              <w:t xml:space="preserve">     */</w:t>
            </w:r>
          </w:p>
          <w:p w:rsidR="00156FB3" w:rsidRDefault="00156FB3" w:rsidP="00156FB3">
            <w:r>
              <w:t xml:space="preserve">    var countBy = createAggregator(function(result, value, key) {</w:t>
            </w:r>
          </w:p>
          <w:p w:rsidR="00156FB3" w:rsidRDefault="00156FB3" w:rsidP="00156FB3">
            <w:r>
              <w:t xml:space="preserve">      if (hasOwnProperty.call(result, key)) {</w:t>
            </w:r>
          </w:p>
          <w:p w:rsidR="00156FB3" w:rsidRDefault="00156FB3" w:rsidP="00156FB3">
            <w:r>
              <w:t xml:space="preserve">        ++result[key];</w:t>
            </w:r>
          </w:p>
          <w:p w:rsidR="00156FB3" w:rsidRDefault="00156FB3" w:rsidP="00156FB3">
            <w:r>
              <w:t xml:space="preserve">      } else {</w:t>
            </w:r>
          </w:p>
          <w:p w:rsidR="00156FB3" w:rsidRDefault="00156FB3" w:rsidP="00156FB3">
            <w:r>
              <w:t xml:space="preserve">        baseAssignValue(result, key, 1);</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predicate` returns truthy for **all** elements of `collection`.</w:t>
            </w:r>
          </w:p>
          <w:p w:rsidR="00156FB3" w:rsidRDefault="00156FB3" w:rsidP="00156FB3">
            <w:r>
              <w:t xml:space="preserve">     * Iteration is stopped once `predicate` returns falsey. The predicate is</w:t>
            </w:r>
          </w:p>
          <w:p w:rsidR="00156FB3" w:rsidRDefault="00156FB3" w:rsidP="00156FB3">
            <w:r>
              <w:t xml:space="preserve">     * invoked with three arguments: (value, index|key, collection).</w:t>
            </w:r>
          </w:p>
          <w:p w:rsidR="00156FB3" w:rsidRDefault="00156FB3" w:rsidP="00156FB3">
            <w:r>
              <w:t xml:space="preserve">     *</w:t>
            </w:r>
          </w:p>
          <w:p w:rsidR="00156FB3" w:rsidRDefault="00156FB3" w:rsidP="00156FB3">
            <w:r>
              <w:t xml:space="preserve">     * **Note:** This method returns `true` for</w:t>
            </w:r>
          </w:p>
          <w:p w:rsidR="00156FB3" w:rsidRDefault="00156FB3" w:rsidP="00156FB3">
            <w:r>
              <w:t xml:space="preserve">     * [empty collections](https://en.wikipedia.org/wiki/Empty_set) because</w:t>
            </w:r>
          </w:p>
          <w:p w:rsidR="00156FB3" w:rsidRDefault="00156FB3" w:rsidP="00156FB3">
            <w:r>
              <w:t xml:space="preserve">     * [everything is true](https://en.wikipedia.org/wiki/Vacuous_truth) of</w:t>
            </w:r>
          </w:p>
          <w:p w:rsidR="00156FB3" w:rsidRDefault="00156FB3" w:rsidP="00156FB3">
            <w:r>
              <w:t xml:space="preserve">     * elements of empty collection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Collection</w:t>
            </w:r>
          </w:p>
          <w:p w:rsidR="00156FB3" w:rsidRDefault="00156FB3" w:rsidP="00156FB3">
            <w:r>
              <w:t xml:space="preserve">     * @param {Array|Object} collection The collection to iterate over.</w:t>
            </w:r>
          </w:p>
          <w:p w:rsidR="00156FB3" w:rsidRDefault="00156FB3" w:rsidP="00156FB3">
            <w:r>
              <w:t xml:space="preserve">     * @param {Function} [predicate=_.identity] The function invoked per iteration.</w:t>
            </w:r>
          </w:p>
          <w:p w:rsidR="00156FB3" w:rsidRDefault="00156FB3" w:rsidP="00156FB3">
            <w:r>
              <w:t xml:space="preserve">     * @param- {Object} [guard] Enables use as an iteratee for methods like `_.map`.</w:t>
            </w:r>
          </w:p>
          <w:p w:rsidR="00156FB3" w:rsidRDefault="00156FB3" w:rsidP="00156FB3">
            <w:r>
              <w:t xml:space="preserve">     * @returns {boolean} Returns `true` if all elements pass the predicate check,</w:t>
            </w:r>
          </w:p>
          <w:p w:rsidR="00156FB3" w:rsidRDefault="00156FB3" w:rsidP="00156FB3">
            <w:r>
              <w:t xml:space="preserve">     *  else `false`.</w:t>
            </w:r>
          </w:p>
          <w:p w:rsidR="00156FB3" w:rsidRDefault="00156FB3" w:rsidP="00156FB3">
            <w:r>
              <w:t xml:space="preserve">     * @example</w:t>
            </w:r>
          </w:p>
          <w:p w:rsidR="00156FB3" w:rsidRDefault="00156FB3" w:rsidP="00156FB3">
            <w:r>
              <w:lastRenderedPageBreak/>
              <w:t xml:space="preserve">     *</w:t>
            </w:r>
          </w:p>
          <w:p w:rsidR="00156FB3" w:rsidRDefault="00156FB3" w:rsidP="00156FB3">
            <w:r>
              <w:t xml:space="preserve">     * _.every([true, 1, null, 'yes'], Boolean);</w:t>
            </w:r>
          </w:p>
          <w:p w:rsidR="00156FB3" w:rsidRDefault="00156FB3" w:rsidP="00156FB3">
            <w:r>
              <w:t xml:space="preserve">     * // =&gt; false</w:t>
            </w:r>
          </w:p>
          <w:p w:rsidR="00156FB3" w:rsidRDefault="00156FB3" w:rsidP="00156FB3">
            <w:r>
              <w:t xml:space="preserve">     *</w:t>
            </w:r>
          </w:p>
          <w:p w:rsidR="00156FB3" w:rsidRDefault="00156FB3" w:rsidP="00156FB3">
            <w:r>
              <w:t xml:space="preserve">     * var users = [</w:t>
            </w:r>
          </w:p>
          <w:p w:rsidR="00156FB3" w:rsidRDefault="00156FB3" w:rsidP="00156FB3">
            <w:r>
              <w:t xml:space="preserve">     *   { 'user': 'barney', 'age': 36, 'active': false },</w:t>
            </w:r>
          </w:p>
          <w:p w:rsidR="00156FB3" w:rsidRDefault="00156FB3" w:rsidP="00156FB3">
            <w:r>
              <w:t xml:space="preserve">     *   { 'user': 'fred',   'age': 40, 'active': false }</w:t>
            </w:r>
          </w:p>
          <w:p w:rsidR="00156FB3" w:rsidRDefault="00156FB3" w:rsidP="00156FB3">
            <w:r>
              <w:t xml:space="preserve">     * ];</w:t>
            </w:r>
          </w:p>
          <w:p w:rsidR="00156FB3" w:rsidRDefault="00156FB3" w:rsidP="00156FB3">
            <w:r>
              <w:t xml:space="preserve">     *</w:t>
            </w:r>
          </w:p>
          <w:p w:rsidR="00156FB3" w:rsidRDefault="00156FB3" w:rsidP="00156FB3">
            <w:r>
              <w:t xml:space="preserve">     * // The `_.matches` iteratee shorthand.</w:t>
            </w:r>
          </w:p>
          <w:p w:rsidR="00156FB3" w:rsidRDefault="00156FB3" w:rsidP="00156FB3">
            <w:r>
              <w:t xml:space="preserve">     * _.every(users, { 'user': 'barney', 'active': false });</w:t>
            </w:r>
          </w:p>
          <w:p w:rsidR="00156FB3" w:rsidRDefault="00156FB3" w:rsidP="00156FB3">
            <w:r>
              <w:t xml:space="preserve">     * // =&gt; false</w:t>
            </w:r>
          </w:p>
          <w:p w:rsidR="00156FB3" w:rsidRDefault="00156FB3" w:rsidP="00156FB3">
            <w:r>
              <w:t xml:space="preserve">     *</w:t>
            </w:r>
          </w:p>
          <w:p w:rsidR="00156FB3" w:rsidRDefault="00156FB3" w:rsidP="00156FB3">
            <w:r>
              <w:t xml:space="preserve">     * // The `_.matchesProperty` iteratee shorthand.</w:t>
            </w:r>
          </w:p>
          <w:p w:rsidR="00156FB3" w:rsidRDefault="00156FB3" w:rsidP="00156FB3">
            <w:r>
              <w:t xml:space="preserve">     * _.every(users, ['active', false]);</w:t>
            </w:r>
          </w:p>
          <w:p w:rsidR="00156FB3" w:rsidRDefault="00156FB3" w:rsidP="00156FB3">
            <w:r>
              <w:t xml:space="preserve">     * // =&gt; true</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every(users, 'active');</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every(collection, predicate, guard) {</w:t>
            </w:r>
          </w:p>
          <w:p w:rsidR="00156FB3" w:rsidRDefault="00156FB3" w:rsidP="00156FB3">
            <w:r>
              <w:t xml:space="preserve">      var func = isArray(collection) ? arrayEvery : baseEvery;</w:t>
            </w:r>
          </w:p>
          <w:p w:rsidR="00156FB3" w:rsidRDefault="00156FB3" w:rsidP="00156FB3">
            <w:r>
              <w:t xml:space="preserve">      if (guard &amp;&amp; isIterateeCall(collection, predicate, guard)) {</w:t>
            </w:r>
          </w:p>
          <w:p w:rsidR="00156FB3" w:rsidRDefault="00156FB3" w:rsidP="00156FB3">
            <w:r>
              <w:t xml:space="preserve">        predicate = undefined;</w:t>
            </w:r>
          </w:p>
          <w:p w:rsidR="00156FB3" w:rsidRDefault="00156FB3" w:rsidP="00156FB3">
            <w:r>
              <w:t xml:space="preserve">      }</w:t>
            </w:r>
          </w:p>
          <w:p w:rsidR="00156FB3" w:rsidRDefault="00156FB3" w:rsidP="00156FB3">
            <w:r>
              <w:t xml:space="preserve">      return func(collection, getIteratee(predicate, 3));</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Iterates over elements of `collection`, returning an array of all elements</w:t>
            </w:r>
          </w:p>
          <w:p w:rsidR="00156FB3" w:rsidRDefault="00156FB3" w:rsidP="00156FB3">
            <w:r>
              <w:t xml:space="preserve">     * `predicate` returns truthy for. The predicate is invoked with three</w:t>
            </w:r>
          </w:p>
          <w:p w:rsidR="00156FB3" w:rsidRDefault="00156FB3" w:rsidP="00156FB3">
            <w:r>
              <w:t xml:space="preserve">     * arguments: (value, index|key, collection).</w:t>
            </w:r>
          </w:p>
          <w:p w:rsidR="00156FB3" w:rsidRDefault="00156FB3" w:rsidP="00156FB3">
            <w:r>
              <w:t xml:space="preserve">     *</w:t>
            </w:r>
          </w:p>
          <w:p w:rsidR="00156FB3" w:rsidRDefault="00156FB3" w:rsidP="00156FB3">
            <w:r>
              <w:t xml:space="preserve">     * **Note:** Unlike `_.remove`, this method returns a new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Collection</w:t>
            </w:r>
          </w:p>
          <w:p w:rsidR="00156FB3" w:rsidRDefault="00156FB3" w:rsidP="00156FB3">
            <w:r>
              <w:t xml:space="preserve">     * @param {Array|Object} collection The collection to iterate over.</w:t>
            </w:r>
          </w:p>
          <w:p w:rsidR="00156FB3" w:rsidRDefault="00156FB3" w:rsidP="00156FB3">
            <w:r>
              <w:t xml:space="preserve">     * @param {Function} [predicate=_.identity] The function invoked per iteration.</w:t>
            </w:r>
          </w:p>
          <w:p w:rsidR="00156FB3" w:rsidRDefault="00156FB3" w:rsidP="00156FB3">
            <w:r>
              <w:t xml:space="preserve">     * @returns {Array} Returns the new filtered array.</w:t>
            </w:r>
          </w:p>
          <w:p w:rsidR="00156FB3" w:rsidRDefault="00156FB3" w:rsidP="00156FB3">
            <w:r>
              <w:t xml:space="preserve">     * @see _.reject</w:t>
            </w:r>
          </w:p>
          <w:p w:rsidR="00156FB3" w:rsidRDefault="00156FB3" w:rsidP="00156FB3">
            <w:r>
              <w:t xml:space="preserve">     * @example</w:t>
            </w:r>
          </w:p>
          <w:p w:rsidR="00156FB3" w:rsidRDefault="00156FB3" w:rsidP="00156FB3">
            <w:r>
              <w:t xml:space="preserve">     *</w:t>
            </w:r>
          </w:p>
          <w:p w:rsidR="00156FB3" w:rsidRDefault="00156FB3" w:rsidP="00156FB3">
            <w:r>
              <w:t xml:space="preserve">     * var users = [</w:t>
            </w:r>
          </w:p>
          <w:p w:rsidR="00156FB3" w:rsidRDefault="00156FB3" w:rsidP="00156FB3">
            <w:r>
              <w:t xml:space="preserve">     *   { 'user': 'barney', 'age': 36, 'active': true },</w:t>
            </w:r>
          </w:p>
          <w:p w:rsidR="00156FB3" w:rsidRDefault="00156FB3" w:rsidP="00156FB3">
            <w:r>
              <w:lastRenderedPageBreak/>
              <w:t xml:space="preserve">     *   { 'user': 'fred',   'age': 40, 'active': false }</w:t>
            </w:r>
          </w:p>
          <w:p w:rsidR="00156FB3" w:rsidRDefault="00156FB3" w:rsidP="00156FB3">
            <w:r>
              <w:t xml:space="preserve">     * ];</w:t>
            </w:r>
          </w:p>
          <w:p w:rsidR="00156FB3" w:rsidRDefault="00156FB3" w:rsidP="00156FB3">
            <w:r>
              <w:t xml:space="preserve">     *</w:t>
            </w:r>
          </w:p>
          <w:p w:rsidR="00156FB3" w:rsidRDefault="00156FB3" w:rsidP="00156FB3">
            <w:r>
              <w:t xml:space="preserve">     * _.filter(users, function(o) { return !o.active; });</w:t>
            </w:r>
          </w:p>
          <w:p w:rsidR="00156FB3" w:rsidRDefault="00156FB3" w:rsidP="00156FB3">
            <w:r>
              <w:t xml:space="preserve">     * // =&gt; objects for ['fred']</w:t>
            </w:r>
          </w:p>
          <w:p w:rsidR="00156FB3" w:rsidRDefault="00156FB3" w:rsidP="00156FB3">
            <w:r>
              <w:t xml:space="preserve">     *</w:t>
            </w:r>
          </w:p>
          <w:p w:rsidR="00156FB3" w:rsidRDefault="00156FB3" w:rsidP="00156FB3">
            <w:r>
              <w:t xml:space="preserve">     * // The `_.matches` iteratee shorthand.</w:t>
            </w:r>
          </w:p>
          <w:p w:rsidR="00156FB3" w:rsidRDefault="00156FB3" w:rsidP="00156FB3">
            <w:r>
              <w:t xml:space="preserve">     * _.filter(users, { 'age': 36, 'active': true });</w:t>
            </w:r>
          </w:p>
          <w:p w:rsidR="00156FB3" w:rsidRDefault="00156FB3" w:rsidP="00156FB3">
            <w:r>
              <w:t xml:space="preserve">     * // =&gt; objects for ['barney']</w:t>
            </w:r>
          </w:p>
          <w:p w:rsidR="00156FB3" w:rsidRDefault="00156FB3" w:rsidP="00156FB3">
            <w:r>
              <w:t xml:space="preserve">     *</w:t>
            </w:r>
          </w:p>
          <w:p w:rsidR="00156FB3" w:rsidRDefault="00156FB3" w:rsidP="00156FB3">
            <w:r>
              <w:t xml:space="preserve">     * // The `_.matchesProperty` iteratee shorthand.</w:t>
            </w:r>
          </w:p>
          <w:p w:rsidR="00156FB3" w:rsidRDefault="00156FB3" w:rsidP="00156FB3">
            <w:r>
              <w:t xml:space="preserve">     * _.filter(users, ['active', false]);</w:t>
            </w:r>
          </w:p>
          <w:p w:rsidR="00156FB3" w:rsidRDefault="00156FB3" w:rsidP="00156FB3">
            <w:r>
              <w:t xml:space="preserve">     * // =&gt; objects for ['fred']</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filter(users, 'active');</w:t>
            </w:r>
          </w:p>
          <w:p w:rsidR="00156FB3" w:rsidRDefault="00156FB3" w:rsidP="00156FB3">
            <w:r>
              <w:t xml:space="preserve">     * // =&gt; objects for ['barney']</w:t>
            </w:r>
          </w:p>
          <w:p w:rsidR="00156FB3" w:rsidRDefault="00156FB3" w:rsidP="00156FB3">
            <w:r>
              <w:t xml:space="preserve">     */</w:t>
            </w:r>
          </w:p>
          <w:p w:rsidR="00156FB3" w:rsidRDefault="00156FB3" w:rsidP="00156FB3">
            <w:r>
              <w:t xml:space="preserve">    function filter(collection, predicate) {</w:t>
            </w:r>
          </w:p>
          <w:p w:rsidR="00156FB3" w:rsidRDefault="00156FB3" w:rsidP="00156FB3">
            <w:r>
              <w:t xml:space="preserve">      var func = isArray(collection) ? arrayFilter : baseFilter;</w:t>
            </w:r>
          </w:p>
          <w:p w:rsidR="00156FB3" w:rsidRDefault="00156FB3" w:rsidP="00156FB3">
            <w:r>
              <w:t xml:space="preserve">      return func(collection, getIteratee(predicate, 3));</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Iterates over elements of `collection`, returning the first element</w:t>
            </w:r>
          </w:p>
          <w:p w:rsidR="00156FB3" w:rsidRDefault="00156FB3" w:rsidP="00156FB3">
            <w:r>
              <w:t xml:space="preserve">     * `predicate` returns truthy for. The predicate is invoked with three</w:t>
            </w:r>
          </w:p>
          <w:p w:rsidR="00156FB3" w:rsidRDefault="00156FB3" w:rsidP="00156FB3">
            <w:r>
              <w:t xml:space="preserve">     * arguments: (value, index|key, collection).</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Collection</w:t>
            </w:r>
          </w:p>
          <w:p w:rsidR="00156FB3" w:rsidRDefault="00156FB3" w:rsidP="00156FB3">
            <w:r>
              <w:t xml:space="preserve">     * @param {Array|Object} collection The collection to inspect.</w:t>
            </w:r>
          </w:p>
          <w:p w:rsidR="00156FB3" w:rsidRDefault="00156FB3" w:rsidP="00156FB3">
            <w:r>
              <w:t xml:space="preserve">     * @param {Function} [predicate=_.identity] The function invoked per iteration.</w:t>
            </w:r>
          </w:p>
          <w:p w:rsidR="00156FB3" w:rsidRDefault="00156FB3" w:rsidP="00156FB3">
            <w:r>
              <w:t xml:space="preserve">     * @param {number} [fromIndex=0] The index to search from.</w:t>
            </w:r>
          </w:p>
          <w:p w:rsidR="00156FB3" w:rsidRDefault="00156FB3" w:rsidP="00156FB3">
            <w:r>
              <w:t xml:space="preserve">     * @returns {*} Returns the matched element, else `undefined`.</w:t>
            </w:r>
          </w:p>
          <w:p w:rsidR="00156FB3" w:rsidRDefault="00156FB3" w:rsidP="00156FB3">
            <w:r>
              <w:t xml:space="preserve">     * @example</w:t>
            </w:r>
          </w:p>
          <w:p w:rsidR="00156FB3" w:rsidRDefault="00156FB3" w:rsidP="00156FB3">
            <w:r>
              <w:t xml:space="preserve">     *</w:t>
            </w:r>
          </w:p>
          <w:p w:rsidR="00156FB3" w:rsidRDefault="00156FB3" w:rsidP="00156FB3">
            <w:r>
              <w:t xml:space="preserve">     * var users = [</w:t>
            </w:r>
          </w:p>
          <w:p w:rsidR="00156FB3" w:rsidRDefault="00156FB3" w:rsidP="00156FB3">
            <w:r>
              <w:t xml:space="preserve">     *   { 'user': 'barney',  'age': 36, 'active': true },</w:t>
            </w:r>
          </w:p>
          <w:p w:rsidR="00156FB3" w:rsidRDefault="00156FB3" w:rsidP="00156FB3">
            <w:r>
              <w:t xml:space="preserve">     *   { 'user': 'fred',    'age': 40, 'active': false },</w:t>
            </w:r>
          </w:p>
          <w:p w:rsidR="00156FB3" w:rsidRDefault="00156FB3" w:rsidP="00156FB3">
            <w:r>
              <w:t xml:space="preserve">     *   { 'user': 'pebbles', 'age': 1,  'active': true }</w:t>
            </w:r>
          </w:p>
          <w:p w:rsidR="00156FB3" w:rsidRDefault="00156FB3" w:rsidP="00156FB3">
            <w:r>
              <w:t xml:space="preserve">     * ];</w:t>
            </w:r>
          </w:p>
          <w:p w:rsidR="00156FB3" w:rsidRDefault="00156FB3" w:rsidP="00156FB3">
            <w:r>
              <w:t xml:space="preserve">     *</w:t>
            </w:r>
          </w:p>
          <w:p w:rsidR="00156FB3" w:rsidRDefault="00156FB3" w:rsidP="00156FB3">
            <w:r>
              <w:t xml:space="preserve">     * _.find(users, function(o) { return o.age &lt; 40; });</w:t>
            </w:r>
          </w:p>
          <w:p w:rsidR="00156FB3" w:rsidRDefault="00156FB3" w:rsidP="00156FB3">
            <w:r>
              <w:t xml:space="preserve">     * // =&gt; object for 'barney'</w:t>
            </w:r>
          </w:p>
          <w:p w:rsidR="00156FB3" w:rsidRDefault="00156FB3" w:rsidP="00156FB3">
            <w:r>
              <w:t xml:space="preserve">     *</w:t>
            </w:r>
          </w:p>
          <w:p w:rsidR="00156FB3" w:rsidRDefault="00156FB3" w:rsidP="00156FB3">
            <w:r>
              <w:t xml:space="preserve">     * // The `_.matches` iteratee shorthand.</w:t>
            </w:r>
          </w:p>
          <w:p w:rsidR="00156FB3" w:rsidRDefault="00156FB3" w:rsidP="00156FB3">
            <w:r>
              <w:lastRenderedPageBreak/>
              <w:t xml:space="preserve">     * _.find(users, { 'age': 1, 'active': true });</w:t>
            </w:r>
          </w:p>
          <w:p w:rsidR="00156FB3" w:rsidRDefault="00156FB3" w:rsidP="00156FB3">
            <w:r>
              <w:t xml:space="preserve">     * // =&gt; object for 'pebbles'</w:t>
            </w:r>
          </w:p>
          <w:p w:rsidR="00156FB3" w:rsidRDefault="00156FB3" w:rsidP="00156FB3">
            <w:r>
              <w:t xml:space="preserve">     *</w:t>
            </w:r>
          </w:p>
          <w:p w:rsidR="00156FB3" w:rsidRDefault="00156FB3" w:rsidP="00156FB3">
            <w:r>
              <w:t xml:space="preserve">     * // The `_.matchesProperty` iteratee shorthand.</w:t>
            </w:r>
          </w:p>
          <w:p w:rsidR="00156FB3" w:rsidRDefault="00156FB3" w:rsidP="00156FB3">
            <w:r>
              <w:t xml:space="preserve">     * _.find(users, ['active', false]);</w:t>
            </w:r>
          </w:p>
          <w:p w:rsidR="00156FB3" w:rsidRDefault="00156FB3" w:rsidP="00156FB3">
            <w:r>
              <w:t xml:space="preserve">     * // =&gt; object for 'fred'</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find(users, 'active');</w:t>
            </w:r>
          </w:p>
          <w:p w:rsidR="00156FB3" w:rsidRDefault="00156FB3" w:rsidP="00156FB3">
            <w:r>
              <w:t xml:space="preserve">     * // =&gt; object for 'barney'</w:t>
            </w:r>
          </w:p>
          <w:p w:rsidR="00156FB3" w:rsidRDefault="00156FB3" w:rsidP="00156FB3">
            <w:r>
              <w:t xml:space="preserve">     */</w:t>
            </w:r>
          </w:p>
          <w:p w:rsidR="00156FB3" w:rsidRDefault="00156FB3" w:rsidP="00156FB3">
            <w:r>
              <w:t xml:space="preserve">    var find = createFind(findIndex);</w:t>
            </w:r>
          </w:p>
          <w:p w:rsidR="00156FB3" w:rsidRDefault="00156FB3" w:rsidP="00156FB3"/>
          <w:p w:rsidR="00156FB3" w:rsidRDefault="00156FB3" w:rsidP="00156FB3">
            <w:r>
              <w:t xml:space="preserve">    /**</w:t>
            </w:r>
          </w:p>
          <w:p w:rsidR="00156FB3" w:rsidRDefault="00156FB3" w:rsidP="00156FB3">
            <w:r>
              <w:t xml:space="preserve">     * This method is like `_.find` except that it iterates over elements of</w:t>
            </w:r>
          </w:p>
          <w:p w:rsidR="00156FB3" w:rsidRDefault="00156FB3" w:rsidP="00156FB3">
            <w:r>
              <w:t xml:space="preserve">     * `collection` from right to lef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2.0.0</w:t>
            </w:r>
          </w:p>
          <w:p w:rsidR="00156FB3" w:rsidRDefault="00156FB3" w:rsidP="00156FB3">
            <w:r>
              <w:t xml:space="preserve">     * @category Collection</w:t>
            </w:r>
          </w:p>
          <w:p w:rsidR="00156FB3" w:rsidRDefault="00156FB3" w:rsidP="00156FB3">
            <w:r>
              <w:t xml:space="preserve">     * @param {Array|Object} collection The collection to inspect.</w:t>
            </w:r>
          </w:p>
          <w:p w:rsidR="00156FB3" w:rsidRDefault="00156FB3" w:rsidP="00156FB3">
            <w:r>
              <w:t xml:space="preserve">     * @param {Function} [predicate=_.identity] The function invoked per iteration.</w:t>
            </w:r>
          </w:p>
          <w:p w:rsidR="00156FB3" w:rsidRDefault="00156FB3" w:rsidP="00156FB3">
            <w:r>
              <w:t xml:space="preserve">     * @param {number} [fromIndex=collection.length-1] The index to search from.</w:t>
            </w:r>
          </w:p>
          <w:p w:rsidR="00156FB3" w:rsidRDefault="00156FB3" w:rsidP="00156FB3">
            <w:r>
              <w:t xml:space="preserve">     * @returns {*} Returns the matched element, else `undefined`.</w:t>
            </w:r>
          </w:p>
          <w:p w:rsidR="00156FB3" w:rsidRDefault="00156FB3" w:rsidP="00156FB3">
            <w:r>
              <w:t xml:space="preserve">     * @example</w:t>
            </w:r>
          </w:p>
          <w:p w:rsidR="00156FB3" w:rsidRDefault="00156FB3" w:rsidP="00156FB3">
            <w:r>
              <w:t xml:space="preserve">     *</w:t>
            </w:r>
          </w:p>
          <w:p w:rsidR="00156FB3" w:rsidRDefault="00156FB3" w:rsidP="00156FB3">
            <w:r>
              <w:t xml:space="preserve">     * _.findLast([1, 2, 3, 4], function(n) {</w:t>
            </w:r>
          </w:p>
          <w:p w:rsidR="00156FB3" w:rsidRDefault="00156FB3" w:rsidP="00156FB3">
            <w:r>
              <w:t xml:space="preserve">     *   return n % 2 == 1;</w:t>
            </w:r>
          </w:p>
          <w:p w:rsidR="00156FB3" w:rsidRDefault="00156FB3" w:rsidP="00156FB3">
            <w:r>
              <w:t xml:space="preserve">     * });</w:t>
            </w:r>
          </w:p>
          <w:p w:rsidR="00156FB3" w:rsidRDefault="00156FB3" w:rsidP="00156FB3">
            <w:r>
              <w:t xml:space="preserve">     * // =&gt; 3</w:t>
            </w:r>
          </w:p>
          <w:p w:rsidR="00156FB3" w:rsidRDefault="00156FB3" w:rsidP="00156FB3">
            <w:r>
              <w:t xml:space="preserve">     */</w:t>
            </w:r>
          </w:p>
          <w:p w:rsidR="00156FB3" w:rsidRDefault="00156FB3" w:rsidP="00156FB3">
            <w:r>
              <w:t xml:space="preserve">    var findLast = createFind(findLastIndex);</w:t>
            </w:r>
          </w:p>
          <w:p w:rsidR="00156FB3" w:rsidRDefault="00156FB3" w:rsidP="00156FB3"/>
          <w:p w:rsidR="00156FB3" w:rsidRDefault="00156FB3" w:rsidP="00156FB3">
            <w:r>
              <w:t xml:space="preserve">    /**</w:t>
            </w:r>
          </w:p>
          <w:p w:rsidR="00156FB3" w:rsidRDefault="00156FB3" w:rsidP="00156FB3">
            <w:r>
              <w:t xml:space="preserve">     * Creates a flattened array of values by running each element in `collection`</w:t>
            </w:r>
          </w:p>
          <w:p w:rsidR="00156FB3" w:rsidRDefault="00156FB3" w:rsidP="00156FB3">
            <w:r>
              <w:t xml:space="preserve">     * thru `iteratee` and flattening the mapped results. The iteratee is invoked</w:t>
            </w:r>
          </w:p>
          <w:p w:rsidR="00156FB3" w:rsidRDefault="00156FB3" w:rsidP="00156FB3">
            <w:r>
              <w:t xml:space="preserve">     * with three arguments: (value, index|key, collection).</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Collection</w:t>
            </w:r>
          </w:p>
          <w:p w:rsidR="00156FB3" w:rsidRDefault="00156FB3" w:rsidP="00156FB3">
            <w:r>
              <w:t xml:space="preserve">     * @param {Array|Object} collection The collection to iterate over.</w:t>
            </w:r>
          </w:p>
          <w:p w:rsidR="00156FB3" w:rsidRDefault="00156FB3" w:rsidP="00156FB3">
            <w:r>
              <w:t xml:space="preserve">     * @param {Function} [iteratee=_.identity] The function invoked per iteration.</w:t>
            </w:r>
          </w:p>
          <w:p w:rsidR="00156FB3" w:rsidRDefault="00156FB3" w:rsidP="00156FB3">
            <w:r>
              <w:t xml:space="preserve">     * @returns {Array} Returns the new flattened array.</w:t>
            </w:r>
          </w:p>
          <w:p w:rsidR="00156FB3" w:rsidRDefault="00156FB3" w:rsidP="00156FB3">
            <w:r>
              <w:t xml:space="preserve">     * @example</w:t>
            </w:r>
          </w:p>
          <w:p w:rsidR="00156FB3" w:rsidRDefault="00156FB3" w:rsidP="00156FB3">
            <w:r>
              <w:t xml:space="preserve">     *</w:t>
            </w:r>
          </w:p>
          <w:p w:rsidR="00156FB3" w:rsidRDefault="00156FB3" w:rsidP="00156FB3">
            <w:r>
              <w:lastRenderedPageBreak/>
              <w:t xml:space="preserve">     * function duplicate(n) {</w:t>
            </w:r>
          </w:p>
          <w:p w:rsidR="00156FB3" w:rsidRDefault="00156FB3" w:rsidP="00156FB3">
            <w:r>
              <w:t xml:space="preserve">     *   return [n, n];</w:t>
            </w:r>
          </w:p>
          <w:p w:rsidR="00156FB3" w:rsidRDefault="00156FB3" w:rsidP="00156FB3">
            <w:r>
              <w:t xml:space="preserve">     * }</w:t>
            </w:r>
          </w:p>
          <w:p w:rsidR="00156FB3" w:rsidRDefault="00156FB3" w:rsidP="00156FB3">
            <w:r>
              <w:t xml:space="preserve">     *</w:t>
            </w:r>
          </w:p>
          <w:p w:rsidR="00156FB3" w:rsidRDefault="00156FB3" w:rsidP="00156FB3">
            <w:r>
              <w:t xml:space="preserve">     * _.flatMap([1, 2], duplicate);</w:t>
            </w:r>
          </w:p>
          <w:p w:rsidR="00156FB3" w:rsidRDefault="00156FB3" w:rsidP="00156FB3">
            <w:r>
              <w:t xml:space="preserve">     * // =&gt; [1, 1, 2, 2]</w:t>
            </w:r>
          </w:p>
          <w:p w:rsidR="00156FB3" w:rsidRDefault="00156FB3" w:rsidP="00156FB3">
            <w:r>
              <w:t xml:space="preserve">     */</w:t>
            </w:r>
          </w:p>
          <w:p w:rsidR="00156FB3" w:rsidRDefault="00156FB3" w:rsidP="00156FB3">
            <w:r>
              <w:t xml:space="preserve">    function flatMap(collection, iteratee) {</w:t>
            </w:r>
          </w:p>
          <w:p w:rsidR="00156FB3" w:rsidRDefault="00156FB3" w:rsidP="00156FB3">
            <w:r>
              <w:t xml:space="preserve">      return baseFlatten(map(collection, iteratee), 1);</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flatMap` except that it recursively flattens the</w:t>
            </w:r>
          </w:p>
          <w:p w:rsidR="00156FB3" w:rsidRDefault="00156FB3" w:rsidP="00156FB3">
            <w:r>
              <w:t xml:space="preserve">     * mapped result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7.0</w:t>
            </w:r>
          </w:p>
          <w:p w:rsidR="00156FB3" w:rsidRDefault="00156FB3" w:rsidP="00156FB3">
            <w:r>
              <w:t xml:space="preserve">     * @category Collection</w:t>
            </w:r>
          </w:p>
          <w:p w:rsidR="00156FB3" w:rsidRDefault="00156FB3" w:rsidP="00156FB3">
            <w:r>
              <w:t xml:space="preserve">     * @param {Array|Object} collection The collection to iterate over.</w:t>
            </w:r>
          </w:p>
          <w:p w:rsidR="00156FB3" w:rsidRDefault="00156FB3" w:rsidP="00156FB3">
            <w:r>
              <w:t xml:space="preserve">     * @param {Function} [iteratee=_.identity] The function invoked per iteration.</w:t>
            </w:r>
          </w:p>
          <w:p w:rsidR="00156FB3" w:rsidRDefault="00156FB3" w:rsidP="00156FB3">
            <w:r>
              <w:t xml:space="preserve">     * @returns {Array} Returns the new flattened array.</w:t>
            </w:r>
          </w:p>
          <w:p w:rsidR="00156FB3" w:rsidRDefault="00156FB3" w:rsidP="00156FB3">
            <w:r>
              <w:t xml:space="preserve">     * @example</w:t>
            </w:r>
          </w:p>
          <w:p w:rsidR="00156FB3" w:rsidRDefault="00156FB3" w:rsidP="00156FB3">
            <w:r>
              <w:t xml:space="preserve">     *</w:t>
            </w:r>
          </w:p>
          <w:p w:rsidR="00156FB3" w:rsidRDefault="00156FB3" w:rsidP="00156FB3">
            <w:r>
              <w:t xml:space="preserve">     * function duplicate(n) {</w:t>
            </w:r>
          </w:p>
          <w:p w:rsidR="00156FB3" w:rsidRDefault="00156FB3" w:rsidP="00156FB3">
            <w:r>
              <w:t xml:space="preserve">     *   return [[[n, n]]];</w:t>
            </w:r>
          </w:p>
          <w:p w:rsidR="00156FB3" w:rsidRDefault="00156FB3" w:rsidP="00156FB3">
            <w:r>
              <w:t xml:space="preserve">     * }</w:t>
            </w:r>
          </w:p>
          <w:p w:rsidR="00156FB3" w:rsidRDefault="00156FB3" w:rsidP="00156FB3">
            <w:r>
              <w:t xml:space="preserve">     *</w:t>
            </w:r>
          </w:p>
          <w:p w:rsidR="00156FB3" w:rsidRDefault="00156FB3" w:rsidP="00156FB3">
            <w:r>
              <w:t xml:space="preserve">     * _.flatMapDeep([1, 2], duplicate);</w:t>
            </w:r>
          </w:p>
          <w:p w:rsidR="00156FB3" w:rsidRDefault="00156FB3" w:rsidP="00156FB3">
            <w:r>
              <w:t xml:space="preserve">     * // =&gt; [1, 1, 2, 2]</w:t>
            </w:r>
          </w:p>
          <w:p w:rsidR="00156FB3" w:rsidRDefault="00156FB3" w:rsidP="00156FB3">
            <w:r>
              <w:t xml:space="preserve">     */</w:t>
            </w:r>
          </w:p>
          <w:p w:rsidR="00156FB3" w:rsidRDefault="00156FB3" w:rsidP="00156FB3">
            <w:r>
              <w:t xml:space="preserve">    function flatMapDeep(collection, iteratee) {</w:t>
            </w:r>
          </w:p>
          <w:p w:rsidR="00156FB3" w:rsidRDefault="00156FB3" w:rsidP="00156FB3">
            <w:r>
              <w:t xml:space="preserve">      return baseFlatten(map(collection, iteratee), INFINIT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flatMap` except that it recursively flattens the</w:t>
            </w:r>
          </w:p>
          <w:p w:rsidR="00156FB3" w:rsidRDefault="00156FB3" w:rsidP="00156FB3">
            <w:r>
              <w:t xml:space="preserve">     * mapped results up to `depth` time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7.0</w:t>
            </w:r>
          </w:p>
          <w:p w:rsidR="00156FB3" w:rsidRDefault="00156FB3" w:rsidP="00156FB3">
            <w:r>
              <w:t xml:space="preserve">     * @category Collection</w:t>
            </w:r>
          </w:p>
          <w:p w:rsidR="00156FB3" w:rsidRDefault="00156FB3" w:rsidP="00156FB3">
            <w:r>
              <w:t xml:space="preserve">     * @param {Array|Object} collection The collection to iterate over.</w:t>
            </w:r>
          </w:p>
          <w:p w:rsidR="00156FB3" w:rsidRDefault="00156FB3" w:rsidP="00156FB3">
            <w:r>
              <w:t xml:space="preserve">     * @param {Function} [iteratee=_.identity] The function invoked per iteration.</w:t>
            </w:r>
          </w:p>
          <w:p w:rsidR="00156FB3" w:rsidRDefault="00156FB3" w:rsidP="00156FB3">
            <w:r>
              <w:t xml:space="preserve">     * @param {number} [depth=1] The maximum recursion depth.</w:t>
            </w:r>
          </w:p>
          <w:p w:rsidR="00156FB3" w:rsidRDefault="00156FB3" w:rsidP="00156FB3">
            <w:r>
              <w:t xml:space="preserve">     * @returns {Array} Returns the new flattened array.</w:t>
            </w:r>
          </w:p>
          <w:p w:rsidR="00156FB3" w:rsidRDefault="00156FB3" w:rsidP="00156FB3">
            <w:r>
              <w:t xml:space="preserve">     * @example</w:t>
            </w:r>
          </w:p>
          <w:p w:rsidR="00156FB3" w:rsidRDefault="00156FB3" w:rsidP="00156FB3">
            <w:r>
              <w:lastRenderedPageBreak/>
              <w:t xml:space="preserve">     *</w:t>
            </w:r>
          </w:p>
          <w:p w:rsidR="00156FB3" w:rsidRDefault="00156FB3" w:rsidP="00156FB3">
            <w:r>
              <w:t xml:space="preserve">     * function duplicate(n) {</w:t>
            </w:r>
          </w:p>
          <w:p w:rsidR="00156FB3" w:rsidRDefault="00156FB3" w:rsidP="00156FB3">
            <w:r>
              <w:t xml:space="preserve">     *   return [[[n, n]]];</w:t>
            </w:r>
          </w:p>
          <w:p w:rsidR="00156FB3" w:rsidRDefault="00156FB3" w:rsidP="00156FB3">
            <w:r>
              <w:t xml:space="preserve">     * }</w:t>
            </w:r>
          </w:p>
          <w:p w:rsidR="00156FB3" w:rsidRDefault="00156FB3" w:rsidP="00156FB3">
            <w:r>
              <w:t xml:space="preserve">     *</w:t>
            </w:r>
          </w:p>
          <w:p w:rsidR="00156FB3" w:rsidRDefault="00156FB3" w:rsidP="00156FB3">
            <w:r>
              <w:t xml:space="preserve">     * _.flatMapDepth([1, 2], duplicate, 2);</w:t>
            </w:r>
          </w:p>
          <w:p w:rsidR="00156FB3" w:rsidRDefault="00156FB3" w:rsidP="00156FB3">
            <w:r>
              <w:t xml:space="preserve">     * // =&gt; [[1, 1], [2, 2]]</w:t>
            </w:r>
          </w:p>
          <w:p w:rsidR="00156FB3" w:rsidRDefault="00156FB3" w:rsidP="00156FB3">
            <w:r>
              <w:t xml:space="preserve">     */</w:t>
            </w:r>
          </w:p>
          <w:p w:rsidR="00156FB3" w:rsidRDefault="00156FB3" w:rsidP="00156FB3">
            <w:r>
              <w:t xml:space="preserve">    function flatMapDepth(collection, iteratee, depth) {</w:t>
            </w:r>
          </w:p>
          <w:p w:rsidR="00156FB3" w:rsidRDefault="00156FB3" w:rsidP="00156FB3">
            <w:r>
              <w:t xml:space="preserve">      depth = depth === undefined ? 1 : toInteger(depth);</w:t>
            </w:r>
          </w:p>
          <w:p w:rsidR="00156FB3" w:rsidRDefault="00156FB3" w:rsidP="00156FB3">
            <w:r>
              <w:t xml:space="preserve">      return baseFlatten(map(collection, iteratee), depth);</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Iterates over elements of `collection` and invokes `iteratee` for each element.</w:t>
            </w:r>
          </w:p>
          <w:p w:rsidR="00156FB3" w:rsidRDefault="00156FB3" w:rsidP="00156FB3">
            <w:r>
              <w:t xml:space="preserve">     * The iteratee is invoked with three arguments: (value, index|key, collection).</w:t>
            </w:r>
          </w:p>
          <w:p w:rsidR="00156FB3" w:rsidRDefault="00156FB3" w:rsidP="00156FB3">
            <w:r>
              <w:t xml:space="preserve">     * Iteratee functions may exit iteration early by explicitly returning `false`.</w:t>
            </w:r>
          </w:p>
          <w:p w:rsidR="00156FB3" w:rsidRDefault="00156FB3" w:rsidP="00156FB3">
            <w:r>
              <w:t xml:space="preserve">     *</w:t>
            </w:r>
          </w:p>
          <w:p w:rsidR="00156FB3" w:rsidRDefault="00156FB3" w:rsidP="00156FB3">
            <w:r>
              <w:t xml:space="preserve">     * **Note:** As with other "Collections" methods, objects with a "length"</w:t>
            </w:r>
          </w:p>
          <w:p w:rsidR="00156FB3" w:rsidRDefault="00156FB3" w:rsidP="00156FB3">
            <w:r>
              <w:t xml:space="preserve">     * property are iterated like arrays. To avoid this behavior use `_.forIn`</w:t>
            </w:r>
          </w:p>
          <w:p w:rsidR="00156FB3" w:rsidRDefault="00156FB3" w:rsidP="00156FB3">
            <w:r>
              <w:t xml:space="preserve">     * or `_.forOwn` for object iteration.</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alias each</w:t>
            </w:r>
          </w:p>
          <w:p w:rsidR="00156FB3" w:rsidRDefault="00156FB3" w:rsidP="00156FB3">
            <w:r>
              <w:t xml:space="preserve">     * @category Collection</w:t>
            </w:r>
          </w:p>
          <w:p w:rsidR="00156FB3" w:rsidRDefault="00156FB3" w:rsidP="00156FB3">
            <w:r>
              <w:t xml:space="preserve">     * @param {Array|Object} collection The collection to iterate over.</w:t>
            </w:r>
          </w:p>
          <w:p w:rsidR="00156FB3" w:rsidRDefault="00156FB3" w:rsidP="00156FB3">
            <w:r>
              <w:t xml:space="preserve">     * @param {Function} [iteratee=_.identity] The function invoked per iteration.</w:t>
            </w:r>
          </w:p>
          <w:p w:rsidR="00156FB3" w:rsidRDefault="00156FB3" w:rsidP="00156FB3">
            <w:r>
              <w:t xml:space="preserve">     * @returns {Array|Object} Returns `collection`.</w:t>
            </w:r>
          </w:p>
          <w:p w:rsidR="00156FB3" w:rsidRDefault="00156FB3" w:rsidP="00156FB3">
            <w:r>
              <w:t xml:space="preserve">     * @see _.forEachRight</w:t>
            </w:r>
          </w:p>
          <w:p w:rsidR="00156FB3" w:rsidRDefault="00156FB3" w:rsidP="00156FB3">
            <w:r>
              <w:t xml:space="preserve">     * @example</w:t>
            </w:r>
          </w:p>
          <w:p w:rsidR="00156FB3" w:rsidRDefault="00156FB3" w:rsidP="00156FB3">
            <w:r>
              <w:t xml:space="preserve">     *</w:t>
            </w:r>
          </w:p>
          <w:p w:rsidR="00156FB3" w:rsidRDefault="00156FB3" w:rsidP="00156FB3">
            <w:r>
              <w:t xml:space="preserve">     * _.forEach([1, 2], function(value) {</w:t>
            </w:r>
          </w:p>
          <w:p w:rsidR="00156FB3" w:rsidRDefault="00156FB3" w:rsidP="00156FB3">
            <w:r>
              <w:t xml:space="preserve">     *   console.log(value);</w:t>
            </w:r>
          </w:p>
          <w:p w:rsidR="00156FB3" w:rsidRDefault="00156FB3" w:rsidP="00156FB3">
            <w:r>
              <w:t xml:space="preserve">     * });</w:t>
            </w:r>
          </w:p>
          <w:p w:rsidR="00156FB3" w:rsidRDefault="00156FB3" w:rsidP="00156FB3">
            <w:r>
              <w:t xml:space="preserve">     * // =&gt; Logs `1` then `2`.</w:t>
            </w:r>
          </w:p>
          <w:p w:rsidR="00156FB3" w:rsidRDefault="00156FB3" w:rsidP="00156FB3">
            <w:r>
              <w:t xml:space="preserve">     *</w:t>
            </w:r>
          </w:p>
          <w:p w:rsidR="00156FB3" w:rsidRDefault="00156FB3" w:rsidP="00156FB3">
            <w:r>
              <w:t xml:space="preserve">     * _.forEach({ 'a': 1, 'b': 2 }, function(value, key) {</w:t>
            </w:r>
          </w:p>
          <w:p w:rsidR="00156FB3" w:rsidRDefault="00156FB3" w:rsidP="00156FB3">
            <w:r>
              <w:t xml:space="preserve">     *   console.log(key);</w:t>
            </w:r>
          </w:p>
          <w:p w:rsidR="00156FB3" w:rsidRDefault="00156FB3" w:rsidP="00156FB3">
            <w:r>
              <w:t xml:space="preserve">     * });</w:t>
            </w:r>
          </w:p>
          <w:p w:rsidR="00156FB3" w:rsidRDefault="00156FB3" w:rsidP="00156FB3">
            <w:r>
              <w:t xml:space="preserve">     * // =&gt; Logs 'a' then 'b' (iteration order is not guaranteed).</w:t>
            </w:r>
          </w:p>
          <w:p w:rsidR="00156FB3" w:rsidRDefault="00156FB3" w:rsidP="00156FB3">
            <w:r>
              <w:t xml:space="preserve">     */</w:t>
            </w:r>
          </w:p>
          <w:p w:rsidR="00156FB3" w:rsidRDefault="00156FB3" w:rsidP="00156FB3">
            <w:r>
              <w:t xml:space="preserve">    function forEach(collection, iteratee) {</w:t>
            </w:r>
          </w:p>
          <w:p w:rsidR="00156FB3" w:rsidRDefault="00156FB3" w:rsidP="00156FB3">
            <w:r>
              <w:t xml:space="preserve">      var func = isArray(collection) ? arrayEach : baseEach;</w:t>
            </w:r>
          </w:p>
          <w:p w:rsidR="00156FB3" w:rsidRDefault="00156FB3" w:rsidP="00156FB3">
            <w:r>
              <w:t xml:space="preserve">      return func(collection, getIteratee(iteratee, 3));</w:t>
            </w:r>
          </w:p>
          <w:p w:rsidR="00156FB3" w:rsidRDefault="00156FB3" w:rsidP="00156FB3">
            <w:r>
              <w:t xml:space="preserve">    }</w:t>
            </w:r>
          </w:p>
          <w:p w:rsidR="00156FB3" w:rsidRDefault="00156FB3" w:rsidP="00156FB3"/>
          <w:p w:rsidR="00156FB3" w:rsidRDefault="00156FB3" w:rsidP="00156FB3">
            <w:r>
              <w:lastRenderedPageBreak/>
              <w:t xml:space="preserve">    /**</w:t>
            </w:r>
          </w:p>
          <w:p w:rsidR="00156FB3" w:rsidRDefault="00156FB3" w:rsidP="00156FB3">
            <w:r>
              <w:t xml:space="preserve">     * This method is like `_.forEach` except that it iterates over elements of</w:t>
            </w:r>
          </w:p>
          <w:p w:rsidR="00156FB3" w:rsidRDefault="00156FB3" w:rsidP="00156FB3">
            <w:r>
              <w:t xml:space="preserve">     * `collection` from right to lef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2.0.0</w:t>
            </w:r>
          </w:p>
          <w:p w:rsidR="00156FB3" w:rsidRDefault="00156FB3" w:rsidP="00156FB3">
            <w:r>
              <w:t xml:space="preserve">     * @alias eachRight</w:t>
            </w:r>
          </w:p>
          <w:p w:rsidR="00156FB3" w:rsidRDefault="00156FB3" w:rsidP="00156FB3">
            <w:r>
              <w:t xml:space="preserve">     * @category Collection</w:t>
            </w:r>
          </w:p>
          <w:p w:rsidR="00156FB3" w:rsidRDefault="00156FB3" w:rsidP="00156FB3">
            <w:r>
              <w:t xml:space="preserve">     * @param {Array|Object} collection The collection to iterate over.</w:t>
            </w:r>
          </w:p>
          <w:p w:rsidR="00156FB3" w:rsidRDefault="00156FB3" w:rsidP="00156FB3">
            <w:r>
              <w:t xml:space="preserve">     * @param {Function} [iteratee=_.identity] The function invoked per iteration.</w:t>
            </w:r>
          </w:p>
          <w:p w:rsidR="00156FB3" w:rsidRDefault="00156FB3" w:rsidP="00156FB3">
            <w:r>
              <w:t xml:space="preserve">     * @returns {Array|Object} Returns `collection`.</w:t>
            </w:r>
          </w:p>
          <w:p w:rsidR="00156FB3" w:rsidRDefault="00156FB3" w:rsidP="00156FB3">
            <w:r>
              <w:t xml:space="preserve">     * @see _.forEach</w:t>
            </w:r>
          </w:p>
          <w:p w:rsidR="00156FB3" w:rsidRDefault="00156FB3" w:rsidP="00156FB3">
            <w:r>
              <w:t xml:space="preserve">     * @example</w:t>
            </w:r>
          </w:p>
          <w:p w:rsidR="00156FB3" w:rsidRDefault="00156FB3" w:rsidP="00156FB3">
            <w:r>
              <w:t xml:space="preserve">     *</w:t>
            </w:r>
          </w:p>
          <w:p w:rsidR="00156FB3" w:rsidRDefault="00156FB3" w:rsidP="00156FB3">
            <w:r>
              <w:t xml:space="preserve">     * _.forEachRight([1, 2], function(value) {</w:t>
            </w:r>
          </w:p>
          <w:p w:rsidR="00156FB3" w:rsidRDefault="00156FB3" w:rsidP="00156FB3">
            <w:r>
              <w:t xml:space="preserve">     *   console.log(value);</w:t>
            </w:r>
          </w:p>
          <w:p w:rsidR="00156FB3" w:rsidRDefault="00156FB3" w:rsidP="00156FB3">
            <w:r>
              <w:t xml:space="preserve">     * });</w:t>
            </w:r>
          </w:p>
          <w:p w:rsidR="00156FB3" w:rsidRDefault="00156FB3" w:rsidP="00156FB3">
            <w:r>
              <w:t xml:space="preserve">     * // =&gt; Logs `2` then `1`.</w:t>
            </w:r>
          </w:p>
          <w:p w:rsidR="00156FB3" w:rsidRDefault="00156FB3" w:rsidP="00156FB3">
            <w:r>
              <w:t xml:space="preserve">     */</w:t>
            </w:r>
          </w:p>
          <w:p w:rsidR="00156FB3" w:rsidRDefault="00156FB3" w:rsidP="00156FB3">
            <w:r>
              <w:t xml:space="preserve">    function forEachRight(collection, iteratee) {</w:t>
            </w:r>
          </w:p>
          <w:p w:rsidR="00156FB3" w:rsidRDefault="00156FB3" w:rsidP="00156FB3">
            <w:r>
              <w:t xml:space="preserve">      var func = isArray(collection) ? arrayEachRight : baseEachRight;</w:t>
            </w:r>
          </w:p>
          <w:p w:rsidR="00156FB3" w:rsidRDefault="00156FB3" w:rsidP="00156FB3">
            <w:r>
              <w:t xml:space="preserve">      return func(collection, getIteratee(iteratee, 3));</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object composed of keys generated from the results of running</w:t>
            </w:r>
          </w:p>
          <w:p w:rsidR="00156FB3" w:rsidRDefault="00156FB3" w:rsidP="00156FB3">
            <w:r>
              <w:t xml:space="preserve">     * each element of `collection` thru `iteratee`. The order of grouped values</w:t>
            </w:r>
          </w:p>
          <w:p w:rsidR="00156FB3" w:rsidRDefault="00156FB3" w:rsidP="00156FB3">
            <w:r>
              <w:t xml:space="preserve">     * is determined by the order they occur in `collection`. The corresponding</w:t>
            </w:r>
          </w:p>
          <w:p w:rsidR="00156FB3" w:rsidRDefault="00156FB3" w:rsidP="00156FB3">
            <w:r>
              <w:t xml:space="preserve">     * value of each key is an array of elements responsible for generating the</w:t>
            </w:r>
          </w:p>
          <w:p w:rsidR="00156FB3" w:rsidRDefault="00156FB3" w:rsidP="00156FB3">
            <w:r>
              <w:t xml:space="preserve">     * key. The iteratee is invoked with one argument: (valu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Collection</w:t>
            </w:r>
          </w:p>
          <w:p w:rsidR="00156FB3" w:rsidRDefault="00156FB3" w:rsidP="00156FB3">
            <w:r>
              <w:t xml:space="preserve">     * @param {Array|Object} collection The collection to iterate over.</w:t>
            </w:r>
          </w:p>
          <w:p w:rsidR="00156FB3" w:rsidRDefault="00156FB3" w:rsidP="00156FB3">
            <w:r>
              <w:t xml:space="preserve">     * @param {Function} [iteratee=_.identity] The iteratee to transform keys.</w:t>
            </w:r>
          </w:p>
          <w:p w:rsidR="00156FB3" w:rsidRDefault="00156FB3" w:rsidP="00156FB3">
            <w:r>
              <w:t xml:space="preserve">     * @returns {Object} Returns the composed aggregate object.</w:t>
            </w:r>
          </w:p>
          <w:p w:rsidR="00156FB3" w:rsidRDefault="00156FB3" w:rsidP="00156FB3">
            <w:r>
              <w:t xml:space="preserve">     * @example</w:t>
            </w:r>
          </w:p>
          <w:p w:rsidR="00156FB3" w:rsidRDefault="00156FB3" w:rsidP="00156FB3">
            <w:r>
              <w:t xml:space="preserve">     *</w:t>
            </w:r>
          </w:p>
          <w:p w:rsidR="00156FB3" w:rsidRDefault="00156FB3" w:rsidP="00156FB3">
            <w:r>
              <w:t xml:space="preserve">     * _.groupBy([6.1, 4.2, 6.3], Math.floor);</w:t>
            </w:r>
          </w:p>
          <w:p w:rsidR="00156FB3" w:rsidRDefault="00156FB3" w:rsidP="00156FB3">
            <w:r>
              <w:t xml:space="preserve">     * // =&gt; { '4': [4.2], '6': [6.1, 6.3] }</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groupBy(['one', 'two', 'three'], 'length');</w:t>
            </w:r>
          </w:p>
          <w:p w:rsidR="00156FB3" w:rsidRDefault="00156FB3" w:rsidP="00156FB3">
            <w:r>
              <w:t xml:space="preserve">     * // =&gt; { '3': ['one', 'two'], '5': ['three'] }</w:t>
            </w:r>
          </w:p>
          <w:p w:rsidR="00156FB3" w:rsidRDefault="00156FB3" w:rsidP="00156FB3">
            <w:r>
              <w:t xml:space="preserve">     */</w:t>
            </w:r>
          </w:p>
          <w:p w:rsidR="00156FB3" w:rsidRDefault="00156FB3" w:rsidP="00156FB3">
            <w:r>
              <w:lastRenderedPageBreak/>
              <w:t xml:space="preserve">    var groupBy = createAggregator(function(result, value, key) {</w:t>
            </w:r>
          </w:p>
          <w:p w:rsidR="00156FB3" w:rsidRDefault="00156FB3" w:rsidP="00156FB3">
            <w:r>
              <w:t xml:space="preserve">      if (hasOwnProperty.call(result, key)) {</w:t>
            </w:r>
          </w:p>
          <w:p w:rsidR="00156FB3" w:rsidRDefault="00156FB3" w:rsidP="00156FB3">
            <w:r>
              <w:t xml:space="preserve">        result[key].push(value);</w:t>
            </w:r>
          </w:p>
          <w:p w:rsidR="00156FB3" w:rsidRDefault="00156FB3" w:rsidP="00156FB3">
            <w:r>
              <w:t xml:space="preserve">      } else {</w:t>
            </w:r>
          </w:p>
          <w:p w:rsidR="00156FB3" w:rsidRDefault="00156FB3" w:rsidP="00156FB3">
            <w:r>
              <w:t xml:space="preserve">        baseAssignValue(result, key, [val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in `collection`. If `collection` is a string, it's</w:t>
            </w:r>
          </w:p>
          <w:p w:rsidR="00156FB3" w:rsidRDefault="00156FB3" w:rsidP="00156FB3">
            <w:r>
              <w:t xml:space="preserve">     * checked for a substring of `value`, otherwise</w:t>
            </w:r>
          </w:p>
          <w:p w:rsidR="00156FB3" w:rsidRDefault="00156FB3" w:rsidP="00156FB3">
            <w:r>
              <w:t xml:space="preserve">     * [`SameValueZero`](http://ecma-international.org/ecma-262/7.0/#sec-samevaluezero)</w:t>
            </w:r>
          </w:p>
          <w:p w:rsidR="00156FB3" w:rsidRDefault="00156FB3" w:rsidP="00156FB3">
            <w:r>
              <w:t xml:space="preserve">     * is used for equality comparisons. If `fromIndex` is negative, it's used as</w:t>
            </w:r>
          </w:p>
          <w:p w:rsidR="00156FB3" w:rsidRDefault="00156FB3" w:rsidP="00156FB3">
            <w:r>
              <w:t xml:space="preserve">     * the offset from the end of `collection`.</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Collection</w:t>
            </w:r>
          </w:p>
          <w:p w:rsidR="00156FB3" w:rsidRDefault="00156FB3" w:rsidP="00156FB3">
            <w:r>
              <w:t xml:space="preserve">     * @param {Array|Object|string} collection The collection to inspect.</w:t>
            </w:r>
          </w:p>
          <w:p w:rsidR="00156FB3" w:rsidRDefault="00156FB3" w:rsidP="00156FB3">
            <w:r>
              <w:t xml:space="preserve">     * @param {*} value The value to search for.</w:t>
            </w:r>
          </w:p>
          <w:p w:rsidR="00156FB3" w:rsidRDefault="00156FB3" w:rsidP="00156FB3">
            <w:r>
              <w:t xml:space="preserve">     * @param {number} [fromIndex=0] The index to search from.</w:t>
            </w:r>
          </w:p>
          <w:p w:rsidR="00156FB3" w:rsidRDefault="00156FB3" w:rsidP="00156FB3">
            <w:r>
              <w:t xml:space="preserve">     * @param- {Object} [guard] Enables use as an iteratee for methods like `_.reduce`.</w:t>
            </w:r>
          </w:p>
          <w:p w:rsidR="00156FB3" w:rsidRDefault="00156FB3" w:rsidP="00156FB3">
            <w:r>
              <w:t xml:space="preserve">     * @returns {boolean} Returns `true` if `value` is found,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ncludes([1, 2, 3], 1);</w:t>
            </w:r>
          </w:p>
          <w:p w:rsidR="00156FB3" w:rsidRDefault="00156FB3" w:rsidP="00156FB3">
            <w:r>
              <w:t xml:space="preserve">     * // =&gt; true</w:t>
            </w:r>
          </w:p>
          <w:p w:rsidR="00156FB3" w:rsidRDefault="00156FB3" w:rsidP="00156FB3">
            <w:r>
              <w:t xml:space="preserve">     *</w:t>
            </w:r>
          </w:p>
          <w:p w:rsidR="00156FB3" w:rsidRDefault="00156FB3" w:rsidP="00156FB3">
            <w:r>
              <w:t xml:space="preserve">     * _.includes([1, 2, 3], 1, 2);</w:t>
            </w:r>
          </w:p>
          <w:p w:rsidR="00156FB3" w:rsidRDefault="00156FB3" w:rsidP="00156FB3">
            <w:r>
              <w:t xml:space="preserve">     * // =&gt; false</w:t>
            </w:r>
          </w:p>
          <w:p w:rsidR="00156FB3" w:rsidRDefault="00156FB3" w:rsidP="00156FB3">
            <w:r>
              <w:t xml:space="preserve">     *</w:t>
            </w:r>
          </w:p>
          <w:p w:rsidR="00156FB3" w:rsidRDefault="00156FB3" w:rsidP="00156FB3">
            <w:r>
              <w:t xml:space="preserve">     * _.includes({ 'a': 1, 'b': 2 }, 1);</w:t>
            </w:r>
          </w:p>
          <w:p w:rsidR="00156FB3" w:rsidRDefault="00156FB3" w:rsidP="00156FB3">
            <w:r>
              <w:t xml:space="preserve">     * // =&gt; true</w:t>
            </w:r>
          </w:p>
          <w:p w:rsidR="00156FB3" w:rsidRDefault="00156FB3" w:rsidP="00156FB3">
            <w:r>
              <w:t xml:space="preserve">     *</w:t>
            </w:r>
          </w:p>
          <w:p w:rsidR="00156FB3" w:rsidRDefault="00156FB3" w:rsidP="00156FB3">
            <w:r>
              <w:t xml:space="preserve">     * _.includes('abcd', 'bc');</w:t>
            </w:r>
          </w:p>
          <w:p w:rsidR="00156FB3" w:rsidRDefault="00156FB3" w:rsidP="00156FB3">
            <w:r>
              <w:t xml:space="preserve">     * // =&gt; true</w:t>
            </w:r>
          </w:p>
          <w:p w:rsidR="00156FB3" w:rsidRDefault="00156FB3" w:rsidP="00156FB3">
            <w:r>
              <w:t xml:space="preserve">     */</w:t>
            </w:r>
          </w:p>
          <w:p w:rsidR="00156FB3" w:rsidRDefault="00156FB3" w:rsidP="00156FB3">
            <w:r>
              <w:t xml:space="preserve">    function includes(collection, value, fromIndex, guard) {</w:t>
            </w:r>
          </w:p>
          <w:p w:rsidR="00156FB3" w:rsidRDefault="00156FB3" w:rsidP="00156FB3">
            <w:r>
              <w:t xml:space="preserve">      collection = isArrayLike(collection) ? collection : values(collection);</w:t>
            </w:r>
          </w:p>
          <w:p w:rsidR="00156FB3" w:rsidRDefault="00156FB3" w:rsidP="00156FB3">
            <w:r>
              <w:t xml:space="preserve">      fromIndex = (fromIndex &amp;&amp; !guard) ? toInteger(fromIndex) : 0;</w:t>
            </w:r>
          </w:p>
          <w:p w:rsidR="00156FB3" w:rsidRDefault="00156FB3" w:rsidP="00156FB3"/>
          <w:p w:rsidR="00156FB3" w:rsidRDefault="00156FB3" w:rsidP="00156FB3">
            <w:r>
              <w:t xml:space="preserve">      var length = collection.length;</w:t>
            </w:r>
          </w:p>
          <w:p w:rsidR="00156FB3" w:rsidRDefault="00156FB3" w:rsidP="00156FB3">
            <w:r>
              <w:t xml:space="preserve">      if (fromIndex &lt; 0) {</w:t>
            </w:r>
          </w:p>
          <w:p w:rsidR="00156FB3" w:rsidRDefault="00156FB3" w:rsidP="00156FB3">
            <w:r>
              <w:t xml:space="preserve">        fromIndex = nativeMax(length + fromIndex, 0);</w:t>
            </w:r>
          </w:p>
          <w:p w:rsidR="00156FB3" w:rsidRDefault="00156FB3" w:rsidP="00156FB3">
            <w:r>
              <w:t xml:space="preserve">      }</w:t>
            </w:r>
          </w:p>
          <w:p w:rsidR="00156FB3" w:rsidRDefault="00156FB3" w:rsidP="00156FB3">
            <w:r>
              <w:t xml:space="preserve">      return isString(collection)</w:t>
            </w:r>
          </w:p>
          <w:p w:rsidR="00156FB3" w:rsidRDefault="00156FB3" w:rsidP="00156FB3">
            <w:r>
              <w:t xml:space="preserve">        ? (fromIndex &lt;= length &amp;&amp; collection.indexOf(value, fromIndex) &gt; -1)</w:t>
            </w:r>
          </w:p>
          <w:p w:rsidR="00156FB3" w:rsidRDefault="00156FB3" w:rsidP="00156FB3">
            <w:r>
              <w:lastRenderedPageBreak/>
              <w:t xml:space="preserve">        : (!!length &amp;&amp; baseIndexOf(collection, value, fromIndex) &gt; -1);</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Invokes the method at `path` of each element in `collection`, returning</w:t>
            </w:r>
          </w:p>
          <w:p w:rsidR="00156FB3" w:rsidRDefault="00156FB3" w:rsidP="00156FB3">
            <w:r>
              <w:t xml:space="preserve">     * an array of the results of each invoked method. Any additional arguments</w:t>
            </w:r>
          </w:p>
          <w:p w:rsidR="00156FB3" w:rsidRDefault="00156FB3" w:rsidP="00156FB3">
            <w:r>
              <w:t xml:space="preserve">     * are provided to each invoked method. If `path` is a function, it's invoked</w:t>
            </w:r>
          </w:p>
          <w:p w:rsidR="00156FB3" w:rsidRDefault="00156FB3" w:rsidP="00156FB3">
            <w:r>
              <w:t xml:space="preserve">     * for, and `this` bound to, each element in `collection`.</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Collection</w:t>
            </w:r>
          </w:p>
          <w:p w:rsidR="00156FB3" w:rsidRDefault="00156FB3" w:rsidP="00156FB3">
            <w:r>
              <w:t xml:space="preserve">     * @param {Array|Object} collection The collection to iterate over.</w:t>
            </w:r>
          </w:p>
          <w:p w:rsidR="00156FB3" w:rsidRDefault="00156FB3" w:rsidP="00156FB3">
            <w:r>
              <w:t xml:space="preserve">     * @param {Array|Function|string} path The path of the method to invoke or</w:t>
            </w:r>
          </w:p>
          <w:p w:rsidR="00156FB3" w:rsidRDefault="00156FB3" w:rsidP="00156FB3">
            <w:r>
              <w:t xml:space="preserve">     *  the function invoked per iteration.</w:t>
            </w:r>
          </w:p>
          <w:p w:rsidR="00156FB3" w:rsidRDefault="00156FB3" w:rsidP="00156FB3">
            <w:r>
              <w:t xml:space="preserve">     * @param {...*} [args] The arguments to invoke each method with.</w:t>
            </w:r>
          </w:p>
          <w:p w:rsidR="00156FB3" w:rsidRDefault="00156FB3" w:rsidP="00156FB3">
            <w:r>
              <w:t xml:space="preserve">     * @returns {Array} Returns the array of results.</w:t>
            </w:r>
          </w:p>
          <w:p w:rsidR="00156FB3" w:rsidRDefault="00156FB3" w:rsidP="00156FB3">
            <w:r>
              <w:t xml:space="preserve">     * @example</w:t>
            </w:r>
          </w:p>
          <w:p w:rsidR="00156FB3" w:rsidRDefault="00156FB3" w:rsidP="00156FB3">
            <w:r>
              <w:t xml:space="preserve">     *</w:t>
            </w:r>
          </w:p>
          <w:p w:rsidR="00156FB3" w:rsidRDefault="00156FB3" w:rsidP="00156FB3">
            <w:r>
              <w:t xml:space="preserve">     * _.invokeMap([[5, 1, 7], [3, 2, 1]], 'sort');</w:t>
            </w:r>
          </w:p>
          <w:p w:rsidR="00156FB3" w:rsidRDefault="00156FB3" w:rsidP="00156FB3">
            <w:r>
              <w:t xml:space="preserve">     * // =&gt; [[1, 5, 7], [1, 2, 3]]</w:t>
            </w:r>
          </w:p>
          <w:p w:rsidR="00156FB3" w:rsidRDefault="00156FB3" w:rsidP="00156FB3">
            <w:r>
              <w:t xml:space="preserve">     *</w:t>
            </w:r>
          </w:p>
          <w:p w:rsidR="00156FB3" w:rsidRDefault="00156FB3" w:rsidP="00156FB3">
            <w:r>
              <w:t xml:space="preserve">     * _.invokeMap([123, 456], String.prototype.split, '');</w:t>
            </w:r>
          </w:p>
          <w:p w:rsidR="00156FB3" w:rsidRDefault="00156FB3" w:rsidP="00156FB3">
            <w:r>
              <w:t xml:space="preserve">     * // =&gt; [['1', '2', '3'], ['4', '5', '6']]</w:t>
            </w:r>
          </w:p>
          <w:p w:rsidR="00156FB3" w:rsidRDefault="00156FB3" w:rsidP="00156FB3">
            <w:r>
              <w:t xml:space="preserve">     */</w:t>
            </w:r>
          </w:p>
          <w:p w:rsidR="00156FB3" w:rsidRDefault="00156FB3" w:rsidP="00156FB3">
            <w:r>
              <w:t xml:space="preserve">    var invokeMap = baseRest(function(collection, path, args) {</w:t>
            </w:r>
          </w:p>
          <w:p w:rsidR="00156FB3" w:rsidRDefault="00156FB3" w:rsidP="00156FB3">
            <w:r>
              <w:t xml:space="preserve">      var index = -1,</w:t>
            </w:r>
          </w:p>
          <w:p w:rsidR="00156FB3" w:rsidRDefault="00156FB3" w:rsidP="00156FB3">
            <w:r>
              <w:t xml:space="preserve">          isFunc = typeof path == 'function',</w:t>
            </w:r>
          </w:p>
          <w:p w:rsidR="00156FB3" w:rsidRDefault="00156FB3" w:rsidP="00156FB3">
            <w:r>
              <w:t xml:space="preserve">          result = isArrayLike(collection) ? Array(collection.length) : [];</w:t>
            </w:r>
          </w:p>
          <w:p w:rsidR="00156FB3" w:rsidRDefault="00156FB3" w:rsidP="00156FB3"/>
          <w:p w:rsidR="00156FB3" w:rsidRDefault="00156FB3" w:rsidP="00156FB3">
            <w:r>
              <w:t xml:space="preserve">      baseEach(collection, function(value) {</w:t>
            </w:r>
          </w:p>
          <w:p w:rsidR="00156FB3" w:rsidRDefault="00156FB3" w:rsidP="00156FB3">
            <w:r>
              <w:t xml:space="preserve">        result[++index] = isFunc ? apply(path, value, args) : baseInvoke(value, path, args);</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object composed of keys generated from the results of running</w:t>
            </w:r>
          </w:p>
          <w:p w:rsidR="00156FB3" w:rsidRDefault="00156FB3" w:rsidP="00156FB3">
            <w:r>
              <w:t xml:space="preserve">     * each element of `collection` thru `iteratee`. The corresponding value of</w:t>
            </w:r>
          </w:p>
          <w:p w:rsidR="00156FB3" w:rsidRDefault="00156FB3" w:rsidP="00156FB3">
            <w:r>
              <w:t xml:space="preserve">     * each key is the last element responsible for generating the key. The</w:t>
            </w:r>
          </w:p>
          <w:p w:rsidR="00156FB3" w:rsidRDefault="00156FB3" w:rsidP="00156FB3">
            <w:r>
              <w:t xml:space="preserve">     * iteratee is invoked with one argument: (valu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Collection</w:t>
            </w:r>
          </w:p>
          <w:p w:rsidR="00156FB3" w:rsidRDefault="00156FB3" w:rsidP="00156FB3">
            <w:r>
              <w:t xml:space="preserve">     * @param {Array|Object} collection The collection to iterate over.</w:t>
            </w:r>
          </w:p>
          <w:p w:rsidR="00156FB3" w:rsidRDefault="00156FB3" w:rsidP="00156FB3">
            <w:r>
              <w:lastRenderedPageBreak/>
              <w:t xml:space="preserve">     * @param {Function} [iteratee=_.identity] The iteratee to transform keys.</w:t>
            </w:r>
          </w:p>
          <w:p w:rsidR="00156FB3" w:rsidRDefault="00156FB3" w:rsidP="00156FB3">
            <w:r>
              <w:t xml:space="preserve">     * @returns {Object} Returns the composed aggregate object.</w:t>
            </w:r>
          </w:p>
          <w:p w:rsidR="00156FB3" w:rsidRDefault="00156FB3" w:rsidP="00156FB3">
            <w:r>
              <w:t xml:space="preserve">     * @example</w:t>
            </w:r>
          </w:p>
          <w:p w:rsidR="00156FB3" w:rsidRDefault="00156FB3" w:rsidP="00156FB3">
            <w:r>
              <w:t xml:space="preserve">     *</w:t>
            </w:r>
          </w:p>
          <w:p w:rsidR="00156FB3" w:rsidRDefault="00156FB3" w:rsidP="00156FB3">
            <w:r>
              <w:t xml:space="preserve">     * var array = [</w:t>
            </w:r>
          </w:p>
          <w:p w:rsidR="00156FB3" w:rsidRDefault="00156FB3" w:rsidP="00156FB3">
            <w:r>
              <w:t xml:space="preserve">     *   { 'dir': 'left', 'code': 97 },</w:t>
            </w:r>
          </w:p>
          <w:p w:rsidR="00156FB3" w:rsidRDefault="00156FB3" w:rsidP="00156FB3">
            <w:r>
              <w:t xml:space="preserve">     *   { 'dir': 'right', 'code': 100 }</w:t>
            </w:r>
          </w:p>
          <w:p w:rsidR="00156FB3" w:rsidRDefault="00156FB3" w:rsidP="00156FB3">
            <w:r>
              <w:t xml:space="preserve">     * ];</w:t>
            </w:r>
          </w:p>
          <w:p w:rsidR="00156FB3" w:rsidRDefault="00156FB3" w:rsidP="00156FB3">
            <w:r>
              <w:t xml:space="preserve">     *</w:t>
            </w:r>
          </w:p>
          <w:p w:rsidR="00156FB3" w:rsidRDefault="00156FB3" w:rsidP="00156FB3">
            <w:r>
              <w:t xml:space="preserve">     * _.keyBy(array, function(o) {</w:t>
            </w:r>
          </w:p>
          <w:p w:rsidR="00156FB3" w:rsidRDefault="00156FB3" w:rsidP="00156FB3">
            <w:r>
              <w:t xml:space="preserve">     *   return String.fromCharCode(o.code);</w:t>
            </w:r>
          </w:p>
          <w:p w:rsidR="00156FB3" w:rsidRDefault="00156FB3" w:rsidP="00156FB3">
            <w:r>
              <w:t xml:space="preserve">     * });</w:t>
            </w:r>
          </w:p>
          <w:p w:rsidR="00156FB3" w:rsidRDefault="00156FB3" w:rsidP="00156FB3">
            <w:r>
              <w:t xml:space="preserve">     * // =&gt; { 'a': { 'dir': 'left', 'code': 97 }, 'd': { 'dir': 'right', 'code': 100 } }</w:t>
            </w:r>
          </w:p>
          <w:p w:rsidR="00156FB3" w:rsidRDefault="00156FB3" w:rsidP="00156FB3">
            <w:r>
              <w:t xml:space="preserve">     *</w:t>
            </w:r>
          </w:p>
          <w:p w:rsidR="00156FB3" w:rsidRDefault="00156FB3" w:rsidP="00156FB3">
            <w:r>
              <w:t xml:space="preserve">     * _.keyBy(array, 'dir');</w:t>
            </w:r>
          </w:p>
          <w:p w:rsidR="00156FB3" w:rsidRDefault="00156FB3" w:rsidP="00156FB3">
            <w:r>
              <w:t xml:space="preserve">     * // =&gt; { 'left': { 'dir': 'left', 'code': 97 }, 'right': { 'dir': 'right', 'code': 100 } }</w:t>
            </w:r>
          </w:p>
          <w:p w:rsidR="00156FB3" w:rsidRDefault="00156FB3" w:rsidP="00156FB3">
            <w:r>
              <w:t xml:space="preserve">     */</w:t>
            </w:r>
          </w:p>
          <w:p w:rsidR="00156FB3" w:rsidRDefault="00156FB3" w:rsidP="00156FB3">
            <w:r>
              <w:t xml:space="preserve">    var keyBy = createAggregator(function(result, value, key) {</w:t>
            </w:r>
          </w:p>
          <w:p w:rsidR="00156FB3" w:rsidRDefault="00156FB3" w:rsidP="00156FB3">
            <w:r>
              <w:t xml:space="preserve">      baseAssignValue(result, key, 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of values by running each element in `collection` thru</w:t>
            </w:r>
          </w:p>
          <w:p w:rsidR="00156FB3" w:rsidRDefault="00156FB3" w:rsidP="00156FB3">
            <w:r>
              <w:t xml:space="preserve">     * `iteratee`. The iteratee is invoked with three arguments:</w:t>
            </w:r>
          </w:p>
          <w:p w:rsidR="00156FB3" w:rsidRDefault="00156FB3" w:rsidP="00156FB3">
            <w:r>
              <w:t xml:space="preserve">     * (value, index|key, collection).</w:t>
            </w:r>
          </w:p>
          <w:p w:rsidR="00156FB3" w:rsidRDefault="00156FB3" w:rsidP="00156FB3">
            <w:r>
              <w:t xml:space="preserve">     *</w:t>
            </w:r>
          </w:p>
          <w:p w:rsidR="00156FB3" w:rsidRDefault="00156FB3" w:rsidP="00156FB3">
            <w:r>
              <w:t xml:space="preserve">     * Many lodash methods are guarded to work as iteratees for methods like</w:t>
            </w:r>
          </w:p>
          <w:p w:rsidR="00156FB3" w:rsidRDefault="00156FB3" w:rsidP="00156FB3">
            <w:r>
              <w:t xml:space="preserve">     * `_.every`, `_.filter`, `_.map`, `_.mapValues`, `_.reject`, and `_.some`.</w:t>
            </w:r>
          </w:p>
          <w:p w:rsidR="00156FB3" w:rsidRDefault="00156FB3" w:rsidP="00156FB3">
            <w:r>
              <w:t xml:space="preserve">     *</w:t>
            </w:r>
          </w:p>
          <w:p w:rsidR="00156FB3" w:rsidRDefault="00156FB3" w:rsidP="00156FB3">
            <w:r>
              <w:t xml:space="preserve">     * The guarded methods are:</w:t>
            </w:r>
          </w:p>
          <w:p w:rsidR="00156FB3" w:rsidRDefault="00156FB3" w:rsidP="00156FB3">
            <w:r>
              <w:t xml:space="preserve">     * `ary`, `chunk`, `curry`, `curryRight`, `drop`, `dropRight`, `every`,</w:t>
            </w:r>
          </w:p>
          <w:p w:rsidR="00156FB3" w:rsidRDefault="00156FB3" w:rsidP="00156FB3">
            <w:r>
              <w:t xml:space="preserve">     * `fill`, `invert`, `parseInt`, `random`, `range`, `rangeRight`, `repeat`,</w:t>
            </w:r>
          </w:p>
          <w:p w:rsidR="00156FB3" w:rsidRDefault="00156FB3" w:rsidP="00156FB3">
            <w:r>
              <w:t xml:space="preserve">     * `sampleSize`, `slice`, `some`, `sortBy`, `split`, `take`, `takeRight`,</w:t>
            </w:r>
          </w:p>
          <w:p w:rsidR="00156FB3" w:rsidRDefault="00156FB3" w:rsidP="00156FB3">
            <w:r>
              <w:t xml:space="preserve">     * `template`, `trim`, `trimEnd`, `trimStart`, and `word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Collection</w:t>
            </w:r>
          </w:p>
          <w:p w:rsidR="00156FB3" w:rsidRDefault="00156FB3" w:rsidP="00156FB3">
            <w:r>
              <w:t xml:space="preserve">     * @param {Array|Object} collection The collection to iterate over.</w:t>
            </w:r>
          </w:p>
          <w:p w:rsidR="00156FB3" w:rsidRDefault="00156FB3" w:rsidP="00156FB3">
            <w:r>
              <w:t xml:space="preserve">     * @param {Function} [iteratee=_.identity] The function invoked per iteration.</w:t>
            </w:r>
          </w:p>
          <w:p w:rsidR="00156FB3" w:rsidRDefault="00156FB3" w:rsidP="00156FB3">
            <w:r>
              <w:t xml:space="preserve">     * @returns {Array} Returns the new mapped array.</w:t>
            </w:r>
          </w:p>
          <w:p w:rsidR="00156FB3" w:rsidRDefault="00156FB3" w:rsidP="00156FB3">
            <w:r>
              <w:t xml:space="preserve">     * @example</w:t>
            </w:r>
          </w:p>
          <w:p w:rsidR="00156FB3" w:rsidRDefault="00156FB3" w:rsidP="00156FB3">
            <w:r>
              <w:t xml:space="preserve">     *</w:t>
            </w:r>
          </w:p>
          <w:p w:rsidR="00156FB3" w:rsidRDefault="00156FB3" w:rsidP="00156FB3">
            <w:r>
              <w:t xml:space="preserve">     * function square(n) {</w:t>
            </w:r>
          </w:p>
          <w:p w:rsidR="00156FB3" w:rsidRDefault="00156FB3" w:rsidP="00156FB3">
            <w:r>
              <w:t xml:space="preserve">     *   return n * n;</w:t>
            </w:r>
          </w:p>
          <w:p w:rsidR="00156FB3" w:rsidRDefault="00156FB3" w:rsidP="00156FB3">
            <w:r>
              <w:t xml:space="preserve">     * }</w:t>
            </w:r>
          </w:p>
          <w:p w:rsidR="00156FB3" w:rsidRDefault="00156FB3" w:rsidP="00156FB3">
            <w:r>
              <w:t xml:space="preserve">     *</w:t>
            </w:r>
          </w:p>
          <w:p w:rsidR="00156FB3" w:rsidRDefault="00156FB3" w:rsidP="00156FB3">
            <w:r>
              <w:lastRenderedPageBreak/>
              <w:t xml:space="preserve">     * _.map([4, 8], square);</w:t>
            </w:r>
          </w:p>
          <w:p w:rsidR="00156FB3" w:rsidRDefault="00156FB3" w:rsidP="00156FB3">
            <w:r>
              <w:t xml:space="preserve">     * // =&gt; [16, 64]</w:t>
            </w:r>
          </w:p>
          <w:p w:rsidR="00156FB3" w:rsidRDefault="00156FB3" w:rsidP="00156FB3">
            <w:r>
              <w:t xml:space="preserve">     *</w:t>
            </w:r>
          </w:p>
          <w:p w:rsidR="00156FB3" w:rsidRDefault="00156FB3" w:rsidP="00156FB3">
            <w:r>
              <w:t xml:space="preserve">     * _.map({ 'a': 4, 'b': 8 }, square);</w:t>
            </w:r>
          </w:p>
          <w:p w:rsidR="00156FB3" w:rsidRDefault="00156FB3" w:rsidP="00156FB3">
            <w:r>
              <w:t xml:space="preserve">     * // =&gt; [16, 64] (iteration order is not guaranteed)</w:t>
            </w:r>
          </w:p>
          <w:p w:rsidR="00156FB3" w:rsidRDefault="00156FB3" w:rsidP="00156FB3">
            <w:r>
              <w:t xml:space="preserve">     *</w:t>
            </w:r>
          </w:p>
          <w:p w:rsidR="00156FB3" w:rsidRDefault="00156FB3" w:rsidP="00156FB3">
            <w:r>
              <w:t xml:space="preserve">     * var users = [</w:t>
            </w:r>
          </w:p>
          <w:p w:rsidR="00156FB3" w:rsidRDefault="00156FB3" w:rsidP="00156FB3">
            <w:r>
              <w:t xml:space="preserve">     *   { 'user': 'barney' },</w:t>
            </w:r>
          </w:p>
          <w:p w:rsidR="00156FB3" w:rsidRDefault="00156FB3" w:rsidP="00156FB3">
            <w:r>
              <w:t xml:space="preserve">     *   { 'user': 'fred' }</w:t>
            </w:r>
          </w:p>
          <w:p w:rsidR="00156FB3" w:rsidRDefault="00156FB3" w:rsidP="00156FB3">
            <w:r>
              <w:t xml:space="preserve">     * ];</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map(users, 'user');</w:t>
            </w:r>
          </w:p>
          <w:p w:rsidR="00156FB3" w:rsidRDefault="00156FB3" w:rsidP="00156FB3">
            <w:r>
              <w:t xml:space="preserve">     * // =&gt; ['barney', 'fred']</w:t>
            </w:r>
          </w:p>
          <w:p w:rsidR="00156FB3" w:rsidRDefault="00156FB3" w:rsidP="00156FB3">
            <w:r>
              <w:t xml:space="preserve">     */</w:t>
            </w:r>
          </w:p>
          <w:p w:rsidR="00156FB3" w:rsidRDefault="00156FB3" w:rsidP="00156FB3">
            <w:r>
              <w:t xml:space="preserve">    function map(collection, iteratee) {</w:t>
            </w:r>
          </w:p>
          <w:p w:rsidR="00156FB3" w:rsidRDefault="00156FB3" w:rsidP="00156FB3">
            <w:r>
              <w:t xml:space="preserve">      var func = isArray(collection) ? arrayMap : baseMap;</w:t>
            </w:r>
          </w:p>
          <w:p w:rsidR="00156FB3" w:rsidRDefault="00156FB3" w:rsidP="00156FB3">
            <w:r>
              <w:t xml:space="preserve">      return func(collection, getIteratee(iteratee, 3));</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sortBy` except that it allows specifying the sort</w:t>
            </w:r>
          </w:p>
          <w:p w:rsidR="00156FB3" w:rsidRDefault="00156FB3" w:rsidP="00156FB3">
            <w:r>
              <w:t xml:space="preserve">     * orders of the iteratees to sort by. If `orders` is unspecified, all values</w:t>
            </w:r>
          </w:p>
          <w:p w:rsidR="00156FB3" w:rsidRDefault="00156FB3" w:rsidP="00156FB3">
            <w:r>
              <w:t xml:space="preserve">     * are sorted in ascending order. Otherwise, specify an order of "desc" for</w:t>
            </w:r>
          </w:p>
          <w:p w:rsidR="00156FB3" w:rsidRDefault="00156FB3" w:rsidP="00156FB3">
            <w:r>
              <w:t xml:space="preserve">     * descending or "asc" for ascending sort order of corresponding value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Collection</w:t>
            </w:r>
          </w:p>
          <w:p w:rsidR="00156FB3" w:rsidRDefault="00156FB3" w:rsidP="00156FB3">
            <w:r>
              <w:t xml:space="preserve">     * @param {Array|Object} collection The collection to iterate over.</w:t>
            </w:r>
          </w:p>
          <w:p w:rsidR="00156FB3" w:rsidRDefault="00156FB3" w:rsidP="00156FB3">
            <w:r>
              <w:t xml:space="preserve">     * @param {Array[]|Function[]|Object[]|string[]} [iteratees=[_.identity]]</w:t>
            </w:r>
          </w:p>
          <w:p w:rsidR="00156FB3" w:rsidRDefault="00156FB3" w:rsidP="00156FB3">
            <w:r>
              <w:t xml:space="preserve">     *  The iteratees to sort by.</w:t>
            </w:r>
          </w:p>
          <w:p w:rsidR="00156FB3" w:rsidRDefault="00156FB3" w:rsidP="00156FB3">
            <w:r>
              <w:t xml:space="preserve">     * @param {string[]} [orders] The sort orders of `iteratees`.</w:t>
            </w:r>
          </w:p>
          <w:p w:rsidR="00156FB3" w:rsidRDefault="00156FB3" w:rsidP="00156FB3">
            <w:r>
              <w:t xml:space="preserve">     * @param- {Object} [guard] Enables use as an iteratee for methods like `_.reduce`.</w:t>
            </w:r>
          </w:p>
          <w:p w:rsidR="00156FB3" w:rsidRDefault="00156FB3" w:rsidP="00156FB3">
            <w:r>
              <w:t xml:space="preserve">     * @returns {Array} Returns the new sorted array.</w:t>
            </w:r>
          </w:p>
          <w:p w:rsidR="00156FB3" w:rsidRDefault="00156FB3" w:rsidP="00156FB3">
            <w:r>
              <w:t xml:space="preserve">     * @example</w:t>
            </w:r>
          </w:p>
          <w:p w:rsidR="00156FB3" w:rsidRDefault="00156FB3" w:rsidP="00156FB3">
            <w:r>
              <w:t xml:space="preserve">     *</w:t>
            </w:r>
          </w:p>
          <w:p w:rsidR="00156FB3" w:rsidRDefault="00156FB3" w:rsidP="00156FB3">
            <w:r>
              <w:t xml:space="preserve">     * var users = [</w:t>
            </w:r>
          </w:p>
          <w:p w:rsidR="00156FB3" w:rsidRDefault="00156FB3" w:rsidP="00156FB3">
            <w:r>
              <w:t xml:space="preserve">     *   { 'user': 'fred',   'age': 48 },</w:t>
            </w:r>
          </w:p>
          <w:p w:rsidR="00156FB3" w:rsidRDefault="00156FB3" w:rsidP="00156FB3">
            <w:r>
              <w:t xml:space="preserve">     *   { 'user': 'barney', 'age': 34 },</w:t>
            </w:r>
          </w:p>
          <w:p w:rsidR="00156FB3" w:rsidRDefault="00156FB3" w:rsidP="00156FB3">
            <w:r>
              <w:t xml:space="preserve">     *   { 'user': 'fred',   'age': 40 },</w:t>
            </w:r>
          </w:p>
          <w:p w:rsidR="00156FB3" w:rsidRDefault="00156FB3" w:rsidP="00156FB3">
            <w:r>
              <w:t xml:space="preserve">     *   { 'user': 'barney', 'age': 36 }</w:t>
            </w:r>
          </w:p>
          <w:p w:rsidR="00156FB3" w:rsidRDefault="00156FB3" w:rsidP="00156FB3">
            <w:r>
              <w:t xml:space="preserve">     * ];</w:t>
            </w:r>
          </w:p>
          <w:p w:rsidR="00156FB3" w:rsidRDefault="00156FB3" w:rsidP="00156FB3">
            <w:r>
              <w:t xml:space="preserve">     *</w:t>
            </w:r>
          </w:p>
          <w:p w:rsidR="00156FB3" w:rsidRDefault="00156FB3" w:rsidP="00156FB3">
            <w:r>
              <w:t xml:space="preserve">     * // Sort by `user` in ascending order and by `age` in descending order.</w:t>
            </w:r>
          </w:p>
          <w:p w:rsidR="00156FB3" w:rsidRDefault="00156FB3" w:rsidP="00156FB3">
            <w:r>
              <w:t xml:space="preserve">     * _.orderBy(users, ['user', 'age'], ['asc', 'desc']);</w:t>
            </w:r>
          </w:p>
          <w:p w:rsidR="00156FB3" w:rsidRDefault="00156FB3" w:rsidP="00156FB3">
            <w:r>
              <w:t xml:space="preserve">     * // =&gt; objects for [['barney', 36], ['barney', 34], ['fred', 48], ['fred', 40]]</w:t>
            </w:r>
          </w:p>
          <w:p w:rsidR="00156FB3" w:rsidRDefault="00156FB3" w:rsidP="00156FB3">
            <w:r>
              <w:lastRenderedPageBreak/>
              <w:t xml:space="preserve">     */</w:t>
            </w:r>
          </w:p>
          <w:p w:rsidR="00156FB3" w:rsidRDefault="00156FB3" w:rsidP="00156FB3">
            <w:r>
              <w:t xml:space="preserve">    function orderBy(collection, iteratees, orders, guard) {</w:t>
            </w:r>
          </w:p>
          <w:p w:rsidR="00156FB3" w:rsidRDefault="00156FB3" w:rsidP="00156FB3">
            <w:r>
              <w:t xml:space="preserve">      if (collection == null) {</w:t>
            </w:r>
          </w:p>
          <w:p w:rsidR="00156FB3" w:rsidRDefault="00156FB3" w:rsidP="00156FB3">
            <w:r>
              <w:t xml:space="preserve">        return [];</w:t>
            </w:r>
          </w:p>
          <w:p w:rsidR="00156FB3" w:rsidRDefault="00156FB3" w:rsidP="00156FB3">
            <w:r>
              <w:t xml:space="preserve">      }</w:t>
            </w:r>
          </w:p>
          <w:p w:rsidR="00156FB3" w:rsidRDefault="00156FB3" w:rsidP="00156FB3">
            <w:r>
              <w:t xml:space="preserve">      if (!isArray(iteratees)) {</w:t>
            </w:r>
          </w:p>
          <w:p w:rsidR="00156FB3" w:rsidRDefault="00156FB3" w:rsidP="00156FB3">
            <w:r>
              <w:t xml:space="preserve">        iteratees = iteratees == null ? [] : [iteratees];</w:t>
            </w:r>
          </w:p>
          <w:p w:rsidR="00156FB3" w:rsidRDefault="00156FB3" w:rsidP="00156FB3">
            <w:r>
              <w:t xml:space="preserve">      }</w:t>
            </w:r>
          </w:p>
          <w:p w:rsidR="00156FB3" w:rsidRDefault="00156FB3" w:rsidP="00156FB3">
            <w:r>
              <w:t xml:space="preserve">      orders = guard ? undefined : orders;</w:t>
            </w:r>
          </w:p>
          <w:p w:rsidR="00156FB3" w:rsidRDefault="00156FB3" w:rsidP="00156FB3">
            <w:r>
              <w:t xml:space="preserve">      if (!isArray(orders)) {</w:t>
            </w:r>
          </w:p>
          <w:p w:rsidR="00156FB3" w:rsidRDefault="00156FB3" w:rsidP="00156FB3">
            <w:r>
              <w:t xml:space="preserve">        orders = orders == null ? [] : [orders];</w:t>
            </w:r>
          </w:p>
          <w:p w:rsidR="00156FB3" w:rsidRDefault="00156FB3" w:rsidP="00156FB3">
            <w:r>
              <w:t xml:space="preserve">      }</w:t>
            </w:r>
          </w:p>
          <w:p w:rsidR="00156FB3" w:rsidRDefault="00156FB3" w:rsidP="00156FB3">
            <w:r>
              <w:t xml:space="preserve">      return baseOrderBy(collection, iteratees, order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of elements split into two groups, the first of which</w:t>
            </w:r>
          </w:p>
          <w:p w:rsidR="00156FB3" w:rsidRDefault="00156FB3" w:rsidP="00156FB3">
            <w:r>
              <w:t xml:space="preserve">     * contains elements `predicate` returns truthy for, the second of which</w:t>
            </w:r>
          </w:p>
          <w:p w:rsidR="00156FB3" w:rsidRDefault="00156FB3" w:rsidP="00156FB3">
            <w:r>
              <w:t xml:space="preserve">     * contains elements `predicate` returns falsey for. The predicate is</w:t>
            </w:r>
          </w:p>
          <w:p w:rsidR="00156FB3" w:rsidRDefault="00156FB3" w:rsidP="00156FB3">
            <w:r>
              <w:t xml:space="preserve">     * invoked with one argument: (valu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Collection</w:t>
            </w:r>
          </w:p>
          <w:p w:rsidR="00156FB3" w:rsidRDefault="00156FB3" w:rsidP="00156FB3">
            <w:r>
              <w:t xml:space="preserve">     * @param {Array|Object} collection The collection to iterate over.</w:t>
            </w:r>
          </w:p>
          <w:p w:rsidR="00156FB3" w:rsidRDefault="00156FB3" w:rsidP="00156FB3">
            <w:r>
              <w:t xml:space="preserve">     * @param {Function} [predicate=_.identity] The function invoked per iteration.</w:t>
            </w:r>
          </w:p>
          <w:p w:rsidR="00156FB3" w:rsidRDefault="00156FB3" w:rsidP="00156FB3">
            <w:r>
              <w:t xml:space="preserve">     * @returns {Array} Returns the array of grouped elements.</w:t>
            </w:r>
          </w:p>
          <w:p w:rsidR="00156FB3" w:rsidRDefault="00156FB3" w:rsidP="00156FB3">
            <w:r>
              <w:t xml:space="preserve">     * @example</w:t>
            </w:r>
          </w:p>
          <w:p w:rsidR="00156FB3" w:rsidRDefault="00156FB3" w:rsidP="00156FB3">
            <w:r>
              <w:t xml:space="preserve">     *</w:t>
            </w:r>
          </w:p>
          <w:p w:rsidR="00156FB3" w:rsidRDefault="00156FB3" w:rsidP="00156FB3">
            <w:r>
              <w:t xml:space="preserve">     * var users = [</w:t>
            </w:r>
          </w:p>
          <w:p w:rsidR="00156FB3" w:rsidRDefault="00156FB3" w:rsidP="00156FB3">
            <w:r>
              <w:t xml:space="preserve">     *   { 'user': 'barney',  'age': 36, 'active': false },</w:t>
            </w:r>
          </w:p>
          <w:p w:rsidR="00156FB3" w:rsidRDefault="00156FB3" w:rsidP="00156FB3">
            <w:r>
              <w:t xml:space="preserve">     *   { 'user': 'fred',    'age': 40, 'active': true },</w:t>
            </w:r>
          </w:p>
          <w:p w:rsidR="00156FB3" w:rsidRDefault="00156FB3" w:rsidP="00156FB3">
            <w:r>
              <w:t xml:space="preserve">     *   { 'user': 'pebbles', 'age': 1,  'active': false }</w:t>
            </w:r>
          </w:p>
          <w:p w:rsidR="00156FB3" w:rsidRDefault="00156FB3" w:rsidP="00156FB3">
            <w:r>
              <w:t xml:space="preserve">     * ];</w:t>
            </w:r>
          </w:p>
          <w:p w:rsidR="00156FB3" w:rsidRDefault="00156FB3" w:rsidP="00156FB3">
            <w:r>
              <w:t xml:space="preserve">     *</w:t>
            </w:r>
          </w:p>
          <w:p w:rsidR="00156FB3" w:rsidRDefault="00156FB3" w:rsidP="00156FB3">
            <w:r>
              <w:t xml:space="preserve">     * _.partition(users, function(o) { return o.active; });</w:t>
            </w:r>
          </w:p>
          <w:p w:rsidR="00156FB3" w:rsidRDefault="00156FB3" w:rsidP="00156FB3">
            <w:r>
              <w:t xml:space="preserve">     * // =&gt; objects for [['fred'], ['barney', 'pebbles']]</w:t>
            </w:r>
          </w:p>
          <w:p w:rsidR="00156FB3" w:rsidRDefault="00156FB3" w:rsidP="00156FB3">
            <w:r>
              <w:t xml:space="preserve">     *</w:t>
            </w:r>
          </w:p>
          <w:p w:rsidR="00156FB3" w:rsidRDefault="00156FB3" w:rsidP="00156FB3">
            <w:r>
              <w:t xml:space="preserve">     * // The `_.matches` iteratee shorthand.</w:t>
            </w:r>
          </w:p>
          <w:p w:rsidR="00156FB3" w:rsidRDefault="00156FB3" w:rsidP="00156FB3">
            <w:r>
              <w:t xml:space="preserve">     * _.partition(users, { 'age': 1, 'active': false });</w:t>
            </w:r>
          </w:p>
          <w:p w:rsidR="00156FB3" w:rsidRDefault="00156FB3" w:rsidP="00156FB3">
            <w:r>
              <w:t xml:space="preserve">     * // =&gt; objects for [['pebbles'], ['barney', 'fred']]</w:t>
            </w:r>
          </w:p>
          <w:p w:rsidR="00156FB3" w:rsidRDefault="00156FB3" w:rsidP="00156FB3">
            <w:r>
              <w:t xml:space="preserve">     *</w:t>
            </w:r>
          </w:p>
          <w:p w:rsidR="00156FB3" w:rsidRDefault="00156FB3" w:rsidP="00156FB3">
            <w:r>
              <w:t xml:space="preserve">     * // The `_.matchesProperty` iteratee shorthand.</w:t>
            </w:r>
          </w:p>
          <w:p w:rsidR="00156FB3" w:rsidRDefault="00156FB3" w:rsidP="00156FB3">
            <w:r>
              <w:t xml:space="preserve">     * _.partition(users, ['active', false]);</w:t>
            </w:r>
          </w:p>
          <w:p w:rsidR="00156FB3" w:rsidRDefault="00156FB3" w:rsidP="00156FB3">
            <w:r>
              <w:t xml:space="preserve">     * // =&gt; objects for [['barney', 'pebbles'], ['fred']]</w:t>
            </w:r>
          </w:p>
          <w:p w:rsidR="00156FB3" w:rsidRDefault="00156FB3" w:rsidP="00156FB3">
            <w:r>
              <w:t xml:space="preserve">     *</w:t>
            </w:r>
          </w:p>
          <w:p w:rsidR="00156FB3" w:rsidRDefault="00156FB3" w:rsidP="00156FB3">
            <w:r>
              <w:t xml:space="preserve">     * // The `_.property` iteratee shorthand.</w:t>
            </w:r>
          </w:p>
          <w:p w:rsidR="00156FB3" w:rsidRDefault="00156FB3" w:rsidP="00156FB3">
            <w:r>
              <w:lastRenderedPageBreak/>
              <w:t xml:space="preserve">     * _.partition(users, 'active');</w:t>
            </w:r>
          </w:p>
          <w:p w:rsidR="00156FB3" w:rsidRDefault="00156FB3" w:rsidP="00156FB3">
            <w:r>
              <w:t xml:space="preserve">     * // =&gt; objects for [['fred'], ['barney', 'pebbles']]</w:t>
            </w:r>
          </w:p>
          <w:p w:rsidR="00156FB3" w:rsidRDefault="00156FB3" w:rsidP="00156FB3">
            <w:r>
              <w:t xml:space="preserve">     */</w:t>
            </w:r>
          </w:p>
          <w:p w:rsidR="00156FB3" w:rsidRDefault="00156FB3" w:rsidP="00156FB3">
            <w:r>
              <w:t xml:space="preserve">    var partition = createAggregator(function(result, value, key) {</w:t>
            </w:r>
          </w:p>
          <w:p w:rsidR="00156FB3" w:rsidRDefault="00156FB3" w:rsidP="00156FB3">
            <w:r>
              <w:t xml:space="preserve">      result[key ? 0 : 1].push(value);</w:t>
            </w:r>
          </w:p>
          <w:p w:rsidR="00156FB3" w:rsidRDefault="00156FB3" w:rsidP="00156FB3">
            <w:r>
              <w:t xml:space="preserve">    }, function() { return [[], []]; });</w:t>
            </w:r>
          </w:p>
          <w:p w:rsidR="00156FB3" w:rsidRDefault="00156FB3" w:rsidP="00156FB3"/>
          <w:p w:rsidR="00156FB3" w:rsidRDefault="00156FB3" w:rsidP="00156FB3">
            <w:r>
              <w:t xml:space="preserve">    /**</w:t>
            </w:r>
          </w:p>
          <w:p w:rsidR="00156FB3" w:rsidRDefault="00156FB3" w:rsidP="00156FB3">
            <w:r>
              <w:t xml:space="preserve">     * Reduces `collection` to a value which is the accumulated result of running</w:t>
            </w:r>
          </w:p>
          <w:p w:rsidR="00156FB3" w:rsidRDefault="00156FB3" w:rsidP="00156FB3">
            <w:r>
              <w:t xml:space="preserve">     * each element in `collection` thru `iteratee`, where each successive</w:t>
            </w:r>
          </w:p>
          <w:p w:rsidR="00156FB3" w:rsidRDefault="00156FB3" w:rsidP="00156FB3">
            <w:r>
              <w:t xml:space="preserve">     * invocation is supplied the return value of the previous. If `accumulator`</w:t>
            </w:r>
          </w:p>
          <w:p w:rsidR="00156FB3" w:rsidRDefault="00156FB3" w:rsidP="00156FB3">
            <w:r>
              <w:t xml:space="preserve">     * is not given, the first element of `collection` is used as the initial</w:t>
            </w:r>
          </w:p>
          <w:p w:rsidR="00156FB3" w:rsidRDefault="00156FB3" w:rsidP="00156FB3">
            <w:r>
              <w:t xml:space="preserve">     * value. The iteratee is invoked with four arguments:</w:t>
            </w:r>
          </w:p>
          <w:p w:rsidR="00156FB3" w:rsidRDefault="00156FB3" w:rsidP="00156FB3">
            <w:r>
              <w:t xml:space="preserve">     * (accumulator, value, index|key, collection).</w:t>
            </w:r>
          </w:p>
          <w:p w:rsidR="00156FB3" w:rsidRDefault="00156FB3" w:rsidP="00156FB3">
            <w:r>
              <w:t xml:space="preserve">     *</w:t>
            </w:r>
          </w:p>
          <w:p w:rsidR="00156FB3" w:rsidRDefault="00156FB3" w:rsidP="00156FB3">
            <w:r>
              <w:t xml:space="preserve">     * Many lodash methods are guarded to work as iteratees for methods like</w:t>
            </w:r>
          </w:p>
          <w:p w:rsidR="00156FB3" w:rsidRDefault="00156FB3" w:rsidP="00156FB3">
            <w:r>
              <w:t xml:space="preserve">     * `_.reduce`, `_.reduceRight`, and `_.transform`.</w:t>
            </w:r>
          </w:p>
          <w:p w:rsidR="00156FB3" w:rsidRDefault="00156FB3" w:rsidP="00156FB3">
            <w:r>
              <w:t xml:space="preserve">     *</w:t>
            </w:r>
          </w:p>
          <w:p w:rsidR="00156FB3" w:rsidRDefault="00156FB3" w:rsidP="00156FB3">
            <w:r>
              <w:t xml:space="preserve">     * The guarded methods are:</w:t>
            </w:r>
          </w:p>
          <w:p w:rsidR="00156FB3" w:rsidRDefault="00156FB3" w:rsidP="00156FB3">
            <w:r>
              <w:t xml:space="preserve">     * `assign`, `defaults`, `defaultsDeep`, `includes`, `merge`, `orderBy`,</w:t>
            </w:r>
          </w:p>
          <w:p w:rsidR="00156FB3" w:rsidRDefault="00156FB3" w:rsidP="00156FB3">
            <w:r>
              <w:t xml:space="preserve">     * and `sortB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Collection</w:t>
            </w:r>
          </w:p>
          <w:p w:rsidR="00156FB3" w:rsidRDefault="00156FB3" w:rsidP="00156FB3">
            <w:r>
              <w:t xml:space="preserve">     * @param {Array|Object} collection The collection to iterate over.</w:t>
            </w:r>
          </w:p>
          <w:p w:rsidR="00156FB3" w:rsidRDefault="00156FB3" w:rsidP="00156FB3">
            <w:r>
              <w:t xml:space="preserve">     * @param {Function} [iteratee=_.identity] The function invoked per iteration.</w:t>
            </w:r>
          </w:p>
          <w:p w:rsidR="00156FB3" w:rsidRDefault="00156FB3" w:rsidP="00156FB3">
            <w:r>
              <w:t xml:space="preserve">     * @param {*} [accumulator] The initial value.</w:t>
            </w:r>
          </w:p>
          <w:p w:rsidR="00156FB3" w:rsidRDefault="00156FB3" w:rsidP="00156FB3">
            <w:r>
              <w:t xml:space="preserve">     * @returns {*} Returns the accumulated value.</w:t>
            </w:r>
          </w:p>
          <w:p w:rsidR="00156FB3" w:rsidRDefault="00156FB3" w:rsidP="00156FB3">
            <w:r>
              <w:t xml:space="preserve">     * @see _.reduceRight</w:t>
            </w:r>
          </w:p>
          <w:p w:rsidR="00156FB3" w:rsidRDefault="00156FB3" w:rsidP="00156FB3">
            <w:r>
              <w:t xml:space="preserve">     * @example</w:t>
            </w:r>
          </w:p>
          <w:p w:rsidR="00156FB3" w:rsidRDefault="00156FB3" w:rsidP="00156FB3">
            <w:r>
              <w:t xml:space="preserve">     *</w:t>
            </w:r>
          </w:p>
          <w:p w:rsidR="00156FB3" w:rsidRDefault="00156FB3" w:rsidP="00156FB3">
            <w:r>
              <w:t xml:space="preserve">     * _.reduce([1, 2], function(sum, n) {</w:t>
            </w:r>
          </w:p>
          <w:p w:rsidR="00156FB3" w:rsidRDefault="00156FB3" w:rsidP="00156FB3">
            <w:r>
              <w:t xml:space="preserve">     *   return sum + n;</w:t>
            </w:r>
          </w:p>
          <w:p w:rsidR="00156FB3" w:rsidRDefault="00156FB3" w:rsidP="00156FB3">
            <w:r>
              <w:t xml:space="preserve">     * }, 0);</w:t>
            </w:r>
          </w:p>
          <w:p w:rsidR="00156FB3" w:rsidRDefault="00156FB3" w:rsidP="00156FB3">
            <w:r>
              <w:t xml:space="preserve">     * // =&gt; 3</w:t>
            </w:r>
          </w:p>
          <w:p w:rsidR="00156FB3" w:rsidRDefault="00156FB3" w:rsidP="00156FB3">
            <w:r>
              <w:t xml:space="preserve">     *</w:t>
            </w:r>
          </w:p>
          <w:p w:rsidR="00156FB3" w:rsidRDefault="00156FB3" w:rsidP="00156FB3">
            <w:r>
              <w:t xml:space="preserve">     * _.reduce({ 'a': 1, 'b': 2, 'c': 1 }, function(result, value, key) {</w:t>
            </w:r>
          </w:p>
          <w:p w:rsidR="00156FB3" w:rsidRDefault="00156FB3" w:rsidP="00156FB3">
            <w:r>
              <w:t xml:space="preserve">     *   (result[value] || (result[value] = [])).push(key);</w:t>
            </w:r>
          </w:p>
          <w:p w:rsidR="00156FB3" w:rsidRDefault="00156FB3" w:rsidP="00156FB3">
            <w:r>
              <w:t xml:space="preserve">     *   return result;</w:t>
            </w:r>
          </w:p>
          <w:p w:rsidR="00156FB3" w:rsidRDefault="00156FB3" w:rsidP="00156FB3">
            <w:r>
              <w:t xml:space="preserve">     * }, {});</w:t>
            </w:r>
          </w:p>
          <w:p w:rsidR="00156FB3" w:rsidRDefault="00156FB3" w:rsidP="00156FB3">
            <w:r>
              <w:t xml:space="preserve">     * // =&gt; { '1': ['a', 'c'], '2': ['b'] } (iteration order is not guaranteed)</w:t>
            </w:r>
          </w:p>
          <w:p w:rsidR="00156FB3" w:rsidRDefault="00156FB3" w:rsidP="00156FB3">
            <w:r>
              <w:t xml:space="preserve">     */</w:t>
            </w:r>
          </w:p>
          <w:p w:rsidR="00156FB3" w:rsidRDefault="00156FB3" w:rsidP="00156FB3">
            <w:r>
              <w:t xml:space="preserve">    function reduce(collection, iteratee, accumulator) {</w:t>
            </w:r>
          </w:p>
          <w:p w:rsidR="00156FB3" w:rsidRDefault="00156FB3" w:rsidP="00156FB3">
            <w:r>
              <w:t xml:space="preserve">      var func = isArray(collection) ? arrayReduce : baseReduce,</w:t>
            </w:r>
          </w:p>
          <w:p w:rsidR="00156FB3" w:rsidRDefault="00156FB3" w:rsidP="00156FB3">
            <w:r>
              <w:t xml:space="preserve">          initAccum = arguments.length &lt; 3;</w:t>
            </w:r>
          </w:p>
          <w:p w:rsidR="00156FB3" w:rsidRDefault="00156FB3" w:rsidP="00156FB3"/>
          <w:p w:rsidR="00156FB3" w:rsidRDefault="00156FB3" w:rsidP="00156FB3">
            <w:r>
              <w:lastRenderedPageBreak/>
              <w:t xml:space="preserve">      return func(collection, getIteratee(iteratee, 4), accumulator, initAccum, baseEach);</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reduce` except that it iterates over elements of</w:t>
            </w:r>
          </w:p>
          <w:p w:rsidR="00156FB3" w:rsidRDefault="00156FB3" w:rsidP="00156FB3">
            <w:r>
              <w:t xml:space="preserve">     * `collection` from right to lef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Collection</w:t>
            </w:r>
          </w:p>
          <w:p w:rsidR="00156FB3" w:rsidRDefault="00156FB3" w:rsidP="00156FB3">
            <w:r>
              <w:t xml:space="preserve">     * @param {Array|Object} collection The collection to iterate over.</w:t>
            </w:r>
          </w:p>
          <w:p w:rsidR="00156FB3" w:rsidRDefault="00156FB3" w:rsidP="00156FB3">
            <w:r>
              <w:t xml:space="preserve">     * @param {Function} [iteratee=_.identity] The function invoked per iteration.</w:t>
            </w:r>
          </w:p>
          <w:p w:rsidR="00156FB3" w:rsidRDefault="00156FB3" w:rsidP="00156FB3">
            <w:r>
              <w:t xml:space="preserve">     * @param {*} [accumulator] The initial value.</w:t>
            </w:r>
          </w:p>
          <w:p w:rsidR="00156FB3" w:rsidRDefault="00156FB3" w:rsidP="00156FB3">
            <w:r>
              <w:t xml:space="preserve">     * @returns {*} Returns the accumulated value.</w:t>
            </w:r>
          </w:p>
          <w:p w:rsidR="00156FB3" w:rsidRDefault="00156FB3" w:rsidP="00156FB3">
            <w:r>
              <w:t xml:space="preserve">     * @see _.reduce</w:t>
            </w:r>
          </w:p>
          <w:p w:rsidR="00156FB3" w:rsidRDefault="00156FB3" w:rsidP="00156FB3">
            <w:r>
              <w:t xml:space="preserve">     * @example</w:t>
            </w:r>
          </w:p>
          <w:p w:rsidR="00156FB3" w:rsidRDefault="00156FB3" w:rsidP="00156FB3">
            <w:r>
              <w:t xml:space="preserve">     *</w:t>
            </w:r>
          </w:p>
          <w:p w:rsidR="00156FB3" w:rsidRDefault="00156FB3" w:rsidP="00156FB3">
            <w:r>
              <w:t xml:space="preserve">     * var array = [[0, 1], [2, 3], [4, 5]];</w:t>
            </w:r>
          </w:p>
          <w:p w:rsidR="00156FB3" w:rsidRDefault="00156FB3" w:rsidP="00156FB3">
            <w:r>
              <w:t xml:space="preserve">     *</w:t>
            </w:r>
          </w:p>
          <w:p w:rsidR="00156FB3" w:rsidRDefault="00156FB3" w:rsidP="00156FB3">
            <w:r>
              <w:t xml:space="preserve">     * _.reduceRight(array, function(flattened, other) {</w:t>
            </w:r>
          </w:p>
          <w:p w:rsidR="00156FB3" w:rsidRDefault="00156FB3" w:rsidP="00156FB3">
            <w:r>
              <w:t xml:space="preserve">     *   return flattened.concat(other);</w:t>
            </w:r>
          </w:p>
          <w:p w:rsidR="00156FB3" w:rsidRDefault="00156FB3" w:rsidP="00156FB3">
            <w:r>
              <w:t xml:space="preserve">     * }, []);</w:t>
            </w:r>
          </w:p>
          <w:p w:rsidR="00156FB3" w:rsidRDefault="00156FB3" w:rsidP="00156FB3">
            <w:r>
              <w:t xml:space="preserve">     * // =&gt; [4, 5, 2, 3, 0, 1]</w:t>
            </w:r>
          </w:p>
          <w:p w:rsidR="00156FB3" w:rsidRDefault="00156FB3" w:rsidP="00156FB3">
            <w:r>
              <w:t xml:space="preserve">     */</w:t>
            </w:r>
          </w:p>
          <w:p w:rsidR="00156FB3" w:rsidRDefault="00156FB3" w:rsidP="00156FB3">
            <w:r>
              <w:t xml:space="preserve">    function reduceRight(collection, iteratee, accumulator) {</w:t>
            </w:r>
          </w:p>
          <w:p w:rsidR="00156FB3" w:rsidRDefault="00156FB3" w:rsidP="00156FB3">
            <w:r>
              <w:t xml:space="preserve">      var func = isArray(collection) ? arrayReduceRight : baseReduce,</w:t>
            </w:r>
          </w:p>
          <w:p w:rsidR="00156FB3" w:rsidRDefault="00156FB3" w:rsidP="00156FB3">
            <w:r>
              <w:t xml:space="preserve">          initAccum = arguments.length &lt; 3;</w:t>
            </w:r>
          </w:p>
          <w:p w:rsidR="00156FB3" w:rsidRDefault="00156FB3" w:rsidP="00156FB3"/>
          <w:p w:rsidR="00156FB3" w:rsidRDefault="00156FB3" w:rsidP="00156FB3">
            <w:r>
              <w:t xml:space="preserve">      return func(collection, getIteratee(iteratee, 4), accumulator, initAccum, baseEachRigh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opposite of `_.filter`; this method returns the elements of `collection`</w:t>
            </w:r>
          </w:p>
          <w:p w:rsidR="00156FB3" w:rsidRDefault="00156FB3" w:rsidP="00156FB3">
            <w:r>
              <w:t xml:space="preserve">     * that `predicate` does **not** return truthy for.</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Collection</w:t>
            </w:r>
          </w:p>
          <w:p w:rsidR="00156FB3" w:rsidRDefault="00156FB3" w:rsidP="00156FB3">
            <w:r>
              <w:t xml:space="preserve">     * @param {Array|Object} collection The collection to iterate over.</w:t>
            </w:r>
          </w:p>
          <w:p w:rsidR="00156FB3" w:rsidRDefault="00156FB3" w:rsidP="00156FB3">
            <w:r>
              <w:t xml:space="preserve">     * @param {Function} [predicate=_.identity] The function invoked per iteration.</w:t>
            </w:r>
          </w:p>
          <w:p w:rsidR="00156FB3" w:rsidRDefault="00156FB3" w:rsidP="00156FB3">
            <w:r>
              <w:t xml:space="preserve">     * @returns {Array} Returns the new filtered array.</w:t>
            </w:r>
          </w:p>
          <w:p w:rsidR="00156FB3" w:rsidRDefault="00156FB3" w:rsidP="00156FB3">
            <w:r>
              <w:t xml:space="preserve">     * @see _.filter</w:t>
            </w:r>
          </w:p>
          <w:p w:rsidR="00156FB3" w:rsidRDefault="00156FB3" w:rsidP="00156FB3">
            <w:r>
              <w:t xml:space="preserve">     * @example</w:t>
            </w:r>
          </w:p>
          <w:p w:rsidR="00156FB3" w:rsidRDefault="00156FB3" w:rsidP="00156FB3">
            <w:r>
              <w:t xml:space="preserve">     *</w:t>
            </w:r>
          </w:p>
          <w:p w:rsidR="00156FB3" w:rsidRDefault="00156FB3" w:rsidP="00156FB3">
            <w:r>
              <w:t xml:space="preserve">     * var users = [</w:t>
            </w:r>
          </w:p>
          <w:p w:rsidR="00156FB3" w:rsidRDefault="00156FB3" w:rsidP="00156FB3">
            <w:r>
              <w:t xml:space="preserve">     *   { 'user': 'barney', 'age': 36, 'active': false },</w:t>
            </w:r>
          </w:p>
          <w:p w:rsidR="00156FB3" w:rsidRDefault="00156FB3" w:rsidP="00156FB3">
            <w:r>
              <w:lastRenderedPageBreak/>
              <w:t xml:space="preserve">     *   { 'user': 'fred',   'age': 40, 'active': true }</w:t>
            </w:r>
          </w:p>
          <w:p w:rsidR="00156FB3" w:rsidRDefault="00156FB3" w:rsidP="00156FB3">
            <w:r>
              <w:t xml:space="preserve">     * ];</w:t>
            </w:r>
          </w:p>
          <w:p w:rsidR="00156FB3" w:rsidRDefault="00156FB3" w:rsidP="00156FB3">
            <w:r>
              <w:t xml:space="preserve">     *</w:t>
            </w:r>
          </w:p>
          <w:p w:rsidR="00156FB3" w:rsidRDefault="00156FB3" w:rsidP="00156FB3">
            <w:r>
              <w:t xml:space="preserve">     * _.reject(users, function(o) { return !o.active; });</w:t>
            </w:r>
          </w:p>
          <w:p w:rsidR="00156FB3" w:rsidRDefault="00156FB3" w:rsidP="00156FB3">
            <w:r>
              <w:t xml:space="preserve">     * // =&gt; objects for ['fred']</w:t>
            </w:r>
          </w:p>
          <w:p w:rsidR="00156FB3" w:rsidRDefault="00156FB3" w:rsidP="00156FB3">
            <w:r>
              <w:t xml:space="preserve">     *</w:t>
            </w:r>
          </w:p>
          <w:p w:rsidR="00156FB3" w:rsidRDefault="00156FB3" w:rsidP="00156FB3">
            <w:r>
              <w:t xml:space="preserve">     * // The `_.matches` iteratee shorthand.</w:t>
            </w:r>
          </w:p>
          <w:p w:rsidR="00156FB3" w:rsidRDefault="00156FB3" w:rsidP="00156FB3">
            <w:r>
              <w:t xml:space="preserve">     * _.reject(users, { 'age': 40, 'active': true });</w:t>
            </w:r>
          </w:p>
          <w:p w:rsidR="00156FB3" w:rsidRDefault="00156FB3" w:rsidP="00156FB3">
            <w:r>
              <w:t xml:space="preserve">     * // =&gt; objects for ['barney']</w:t>
            </w:r>
          </w:p>
          <w:p w:rsidR="00156FB3" w:rsidRDefault="00156FB3" w:rsidP="00156FB3">
            <w:r>
              <w:t xml:space="preserve">     *</w:t>
            </w:r>
          </w:p>
          <w:p w:rsidR="00156FB3" w:rsidRDefault="00156FB3" w:rsidP="00156FB3">
            <w:r>
              <w:t xml:space="preserve">     * // The `_.matchesProperty` iteratee shorthand.</w:t>
            </w:r>
          </w:p>
          <w:p w:rsidR="00156FB3" w:rsidRDefault="00156FB3" w:rsidP="00156FB3">
            <w:r>
              <w:t xml:space="preserve">     * _.reject(users, ['active', false]);</w:t>
            </w:r>
          </w:p>
          <w:p w:rsidR="00156FB3" w:rsidRDefault="00156FB3" w:rsidP="00156FB3">
            <w:r>
              <w:t xml:space="preserve">     * // =&gt; objects for ['fred']</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reject(users, 'active');</w:t>
            </w:r>
          </w:p>
          <w:p w:rsidR="00156FB3" w:rsidRDefault="00156FB3" w:rsidP="00156FB3">
            <w:r>
              <w:t xml:space="preserve">     * // =&gt; objects for ['barney']</w:t>
            </w:r>
          </w:p>
          <w:p w:rsidR="00156FB3" w:rsidRDefault="00156FB3" w:rsidP="00156FB3">
            <w:r>
              <w:t xml:space="preserve">     */</w:t>
            </w:r>
          </w:p>
          <w:p w:rsidR="00156FB3" w:rsidRDefault="00156FB3" w:rsidP="00156FB3">
            <w:r>
              <w:t xml:space="preserve">    function reject(collection, predicate) {</w:t>
            </w:r>
          </w:p>
          <w:p w:rsidR="00156FB3" w:rsidRDefault="00156FB3" w:rsidP="00156FB3">
            <w:r>
              <w:t xml:space="preserve">      var func = isArray(collection) ? arrayFilter : baseFilter;</w:t>
            </w:r>
          </w:p>
          <w:p w:rsidR="00156FB3" w:rsidRDefault="00156FB3" w:rsidP="00156FB3">
            <w:r>
              <w:t xml:space="preserve">      return func(collection, negate(getIteratee(predicate, 3)));</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a random element from `collection`.</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2.0.0</w:t>
            </w:r>
          </w:p>
          <w:p w:rsidR="00156FB3" w:rsidRDefault="00156FB3" w:rsidP="00156FB3">
            <w:r>
              <w:t xml:space="preserve">     * @category Collection</w:t>
            </w:r>
          </w:p>
          <w:p w:rsidR="00156FB3" w:rsidRDefault="00156FB3" w:rsidP="00156FB3">
            <w:r>
              <w:t xml:space="preserve">     * @param {Array|Object} collection The collection to sample.</w:t>
            </w:r>
          </w:p>
          <w:p w:rsidR="00156FB3" w:rsidRDefault="00156FB3" w:rsidP="00156FB3">
            <w:r>
              <w:t xml:space="preserve">     * @returns {*} Returns the random element.</w:t>
            </w:r>
          </w:p>
          <w:p w:rsidR="00156FB3" w:rsidRDefault="00156FB3" w:rsidP="00156FB3">
            <w:r>
              <w:t xml:space="preserve">     * @example</w:t>
            </w:r>
          </w:p>
          <w:p w:rsidR="00156FB3" w:rsidRDefault="00156FB3" w:rsidP="00156FB3">
            <w:r>
              <w:t xml:space="preserve">     *</w:t>
            </w:r>
          </w:p>
          <w:p w:rsidR="00156FB3" w:rsidRDefault="00156FB3" w:rsidP="00156FB3">
            <w:r>
              <w:t xml:space="preserve">     * _.sample([1, 2, 3, 4]);</w:t>
            </w:r>
          </w:p>
          <w:p w:rsidR="00156FB3" w:rsidRDefault="00156FB3" w:rsidP="00156FB3">
            <w:r>
              <w:t xml:space="preserve">     * // =&gt; 2</w:t>
            </w:r>
          </w:p>
          <w:p w:rsidR="00156FB3" w:rsidRDefault="00156FB3" w:rsidP="00156FB3">
            <w:r>
              <w:t xml:space="preserve">     */</w:t>
            </w:r>
          </w:p>
          <w:p w:rsidR="00156FB3" w:rsidRDefault="00156FB3" w:rsidP="00156FB3">
            <w:r>
              <w:t xml:space="preserve">    function sample(collection) {</w:t>
            </w:r>
          </w:p>
          <w:p w:rsidR="00156FB3" w:rsidRDefault="00156FB3" w:rsidP="00156FB3">
            <w:r>
              <w:t xml:space="preserve">      var func = isArray(collection) ? arraySample : baseSample;</w:t>
            </w:r>
          </w:p>
          <w:p w:rsidR="00156FB3" w:rsidRDefault="00156FB3" w:rsidP="00156FB3">
            <w:r>
              <w:t xml:space="preserve">      return func(collection);</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n` random elements at unique keys from `collection` up to the</w:t>
            </w:r>
          </w:p>
          <w:p w:rsidR="00156FB3" w:rsidRDefault="00156FB3" w:rsidP="00156FB3">
            <w:r>
              <w:t xml:space="preserve">     * size of `collection`.</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lastRenderedPageBreak/>
              <w:t xml:space="preserve">     * @since 4.0.0</w:t>
            </w:r>
          </w:p>
          <w:p w:rsidR="00156FB3" w:rsidRDefault="00156FB3" w:rsidP="00156FB3">
            <w:r>
              <w:t xml:space="preserve">     * @category Collection</w:t>
            </w:r>
          </w:p>
          <w:p w:rsidR="00156FB3" w:rsidRDefault="00156FB3" w:rsidP="00156FB3">
            <w:r>
              <w:t xml:space="preserve">     * @param {Array|Object} collection The collection to sample.</w:t>
            </w:r>
          </w:p>
          <w:p w:rsidR="00156FB3" w:rsidRDefault="00156FB3" w:rsidP="00156FB3">
            <w:r>
              <w:t xml:space="preserve">     * @param {number} [n=1] The number of elements to sample.</w:t>
            </w:r>
          </w:p>
          <w:p w:rsidR="00156FB3" w:rsidRDefault="00156FB3" w:rsidP="00156FB3">
            <w:r>
              <w:t xml:space="preserve">     * @param- {Object} [guard] Enables use as an iteratee for methods like `_.map`.</w:t>
            </w:r>
          </w:p>
          <w:p w:rsidR="00156FB3" w:rsidRDefault="00156FB3" w:rsidP="00156FB3">
            <w:r>
              <w:t xml:space="preserve">     * @returns {Array} Returns the random elements.</w:t>
            </w:r>
          </w:p>
          <w:p w:rsidR="00156FB3" w:rsidRDefault="00156FB3" w:rsidP="00156FB3">
            <w:r>
              <w:t xml:space="preserve">     * @example</w:t>
            </w:r>
          </w:p>
          <w:p w:rsidR="00156FB3" w:rsidRDefault="00156FB3" w:rsidP="00156FB3">
            <w:r>
              <w:t xml:space="preserve">     *</w:t>
            </w:r>
          </w:p>
          <w:p w:rsidR="00156FB3" w:rsidRDefault="00156FB3" w:rsidP="00156FB3">
            <w:r>
              <w:t xml:space="preserve">     * _.sampleSize([1, 2, 3], 2);</w:t>
            </w:r>
          </w:p>
          <w:p w:rsidR="00156FB3" w:rsidRDefault="00156FB3" w:rsidP="00156FB3">
            <w:r>
              <w:t xml:space="preserve">     * // =&gt; [3, 1]</w:t>
            </w:r>
          </w:p>
          <w:p w:rsidR="00156FB3" w:rsidRDefault="00156FB3" w:rsidP="00156FB3">
            <w:r>
              <w:t xml:space="preserve">     *</w:t>
            </w:r>
          </w:p>
          <w:p w:rsidR="00156FB3" w:rsidRDefault="00156FB3" w:rsidP="00156FB3">
            <w:r>
              <w:t xml:space="preserve">     * _.sampleSize([1, 2, 3], 4);</w:t>
            </w:r>
          </w:p>
          <w:p w:rsidR="00156FB3" w:rsidRDefault="00156FB3" w:rsidP="00156FB3">
            <w:r>
              <w:t xml:space="preserve">     * // =&gt; [2, 3, 1]</w:t>
            </w:r>
          </w:p>
          <w:p w:rsidR="00156FB3" w:rsidRDefault="00156FB3" w:rsidP="00156FB3">
            <w:r>
              <w:t xml:space="preserve">     */</w:t>
            </w:r>
          </w:p>
          <w:p w:rsidR="00156FB3" w:rsidRDefault="00156FB3" w:rsidP="00156FB3">
            <w:r>
              <w:t xml:space="preserve">    function sampleSize(collection, n, guard) {</w:t>
            </w:r>
          </w:p>
          <w:p w:rsidR="00156FB3" w:rsidRDefault="00156FB3" w:rsidP="00156FB3">
            <w:r>
              <w:t xml:space="preserve">      if ((guard ? isIterateeCall(collection, n, guard) : n === undefined)) {</w:t>
            </w:r>
          </w:p>
          <w:p w:rsidR="00156FB3" w:rsidRDefault="00156FB3" w:rsidP="00156FB3">
            <w:r>
              <w:t xml:space="preserve">        n = 1;</w:t>
            </w:r>
          </w:p>
          <w:p w:rsidR="00156FB3" w:rsidRDefault="00156FB3" w:rsidP="00156FB3">
            <w:r>
              <w:t xml:space="preserve">      } else {</w:t>
            </w:r>
          </w:p>
          <w:p w:rsidR="00156FB3" w:rsidRDefault="00156FB3" w:rsidP="00156FB3">
            <w:r>
              <w:t xml:space="preserve">        n = toInteger(n);</w:t>
            </w:r>
          </w:p>
          <w:p w:rsidR="00156FB3" w:rsidRDefault="00156FB3" w:rsidP="00156FB3">
            <w:r>
              <w:t xml:space="preserve">      }</w:t>
            </w:r>
          </w:p>
          <w:p w:rsidR="00156FB3" w:rsidRDefault="00156FB3" w:rsidP="00156FB3">
            <w:r>
              <w:t xml:space="preserve">      var func = isArray(collection) ? arraySampleSize : baseSampleSize;</w:t>
            </w:r>
          </w:p>
          <w:p w:rsidR="00156FB3" w:rsidRDefault="00156FB3" w:rsidP="00156FB3">
            <w:r>
              <w:t xml:space="preserve">      return func(collection, n);</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of shuffled values, using a version of the</w:t>
            </w:r>
          </w:p>
          <w:p w:rsidR="00156FB3" w:rsidRDefault="00156FB3" w:rsidP="00156FB3">
            <w:r>
              <w:t xml:space="preserve">     * [Fisher-Yates shuffle](https://en.wikipedia.org/wiki/Fisher-Yates_shuffl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Collection</w:t>
            </w:r>
          </w:p>
          <w:p w:rsidR="00156FB3" w:rsidRDefault="00156FB3" w:rsidP="00156FB3">
            <w:r>
              <w:t xml:space="preserve">     * @param {Array|Object} collection The collection to shuffle.</w:t>
            </w:r>
          </w:p>
          <w:p w:rsidR="00156FB3" w:rsidRDefault="00156FB3" w:rsidP="00156FB3">
            <w:r>
              <w:t xml:space="preserve">     * @returns {Array} Returns the new shuffled array.</w:t>
            </w:r>
          </w:p>
          <w:p w:rsidR="00156FB3" w:rsidRDefault="00156FB3" w:rsidP="00156FB3">
            <w:r>
              <w:t xml:space="preserve">     * @example</w:t>
            </w:r>
          </w:p>
          <w:p w:rsidR="00156FB3" w:rsidRDefault="00156FB3" w:rsidP="00156FB3">
            <w:r>
              <w:t xml:space="preserve">     *</w:t>
            </w:r>
          </w:p>
          <w:p w:rsidR="00156FB3" w:rsidRDefault="00156FB3" w:rsidP="00156FB3">
            <w:r>
              <w:t xml:space="preserve">     * _.shuffle([1, 2, 3, 4]);</w:t>
            </w:r>
          </w:p>
          <w:p w:rsidR="00156FB3" w:rsidRDefault="00156FB3" w:rsidP="00156FB3">
            <w:r>
              <w:t xml:space="preserve">     * // =&gt; [4, 1, 3, 2]</w:t>
            </w:r>
          </w:p>
          <w:p w:rsidR="00156FB3" w:rsidRDefault="00156FB3" w:rsidP="00156FB3">
            <w:r>
              <w:t xml:space="preserve">     */</w:t>
            </w:r>
          </w:p>
          <w:p w:rsidR="00156FB3" w:rsidRDefault="00156FB3" w:rsidP="00156FB3">
            <w:r>
              <w:t xml:space="preserve">    function shuffle(collection) {</w:t>
            </w:r>
          </w:p>
          <w:p w:rsidR="00156FB3" w:rsidRDefault="00156FB3" w:rsidP="00156FB3">
            <w:r>
              <w:t xml:space="preserve">      var func = isArray(collection) ? arrayShuffle : baseShuffle;</w:t>
            </w:r>
          </w:p>
          <w:p w:rsidR="00156FB3" w:rsidRDefault="00156FB3" w:rsidP="00156FB3">
            <w:r>
              <w:t xml:space="preserve">      return func(collection);</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size of `collection` by returning its length for array-like</w:t>
            </w:r>
          </w:p>
          <w:p w:rsidR="00156FB3" w:rsidRDefault="00156FB3" w:rsidP="00156FB3">
            <w:r>
              <w:t xml:space="preserve">     * values or the number of own enumerable string keyed properties for objects.</w:t>
            </w:r>
          </w:p>
          <w:p w:rsidR="00156FB3" w:rsidRDefault="00156FB3" w:rsidP="00156FB3">
            <w:r>
              <w:t xml:space="preserve">     *</w:t>
            </w:r>
          </w:p>
          <w:p w:rsidR="00156FB3" w:rsidRDefault="00156FB3" w:rsidP="00156FB3">
            <w:r>
              <w:lastRenderedPageBreak/>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Collection</w:t>
            </w:r>
          </w:p>
          <w:p w:rsidR="00156FB3" w:rsidRDefault="00156FB3" w:rsidP="00156FB3">
            <w:r>
              <w:t xml:space="preserve">     * @param {Array|Object|string} collection The collection to inspect.</w:t>
            </w:r>
          </w:p>
          <w:p w:rsidR="00156FB3" w:rsidRDefault="00156FB3" w:rsidP="00156FB3">
            <w:r>
              <w:t xml:space="preserve">     * @returns {number} Returns the collection size.</w:t>
            </w:r>
          </w:p>
          <w:p w:rsidR="00156FB3" w:rsidRDefault="00156FB3" w:rsidP="00156FB3">
            <w:r>
              <w:t xml:space="preserve">     * @example</w:t>
            </w:r>
          </w:p>
          <w:p w:rsidR="00156FB3" w:rsidRDefault="00156FB3" w:rsidP="00156FB3">
            <w:r>
              <w:t xml:space="preserve">     *</w:t>
            </w:r>
          </w:p>
          <w:p w:rsidR="00156FB3" w:rsidRDefault="00156FB3" w:rsidP="00156FB3">
            <w:r>
              <w:t xml:space="preserve">     * _.size([1, 2, 3]);</w:t>
            </w:r>
          </w:p>
          <w:p w:rsidR="00156FB3" w:rsidRDefault="00156FB3" w:rsidP="00156FB3">
            <w:r>
              <w:t xml:space="preserve">     * // =&gt; 3</w:t>
            </w:r>
          </w:p>
          <w:p w:rsidR="00156FB3" w:rsidRDefault="00156FB3" w:rsidP="00156FB3">
            <w:r>
              <w:t xml:space="preserve">     *</w:t>
            </w:r>
          </w:p>
          <w:p w:rsidR="00156FB3" w:rsidRDefault="00156FB3" w:rsidP="00156FB3">
            <w:r>
              <w:t xml:space="preserve">     * _.size({ 'a': 1, 'b': 2 });</w:t>
            </w:r>
          </w:p>
          <w:p w:rsidR="00156FB3" w:rsidRDefault="00156FB3" w:rsidP="00156FB3">
            <w:r>
              <w:t xml:space="preserve">     * // =&gt; 2</w:t>
            </w:r>
          </w:p>
          <w:p w:rsidR="00156FB3" w:rsidRDefault="00156FB3" w:rsidP="00156FB3">
            <w:r>
              <w:t xml:space="preserve">     *</w:t>
            </w:r>
          </w:p>
          <w:p w:rsidR="00156FB3" w:rsidRDefault="00156FB3" w:rsidP="00156FB3">
            <w:r>
              <w:t xml:space="preserve">     * _.size('pebbles');</w:t>
            </w:r>
          </w:p>
          <w:p w:rsidR="00156FB3" w:rsidRDefault="00156FB3" w:rsidP="00156FB3">
            <w:r>
              <w:t xml:space="preserve">     * // =&gt; 7</w:t>
            </w:r>
          </w:p>
          <w:p w:rsidR="00156FB3" w:rsidRDefault="00156FB3" w:rsidP="00156FB3">
            <w:r>
              <w:t xml:space="preserve">     */</w:t>
            </w:r>
          </w:p>
          <w:p w:rsidR="00156FB3" w:rsidRDefault="00156FB3" w:rsidP="00156FB3">
            <w:r>
              <w:t xml:space="preserve">    function size(collection) {</w:t>
            </w:r>
          </w:p>
          <w:p w:rsidR="00156FB3" w:rsidRDefault="00156FB3" w:rsidP="00156FB3">
            <w:r>
              <w:t xml:space="preserve">      if (collection == null) {</w:t>
            </w:r>
          </w:p>
          <w:p w:rsidR="00156FB3" w:rsidRDefault="00156FB3" w:rsidP="00156FB3">
            <w:r>
              <w:t xml:space="preserve">        return 0;</w:t>
            </w:r>
          </w:p>
          <w:p w:rsidR="00156FB3" w:rsidRDefault="00156FB3" w:rsidP="00156FB3">
            <w:r>
              <w:t xml:space="preserve">      }</w:t>
            </w:r>
          </w:p>
          <w:p w:rsidR="00156FB3" w:rsidRDefault="00156FB3" w:rsidP="00156FB3">
            <w:r>
              <w:t xml:space="preserve">      if (isArrayLike(collection)) {</w:t>
            </w:r>
          </w:p>
          <w:p w:rsidR="00156FB3" w:rsidRDefault="00156FB3" w:rsidP="00156FB3">
            <w:r>
              <w:t xml:space="preserve">        return isString(collection) ? stringSize(collection) : collection.length;</w:t>
            </w:r>
          </w:p>
          <w:p w:rsidR="00156FB3" w:rsidRDefault="00156FB3" w:rsidP="00156FB3">
            <w:r>
              <w:t xml:space="preserve">      }</w:t>
            </w:r>
          </w:p>
          <w:p w:rsidR="00156FB3" w:rsidRDefault="00156FB3" w:rsidP="00156FB3">
            <w:r>
              <w:t xml:space="preserve">      var tag = getTag(collection);</w:t>
            </w:r>
          </w:p>
          <w:p w:rsidR="00156FB3" w:rsidRDefault="00156FB3" w:rsidP="00156FB3">
            <w:r>
              <w:t xml:space="preserve">      if (tag == mapTag || tag == setTag) {</w:t>
            </w:r>
          </w:p>
          <w:p w:rsidR="00156FB3" w:rsidRDefault="00156FB3" w:rsidP="00156FB3">
            <w:r>
              <w:t xml:space="preserve">        return collection.size;</w:t>
            </w:r>
          </w:p>
          <w:p w:rsidR="00156FB3" w:rsidRDefault="00156FB3" w:rsidP="00156FB3">
            <w:r>
              <w:t xml:space="preserve">      }</w:t>
            </w:r>
          </w:p>
          <w:p w:rsidR="00156FB3" w:rsidRDefault="00156FB3" w:rsidP="00156FB3">
            <w:r>
              <w:t xml:space="preserve">      return baseKeys(collection).length;</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predicate` returns truthy for **any** element of `collection`.</w:t>
            </w:r>
          </w:p>
          <w:p w:rsidR="00156FB3" w:rsidRDefault="00156FB3" w:rsidP="00156FB3">
            <w:r>
              <w:t xml:space="preserve">     * Iteration is stopped once `predicate` returns truthy. The predicate is</w:t>
            </w:r>
          </w:p>
          <w:p w:rsidR="00156FB3" w:rsidRDefault="00156FB3" w:rsidP="00156FB3">
            <w:r>
              <w:t xml:space="preserve">     * invoked with three arguments: (value, index|key, collection).</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Collection</w:t>
            </w:r>
          </w:p>
          <w:p w:rsidR="00156FB3" w:rsidRDefault="00156FB3" w:rsidP="00156FB3">
            <w:r>
              <w:t xml:space="preserve">     * @param {Array|Object} collection The collection to iterate over.</w:t>
            </w:r>
          </w:p>
          <w:p w:rsidR="00156FB3" w:rsidRDefault="00156FB3" w:rsidP="00156FB3">
            <w:r>
              <w:t xml:space="preserve">     * @param {Function} [predicate=_.identity] The function invoked per iteration.</w:t>
            </w:r>
          </w:p>
          <w:p w:rsidR="00156FB3" w:rsidRDefault="00156FB3" w:rsidP="00156FB3">
            <w:r>
              <w:t xml:space="preserve">     * @param- {Object} [guard] Enables use as an iteratee for methods like `_.map`.</w:t>
            </w:r>
          </w:p>
          <w:p w:rsidR="00156FB3" w:rsidRDefault="00156FB3" w:rsidP="00156FB3">
            <w:r>
              <w:t xml:space="preserve">     * @returns {boolean} Returns `true` if any element passes the predicate check,</w:t>
            </w:r>
          </w:p>
          <w:p w:rsidR="00156FB3" w:rsidRDefault="00156FB3" w:rsidP="00156FB3">
            <w:r>
              <w:t xml:space="preserve">     *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some([null, 0, 'yes', false], Boolean);</w:t>
            </w:r>
          </w:p>
          <w:p w:rsidR="00156FB3" w:rsidRDefault="00156FB3" w:rsidP="00156FB3">
            <w:r>
              <w:lastRenderedPageBreak/>
              <w:t xml:space="preserve">     * // =&gt; true</w:t>
            </w:r>
          </w:p>
          <w:p w:rsidR="00156FB3" w:rsidRDefault="00156FB3" w:rsidP="00156FB3">
            <w:r>
              <w:t xml:space="preserve">     *</w:t>
            </w:r>
          </w:p>
          <w:p w:rsidR="00156FB3" w:rsidRDefault="00156FB3" w:rsidP="00156FB3">
            <w:r>
              <w:t xml:space="preserve">     * var users = [</w:t>
            </w:r>
          </w:p>
          <w:p w:rsidR="00156FB3" w:rsidRDefault="00156FB3" w:rsidP="00156FB3">
            <w:r>
              <w:t xml:space="preserve">     *   { 'user': 'barney', 'active': true },</w:t>
            </w:r>
          </w:p>
          <w:p w:rsidR="00156FB3" w:rsidRDefault="00156FB3" w:rsidP="00156FB3">
            <w:r>
              <w:t xml:space="preserve">     *   { 'user': 'fred',   'active': false }</w:t>
            </w:r>
          </w:p>
          <w:p w:rsidR="00156FB3" w:rsidRDefault="00156FB3" w:rsidP="00156FB3">
            <w:r>
              <w:t xml:space="preserve">     * ];</w:t>
            </w:r>
          </w:p>
          <w:p w:rsidR="00156FB3" w:rsidRDefault="00156FB3" w:rsidP="00156FB3">
            <w:r>
              <w:t xml:space="preserve">     *</w:t>
            </w:r>
          </w:p>
          <w:p w:rsidR="00156FB3" w:rsidRDefault="00156FB3" w:rsidP="00156FB3">
            <w:r>
              <w:t xml:space="preserve">     * // The `_.matches` iteratee shorthand.</w:t>
            </w:r>
          </w:p>
          <w:p w:rsidR="00156FB3" w:rsidRDefault="00156FB3" w:rsidP="00156FB3">
            <w:r>
              <w:t xml:space="preserve">     * _.some(users, { 'user': 'barney', 'active': false });</w:t>
            </w:r>
          </w:p>
          <w:p w:rsidR="00156FB3" w:rsidRDefault="00156FB3" w:rsidP="00156FB3">
            <w:r>
              <w:t xml:space="preserve">     * // =&gt; false</w:t>
            </w:r>
          </w:p>
          <w:p w:rsidR="00156FB3" w:rsidRDefault="00156FB3" w:rsidP="00156FB3">
            <w:r>
              <w:t xml:space="preserve">     *</w:t>
            </w:r>
          </w:p>
          <w:p w:rsidR="00156FB3" w:rsidRDefault="00156FB3" w:rsidP="00156FB3">
            <w:r>
              <w:t xml:space="preserve">     * // The `_.matchesProperty` iteratee shorthand.</w:t>
            </w:r>
          </w:p>
          <w:p w:rsidR="00156FB3" w:rsidRDefault="00156FB3" w:rsidP="00156FB3">
            <w:r>
              <w:t xml:space="preserve">     * _.some(users, ['active', false]);</w:t>
            </w:r>
          </w:p>
          <w:p w:rsidR="00156FB3" w:rsidRDefault="00156FB3" w:rsidP="00156FB3">
            <w:r>
              <w:t xml:space="preserve">     * // =&gt; true</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some(users, 'active');</w:t>
            </w:r>
          </w:p>
          <w:p w:rsidR="00156FB3" w:rsidRDefault="00156FB3" w:rsidP="00156FB3">
            <w:r>
              <w:t xml:space="preserve">     * // =&gt; true</w:t>
            </w:r>
          </w:p>
          <w:p w:rsidR="00156FB3" w:rsidRDefault="00156FB3" w:rsidP="00156FB3">
            <w:r>
              <w:t xml:space="preserve">     */</w:t>
            </w:r>
          </w:p>
          <w:p w:rsidR="00156FB3" w:rsidRDefault="00156FB3" w:rsidP="00156FB3">
            <w:r>
              <w:t xml:space="preserve">    function some(collection, predicate, guard) {</w:t>
            </w:r>
          </w:p>
          <w:p w:rsidR="00156FB3" w:rsidRDefault="00156FB3" w:rsidP="00156FB3">
            <w:r>
              <w:t xml:space="preserve">      var func = isArray(collection) ? arraySome : baseSome;</w:t>
            </w:r>
          </w:p>
          <w:p w:rsidR="00156FB3" w:rsidRDefault="00156FB3" w:rsidP="00156FB3">
            <w:r>
              <w:t xml:space="preserve">      if (guard &amp;&amp; isIterateeCall(collection, predicate, guard)) {</w:t>
            </w:r>
          </w:p>
          <w:p w:rsidR="00156FB3" w:rsidRDefault="00156FB3" w:rsidP="00156FB3">
            <w:r>
              <w:t xml:space="preserve">        predicate = undefined;</w:t>
            </w:r>
          </w:p>
          <w:p w:rsidR="00156FB3" w:rsidRDefault="00156FB3" w:rsidP="00156FB3">
            <w:r>
              <w:t xml:space="preserve">      }</w:t>
            </w:r>
          </w:p>
          <w:p w:rsidR="00156FB3" w:rsidRDefault="00156FB3" w:rsidP="00156FB3">
            <w:r>
              <w:t xml:space="preserve">      return func(collection, getIteratee(predicate, 3));</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of elements, sorted in ascending order by the results of</w:t>
            </w:r>
          </w:p>
          <w:p w:rsidR="00156FB3" w:rsidRDefault="00156FB3" w:rsidP="00156FB3">
            <w:r>
              <w:t xml:space="preserve">     * running each element in a collection thru each iteratee. This method</w:t>
            </w:r>
          </w:p>
          <w:p w:rsidR="00156FB3" w:rsidRDefault="00156FB3" w:rsidP="00156FB3">
            <w:r>
              <w:t xml:space="preserve">     * performs a stable sort, that is, it preserves the original sort order of</w:t>
            </w:r>
          </w:p>
          <w:p w:rsidR="00156FB3" w:rsidRDefault="00156FB3" w:rsidP="00156FB3">
            <w:r>
              <w:t xml:space="preserve">     * equal elements. The iteratees are invoked with one argument: (valu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Collection</w:t>
            </w:r>
          </w:p>
          <w:p w:rsidR="00156FB3" w:rsidRDefault="00156FB3" w:rsidP="00156FB3">
            <w:r>
              <w:t xml:space="preserve">     * @param {Array|Object} collection The collection to iterate over.</w:t>
            </w:r>
          </w:p>
          <w:p w:rsidR="00156FB3" w:rsidRDefault="00156FB3" w:rsidP="00156FB3">
            <w:r>
              <w:t xml:space="preserve">     * @param {...(Function|Function[])} [iteratees=[_.identity]]</w:t>
            </w:r>
          </w:p>
          <w:p w:rsidR="00156FB3" w:rsidRDefault="00156FB3" w:rsidP="00156FB3">
            <w:r>
              <w:t xml:space="preserve">     *  The iteratees to sort by.</w:t>
            </w:r>
          </w:p>
          <w:p w:rsidR="00156FB3" w:rsidRDefault="00156FB3" w:rsidP="00156FB3">
            <w:r>
              <w:t xml:space="preserve">     * @returns {Array} Returns the new sorted array.</w:t>
            </w:r>
          </w:p>
          <w:p w:rsidR="00156FB3" w:rsidRDefault="00156FB3" w:rsidP="00156FB3">
            <w:r>
              <w:t xml:space="preserve">     * @example</w:t>
            </w:r>
          </w:p>
          <w:p w:rsidR="00156FB3" w:rsidRDefault="00156FB3" w:rsidP="00156FB3">
            <w:r>
              <w:t xml:space="preserve">     *</w:t>
            </w:r>
          </w:p>
          <w:p w:rsidR="00156FB3" w:rsidRDefault="00156FB3" w:rsidP="00156FB3">
            <w:r>
              <w:t xml:space="preserve">     * var users = [</w:t>
            </w:r>
          </w:p>
          <w:p w:rsidR="00156FB3" w:rsidRDefault="00156FB3" w:rsidP="00156FB3">
            <w:r>
              <w:t xml:space="preserve">     *   { 'user': 'fred',   'age': 48 },</w:t>
            </w:r>
          </w:p>
          <w:p w:rsidR="00156FB3" w:rsidRDefault="00156FB3" w:rsidP="00156FB3">
            <w:r>
              <w:t xml:space="preserve">     *   { 'user': 'barney', 'age': 36 },</w:t>
            </w:r>
          </w:p>
          <w:p w:rsidR="00156FB3" w:rsidRDefault="00156FB3" w:rsidP="00156FB3">
            <w:r>
              <w:t xml:space="preserve">     *   { 'user': 'fred',   'age': 40 },</w:t>
            </w:r>
          </w:p>
          <w:p w:rsidR="00156FB3" w:rsidRDefault="00156FB3" w:rsidP="00156FB3">
            <w:r>
              <w:t xml:space="preserve">     *   { 'user': 'barney', 'age': 34 }</w:t>
            </w:r>
          </w:p>
          <w:p w:rsidR="00156FB3" w:rsidRDefault="00156FB3" w:rsidP="00156FB3">
            <w:r>
              <w:lastRenderedPageBreak/>
              <w:t xml:space="preserve">     * ];</w:t>
            </w:r>
          </w:p>
          <w:p w:rsidR="00156FB3" w:rsidRDefault="00156FB3" w:rsidP="00156FB3">
            <w:r>
              <w:t xml:space="preserve">     *</w:t>
            </w:r>
          </w:p>
          <w:p w:rsidR="00156FB3" w:rsidRDefault="00156FB3" w:rsidP="00156FB3">
            <w:r>
              <w:t xml:space="preserve">     * _.sortBy(users, [function(o) { return o.user; }]);</w:t>
            </w:r>
          </w:p>
          <w:p w:rsidR="00156FB3" w:rsidRDefault="00156FB3" w:rsidP="00156FB3">
            <w:r>
              <w:t xml:space="preserve">     * // =&gt; objects for [['barney', 36], ['barney', 34], ['fred', 48], ['fred', 40]]</w:t>
            </w:r>
          </w:p>
          <w:p w:rsidR="00156FB3" w:rsidRDefault="00156FB3" w:rsidP="00156FB3">
            <w:r>
              <w:t xml:space="preserve">     *</w:t>
            </w:r>
          </w:p>
          <w:p w:rsidR="00156FB3" w:rsidRDefault="00156FB3" w:rsidP="00156FB3">
            <w:r>
              <w:t xml:space="preserve">     * _.sortBy(users, ['user', 'age']);</w:t>
            </w:r>
          </w:p>
          <w:p w:rsidR="00156FB3" w:rsidRDefault="00156FB3" w:rsidP="00156FB3">
            <w:r>
              <w:t xml:space="preserve">     * // =&gt; objects for [['barney', 34], ['barney', 36], ['fred', 40], ['fred', 48]]</w:t>
            </w:r>
          </w:p>
          <w:p w:rsidR="00156FB3" w:rsidRDefault="00156FB3" w:rsidP="00156FB3">
            <w:r>
              <w:t xml:space="preserve">     */</w:t>
            </w:r>
          </w:p>
          <w:p w:rsidR="00156FB3" w:rsidRDefault="00156FB3" w:rsidP="00156FB3">
            <w:r>
              <w:t xml:space="preserve">    var sortBy = baseRest(function(collection, iteratees) {</w:t>
            </w:r>
          </w:p>
          <w:p w:rsidR="00156FB3" w:rsidRDefault="00156FB3" w:rsidP="00156FB3">
            <w:r>
              <w:t xml:space="preserve">      if (collection == null) {</w:t>
            </w:r>
          </w:p>
          <w:p w:rsidR="00156FB3" w:rsidRDefault="00156FB3" w:rsidP="00156FB3">
            <w:r>
              <w:t xml:space="preserve">        return [];</w:t>
            </w:r>
          </w:p>
          <w:p w:rsidR="00156FB3" w:rsidRDefault="00156FB3" w:rsidP="00156FB3">
            <w:r>
              <w:t xml:space="preserve">      }</w:t>
            </w:r>
          </w:p>
          <w:p w:rsidR="00156FB3" w:rsidRDefault="00156FB3" w:rsidP="00156FB3">
            <w:r>
              <w:t xml:space="preserve">      var length = iteratees.length;</w:t>
            </w:r>
          </w:p>
          <w:p w:rsidR="00156FB3" w:rsidRDefault="00156FB3" w:rsidP="00156FB3">
            <w:r>
              <w:t xml:space="preserve">      if (length &gt; 1 &amp;&amp; isIterateeCall(collection, iteratees[0], iteratees[1])) {</w:t>
            </w:r>
          </w:p>
          <w:p w:rsidR="00156FB3" w:rsidRDefault="00156FB3" w:rsidP="00156FB3">
            <w:r>
              <w:t xml:space="preserve">        iteratees = [];</w:t>
            </w:r>
          </w:p>
          <w:p w:rsidR="00156FB3" w:rsidRDefault="00156FB3" w:rsidP="00156FB3">
            <w:r>
              <w:t xml:space="preserve">      } else if (length &gt; 2 &amp;&amp; isIterateeCall(iteratees[0], iteratees[1], iteratees[2])) {</w:t>
            </w:r>
          </w:p>
          <w:p w:rsidR="00156FB3" w:rsidRDefault="00156FB3" w:rsidP="00156FB3">
            <w:r>
              <w:t xml:space="preserve">        iteratees = [iteratees[0]];</w:t>
            </w:r>
          </w:p>
          <w:p w:rsidR="00156FB3" w:rsidRDefault="00156FB3" w:rsidP="00156FB3">
            <w:r>
              <w:t xml:space="preserve">      }</w:t>
            </w:r>
          </w:p>
          <w:p w:rsidR="00156FB3" w:rsidRDefault="00156FB3" w:rsidP="00156FB3">
            <w:r>
              <w:t xml:space="preserve">      return baseOrderBy(collection, baseFlatten(iteratees, 1),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timestamp of the number of milliseconds that have elapsed since</w:t>
            </w:r>
          </w:p>
          <w:p w:rsidR="00156FB3" w:rsidRDefault="00156FB3" w:rsidP="00156FB3">
            <w:r>
              <w:t xml:space="preserve">     * the Unix epoch (1 January 1970 00:00:00 UTC).</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2.4.0</w:t>
            </w:r>
          </w:p>
          <w:p w:rsidR="00156FB3" w:rsidRDefault="00156FB3" w:rsidP="00156FB3">
            <w:r>
              <w:t xml:space="preserve">     * @category Date</w:t>
            </w:r>
          </w:p>
          <w:p w:rsidR="00156FB3" w:rsidRDefault="00156FB3" w:rsidP="00156FB3">
            <w:r>
              <w:t xml:space="preserve">     * @returns {number} Returns the timestamp.</w:t>
            </w:r>
          </w:p>
          <w:p w:rsidR="00156FB3" w:rsidRDefault="00156FB3" w:rsidP="00156FB3">
            <w:r>
              <w:t xml:space="preserve">     * @example</w:t>
            </w:r>
          </w:p>
          <w:p w:rsidR="00156FB3" w:rsidRDefault="00156FB3" w:rsidP="00156FB3">
            <w:r>
              <w:t xml:space="preserve">     *</w:t>
            </w:r>
          </w:p>
          <w:p w:rsidR="00156FB3" w:rsidRDefault="00156FB3" w:rsidP="00156FB3">
            <w:r>
              <w:t xml:space="preserve">     * _.defer(function(stamp) {</w:t>
            </w:r>
          </w:p>
          <w:p w:rsidR="00156FB3" w:rsidRDefault="00156FB3" w:rsidP="00156FB3">
            <w:r>
              <w:t xml:space="preserve">     *   console.log(_.now() - stamp);</w:t>
            </w:r>
          </w:p>
          <w:p w:rsidR="00156FB3" w:rsidRDefault="00156FB3" w:rsidP="00156FB3">
            <w:r>
              <w:t xml:space="preserve">     * }, _.now());</w:t>
            </w:r>
          </w:p>
          <w:p w:rsidR="00156FB3" w:rsidRDefault="00156FB3" w:rsidP="00156FB3">
            <w:r>
              <w:t xml:space="preserve">     * // =&gt; Logs the number of milliseconds it took for the deferred invocation.</w:t>
            </w:r>
          </w:p>
          <w:p w:rsidR="00156FB3" w:rsidRDefault="00156FB3" w:rsidP="00156FB3">
            <w:r>
              <w:t xml:space="preserve">     */</w:t>
            </w:r>
          </w:p>
          <w:p w:rsidR="00156FB3" w:rsidRDefault="00156FB3" w:rsidP="00156FB3">
            <w:r>
              <w:t xml:space="preserve">    var now = ctxNow || function() {</w:t>
            </w:r>
          </w:p>
          <w:p w:rsidR="00156FB3" w:rsidRDefault="00156FB3" w:rsidP="00156FB3">
            <w:r>
              <w:t xml:space="preserve">      return root.Date.now();</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opposite of `_.before`; this method creates a function that invokes</w:t>
            </w:r>
          </w:p>
          <w:p w:rsidR="00156FB3" w:rsidRDefault="00156FB3" w:rsidP="00156FB3">
            <w:r>
              <w:t xml:space="preserve">     * `func` once it's called `n` or more times.</w:t>
            </w:r>
          </w:p>
          <w:p w:rsidR="00156FB3" w:rsidRDefault="00156FB3" w:rsidP="00156FB3">
            <w:r>
              <w:lastRenderedPageBreak/>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Function</w:t>
            </w:r>
          </w:p>
          <w:p w:rsidR="00156FB3" w:rsidRDefault="00156FB3" w:rsidP="00156FB3">
            <w:r>
              <w:t xml:space="preserve">     * @param {number} n The number of calls before `func` is invoked.</w:t>
            </w:r>
          </w:p>
          <w:p w:rsidR="00156FB3" w:rsidRDefault="00156FB3" w:rsidP="00156FB3">
            <w:r>
              <w:t xml:space="preserve">     * @param {Function} func The function to restrict.</w:t>
            </w:r>
          </w:p>
          <w:p w:rsidR="00156FB3" w:rsidRDefault="00156FB3" w:rsidP="00156FB3">
            <w:r>
              <w:t xml:space="preserve">     * @returns {Function} Returns the new restricted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saves = ['profile', 'settings'];</w:t>
            </w:r>
          </w:p>
          <w:p w:rsidR="00156FB3" w:rsidRDefault="00156FB3" w:rsidP="00156FB3">
            <w:r>
              <w:t xml:space="preserve">     *</w:t>
            </w:r>
          </w:p>
          <w:p w:rsidR="00156FB3" w:rsidRDefault="00156FB3" w:rsidP="00156FB3">
            <w:r>
              <w:t xml:space="preserve">     * var done = _.after(saves.length, function() {</w:t>
            </w:r>
          </w:p>
          <w:p w:rsidR="00156FB3" w:rsidRDefault="00156FB3" w:rsidP="00156FB3">
            <w:r>
              <w:t xml:space="preserve">     *   console.log('done saving!');</w:t>
            </w:r>
          </w:p>
          <w:p w:rsidR="00156FB3" w:rsidRDefault="00156FB3" w:rsidP="00156FB3">
            <w:r>
              <w:t xml:space="preserve">     * });</w:t>
            </w:r>
          </w:p>
          <w:p w:rsidR="00156FB3" w:rsidRDefault="00156FB3" w:rsidP="00156FB3">
            <w:r>
              <w:t xml:space="preserve">     *</w:t>
            </w:r>
          </w:p>
          <w:p w:rsidR="00156FB3" w:rsidRDefault="00156FB3" w:rsidP="00156FB3">
            <w:r>
              <w:t xml:space="preserve">     * _.forEach(saves, function(type) {</w:t>
            </w:r>
          </w:p>
          <w:p w:rsidR="00156FB3" w:rsidRDefault="00156FB3" w:rsidP="00156FB3">
            <w:r>
              <w:t xml:space="preserve">     *   asyncSave({ 'type': type, 'complete': done });</w:t>
            </w:r>
          </w:p>
          <w:p w:rsidR="00156FB3" w:rsidRDefault="00156FB3" w:rsidP="00156FB3">
            <w:r>
              <w:t xml:space="preserve">     * });</w:t>
            </w:r>
          </w:p>
          <w:p w:rsidR="00156FB3" w:rsidRDefault="00156FB3" w:rsidP="00156FB3">
            <w:r>
              <w:t xml:space="preserve">     * // =&gt; Logs 'done saving!' after the two async saves have completed.</w:t>
            </w:r>
          </w:p>
          <w:p w:rsidR="00156FB3" w:rsidRDefault="00156FB3" w:rsidP="00156FB3">
            <w:r>
              <w:t xml:space="preserve">     */</w:t>
            </w:r>
          </w:p>
          <w:p w:rsidR="00156FB3" w:rsidRDefault="00156FB3" w:rsidP="00156FB3">
            <w:r>
              <w:t xml:space="preserve">    function after(n, func) {</w:t>
            </w:r>
          </w:p>
          <w:p w:rsidR="00156FB3" w:rsidRDefault="00156FB3" w:rsidP="00156FB3">
            <w:r>
              <w:t xml:space="preserve">      if (typeof func != 'function') {</w:t>
            </w:r>
          </w:p>
          <w:p w:rsidR="00156FB3" w:rsidRDefault="00156FB3" w:rsidP="00156FB3">
            <w:r>
              <w:t xml:space="preserve">        throw new TypeError(FUNC_ERROR_TEXT);</w:t>
            </w:r>
          </w:p>
          <w:p w:rsidR="00156FB3" w:rsidRDefault="00156FB3" w:rsidP="00156FB3">
            <w:r>
              <w:t xml:space="preserve">      }</w:t>
            </w:r>
          </w:p>
          <w:p w:rsidR="00156FB3" w:rsidRDefault="00156FB3" w:rsidP="00156FB3">
            <w:r>
              <w:t xml:space="preserve">      n = toInteger(n);</w:t>
            </w:r>
          </w:p>
          <w:p w:rsidR="00156FB3" w:rsidRDefault="00156FB3" w:rsidP="00156FB3">
            <w:r>
              <w:t xml:space="preserve">      return function() {</w:t>
            </w:r>
          </w:p>
          <w:p w:rsidR="00156FB3" w:rsidRDefault="00156FB3" w:rsidP="00156FB3">
            <w:r>
              <w:t xml:space="preserve">        if (--n &lt; 1) {</w:t>
            </w:r>
          </w:p>
          <w:p w:rsidR="00156FB3" w:rsidRDefault="00156FB3" w:rsidP="00156FB3">
            <w:r>
              <w:t xml:space="preserve">          return func.apply(this, arguments);</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invokes `func`, with up to `n` arguments,</w:t>
            </w:r>
          </w:p>
          <w:p w:rsidR="00156FB3" w:rsidRDefault="00156FB3" w:rsidP="00156FB3">
            <w:r>
              <w:t xml:space="preserve">     * ignoring any additional argument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Function</w:t>
            </w:r>
          </w:p>
          <w:p w:rsidR="00156FB3" w:rsidRDefault="00156FB3" w:rsidP="00156FB3">
            <w:r>
              <w:t xml:space="preserve">     * @param {Function} func The function to cap arguments for.</w:t>
            </w:r>
          </w:p>
          <w:p w:rsidR="00156FB3" w:rsidRDefault="00156FB3" w:rsidP="00156FB3">
            <w:r>
              <w:t xml:space="preserve">     * @param {number} [n=func.length] The arity cap.</w:t>
            </w:r>
          </w:p>
          <w:p w:rsidR="00156FB3" w:rsidRDefault="00156FB3" w:rsidP="00156FB3">
            <w:r>
              <w:t xml:space="preserve">     * @param- {Object} [guard] Enables use as an iteratee for methods like `_.map`.</w:t>
            </w:r>
          </w:p>
          <w:p w:rsidR="00156FB3" w:rsidRDefault="00156FB3" w:rsidP="00156FB3">
            <w:r>
              <w:t xml:space="preserve">     * @returns {Function} Returns the new capped function.</w:t>
            </w:r>
          </w:p>
          <w:p w:rsidR="00156FB3" w:rsidRDefault="00156FB3" w:rsidP="00156FB3">
            <w:r>
              <w:t xml:space="preserve">     * @example</w:t>
            </w:r>
          </w:p>
          <w:p w:rsidR="00156FB3" w:rsidRDefault="00156FB3" w:rsidP="00156FB3">
            <w:r>
              <w:t xml:space="preserve">     *</w:t>
            </w:r>
          </w:p>
          <w:p w:rsidR="00156FB3" w:rsidRDefault="00156FB3" w:rsidP="00156FB3">
            <w:r>
              <w:t xml:space="preserve">     * _.map(['6', '8', '10'], _.ary(parseInt, 1));</w:t>
            </w:r>
          </w:p>
          <w:p w:rsidR="00156FB3" w:rsidRDefault="00156FB3" w:rsidP="00156FB3">
            <w:r>
              <w:lastRenderedPageBreak/>
              <w:t xml:space="preserve">     * // =&gt; [6, 8, 10]</w:t>
            </w:r>
          </w:p>
          <w:p w:rsidR="00156FB3" w:rsidRDefault="00156FB3" w:rsidP="00156FB3">
            <w:r>
              <w:t xml:space="preserve">     */</w:t>
            </w:r>
          </w:p>
          <w:p w:rsidR="00156FB3" w:rsidRDefault="00156FB3" w:rsidP="00156FB3">
            <w:r>
              <w:t xml:space="preserve">    function ary(func, n, guard) {</w:t>
            </w:r>
          </w:p>
          <w:p w:rsidR="00156FB3" w:rsidRDefault="00156FB3" w:rsidP="00156FB3">
            <w:r>
              <w:t xml:space="preserve">      n = guard ? undefined : n;</w:t>
            </w:r>
          </w:p>
          <w:p w:rsidR="00156FB3" w:rsidRDefault="00156FB3" w:rsidP="00156FB3">
            <w:r>
              <w:t xml:space="preserve">      n = (func &amp;&amp; n == null) ? func.length : n;</w:t>
            </w:r>
          </w:p>
          <w:p w:rsidR="00156FB3" w:rsidRDefault="00156FB3" w:rsidP="00156FB3">
            <w:r>
              <w:t xml:space="preserve">      return createWrap(func, WRAP_ARY_FLAG, undefined, undefined, undefined, undefined, n);</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invokes `func`, with the `this` binding and arguments</w:t>
            </w:r>
          </w:p>
          <w:p w:rsidR="00156FB3" w:rsidRDefault="00156FB3" w:rsidP="00156FB3">
            <w:r>
              <w:t xml:space="preserve">     * of the created function, while it's called less than `n` times. Subsequent</w:t>
            </w:r>
          </w:p>
          <w:p w:rsidR="00156FB3" w:rsidRDefault="00156FB3" w:rsidP="00156FB3">
            <w:r>
              <w:t xml:space="preserve">     * calls to the created function return the result of the last `func` invocation.</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Function</w:t>
            </w:r>
          </w:p>
          <w:p w:rsidR="00156FB3" w:rsidRDefault="00156FB3" w:rsidP="00156FB3">
            <w:r>
              <w:t xml:space="preserve">     * @param {number} n The number of calls at which `func` is no longer invoked.</w:t>
            </w:r>
          </w:p>
          <w:p w:rsidR="00156FB3" w:rsidRDefault="00156FB3" w:rsidP="00156FB3">
            <w:r>
              <w:t xml:space="preserve">     * @param {Function} func The function to restrict.</w:t>
            </w:r>
          </w:p>
          <w:p w:rsidR="00156FB3" w:rsidRDefault="00156FB3" w:rsidP="00156FB3">
            <w:r>
              <w:t xml:space="preserve">     * @returns {Function} Returns the new restricted function.</w:t>
            </w:r>
          </w:p>
          <w:p w:rsidR="00156FB3" w:rsidRDefault="00156FB3" w:rsidP="00156FB3">
            <w:r>
              <w:t xml:space="preserve">     * @example</w:t>
            </w:r>
          </w:p>
          <w:p w:rsidR="00156FB3" w:rsidRDefault="00156FB3" w:rsidP="00156FB3">
            <w:r>
              <w:t xml:space="preserve">     *</w:t>
            </w:r>
          </w:p>
          <w:p w:rsidR="00156FB3" w:rsidRDefault="00156FB3" w:rsidP="00156FB3">
            <w:r>
              <w:t xml:space="preserve">     * jQuery(element).on('click', _.before(5, addContactToList));</w:t>
            </w:r>
          </w:p>
          <w:p w:rsidR="00156FB3" w:rsidRDefault="00156FB3" w:rsidP="00156FB3">
            <w:r>
              <w:t xml:space="preserve">     * // =&gt; Allows adding up to 4 contacts to the list.</w:t>
            </w:r>
          </w:p>
          <w:p w:rsidR="00156FB3" w:rsidRDefault="00156FB3" w:rsidP="00156FB3">
            <w:r>
              <w:t xml:space="preserve">     */</w:t>
            </w:r>
          </w:p>
          <w:p w:rsidR="00156FB3" w:rsidRDefault="00156FB3" w:rsidP="00156FB3">
            <w:r>
              <w:t xml:space="preserve">    function before(n, func) {</w:t>
            </w:r>
          </w:p>
          <w:p w:rsidR="00156FB3" w:rsidRDefault="00156FB3" w:rsidP="00156FB3">
            <w:r>
              <w:t xml:space="preserve">      var result;</w:t>
            </w:r>
          </w:p>
          <w:p w:rsidR="00156FB3" w:rsidRDefault="00156FB3" w:rsidP="00156FB3">
            <w:r>
              <w:t xml:space="preserve">      if (typeof func != 'function') {</w:t>
            </w:r>
          </w:p>
          <w:p w:rsidR="00156FB3" w:rsidRDefault="00156FB3" w:rsidP="00156FB3">
            <w:r>
              <w:t xml:space="preserve">        throw new TypeError(FUNC_ERROR_TEXT);</w:t>
            </w:r>
          </w:p>
          <w:p w:rsidR="00156FB3" w:rsidRDefault="00156FB3" w:rsidP="00156FB3">
            <w:r>
              <w:t xml:space="preserve">      }</w:t>
            </w:r>
          </w:p>
          <w:p w:rsidR="00156FB3" w:rsidRDefault="00156FB3" w:rsidP="00156FB3">
            <w:r>
              <w:t xml:space="preserve">      n = toInteger(n);</w:t>
            </w:r>
          </w:p>
          <w:p w:rsidR="00156FB3" w:rsidRDefault="00156FB3" w:rsidP="00156FB3">
            <w:r>
              <w:t xml:space="preserve">      return function() {</w:t>
            </w:r>
          </w:p>
          <w:p w:rsidR="00156FB3" w:rsidRDefault="00156FB3" w:rsidP="00156FB3">
            <w:r>
              <w:t xml:space="preserve">        if (--n &gt; 0) {</w:t>
            </w:r>
          </w:p>
          <w:p w:rsidR="00156FB3" w:rsidRDefault="00156FB3" w:rsidP="00156FB3">
            <w:r>
              <w:t xml:space="preserve">          result = func.apply(this, arguments);</w:t>
            </w:r>
          </w:p>
          <w:p w:rsidR="00156FB3" w:rsidRDefault="00156FB3" w:rsidP="00156FB3">
            <w:r>
              <w:t xml:space="preserve">        }</w:t>
            </w:r>
          </w:p>
          <w:p w:rsidR="00156FB3" w:rsidRDefault="00156FB3" w:rsidP="00156FB3">
            <w:r>
              <w:t xml:space="preserve">        if (n &lt;= 1) {</w:t>
            </w:r>
          </w:p>
          <w:p w:rsidR="00156FB3" w:rsidRDefault="00156FB3" w:rsidP="00156FB3">
            <w:r>
              <w:t xml:space="preserve">          func = undefined;</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invokes `func` with the `this` binding of `thisArg`</w:t>
            </w:r>
          </w:p>
          <w:p w:rsidR="00156FB3" w:rsidRDefault="00156FB3" w:rsidP="00156FB3">
            <w:r>
              <w:t xml:space="preserve">     * and `partials` prepended to the arguments it receives.</w:t>
            </w:r>
          </w:p>
          <w:p w:rsidR="00156FB3" w:rsidRDefault="00156FB3" w:rsidP="00156FB3">
            <w:r>
              <w:t xml:space="preserve">     *</w:t>
            </w:r>
          </w:p>
          <w:p w:rsidR="00156FB3" w:rsidRDefault="00156FB3" w:rsidP="00156FB3">
            <w:r>
              <w:t xml:space="preserve">     * The `_.bind.placeholder` value, which defaults to `_` in monolithic builds,</w:t>
            </w:r>
          </w:p>
          <w:p w:rsidR="00156FB3" w:rsidRDefault="00156FB3" w:rsidP="00156FB3">
            <w:r>
              <w:t xml:space="preserve">     * may be used as a placeholder for partially applied arguments.</w:t>
            </w:r>
          </w:p>
          <w:p w:rsidR="00156FB3" w:rsidRDefault="00156FB3" w:rsidP="00156FB3">
            <w:r>
              <w:lastRenderedPageBreak/>
              <w:t xml:space="preserve">     *</w:t>
            </w:r>
          </w:p>
          <w:p w:rsidR="00156FB3" w:rsidRDefault="00156FB3" w:rsidP="00156FB3">
            <w:r>
              <w:t xml:space="preserve">     * **Note:** Unlike native `Function#bind`, this method doesn't set the "length"</w:t>
            </w:r>
          </w:p>
          <w:p w:rsidR="00156FB3" w:rsidRDefault="00156FB3" w:rsidP="00156FB3">
            <w:r>
              <w:t xml:space="preserve">     * property of bound function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Function</w:t>
            </w:r>
          </w:p>
          <w:p w:rsidR="00156FB3" w:rsidRDefault="00156FB3" w:rsidP="00156FB3">
            <w:r>
              <w:t xml:space="preserve">     * @param {Function} func The function to bind.</w:t>
            </w:r>
          </w:p>
          <w:p w:rsidR="00156FB3" w:rsidRDefault="00156FB3" w:rsidP="00156FB3">
            <w:r>
              <w:t xml:space="preserve">     * @param {*} thisArg The `this` binding of `func`.</w:t>
            </w:r>
          </w:p>
          <w:p w:rsidR="00156FB3" w:rsidRDefault="00156FB3" w:rsidP="00156FB3">
            <w:r>
              <w:t xml:space="preserve">     * @param {...*} [partials] The arguments to be partially applied.</w:t>
            </w:r>
          </w:p>
          <w:p w:rsidR="00156FB3" w:rsidRDefault="00156FB3" w:rsidP="00156FB3">
            <w:r>
              <w:t xml:space="preserve">     * @returns {Function} Returns the new bound function.</w:t>
            </w:r>
          </w:p>
          <w:p w:rsidR="00156FB3" w:rsidRDefault="00156FB3" w:rsidP="00156FB3">
            <w:r>
              <w:t xml:space="preserve">     * @example</w:t>
            </w:r>
          </w:p>
          <w:p w:rsidR="00156FB3" w:rsidRDefault="00156FB3" w:rsidP="00156FB3">
            <w:r>
              <w:t xml:space="preserve">     *</w:t>
            </w:r>
          </w:p>
          <w:p w:rsidR="00156FB3" w:rsidRDefault="00156FB3" w:rsidP="00156FB3">
            <w:r>
              <w:t xml:space="preserve">     * function greet(greeting, punctuation) {</w:t>
            </w:r>
          </w:p>
          <w:p w:rsidR="00156FB3" w:rsidRDefault="00156FB3" w:rsidP="00156FB3">
            <w:r>
              <w:t xml:space="preserve">     *   return greeting + ' ' + this.user + punctuation;</w:t>
            </w:r>
          </w:p>
          <w:p w:rsidR="00156FB3" w:rsidRDefault="00156FB3" w:rsidP="00156FB3">
            <w:r>
              <w:t xml:space="preserve">     * }</w:t>
            </w:r>
          </w:p>
          <w:p w:rsidR="00156FB3" w:rsidRDefault="00156FB3" w:rsidP="00156FB3">
            <w:r>
              <w:t xml:space="preserve">     *</w:t>
            </w:r>
          </w:p>
          <w:p w:rsidR="00156FB3" w:rsidRDefault="00156FB3" w:rsidP="00156FB3">
            <w:r>
              <w:t xml:space="preserve">     * var object = { 'user': 'fred' };</w:t>
            </w:r>
          </w:p>
          <w:p w:rsidR="00156FB3" w:rsidRDefault="00156FB3" w:rsidP="00156FB3">
            <w:r>
              <w:t xml:space="preserve">     *</w:t>
            </w:r>
          </w:p>
          <w:p w:rsidR="00156FB3" w:rsidRDefault="00156FB3" w:rsidP="00156FB3">
            <w:r>
              <w:t xml:space="preserve">     * var bound = _.bind(greet, object, 'hi');</w:t>
            </w:r>
          </w:p>
          <w:p w:rsidR="00156FB3" w:rsidRDefault="00156FB3" w:rsidP="00156FB3">
            <w:r>
              <w:t xml:space="preserve">     * bound('!');</w:t>
            </w:r>
          </w:p>
          <w:p w:rsidR="00156FB3" w:rsidRDefault="00156FB3" w:rsidP="00156FB3">
            <w:r>
              <w:t xml:space="preserve">     * // =&gt; 'hi fred!'</w:t>
            </w:r>
          </w:p>
          <w:p w:rsidR="00156FB3" w:rsidRDefault="00156FB3" w:rsidP="00156FB3">
            <w:r>
              <w:t xml:space="preserve">     *</w:t>
            </w:r>
          </w:p>
          <w:p w:rsidR="00156FB3" w:rsidRDefault="00156FB3" w:rsidP="00156FB3">
            <w:r>
              <w:t xml:space="preserve">     * // Bound with placeholders.</w:t>
            </w:r>
          </w:p>
          <w:p w:rsidR="00156FB3" w:rsidRDefault="00156FB3" w:rsidP="00156FB3">
            <w:r>
              <w:t xml:space="preserve">     * var bound = _.bind(greet, object, _, '!');</w:t>
            </w:r>
          </w:p>
          <w:p w:rsidR="00156FB3" w:rsidRDefault="00156FB3" w:rsidP="00156FB3">
            <w:r>
              <w:t xml:space="preserve">     * bound('hi');</w:t>
            </w:r>
          </w:p>
          <w:p w:rsidR="00156FB3" w:rsidRDefault="00156FB3" w:rsidP="00156FB3">
            <w:r>
              <w:t xml:space="preserve">     * // =&gt; 'hi fred!'</w:t>
            </w:r>
          </w:p>
          <w:p w:rsidR="00156FB3" w:rsidRDefault="00156FB3" w:rsidP="00156FB3">
            <w:r>
              <w:t xml:space="preserve">     */</w:t>
            </w:r>
          </w:p>
          <w:p w:rsidR="00156FB3" w:rsidRDefault="00156FB3" w:rsidP="00156FB3">
            <w:r>
              <w:t xml:space="preserve">    var bind = baseRest(function(func, thisArg, partials) {</w:t>
            </w:r>
          </w:p>
          <w:p w:rsidR="00156FB3" w:rsidRDefault="00156FB3" w:rsidP="00156FB3">
            <w:r>
              <w:t xml:space="preserve">      var bitmask = WRAP_BIND_FLAG;</w:t>
            </w:r>
          </w:p>
          <w:p w:rsidR="00156FB3" w:rsidRDefault="00156FB3" w:rsidP="00156FB3">
            <w:r>
              <w:t xml:space="preserve">      if (partials.length) {</w:t>
            </w:r>
          </w:p>
          <w:p w:rsidR="00156FB3" w:rsidRDefault="00156FB3" w:rsidP="00156FB3">
            <w:r>
              <w:t xml:space="preserve">        var holders = replaceHolders(partials, getHolder(bind));</w:t>
            </w:r>
          </w:p>
          <w:p w:rsidR="00156FB3" w:rsidRDefault="00156FB3" w:rsidP="00156FB3">
            <w:r>
              <w:t xml:space="preserve">        bitmask |= WRAP_PARTIAL_FLAG;</w:t>
            </w:r>
          </w:p>
          <w:p w:rsidR="00156FB3" w:rsidRDefault="00156FB3" w:rsidP="00156FB3">
            <w:r>
              <w:t xml:space="preserve">      }</w:t>
            </w:r>
          </w:p>
          <w:p w:rsidR="00156FB3" w:rsidRDefault="00156FB3" w:rsidP="00156FB3">
            <w:r>
              <w:t xml:space="preserve">      return createWrap(func, bitmask, thisArg, partials, holder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invokes the method at `object[key]` with `partials`</w:t>
            </w:r>
          </w:p>
          <w:p w:rsidR="00156FB3" w:rsidRDefault="00156FB3" w:rsidP="00156FB3">
            <w:r>
              <w:t xml:space="preserve">     * prepended to the arguments it receives.</w:t>
            </w:r>
          </w:p>
          <w:p w:rsidR="00156FB3" w:rsidRDefault="00156FB3" w:rsidP="00156FB3">
            <w:r>
              <w:t xml:space="preserve">     *</w:t>
            </w:r>
          </w:p>
          <w:p w:rsidR="00156FB3" w:rsidRDefault="00156FB3" w:rsidP="00156FB3">
            <w:r>
              <w:t xml:space="preserve">     * This method differs from `_.bind` by allowing bound functions to reference</w:t>
            </w:r>
          </w:p>
          <w:p w:rsidR="00156FB3" w:rsidRDefault="00156FB3" w:rsidP="00156FB3">
            <w:r>
              <w:t xml:space="preserve">     * methods that may be redefined or don't yet exist. See</w:t>
            </w:r>
          </w:p>
          <w:p w:rsidR="00156FB3" w:rsidRDefault="00156FB3" w:rsidP="00156FB3">
            <w:r>
              <w:t xml:space="preserve">     * [Peter Michaux's article](http://peter.michaux.ca/articles/lazy-function-definition-pattern)</w:t>
            </w:r>
          </w:p>
          <w:p w:rsidR="00156FB3" w:rsidRDefault="00156FB3" w:rsidP="00156FB3">
            <w:r>
              <w:t xml:space="preserve">     * for more details.</w:t>
            </w:r>
          </w:p>
          <w:p w:rsidR="00156FB3" w:rsidRDefault="00156FB3" w:rsidP="00156FB3">
            <w:r>
              <w:t xml:space="preserve">     *</w:t>
            </w:r>
          </w:p>
          <w:p w:rsidR="00156FB3" w:rsidRDefault="00156FB3" w:rsidP="00156FB3">
            <w:r>
              <w:t xml:space="preserve">     * The `_.bindKey.placeholder` value, which defaults to `_` in monolithic</w:t>
            </w:r>
          </w:p>
          <w:p w:rsidR="00156FB3" w:rsidRDefault="00156FB3" w:rsidP="00156FB3">
            <w:r>
              <w:lastRenderedPageBreak/>
              <w:t xml:space="preserve">     * builds, may be used as a placeholder for partially applied argument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0</w:t>
            </w:r>
          </w:p>
          <w:p w:rsidR="00156FB3" w:rsidRDefault="00156FB3" w:rsidP="00156FB3">
            <w:r>
              <w:t xml:space="preserve">     * @category Function</w:t>
            </w:r>
          </w:p>
          <w:p w:rsidR="00156FB3" w:rsidRDefault="00156FB3" w:rsidP="00156FB3">
            <w:r>
              <w:t xml:space="preserve">     * @param {Object} object The object to invoke the method on.</w:t>
            </w:r>
          </w:p>
          <w:p w:rsidR="00156FB3" w:rsidRDefault="00156FB3" w:rsidP="00156FB3">
            <w:r>
              <w:t xml:space="preserve">     * @param {string} key The key of the method.</w:t>
            </w:r>
          </w:p>
          <w:p w:rsidR="00156FB3" w:rsidRDefault="00156FB3" w:rsidP="00156FB3">
            <w:r>
              <w:t xml:space="preserve">     * @param {...*} [partials] The arguments to be partially applied.</w:t>
            </w:r>
          </w:p>
          <w:p w:rsidR="00156FB3" w:rsidRDefault="00156FB3" w:rsidP="00156FB3">
            <w:r>
              <w:t xml:space="preserve">     * @returns {Function} Returns the new bound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w:t>
            </w:r>
          </w:p>
          <w:p w:rsidR="00156FB3" w:rsidRDefault="00156FB3" w:rsidP="00156FB3">
            <w:r>
              <w:t xml:space="preserve">     *   'user': 'fred',</w:t>
            </w:r>
          </w:p>
          <w:p w:rsidR="00156FB3" w:rsidRDefault="00156FB3" w:rsidP="00156FB3">
            <w:r>
              <w:t xml:space="preserve">     *   'greet': function(greeting, punctuation) {</w:t>
            </w:r>
          </w:p>
          <w:p w:rsidR="00156FB3" w:rsidRDefault="00156FB3" w:rsidP="00156FB3">
            <w:r>
              <w:t xml:space="preserve">     *     return greeting + ' ' + this.user + punctuation;</w:t>
            </w:r>
          </w:p>
          <w:p w:rsidR="00156FB3" w:rsidRDefault="00156FB3" w:rsidP="00156FB3">
            <w:r>
              <w:t xml:space="preserve">     *   }</w:t>
            </w:r>
          </w:p>
          <w:p w:rsidR="00156FB3" w:rsidRDefault="00156FB3" w:rsidP="00156FB3">
            <w:r>
              <w:t xml:space="preserve">     * };</w:t>
            </w:r>
          </w:p>
          <w:p w:rsidR="00156FB3" w:rsidRDefault="00156FB3" w:rsidP="00156FB3">
            <w:r>
              <w:t xml:space="preserve">     *</w:t>
            </w:r>
          </w:p>
          <w:p w:rsidR="00156FB3" w:rsidRDefault="00156FB3" w:rsidP="00156FB3">
            <w:r>
              <w:t xml:space="preserve">     * var bound = _.bindKey(object, 'greet', 'hi');</w:t>
            </w:r>
          </w:p>
          <w:p w:rsidR="00156FB3" w:rsidRDefault="00156FB3" w:rsidP="00156FB3">
            <w:r>
              <w:t xml:space="preserve">     * bound('!');</w:t>
            </w:r>
          </w:p>
          <w:p w:rsidR="00156FB3" w:rsidRDefault="00156FB3" w:rsidP="00156FB3">
            <w:r>
              <w:t xml:space="preserve">     * // =&gt; 'hi fred!'</w:t>
            </w:r>
          </w:p>
          <w:p w:rsidR="00156FB3" w:rsidRDefault="00156FB3" w:rsidP="00156FB3">
            <w:r>
              <w:t xml:space="preserve">     *</w:t>
            </w:r>
          </w:p>
          <w:p w:rsidR="00156FB3" w:rsidRDefault="00156FB3" w:rsidP="00156FB3">
            <w:r>
              <w:t xml:space="preserve">     * object.greet = function(greeting, punctuation) {</w:t>
            </w:r>
          </w:p>
          <w:p w:rsidR="00156FB3" w:rsidRDefault="00156FB3" w:rsidP="00156FB3">
            <w:r>
              <w:t xml:space="preserve">     *   return greeting + 'ya ' + this.user + punctuation;</w:t>
            </w:r>
          </w:p>
          <w:p w:rsidR="00156FB3" w:rsidRDefault="00156FB3" w:rsidP="00156FB3">
            <w:r>
              <w:t xml:space="preserve">     * };</w:t>
            </w:r>
          </w:p>
          <w:p w:rsidR="00156FB3" w:rsidRDefault="00156FB3" w:rsidP="00156FB3">
            <w:r>
              <w:t xml:space="preserve">     *</w:t>
            </w:r>
          </w:p>
          <w:p w:rsidR="00156FB3" w:rsidRDefault="00156FB3" w:rsidP="00156FB3">
            <w:r>
              <w:t xml:space="preserve">     * bound('!');</w:t>
            </w:r>
          </w:p>
          <w:p w:rsidR="00156FB3" w:rsidRDefault="00156FB3" w:rsidP="00156FB3">
            <w:r>
              <w:t xml:space="preserve">     * // =&gt; 'hiya fred!'</w:t>
            </w:r>
          </w:p>
          <w:p w:rsidR="00156FB3" w:rsidRDefault="00156FB3" w:rsidP="00156FB3">
            <w:r>
              <w:t xml:space="preserve">     *</w:t>
            </w:r>
          </w:p>
          <w:p w:rsidR="00156FB3" w:rsidRDefault="00156FB3" w:rsidP="00156FB3">
            <w:r>
              <w:t xml:space="preserve">     * // Bound with placeholders.</w:t>
            </w:r>
          </w:p>
          <w:p w:rsidR="00156FB3" w:rsidRDefault="00156FB3" w:rsidP="00156FB3">
            <w:r>
              <w:t xml:space="preserve">     * var bound = _.bindKey(object, 'greet', _, '!');</w:t>
            </w:r>
          </w:p>
          <w:p w:rsidR="00156FB3" w:rsidRDefault="00156FB3" w:rsidP="00156FB3">
            <w:r>
              <w:t xml:space="preserve">     * bound('hi');</w:t>
            </w:r>
          </w:p>
          <w:p w:rsidR="00156FB3" w:rsidRDefault="00156FB3" w:rsidP="00156FB3">
            <w:r>
              <w:t xml:space="preserve">     * // =&gt; 'hiya fred!'</w:t>
            </w:r>
          </w:p>
          <w:p w:rsidR="00156FB3" w:rsidRDefault="00156FB3" w:rsidP="00156FB3">
            <w:r>
              <w:t xml:space="preserve">     */</w:t>
            </w:r>
          </w:p>
          <w:p w:rsidR="00156FB3" w:rsidRDefault="00156FB3" w:rsidP="00156FB3">
            <w:r>
              <w:t xml:space="preserve">    var bindKey = baseRest(function(object, key, partials) {</w:t>
            </w:r>
          </w:p>
          <w:p w:rsidR="00156FB3" w:rsidRDefault="00156FB3" w:rsidP="00156FB3">
            <w:r>
              <w:t xml:space="preserve">      var bitmask = WRAP_BIND_FLAG | WRAP_BIND_KEY_FLAG;</w:t>
            </w:r>
          </w:p>
          <w:p w:rsidR="00156FB3" w:rsidRDefault="00156FB3" w:rsidP="00156FB3">
            <w:r>
              <w:t xml:space="preserve">      if (partials.length) {</w:t>
            </w:r>
          </w:p>
          <w:p w:rsidR="00156FB3" w:rsidRDefault="00156FB3" w:rsidP="00156FB3">
            <w:r>
              <w:t xml:space="preserve">        var holders = replaceHolders(partials, getHolder(bindKey));</w:t>
            </w:r>
          </w:p>
          <w:p w:rsidR="00156FB3" w:rsidRDefault="00156FB3" w:rsidP="00156FB3">
            <w:r>
              <w:t xml:space="preserve">        bitmask |= WRAP_PARTIAL_FLAG;</w:t>
            </w:r>
          </w:p>
          <w:p w:rsidR="00156FB3" w:rsidRDefault="00156FB3" w:rsidP="00156FB3">
            <w:r>
              <w:t xml:space="preserve">      }</w:t>
            </w:r>
          </w:p>
          <w:p w:rsidR="00156FB3" w:rsidRDefault="00156FB3" w:rsidP="00156FB3">
            <w:r>
              <w:t xml:space="preserve">      return createWrap(key, bitmask, object, partials, holder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accepts arguments of `func` and either invokes</w:t>
            </w:r>
          </w:p>
          <w:p w:rsidR="00156FB3" w:rsidRDefault="00156FB3" w:rsidP="00156FB3">
            <w:r>
              <w:t xml:space="preserve">     * `func` returning its result, if at least `arity` number of arguments have</w:t>
            </w:r>
          </w:p>
          <w:p w:rsidR="00156FB3" w:rsidRDefault="00156FB3" w:rsidP="00156FB3">
            <w:r>
              <w:t xml:space="preserve">     * been provided, or returns a function that accepts the remaining `func`</w:t>
            </w:r>
          </w:p>
          <w:p w:rsidR="00156FB3" w:rsidRDefault="00156FB3" w:rsidP="00156FB3">
            <w:r>
              <w:lastRenderedPageBreak/>
              <w:t xml:space="preserve">     * arguments, and so on. The arity of `func` may be specified if `func.length`</w:t>
            </w:r>
          </w:p>
          <w:p w:rsidR="00156FB3" w:rsidRDefault="00156FB3" w:rsidP="00156FB3">
            <w:r>
              <w:t xml:space="preserve">     * is not sufficient.</w:t>
            </w:r>
          </w:p>
          <w:p w:rsidR="00156FB3" w:rsidRDefault="00156FB3" w:rsidP="00156FB3">
            <w:r>
              <w:t xml:space="preserve">     *</w:t>
            </w:r>
          </w:p>
          <w:p w:rsidR="00156FB3" w:rsidRDefault="00156FB3" w:rsidP="00156FB3">
            <w:r>
              <w:t xml:space="preserve">     * The `_.curry.placeholder` value, which defaults to `_` in monolithic builds,</w:t>
            </w:r>
          </w:p>
          <w:p w:rsidR="00156FB3" w:rsidRDefault="00156FB3" w:rsidP="00156FB3">
            <w:r>
              <w:t xml:space="preserve">     * may be used as a placeholder for provided arguments.</w:t>
            </w:r>
          </w:p>
          <w:p w:rsidR="00156FB3" w:rsidRDefault="00156FB3" w:rsidP="00156FB3">
            <w:r>
              <w:t xml:space="preserve">     *</w:t>
            </w:r>
          </w:p>
          <w:p w:rsidR="00156FB3" w:rsidRDefault="00156FB3" w:rsidP="00156FB3">
            <w:r>
              <w:t xml:space="preserve">     * **Note:** This method doesn't set the "length" property of curried function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2.0.0</w:t>
            </w:r>
          </w:p>
          <w:p w:rsidR="00156FB3" w:rsidRDefault="00156FB3" w:rsidP="00156FB3">
            <w:r>
              <w:t xml:space="preserve">     * @category Function</w:t>
            </w:r>
          </w:p>
          <w:p w:rsidR="00156FB3" w:rsidRDefault="00156FB3" w:rsidP="00156FB3">
            <w:r>
              <w:t xml:space="preserve">     * @param {Function} func The function to curry.</w:t>
            </w:r>
          </w:p>
          <w:p w:rsidR="00156FB3" w:rsidRDefault="00156FB3" w:rsidP="00156FB3">
            <w:r>
              <w:t xml:space="preserve">     * @param {number} [arity=func.length] The arity of `func`.</w:t>
            </w:r>
          </w:p>
          <w:p w:rsidR="00156FB3" w:rsidRDefault="00156FB3" w:rsidP="00156FB3">
            <w:r>
              <w:t xml:space="preserve">     * @param- {Object} [guard] Enables use as an iteratee for methods like `_.map`.</w:t>
            </w:r>
          </w:p>
          <w:p w:rsidR="00156FB3" w:rsidRDefault="00156FB3" w:rsidP="00156FB3">
            <w:r>
              <w:t xml:space="preserve">     * @returns {Function} Returns the new curried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abc = function(a, b, c) {</w:t>
            </w:r>
          </w:p>
          <w:p w:rsidR="00156FB3" w:rsidRDefault="00156FB3" w:rsidP="00156FB3">
            <w:r>
              <w:t xml:space="preserve">     *   return [a, b, c];</w:t>
            </w:r>
          </w:p>
          <w:p w:rsidR="00156FB3" w:rsidRDefault="00156FB3" w:rsidP="00156FB3">
            <w:r>
              <w:t xml:space="preserve">     * };</w:t>
            </w:r>
          </w:p>
          <w:p w:rsidR="00156FB3" w:rsidRDefault="00156FB3" w:rsidP="00156FB3">
            <w:r>
              <w:t xml:space="preserve">     *</w:t>
            </w:r>
          </w:p>
          <w:p w:rsidR="00156FB3" w:rsidRDefault="00156FB3" w:rsidP="00156FB3">
            <w:r>
              <w:t xml:space="preserve">     * var curried = _.curry(abc);</w:t>
            </w:r>
          </w:p>
          <w:p w:rsidR="00156FB3" w:rsidRDefault="00156FB3" w:rsidP="00156FB3">
            <w:r>
              <w:t xml:space="preserve">     *</w:t>
            </w:r>
          </w:p>
          <w:p w:rsidR="00156FB3" w:rsidRDefault="00156FB3" w:rsidP="00156FB3">
            <w:r>
              <w:t xml:space="preserve">     * curried(1)(2)(3);</w:t>
            </w:r>
          </w:p>
          <w:p w:rsidR="00156FB3" w:rsidRDefault="00156FB3" w:rsidP="00156FB3">
            <w:r>
              <w:t xml:space="preserve">     * // =&gt; [1, 2, 3]</w:t>
            </w:r>
          </w:p>
          <w:p w:rsidR="00156FB3" w:rsidRDefault="00156FB3" w:rsidP="00156FB3">
            <w:r>
              <w:t xml:space="preserve">     *</w:t>
            </w:r>
          </w:p>
          <w:p w:rsidR="00156FB3" w:rsidRDefault="00156FB3" w:rsidP="00156FB3">
            <w:r>
              <w:t xml:space="preserve">     * curried(1, 2)(3);</w:t>
            </w:r>
          </w:p>
          <w:p w:rsidR="00156FB3" w:rsidRDefault="00156FB3" w:rsidP="00156FB3">
            <w:r>
              <w:t xml:space="preserve">     * // =&gt; [1, 2, 3]</w:t>
            </w:r>
          </w:p>
          <w:p w:rsidR="00156FB3" w:rsidRDefault="00156FB3" w:rsidP="00156FB3">
            <w:r>
              <w:t xml:space="preserve">     *</w:t>
            </w:r>
          </w:p>
          <w:p w:rsidR="00156FB3" w:rsidRDefault="00156FB3" w:rsidP="00156FB3">
            <w:r>
              <w:t xml:space="preserve">     * curried(1, 2, 3);</w:t>
            </w:r>
          </w:p>
          <w:p w:rsidR="00156FB3" w:rsidRDefault="00156FB3" w:rsidP="00156FB3">
            <w:r>
              <w:t xml:space="preserve">     * // =&gt; [1, 2, 3]</w:t>
            </w:r>
          </w:p>
          <w:p w:rsidR="00156FB3" w:rsidRDefault="00156FB3" w:rsidP="00156FB3">
            <w:r>
              <w:t xml:space="preserve">     *</w:t>
            </w:r>
          </w:p>
          <w:p w:rsidR="00156FB3" w:rsidRDefault="00156FB3" w:rsidP="00156FB3">
            <w:r>
              <w:t xml:space="preserve">     * // Curried with placeholders.</w:t>
            </w:r>
          </w:p>
          <w:p w:rsidR="00156FB3" w:rsidRDefault="00156FB3" w:rsidP="00156FB3">
            <w:r>
              <w:t xml:space="preserve">     * curried(1)(_, 3)(2);</w:t>
            </w:r>
          </w:p>
          <w:p w:rsidR="00156FB3" w:rsidRDefault="00156FB3" w:rsidP="00156FB3">
            <w:r>
              <w:t xml:space="preserve">     * // =&gt; [1, 2, 3]</w:t>
            </w:r>
          </w:p>
          <w:p w:rsidR="00156FB3" w:rsidRDefault="00156FB3" w:rsidP="00156FB3">
            <w:r>
              <w:t xml:space="preserve">     */</w:t>
            </w:r>
          </w:p>
          <w:p w:rsidR="00156FB3" w:rsidRDefault="00156FB3" w:rsidP="00156FB3">
            <w:r>
              <w:t xml:space="preserve">    function curry(func, arity, guard) {</w:t>
            </w:r>
          </w:p>
          <w:p w:rsidR="00156FB3" w:rsidRDefault="00156FB3" w:rsidP="00156FB3">
            <w:r>
              <w:t xml:space="preserve">      arity = guard ? undefined : arity;</w:t>
            </w:r>
          </w:p>
          <w:p w:rsidR="00156FB3" w:rsidRDefault="00156FB3" w:rsidP="00156FB3">
            <w:r>
              <w:t xml:space="preserve">      var result = createWrap(func, WRAP_CURRY_FLAG, undefined, undefined, undefined, undefined, undefined, arity);</w:t>
            </w:r>
          </w:p>
          <w:p w:rsidR="00156FB3" w:rsidRDefault="00156FB3" w:rsidP="00156FB3">
            <w:r>
              <w:t xml:space="preserve">      result.placeholder = curry.placeholder;</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curry` except that arguments are applied to `func`</w:t>
            </w:r>
          </w:p>
          <w:p w:rsidR="00156FB3" w:rsidRDefault="00156FB3" w:rsidP="00156FB3">
            <w:r>
              <w:t xml:space="preserve">     * in the manner of `_.partialRight` instead of `_.partial`.</w:t>
            </w:r>
          </w:p>
          <w:p w:rsidR="00156FB3" w:rsidRDefault="00156FB3" w:rsidP="00156FB3">
            <w:r>
              <w:lastRenderedPageBreak/>
              <w:t xml:space="preserve">     *</w:t>
            </w:r>
          </w:p>
          <w:p w:rsidR="00156FB3" w:rsidRDefault="00156FB3" w:rsidP="00156FB3">
            <w:r>
              <w:t xml:space="preserve">     * The `_.curryRight.placeholder` value, which defaults to `_` in monolithic</w:t>
            </w:r>
          </w:p>
          <w:p w:rsidR="00156FB3" w:rsidRDefault="00156FB3" w:rsidP="00156FB3">
            <w:r>
              <w:t xml:space="preserve">     * builds, may be used as a placeholder for provided arguments.</w:t>
            </w:r>
          </w:p>
          <w:p w:rsidR="00156FB3" w:rsidRDefault="00156FB3" w:rsidP="00156FB3">
            <w:r>
              <w:t xml:space="preserve">     *</w:t>
            </w:r>
          </w:p>
          <w:p w:rsidR="00156FB3" w:rsidRDefault="00156FB3" w:rsidP="00156FB3">
            <w:r>
              <w:t xml:space="preserve">     * **Note:** This method doesn't set the "length" property of curried function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Function</w:t>
            </w:r>
          </w:p>
          <w:p w:rsidR="00156FB3" w:rsidRDefault="00156FB3" w:rsidP="00156FB3">
            <w:r>
              <w:t xml:space="preserve">     * @param {Function} func The function to curry.</w:t>
            </w:r>
          </w:p>
          <w:p w:rsidR="00156FB3" w:rsidRDefault="00156FB3" w:rsidP="00156FB3">
            <w:r>
              <w:t xml:space="preserve">     * @param {number} [arity=func.length] The arity of `func`.</w:t>
            </w:r>
          </w:p>
          <w:p w:rsidR="00156FB3" w:rsidRDefault="00156FB3" w:rsidP="00156FB3">
            <w:r>
              <w:t xml:space="preserve">     * @param- {Object} [guard] Enables use as an iteratee for methods like `_.map`.</w:t>
            </w:r>
          </w:p>
          <w:p w:rsidR="00156FB3" w:rsidRDefault="00156FB3" w:rsidP="00156FB3">
            <w:r>
              <w:t xml:space="preserve">     * @returns {Function} Returns the new curried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abc = function(a, b, c) {</w:t>
            </w:r>
          </w:p>
          <w:p w:rsidR="00156FB3" w:rsidRDefault="00156FB3" w:rsidP="00156FB3">
            <w:r>
              <w:t xml:space="preserve">     *   return [a, b, c];</w:t>
            </w:r>
          </w:p>
          <w:p w:rsidR="00156FB3" w:rsidRDefault="00156FB3" w:rsidP="00156FB3">
            <w:r>
              <w:t xml:space="preserve">     * };</w:t>
            </w:r>
          </w:p>
          <w:p w:rsidR="00156FB3" w:rsidRDefault="00156FB3" w:rsidP="00156FB3">
            <w:r>
              <w:t xml:space="preserve">     *</w:t>
            </w:r>
          </w:p>
          <w:p w:rsidR="00156FB3" w:rsidRDefault="00156FB3" w:rsidP="00156FB3">
            <w:r>
              <w:t xml:space="preserve">     * var curried = _.curryRight(abc);</w:t>
            </w:r>
          </w:p>
          <w:p w:rsidR="00156FB3" w:rsidRDefault="00156FB3" w:rsidP="00156FB3">
            <w:r>
              <w:t xml:space="preserve">     *</w:t>
            </w:r>
          </w:p>
          <w:p w:rsidR="00156FB3" w:rsidRDefault="00156FB3" w:rsidP="00156FB3">
            <w:r>
              <w:t xml:space="preserve">     * curried(3)(2)(1);</w:t>
            </w:r>
          </w:p>
          <w:p w:rsidR="00156FB3" w:rsidRDefault="00156FB3" w:rsidP="00156FB3">
            <w:r>
              <w:t xml:space="preserve">     * // =&gt; [1, 2, 3]</w:t>
            </w:r>
          </w:p>
          <w:p w:rsidR="00156FB3" w:rsidRDefault="00156FB3" w:rsidP="00156FB3">
            <w:r>
              <w:t xml:space="preserve">     *</w:t>
            </w:r>
          </w:p>
          <w:p w:rsidR="00156FB3" w:rsidRDefault="00156FB3" w:rsidP="00156FB3">
            <w:r>
              <w:t xml:space="preserve">     * curried(2, 3)(1);</w:t>
            </w:r>
          </w:p>
          <w:p w:rsidR="00156FB3" w:rsidRDefault="00156FB3" w:rsidP="00156FB3">
            <w:r>
              <w:t xml:space="preserve">     * // =&gt; [1, 2, 3]</w:t>
            </w:r>
          </w:p>
          <w:p w:rsidR="00156FB3" w:rsidRDefault="00156FB3" w:rsidP="00156FB3">
            <w:r>
              <w:t xml:space="preserve">     *</w:t>
            </w:r>
          </w:p>
          <w:p w:rsidR="00156FB3" w:rsidRDefault="00156FB3" w:rsidP="00156FB3">
            <w:r>
              <w:t xml:space="preserve">     * curried(1, 2, 3);</w:t>
            </w:r>
          </w:p>
          <w:p w:rsidR="00156FB3" w:rsidRDefault="00156FB3" w:rsidP="00156FB3">
            <w:r>
              <w:t xml:space="preserve">     * // =&gt; [1, 2, 3]</w:t>
            </w:r>
          </w:p>
          <w:p w:rsidR="00156FB3" w:rsidRDefault="00156FB3" w:rsidP="00156FB3">
            <w:r>
              <w:t xml:space="preserve">     *</w:t>
            </w:r>
          </w:p>
          <w:p w:rsidR="00156FB3" w:rsidRDefault="00156FB3" w:rsidP="00156FB3">
            <w:r>
              <w:t xml:space="preserve">     * // Curried with placeholders.</w:t>
            </w:r>
          </w:p>
          <w:p w:rsidR="00156FB3" w:rsidRDefault="00156FB3" w:rsidP="00156FB3">
            <w:r>
              <w:t xml:space="preserve">     * curried(3)(1, _)(2);</w:t>
            </w:r>
          </w:p>
          <w:p w:rsidR="00156FB3" w:rsidRDefault="00156FB3" w:rsidP="00156FB3">
            <w:r>
              <w:t xml:space="preserve">     * // =&gt; [1, 2, 3]</w:t>
            </w:r>
          </w:p>
          <w:p w:rsidR="00156FB3" w:rsidRDefault="00156FB3" w:rsidP="00156FB3">
            <w:r>
              <w:t xml:space="preserve">     */</w:t>
            </w:r>
          </w:p>
          <w:p w:rsidR="00156FB3" w:rsidRDefault="00156FB3" w:rsidP="00156FB3">
            <w:r>
              <w:t xml:space="preserve">    function curryRight(func, arity, guard) {</w:t>
            </w:r>
          </w:p>
          <w:p w:rsidR="00156FB3" w:rsidRDefault="00156FB3" w:rsidP="00156FB3">
            <w:r>
              <w:t xml:space="preserve">      arity = guard ? undefined : arity;</w:t>
            </w:r>
          </w:p>
          <w:p w:rsidR="00156FB3" w:rsidRDefault="00156FB3" w:rsidP="00156FB3">
            <w:r>
              <w:t xml:space="preserve">      var result = createWrap(func, WRAP_CURRY_RIGHT_FLAG, undefined, undefined, undefined, undefined, undefined, arity);</w:t>
            </w:r>
          </w:p>
          <w:p w:rsidR="00156FB3" w:rsidRDefault="00156FB3" w:rsidP="00156FB3">
            <w:r>
              <w:t xml:space="preserve">      result.placeholder = curryRight.placeholder;</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debounced function that delays invoking `func` until after `wait`</w:t>
            </w:r>
          </w:p>
          <w:p w:rsidR="00156FB3" w:rsidRDefault="00156FB3" w:rsidP="00156FB3">
            <w:r>
              <w:t xml:space="preserve">     * milliseconds have elapsed since the last time the debounced function was</w:t>
            </w:r>
          </w:p>
          <w:p w:rsidR="00156FB3" w:rsidRDefault="00156FB3" w:rsidP="00156FB3">
            <w:r>
              <w:t xml:space="preserve">     * invoked. The debounced function comes with a `cancel` method to cancel</w:t>
            </w:r>
          </w:p>
          <w:p w:rsidR="00156FB3" w:rsidRDefault="00156FB3" w:rsidP="00156FB3">
            <w:r>
              <w:t xml:space="preserve">     * delayed `func` invocations and a `flush` method to immediately invoke them.</w:t>
            </w:r>
          </w:p>
          <w:p w:rsidR="00156FB3" w:rsidRDefault="00156FB3" w:rsidP="00156FB3">
            <w:r>
              <w:lastRenderedPageBreak/>
              <w:t xml:space="preserve">     * Provide `options` to indicate whether `func` should be invoked on the</w:t>
            </w:r>
          </w:p>
          <w:p w:rsidR="00156FB3" w:rsidRDefault="00156FB3" w:rsidP="00156FB3">
            <w:r>
              <w:t xml:space="preserve">     * leading and/or trailing edge of the `wait` timeout. The `func` is invoked</w:t>
            </w:r>
          </w:p>
          <w:p w:rsidR="00156FB3" w:rsidRDefault="00156FB3" w:rsidP="00156FB3">
            <w:r>
              <w:t xml:space="preserve">     * with the last arguments provided to the debounced function. Subsequent</w:t>
            </w:r>
          </w:p>
          <w:p w:rsidR="00156FB3" w:rsidRDefault="00156FB3" w:rsidP="00156FB3">
            <w:r>
              <w:t xml:space="preserve">     * calls to the debounced function return the result of the last `func`</w:t>
            </w:r>
          </w:p>
          <w:p w:rsidR="00156FB3" w:rsidRDefault="00156FB3" w:rsidP="00156FB3">
            <w:r>
              <w:t xml:space="preserve">     * invocation.</w:t>
            </w:r>
          </w:p>
          <w:p w:rsidR="00156FB3" w:rsidRDefault="00156FB3" w:rsidP="00156FB3">
            <w:r>
              <w:t xml:space="preserve">     *</w:t>
            </w:r>
          </w:p>
          <w:p w:rsidR="00156FB3" w:rsidRDefault="00156FB3" w:rsidP="00156FB3">
            <w:r>
              <w:t xml:space="preserve">     * **Note:** If `leading` and `trailing` options are `true`, `func` is</w:t>
            </w:r>
          </w:p>
          <w:p w:rsidR="00156FB3" w:rsidRDefault="00156FB3" w:rsidP="00156FB3">
            <w:r>
              <w:t xml:space="preserve">     * invoked on the trailing edge of the timeout only if the debounced function</w:t>
            </w:r>
          </w:p>
          <w:p w:rsidR="00156FB3" w:rsidRDefault="00156FB3" w:rsidP="00156FB3">
            <w:r>
              <w:t xml:space="preserve">     * is invoked more than once during the `wait` timeout.</w:t>
            </w:r>
          </w:p>
          <w:p w:rsidR="00156FB3" w:rsidRDefault="00156FB3" w:rsidP="00156FB3">
            <w:r>
              <w:t xml:space="preserve">     *</w:t>
            </w:r>
          </w:p>
          <w:p w:rsidR="00156FB3" w:rsidRDefault="00156FB3" w:rsidP="00156FB3">
            <w:r>
              <w:t xml:space="preserve">     * If `wait` is `0` and `leading` is `false`, `func` invocation is deferred</w:t>
            </w:r>
          </w:p>
          <w:p w:rsidR="00156FB3" w:rsidRDefault="00156FB3" w:rsidP="00156FB3">
            <w:r>
              <w:t xml:space="preserve">     * until to the next tick, similar to `setTimeout` with a timeout of `0`.</w:t>
            </w:r>
          </w:p>
          <w:p w:rsidR="00156FB3" w:rsidRDefault="00156FB3" w:rsidP="00156FB3">
            <w:r>
              <w:t xml:space="preserve">     *</w:t>
            </w:r>
          </w:p>
          <w:p w:rsidR="00156FB3" w:rsidRDefault="00156FB3" w:rsidP="00156FB3">
            <w:r>
              <w:t xml:space="preserve">     * See [David Corbacho's article](https://css-tricks.com/debouncing-throttling-explained-examples/)</w:t>
            </w:r>
          </w:p>
          <w:p w:rsidR="00156FB3" w:rsidRDefault="00156FB3" w:rsidP="00156FB3">
            <w:r>
              <w:t xml:space="preserve">     * for details over the differences between `_.debounce` and `_.throttl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Function</w:t>
            </w:r>
          </w:p>
          <w:p w:rsidR="00156FB3" w:rsidRDefault="00156FB3" w:rsidP="00156FB3">
            <w:r>
              <w:t xml:space="preserve">     * @param {Function} func The function to debounce.</w:t>
            </w:r>
          </w:p>
          <w:p w:rsidR="00156FB3" w:rsidRDefault="00156FB3" w:rsidP="00156FB3">
            <w:r>
              <w:t xml:space="preserve">     * @param {number} [wait=0] The number of milliseconds to delay.</w:t>
            </w:r>
          </w:p>
          <w:p w:rsidR="00156FB3" w:rsidRDefault="00156FB3" w:rsidP="00156FB3">
            <w:r>
              <w:t xml:space="preserve">     * @param {Object} [options={}] The options object.</w:t>
            </w:r>
          </w:p>
          <w:p w:rsidR="00156FB3" w:rsidRDefault="00156FB3" w:rsidP="00156FB3">
            <w:r>
              <w:t xml:space="preserve">     * @param {boolean} [options.leading=false]</w:t>
            </w:r>
          </w:p>
          <w:p w:rsidR="00156FB3" w:rsidRDefault="00156FB3" w:rsidP="00156FB3">
            <w:r>
              <w:t xml:space="preserve">     *  Specify invoking on the leading edge of the timeout.</w:t>
            </w:r>
          </w:p>
          <w:p w:rsidR="00156FB3" w:rsidRDefault="00156FB3" w:rsidP="00156FB3">
            <w:r>
              <w:t xml:space="preserve">     * @param {number} [options.maxWait]</w:t>
            </w:r>
          </w:p>
          <w:p w:rsidR="00156FB3" w:rsidRDefault="00156FB3" w:rsidP="00156FB3">
            <w:r>
              <w:t xml:space="preserve">     *  The maximum time `func` is allowed to be delayed before it's invoked.</w:t>
            </w:r>
          </w:p>
          <w:p w:rsidR="00156FB3" w:rsidRDefault="00156FB3" w:rsidP="00156FB3">
            <w:r>
              <w:t xml:space="preserve">     * @param {boolean} [options.trailing=true]</w:t>
            </w:r>
          </w:p>
          <w:p w:rsidR="00156FB3" w:rsidRDefault="00156FB3" w:rsidP="00156FB3">
            <w:r>
              <w:t xml:space="preserve">     *  Specify invoking on the trailing edge of the timeout.</w:t>
            </w:r>
          </w:p>
          <w:p w:rsidR="00156FB3" w:rsidRDefault="00156FB3" w:rsidP="00156FB3">
            <w:r>
              <w:t xml:space="preserve">     * @returns {Function} Returns the new debounced function.</w:t>
            </w:r>
          </w:p>
          <w:p w:rsidR="00156FB3" w:rsidRDefault="00156FB3" w:rsidP="00156FB3">
            <w:r>
              <w:t xml:space="preserve">     * @example</w:t>
            </w:r>
          </w:p>
          <w:p w:rsidR="00156FB3" w:rsidRDefault="00156FB3" w:rsidP="00156FB3">
            <w:r>
              <w:t xml:space="preserve">     *</w:t>
            </w:r>
          </w:p>
          <w:p w:rsidR="00156FB3" w:rsidRDefault="00156FB3" w:rsidP="00156FB3">
            <w:r>
              <w:t xml:space="preserve">     * // Avoid costly calculations while the window size is in flux.</w:t>
            </w:r>
          </w:p>
          <w:p w:rsidR="00156FB3" w:rsidRDefault="00156FB3" w:rsidP="00156FB3">
            <w:r>
              <w:t xml:space="preserve">     * jQuery(window).on('resize', _.debounce(calculateLayout, 150));</w:t>
            </w:r>
          </w:p>
          <w:p w:rsidR="00156FB3" w:rsidRDefault="00156FB3" w:rsidP="00156FB3">
            <w:r>
              <w:t xml:space="preserve">     *</w:t>
            </w:r>
          </w:p>
          <w:p w:rsidR="00156FB3" w:rsidRDefault="00156FB3" w:rsidP="00156FB3">
            <w:r>
              <w:t xml:space="preserve">     * // Invoke `sendMail` when clicked, debouncing subsequent calls.</w:t>
            </w:r>
          </w:p>
          <w:p w:rsidR="00156FB3" w:rsidRDefault="00156FB3" w:rsidP="00156FB3">
            <w:r>
              <w:t xml:space="preserve">     * jQuery(element).on('click', _.debounce(sendMail, 300, {</w:t>
            </w:r>
          </w:p>
          <w:p w:rsidR="00156FB3" w:rsidRDefault="00156FB3" w:rsidP="00156FB3">
            <w:r>
              <w:t xml:space="preserve">     *   'leading': true,</w:t>
            </w:r>
          </w:p>
          <w:p w:rsidR="00156FB3" w:rsidRDefault="00156FB3" w:rsidP="00156FB3">
            <w:r>
              <w:t xml:space="preserve">     *   'trailing': false</w:t>
            </w:r>
          </w:p>
          <w:p w:rsidR="00156FB3" w:rsidRDefault="00156FB3" w:rsidP="00156FB3">
            <w:r>
              <w:t xml:space="preserve">     * }));</w:t>
            </w:r>
          </w:p>
          <w:p w:rsidR="00156FB3" w:rsidRDefault="00156FB3" w:rsidP="00156FB3">
            <w:r>
              <w:t xml:space="preserve">     *</w:t>
            </w:r>
          </w:p>
          <w:p w:rsidR="00156FB3" w:rsidRDefault="00156FB3" w:rsidP="00156FB3">
            <w:r>
              <w:t xml:space="preserve">     * // Ensure `batchLog` is invoked once after 1 second of debounced calls.</w:t>
            </w:r>
          </w:p>
          <w:p w:rsidR="00156FB3" w:rsidRDefault="00156FB3" w:rsidP="00156FB3">
            <w:r>
              <w:t xml:space="preserve">     * var debounced = _.debounce(batchLog, 250, { 'maxWait': 1000 });</w:t>
            </w:r>
          </w:p>
          <w:p w:rsidR="00156FB3" w:rsidRDefault="00156FB3" w:rsidP="00156FB3">
            <w:r>
              <w:t xml:space="preserve">     * var source = new EventSource('/stream');</w:t>
            </w:r>
          </w:p>
          <w:p w:rsidR="00156FB3" w:rsidRDefault="00156FB3" w:rsidP="00156FB3">
            <w:r>
              <w:t xml:space="preserve">     * jQuery(source).on('message', debounced);</w:t>
            </w:r>
          </w:p>
          <w:p w:rsidR="00156FB3" w:rsidRDefault="00156FB3" w:rsidP="00156FB3">
            <w:r>
              <w:t xml:space="preserve">     *</w:t>
            </w:r>
          </w:p>
          <w:p w:rsidR="00156FB3" w:rsidRDefault="00156FB3" w:rsidP="00156FB3">
            <w:r>
              <w:t xml:space="preserve">     * // Cancel the trailing debounced invocation.</w:t>
            </w:r>
          </w:p>
          <w:p w:rsidR="00156FB3" w:rsidRDefault="00156FB3" w:rsidP="00156FB3">
            <w:r>
              <w:t xml:space="preserve">     * jQuery(window).on('popstate', debounced.cancel);</w:t>
            </w:r>
          </w:p>
          <w:p w:rsidR="00156FB3" w:rsidRDefault="00156FB3" w:rsidP="00156FB3">
            <w:r>
              <w:lastRenderedPageBreak/>
              <w:t xml:space="preserve">     */</w:t>
            </w:r>
          </w:p>
          <w:p w:rsidR="00156FB3" w:rsidRDefault="00156FB3" w:rsidP="00156FB3">
            <w:r>
              <w:t xml:space="preserve">    function debounce(func, wait, options) {</w:t>
            </w:r>
          </w:p>
          <w:p w:rsidR="00156FB3" w:rsidRDefault="00156FB3" w:rsidP="00156FB3">
            <w:r>
              <w:t xml:space="preserve">      var lastArgs,</w:t>
            </w:r>
          </w:p>
          <w:p w:rsidR="00156FB3" w:rsidRDefault="00156FB3" w:rsidP="00156FB3">
            <w:r>
              <w:t xml:space="preserve">          lastThis,</w:t>
            </w:r>
          </w:p>
          <w:p w:rsidR="00156FB3" w:rsidRDefault="00156FB3" w:rsidP="00156FB3">
            <w:r>
              <w:t xml:space="preserve">          maxWait,</w:t>
            </w:r>
          </w:p>
          <w:p w:rsidR="00156FB3" w:rsidRDefault="00156FB3" w:rsidP="00156FB3">
            <w:r>
              <w:t xml:space="preserve">          result,</w:t>
            </w:r>
          </w:p>
          <w:p w:rsidR="00156FB3" w:rsidRDefault="00156FB3" w:rsidP="00156FB3">
            <w:r>
              <w:t xml:space="preserve">          timerId,</w:t>
            </w:r>
          </w:p>
          <w:p w:rsidR="00156FB3" w:rsidRDefault="00156FB3" w:rsidP="00156FB3">
            <w:r>
              <w:t xml:space="preserve">          lastCallTime,</w:t>
            </w:r>
          </w:p>
          <w:p w:rsidR="00156FB3" w:rsidRDefault="00156FB3" w:rsidP="00156FB3">
            <w:r>
              <w:t xml:space="preserve">          lastInvokeTime = 0,</w:t>
            </w:r>
          </w:p>
          <w:p w:rsidR="00156FB3" w:rsidRDefault="00156FB3" w:rsidP="00156FB3">
            <w:r>
              <w:t xml:space="preserve">          leading = false,</w:t>
            </w:r>
          </w:p>
          <w:p w:rsidR="00156FB3" w:rsidRDefault="00156FB3" w:rsidP="00156FB3">
            <w:r>
              <w:t xml:space="preserve">          maxing = false,</w:t>
            </w:r>
          </w:p>
          <w:p w:rsidR="00156FB3" w:rsidRDefault="00156FB3" w:rsidP="00156FB3">
            <w:r>
              <w:t xml:space="preserve">          trailing = true;</w:t>
            </w:r>
          </w:p>
          <w:p w:rsidR="00156FB3" w:rsidRDefault="00156FB3" w:rsidP="00156FB3"/>
          <w:p w:rsidR="00156FB3" w:rsidRDefault="00156FB3" w:rsidP="00156FB3">
            <w:r>
              <w:t xml:space="preserve">      if (typeof func != 'function') {</w:t>
            </w:r>
          </w:p>
          <w:p w:rsidR="00156FB3" w:rsidRDefault="00156FB3" w:rsidP="00156FB3">
            <w:r>
              <w:t xml:space="preserve">        throw new TypeError(FUNC_ERROR_TEXT);</w:t>
            </w:r>
          </w:p>
          <w:p w:rsidR="00156FB3" w:rsidRDefault="00156FB3" w:rsidP="00156FB3">
            <w:r>
              <w:t xml:space="preserve">      }</w:t>
            </w:r>
          </w:p>
          <w:p w:rsidR="00156FB3" w:rsidRDefault="00156FB3" w:rsidP="00156FB3">
            <w:r>
              <w:t xml:space="preserve">      wait = toNumber(wait) || 0;</w:t>
            </w:r>
          </w:p>
          <w:p w:rsidR="00156FB3" w:rsidRDefault="00156FB3" w:rsidP="00156FB3">
            <w:r>
              <w:t xml:space="preserve">      if (isObject(options)) {</w:t>
            </w:r>
          </w:p>
          <w:p w:rsidR="00156FB3" w:rsidRDefault="00156FB3" w:rsidP="00156FB3">
            <w:r>
              <w:t xml:space="preserve">        leading = !!options.leading;</w:t>
            </w:r>
          </w:p>
          <w:p w:rsidR="00156FB3" w:rsidRDefault="00156FB3" w:rsidP="00156FB3">
            <w:r>
              <w:t xml:space="preserve">        maxing = 'maxWait' in options;</w:t>
            </w:r>
          </w:p>
          <w:p w:rsidR="00156FB3" w:rsidRDefault="00156FB3" w:rsidP="00156FB3">
            <w:r>
              <w:t xml:space="preserve">        maxWait = maxing ? nativeMax(toNumber(options.maxWait) || 0, wait) : maxWait;</w:t>
            </w:r>
          </w:p>
          <w:p w:rsidR="00156FB3" w:rsidRDefault="00156FB3" w:rsidP="00156FB3">
            <w:r>
              <w:t xml:space="preserve">        trailing = 'trailing' in options ? !!options.trailing : trailing;</w:t>
            </w:r>
          </w:p>
          <w:p w:rsidR="00156FB3" w:rsidRDefault="00156FB3" w:rsidP="00156FB3">
            <w:r>
              <w:t xml:space="preserve">      }</w:t>
            </w:r>
          </w:p>
          <w:p w:rsidR="00156FB3" w:rsidRDefault="00156FB3" w:rsidP="00156FB3"/>
          <w:p w:rsidR="00156FB3" w:rsidRDefault="00156FB3" w:rsidP="00156FB3">
            <w:r>
              <w:t xml:space="preserve">      function invokeFunc(time) {</w:t>
            </w:r>
          </w:p>
          <w:p w:rsidR="00156FB3" w:rsidRDefault="00156FB3" w:rsidP="00156FB3">
            <w:r>
              <w:t xml:space="preserve">        var args = lastArgs,</w:t>
            </w:r>
          </w:p>
          <w:p w:rsidR="00156FB3" w:rsidRDefault="00156FB3" w:rsidP="00156FB3">
            <w:r>
              <w:t xml:space="preserve">            thisArg = lastThis;</w:t>
            </w:r>
          </w:p>
          <w:p w:rsidR="00156FB3" w:rsidRDefault="00156FB3" w:rsidP="00156FB3"/>
          <w:p w:rsidR="00156FB3" w:rsidRDefault="00156FB3" w:rsidP="00156FB3">
            <w:r>
              <w:t xml:space="preserve">        lastArgs = lastThis = undefined;</w:t>
            </w:r>
          </w:p>
          <w:p w:rsidR="00156FB3" w:rsidRDefault="00156FB3" w:rsidP="00156FB3">
            <w:r>
              <w:t xml:space="preserve">        lastInvokeTime = time;</w:t>
            </w:r>
          </w:p>
          <w:p w:rsidR="00156FB3" w:rsidRDefault="00156FB3" w:rsidP="00156FB3">
            <w:r>
              <w:t xml:space="preserve">        result = func.apply(thisArg, args);</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function leadingEdge(time) {</w:t>
            </w:r>
          </w:p>
          <w:p w:rsidR="00156FB3" w:rsidRDefault="00156FB3" w:rsidP="00156FB3">
            <w:r>
              <w:t xml:space="preserve">        // Reset any `maxWait` timer.</w:t>
            </w:r>
          </w:p>
          <w:p w:rsidR="00156FB3" w:rsidRDefault="00156FB3" w:rsidP="00156FB3">
            <w:r>
              <w:t xml:space="preserve">        lastInvokeTime = time;</w:t>
            </w:r>
          </w:p>
          <w:p w:rsidR="00156FB3" w:rsidRDefault="00156FB3" w:rsidP="00156FB3">
            <w:r>
              <w:t xml:space="preserve">        // Start the timer for the trailing edge.</w:t>
            </w:r>
          </w:p>
          <w:p w:rsidR="00156FB3" w:rsidRDefault="00156FB3" w:rsidP="00156FB3">
            <w:r>
              <w:t xml:space="preserve">        timerId = setTimeout(timerExpired, wait);</w:t>
            </w:r>
          </w:p>
          <w:p w:rsidR="00156FB3" w:rsidRDefault="00156FB3" w:rsidP="00156FB3">
            <w:r>
              <w:t xml:space="preserve">        // Invoke the leading edge.</w:t>
            </w:r>
          </w:p>
          <w:p w:rsidR="00156FB3" w:rsidRDefault="00156FB3" w:rsidP="00156FB3">
            <w:r>
              <w:t xml:space="preserve">        return leading ? invokeFunc(time) : result;</w:t>
            </w:r>
          </w:p>
          <w:p w:rsidR="00156FB3" w:rsidRDefault="00156FB3" w:rsidP="00156FB3">
            <w:r>
              <w:t xml:space="preserve">      }</w:t>
            </w:r>
          </w:p>
          <w:p w:rsidR="00156FB3" w:rsidRDefault="00156FB3" w:rsidP="00156FB3"/>
          <w:p w:rsidR="00156FB3" w:rsidRDefault="00156FB3" w:rsidP="00156FB3">
            <w:r>
              <w:t xml:space="preserve">      function remainingWait(time) {</w:t>
            </w:r>
          </w:p>
          <w:p w:rsidR="00156FB3" w:rsidRDefault="00156FB3" w:rsidP="00156FB3">
            <w:r>
              <w:t xml:space="preserve">        var timeSinceLastCall = time - lastCallTime,</w:t>
            </w:r>
          </w:p>
          <w:p w:rsidR="00156FB3" w:rsidRDefault="00156FB3" w:rsidP="00156FB3">
            <w:r>
              <w:t xml:space="preserve">            timeSinceLastInvoke = time - lastInvokeTime,</w:t>
            </w:r>
          </w:p>
          <w:p w:rsidR="00156FB3" w:rsidRDefault="00156FB3" w:rsidP="00156FB3">
            <w:r>
              <w:t xml:space="preserve">            timeWaiting = wait - timeSinceLastCall;</w:t>
            </w:r>
          </w:p>
          <w:p w:rsidR="00156FB3" w:rsidRDefault="00156FB3" w:rsidP="00156FB3"/>
          <w:p w:rsidR="00156FB3" w:rsidRDefault="00156FB3" w:rsidP="00156FB3">
            <w:r>
              <w:lastRenderedPageBreak/>
              <w:t xml:space="preserve">        return maxing</w:t>
            </w:r>
          </w:p>
          <w:p w:rsidR="00156FB3" w:rsidRDefault="00156FB3" w:rsidP="00156FB3">
            <w:r>
              <w:t xml:space="preserve">          ? nativeMin(timeWaiting, maxWait - timeSinceLastInvoke)</w:t>
            </w:r>
          </w:p>
          <w:p w:rsidR="00156FB3" w:rsidRDefault="00156FB3" w:rsidP="00156FB3">
            <w:r>
              <w:t xml:space="preserve">          : timeWaiting;</w:t>
            </w:r>
          </w:p>
          <w:p w:rsidR="00156FB3" w:rsidRDefault="00156FB3" w:rsidP="00156FB3">
            <w:r>
              <w:t xml:space="preserve">      }</w:t>
            </w:r>
          </w:p>
          <w:p w:rsidR="00156FB3" w:rsidRDefault="00156FB3" w:rsidP="00156FB3"/>
          <w:p w:rsidR="00156FB3" w:rsidRDefault="00156FB3" w:rsidP="00156FB3">
            <w:r>
              <w:t xml:space="preserve">      function shouldInvoke(time) {</w:t>
            </w:r>
          </w:p>
          <w:p w:rsidR="00156FB3" w:rsidRDefault="00156FB3" w:rsidP="00156FB3">
            <w:r>
              <w:t xml:space="preserve">        var timeSinceLastCall = time - lastCallTime,</w:t>
            </w:r>
          </w:p>
          <w:p w:rsidR="00156FB3" w:rsidRDefault="00156FB3" w:rsidP="00156FB3">
            <w:r>
              <w:t xml:space="preserve">            timeSinceLastInvoke = time - lastInvokeTime;</w:t>
            </w:r>
          </w:p>
          <w:p w:rsidR="00156FB3" w:rsidRDefault="00156FB3" w:rsidP="00156FB3"/>
          <w:p w:rsidR="00156FB3" w:rsidRDefault="00156FB3" w:rsidP="00156FB3">
            <w:r>
              <w:t xml:space="preserve">        // Either this is the first call, activity has stopped and we're at the</w:t>
            </w:r>
          </w:p>
          <w:p w:rsidR="00156FB3" w:rsidRDefault="00156FB3" w:rsidP="00156FB3">
            <w:r>
              <w:t xml:space="preserve">        // trailing edge, the system time has gone backwards and we're treating</w:t>
            </w:r>
          </w:p>
          <w:p w:rsidR="00156FB3" w:rsidRDefault="00156FB3" w:rsidP="00156FB3">
            <w:r>
              <w:t xml:space="preserve">        // it as the trailing edge, or we've hit the `maxWait` limit.</w:t>
            </w:r>
          </w:p>
          <w:p w:rsidR="00156FB3" w:rsidRDefault="00156FB3" w:rsidP="00156FB3">
            <w:r>
              <w:t xml:space="preserve">        return (lastCallTime === undefined || (timeSinceLastCall &gt;= wait) ||</w:t>
            </w:r>
          </w:p>
          <w:p w:rsidR="00156FB3" w:rsidRDefault="00156FB3" w:rsidP="00156FB3">
            <w:r>
              <w:t xml:space="preserve">          (timeSinceLastCall &lt; 0) || (maxing &amp;&amp; timeSinceLastInvoke &gt;= maxWait));</w:t>
            </w:r>
          </w:p>
          <w:p w:rsidR="00156FB3" w:rsidRDefault="00156FB3" w:rsidP="00156FB3">
            <w:r>
              <w:t xml:space="preserve">      }</w:t>
            </w:r>
          </w:p>
          <w:p w:rsidR="00156FB3" w:rsidRDefault="00156FB3" w:rsidP="00156FB3"/>
          <w:p w:rsidR="00156FB3" w:rsidRDefault="00156FB3" w:rsidP="00156FB3">
            <w:r>
              <w:t xml:space="preserve">      function timerExpired() {</w:t>
            </w:r>
          </w:p>
          <w:p w:rsidR="00156FB3" w:rsidRDefault="00156FB3" w:rsidP="00156FB3">
            <w:r>
              <w:t xml:space="preserve">        var time = now();</w:t>
            </w:r>
          </w:p>
          <w:p w:rsidR="00156FB3" w:rsidRDefault="00156FB3" w:rsidP="00156FB3">
            <w:r>
              <w:t xml:space="preserve">        if (shouldInvoke(time)) {</w:t>
            </w:r>
          </w:p>
          <w:p w:rsidR="00156FB3" w:rsidRDefault="00156FB3" w:rsidP="00156FB3">
            <w:r>
              <w:t xml:space="preserve">          return trailingEdge(time);</w:t>
            </w:r>
          </w:p>
          <w:p w:rsidR="00156FB3" w:rsidRDefault="00156FB3" w:rsidP="00156FB3">
            <w:r>
              <w:t xml:space="preserve">        }</w:t>
            </w:r>
          </w:p>
          <w:p w:rsidR="00156FB3" w:rsidRDefault="00156FB3" w:rsidP="00156FB3">
            <w:r>
              <w:t xml:space="preserve">        // Restart the timer.</w:t>
            </w:r>
          </w:p>
          <w:p w:rsidR="00156FB3" w:rsidRDefault="00156FB3" w:rsidP="00156FB3">
            <w:r>
              <w:t xml:space="preserve">        timerId = setTimeout(timerExpired, remainingWait(time));</w:t>
            </w:r>
          </w:p>
          <w:p w:rsidR="00156FB3" w:rsidRDefault="00156FB3" w:rsidP="00156FB3">
            <w:r>
              <w:t xml:space="preserve">      }</w:t>
            </w:r>
          </w:p>
          <w:p w:rsidR="00156FB3" w:rsidRDefault="00156FB3" w:rsidP="00156FB3"/>
          <w:p w:rsidR="00156FB3" w:rsidRDefault="00156FB3" w:rsidP="00156FB3">
            <w:r>
              <w:t xml:space="preserve">      function trailingEdge(time) {</w:t>
            </w:r>
          </w:p>
          <w:p w:rsidR="00156FB3" w:rsidRDefault="00156FB3" w:rsidP="00156FB3">
            <w:r>
              <w:t xml:space="preserve">        timerId = undefined;</w:t>
            </w:r>
          </w:p>
          <w:p w:rsidR="00156FB3" w:rsidRDefault="00156FB3" w:rsidP="00156FB3"/>
          <w:p w:rsidR="00156FB3" w:rsidRDefault="00156FB3" w:rsidP="00156FB3">
            <w:r>
              <w:t xml:space="preserve">        // Only invoke if we have `lastArgs` which means `func` has been</w:t>
            </w:r>
          </w:p>
          <w:p w:rsidR="00156FB3" w:rsidRDefault="00156FB3" w:rsidP="00156FB3">
            <w:r>
              <w:t xml:space="preserve">        // debounced at least once.</w:t>
            </w:r>
          </w:p>
          <w:p w:rsidR="00156FB3" w:rsidRDefault="00156FB3" w:rsidP="00156FB3">
            <w:r>
              <w:t xml:space="preserve">        if (trailing &amp;&amp; lastArgs) {</w:t>
            </w:r>
          </w:p>
          <w:p w:rsidR="00156FB3" w:rsidRDefault="00156FB3" w:rsidP="00156FB3">
            <w:r>
              <w:t xml:space="preserve">          return invokeFunc(time);</w:t>
            </w:r>
          </w:p>
          <w:p w:rsidR="00156FB3" w:rsidRDefault="00156FB3" w:rsidP="00156FB3">
            <w:r>
              <w:t xml:space="preserve">        }</w:t>
            </w:r>
          </w:p>
          <w:p w:rsidR="00156FB3" w:rsidRDefault="00156FB3" w:rsidP="00156FB3">
            <w:r>
              <w:t xml:space="preserve">        lastArgs = lastThis = undefined;</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function cancel() {</w:t>
            </w:r>
          </w:p>
          <w:p w:rsidR="00156FB3" w:rsidRDefault="00156FB3" w:rsidP="00156FB3">
            <w:r>
              <w:t xml:space="preserve">        if (timerId !== undefined) {</w:t>
            </w:r>
          </w:p>
          <w:p w:rsidR="00156FB3" w:rsidRDefault="00156FB3" w:rsidP="00156FB3">
            <w:r>
              <w:t xml:space="preserve">          clearTimeout(timerId);</w:t>
            </w:r>
          </w:p>
          <w:p w:rsidR="00156FB3" w:rsidRDefault="00156FB3" w:rsidP="00156FB3">
            <w:r>
              <w:t xml:space="preserve">        }</w:t>
            </w:r>
          </w:p>
          <w:p w:rsidR="00156FB3" w:rsidRDefault="00156FB3" w:rsidP="00156FB3">
            <w:r>
              <w:t xml:space="preserve">        lastInvokeTime = 0;</w:t>
            </w:r>
          </w:p>
          <w:p w:rsidR="00156FB3" w:rsidRDefault="00156FB3" w:rsidP="00156FB3">
            <w:r>
              <w:t xml:space="preserve">        lastArgs = lastCallTime = lastThis = timerId = undefined;</w:t>
            </w:r>
          </w:p>
          <w:p w:rsidR="00156FB3" w:rsidRDefault="00156FB3" w:rsidP="00156FB3">
            <w:r>
              <w:t xml:space="preserve">      }</w:t>
            </w:r>
          </w:p>
          <w:p w:rsidR="00156FB3" w:rsidRDefault="00156FB3" w:rsidP="00156FB3"/>
          <w:p w:rsidR="00156FB3" w:rsidRDefault="00156FB3" w:rsidP="00156FB3">
            <w:r>
              <w:t xml:space="preserve">      function flush() {</w:t>
            </w:r>
          </w:p>
          <w:p w:rsidR="00156FB3" w:rsidRDefault="00156FB3" w:rsidP="00156FB3">
            <w:r>
              <w:t xml:space="preserve">        return timerId === undefined ? result : trailingEdge(now());</w:t>
            </w:r>
          </w:p>
          <w:p w:rsidR="00156FB3" w:rsidRDefault="00156FB3" w:rsidP="00156FB3">
            <w:r>
              <w:t xml:space="preserve">      }</w:t>
            </w:r>
          </w:p>
          <w:p w:rsidR="00156FB3" w:rsidRDefault="00156FB3" w:rsidP="00156FB3"/>
          <w:p w:rsidR="00156FB3" w:rsidRDefault="00156FB3" w:rsidP="00156FB3">
            <w:r>
              <w:t xml:space="preserve">      function debounced() {</w:t>
            </w:r>
          </w:p>
          <w:p w:rsidR="00156FB3" w:rsidRDefault="00156FB3" w:rsidP="00156FB3">
            <w:r>
              <w:t xml:space="preserve">        var time = now(),</w:t>
            </w:r>
          </w:p>
          <w:p w:rsidR="00156FB3" w:rsidRDefault="00156FB3" w:rsidP="00156FB3">
            <w:r>
              <w:t xml:space="preserve">            isInvoking = shouldInvoke(time);</w:t>
            </w:r>
          </w:p>
          <w:p w:rsidR="00156FB3" w:rsidRDefault="00156FB3" w:rsidP="00156FB3"/>
          <w:p w:rsidR="00156FB3" w:rsidRDefault="00156FB3" w:rsidP="00156FB3">
            <w:r>
              <w:t xml:space="preserve">        lastArgs = arguments;</w:t>
            </w:r>
          </w:p>
          <w:p w:rsidR="00156FB3" w:rsidRDefault="00156FB3" w:rsidP="00156FB3">
            <w:r>
              <w:t xml:space="preserve">        lastThis = this;</w:t>
            </w:r>
          </w:p>
          <w:p w:rsidR="00156FB3" w:rsidRDefault="00156FB3" w:rsidP="00156FB3">
            <w:r>
              <w:t xml:space="preserve">        lastCallTime = time;</w:t>
            </w:r>
          </w:p>
          <w:p w:rsidR="00156FB3" w:rsidRDefault="00156FB3" w:rsidP="00156FB3"/>
          <w:p w:rsidR="00156FB3" w:rsidRDefault="00156FB3" w:rsidP="00156FB3">
            <w:r>
              <w:t xml:space="preserve">        if (isInvoking) {</w:t>
            </w:r>
          </w:p>
          <w:p w:rsidR="00156FB3" w:rsidRDefault="00156FB3" w:rsidP="00156FB3">
            <w:r>
              <w:t xml:space="preserve">          if (timerId === undefined) {</w:t>
            </w:r>
          </w:p>
          <w:p w:rsidR="00156FB3" w:rsidRDefault="00156FB3" w:rsidP="00156FB3">
            <w:r>
              <w:t xml:space="preserve">            return leadingEdge(lastCallTime);</w:t>
            </w:r>
          </w:p>
          <w:p w:rsidR="00156FB3" w:rsidRDefault="00156FB3" w:rsidP="00156FB3">
            <w:r>
              <w:t xml:space="preserve">          }</w:t>
            </w:r>
          </w:p>
          <w:p w:rsidR="00156FB3" w:rsidRDefault="00156FB3" w:rsidP="00156FB3">
            <w:r>
              <w:t xml:space="preserve">          if (maxing) {</w:t>
            </w:r>
          </w:p>
          <w:p w:rsidR="00156FB3" w:rsidRDefault="00156FB3" w:rsidP="00156FB3">
            <w:r>
              <w:t xml:space="preserve">            // Handle invocations in a tight loop.</w:t>
            </w:r>
          </w:p>
          <w:p w:rsidR="00156FB3" w:rsidRDefault="00156FB3" w:rsidP="00156FB3">
            <w:r>
              <w:t xml:space="preserve">            clearTimeout(timerId);</w:t>
            </w:r>
          </w:p>
          <w:p w:rsidR="00156FB3" w:rsidRDefault="00156FB3" w:rsidP="00156FB3">
            <w:r>
              <w:t xml:space="preserve">            timerId = setTimeout(timerExpired, wait);</w:t>
            </w:r>
          </w:p>
          <w:p w:rsidR="00156FB3" w:rsidRDefault="00156FB3" w:rsidP="00156FB3">
            <w:r>
              <w:t xml:space="preserve">            return invokeFunc(lastCallTime);</w:t>
            </w:r>
          </w:p>
          <w:p w:rsidR="00156FB3" w:rsidRDefault="00156FB3" w:rsidP="00156FB3">
            <w:r>
              <w:t xml:space="preserve">          }</w:t>
            </w:r>
          </w:p>
          <w:p w:rsidR="00156FB3" w:rsidRDefault="00156FB3" w:rsidP="00156FB3">
            <w:r>
              <w:t xml:space="preserve">        }</w:t>
            </w:r>
          </w:p>
          <w:p w:rsidR="00156FB3" w:rsidRDefault="00156FB3" w:rsidP="00156FB3">
            <w:r>
              <w:t xml:space="preserve">        if (timerId === undefined) {</w:t>
            </w:r>
          </w:p>
          <w:p w:rsidR="00156FB3" w:rsidRDefault="00156FB3" w:rsidP="00156FB3">
            <w:r>
              <w:t xml:space="preserve">          timerId = setTimeout(timerExpired, wait);</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r>
              <w:t xml:space="preserve">      debounced.cancel = cancel;</w:t>
            </w:r>
          </w:p>
          <w:p w:rsidR="00156FB3" w:rsidRDefault="00156FB3" w:rsidP="00156FB3">
            <w:r>
              <w:t xml:space="preserve">      debounced.flush = flush;</w:t>
            </w:r>
          </w:p>
          <w:p w:rsidR="00156FB3" w:rsidRDefault="00156FB3" w:rsidP="00156FB3">
            <w:r>
              <w:t xml:space="preserve">      return debounce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Defers invoking the `func` until the current call stack has cleared. Any</w:t>
            </w:r>
          </w:p>
          <w:p w:rsidR="00156FB3" w:rsidRDefault="00156FB3" w:rsidP="00156FB3">
            <w:r>
              <w:t xml:space="preserve">     * additional arguments are provided to `func` when it's invoked.</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Function</w:t>
            </w:r>
          </w:p>
          <w:p w:rsidR="00156FB3" w:rsidRDefault="00156FB3" w:rsidP="00156FB3">
            <w:r>
              <w:t xml:space="preserve">     * @param {Function} func The function to defer.</w:t>
            </w:r>
          </w:p>
          <w:p w:rsidR="00156FB3" w:rsidRDefault="00156FB3" w:rsidP="00156FB3">
            <w:r>
              <w:t xml:space="preserve">     * @param {...*} [args] The arguments to invoke `func` with.</w:t>
            </w:r>
          </w:p>
          <w:p w:rsidR="00156FB3" w:rsidRDefault="00156FB3" w:rsidP="00156FB3">
            <w:r>
              <w:t xml:space="preserve">     * @returns {number} Returns the timer id.</w:t>
            </w:r>
          </w:p>
          <w:p w:rsidR="00156FB3" w:rsidRDefault="00156FB3" w:rsidP="00156FB3">
            <w:r>
              <w:t xml:space="preserve">     * @example</w:t>
            </w:r>
          </w:p>
          <w:p w:rsidR="00156FB3" w:rsidRDefault="00156FB3" w:rsidP="00156FB3">
            <w:r>
              <w:t xml:space="preserve">     *</w:t>
            </w:r>
          </w:p>
          <w:p w:rsidR="00156FB3" w:rsidRDefault="00156FB3" w:rsidP="00156FB3">
            <w:r>
              <w:t xml:space="preserve">     * _.defer(function(text) {</w:t>
            </w:r>
          </w:p>
          <w:p w:rsidR="00156FB3" w:rsidRDefault="00156FB3" w:rsidP="00156FB3">
            <w:r>
              <w:t xml:space="preserve">     *   console.log(text);</w:t>
            </w:r>
          </w:p>
          <w:p w:rsidR="00156FB3" w:rsidRDefault="00156FB3" w:rsidP="00156FB3">
            <w:r>
              <w:t xml:space="preserve">     * }, 'deferred');</w:t>
            </w:r>
          </w:p>
          <w:p w:rsidR="00156FB3" w:rsidRDefault="00156FB3" w:rsidP="00156FB3">
            <w:r>
              <w:t xml:space="preserve">     * // =&gt; Logs 'deferred' after one millisecond.</w:t>
            </w:r>
          </w:p>
          <w:p w:rsidR="00156FB3" w:rsidRDefault="00156FB3" w:rsidP="00156FB3">
            <w:r>
              <w:t xml:space="preserve">     */</w:t>
            </w:r>
          </w:p>
          <w:p w:rsidR="00156FB3" w:rsidRDefault="00156FB3" w:rsidP="00156FB3">
            <w:r>
              <w:lastRenderedPageBreak/>
              <w:t xml:space="preserve">    var defer = baseRest(function(func, args) {</w:t>
            </w:r>
          </w:p>
          <w:p w:rsidR="00156FB3" w:rsidRDefault="00156FB3" w:rsidP="00156FB3">
            <w:r>
              <w:t xml:space="preserve">      return baseDelay(func, 1, arg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Invokes `func` after `wait` milliseconds. Any additional arguments are</w:t>
            </w:r>
          </w:p>
          <w:p w:rsidR="00156FB3" w:rsidRDefault="00156FB3" w:rsidP="00156FB3">
            <w:r>
              <w:t xml:space="preserve">     * provided to `func` when it's invoked.</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Function</w:t>
            </w:r>
          </w:p>
          <w:p w:rsidR="00156FB3" w:rsidRDefault="00156FB3" w:rsidP="00156FB3">
            <w:r>
              <w:t xml:space="preserve">     * @param {Function} func The function to delay.</w:t>
            </w:r>
          </w:p>
          <w:p w:rsidR="00156FB3" w:rsidRDefault="00156FB3" w:rsidP="00156FB3">
            <w:r>
              <w:t xml:space="preserve">     * @param {number} wait The number of milliseconds to delay invocation.</w:t>
            </w:r>
          </w:p>
          <w:p w:rsidR="00156FB3" w:rsidRDefault="00156FB3" w:rsidP="00156FB3">
            <w:r>
              <w:t xml:space="preserve">     * @param {...*} [args] The arguments to invoke `func` with.</w:t>
            </w:r>
          </w:p>
          <w:p w:rsidR="00156FB3" w:rsidRDefault="00156FB3" w:rsidP="00156FB3">
            <w:r>
              <w:t xml:space="preserve">     * @returns {number} Returns the timer id.</w:t>
            </w:r>
          </w:p>
          <w:p w:rsidR="00156FB3" w:rsidRDefault="00156FB3" w:rsidP="00156FB3">
            <w:r>
              <w:t xml:space="preserve">     * @example</w:t>
            </w:r>
          </w:p>
          <w:p w:rsidR="00156FB3" w:rsidRDefault="00156FB3" w:rsidP="00156FB3">
            <w:r>
              <w:t xml:space="preserve">     *</w:t>
            </w:r>
          </w:p>
          <w:p w:rsidR="00156FB3" w:rsidRDefault="00156FB3" w:rsidP="00156FB3">
            <w:r>
              <w:t xml:space="preserve">     * _.delay(function(text) {</w:t>
            </w:r>
          </w:p>
          <w:p w:rsidR="00156FB3" w:rsidRDefault="00156FB3" w:rsidP="00156FB3">
            <w:r>
              <w:t xml:space="preserve">     *   console.log(text);</w:t>
            </w:r>
          </w:p>
          <w:p w:rsidR="00156FB3" w:rsidRDefault="00156FB3" w:rsidP="00156FB3">
            <w:r>
              <w:t xml:space="preserve">     * }, 1000, 'later');</w:t>
            </w:r>
          </w:p>
          <w:p w:rsidR="00156FB3" w:rsidRDefault="00156FB3" w:rsidP="00156FB3">
            <w:r>
              <w:t xml:space="preserve">     * // =&gt; Logs 'later' after one second.</w:t>
            </w:r>
          </w:p>
          <w:p w:rsidR="00156FB3" w:rsidRDefault="00156FB3" w:rsidP="00156FB3">
            <w:r>
              <w:t xml:space="preserve">     */</w:t>
            </w:r>
          </w:p>
          <w:p w:rsidR="00156FB3" w:rsidRDefault="00156FB3" w:rsidP="00156FB3">
            <w:r>
              <w:t xml:space="preserve">    var delay = baseRest(function(func, wait, args) {</w:t>
            </w:r>
          </w:p>
          <w:p w:rsidR="00156FB3" w:rsidRDefault="00156FB3" w:rsidP="00156FB3">
            <w:r>
              <w:t xml:space="preserve">      return baseDelay(func, toNumber(wait) || 0, arg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invokes `func` with arguments reversed.</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Function</w:t>
            </w:r>
          </w:p>
          <w:p w:rsidR="00156FB3" w:rsidRDefault="00156FB3" w:rsidP="00156FB3">
            <w:r>
              <w:t xml:space="preserve">     * @param {Function} func The function to flip arguments for.</w:t>
            </w:r>
          </w:p>
          <w:p w:rsidR="00156FB3" w:rsidRDefault="00156FB3" w:rsidP="00156FB3">
            <w:r>
              <w:t xml:space="preserve">     * @returns {Function} Returns the new flipped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flipped = _.flip(function() {</w:t>
            </w:r>
          </w:p>
          <w:p w:rsidR="00156FB3" w:rsidRDefault="00156FB3" w:rsidP="00156FB3">
            <w:r>
              <w:t xml:space="preserve">     *   return _.toArray(arguments);</w:t>
            </w:r>
          </w:p>
          <w:p w:rsidR="00156FB3" w:rsidRDefault="00156FB3" w:rsidP="00156FB3">
            <w:r>
              <w:t xml:space="preserve">     * });</w:t>
            </w:r>
          </w:p>
          <w:p w:rsidR="00156FB3" w:rsidRDefault="00156FB3" w:rsidP="00156FB3">
            <w:r>
              <w:t xml:space="preserve">     *</w:t>
            </w:r>
          </w:p>
          <w:p w:rsidR="00156FB3" w:rsidRDefault="00156FB3" w:rsidP="00156FB3">
            <w:r>
              <w:t xml:space="preserve">     * flipped('a', 'b', 'c', 'd');</w:t>
            </w:r>
          </w:p>
          <w:p w:rsidR="00156FB3" w:rsidRDefault="00156FB3" w:rsidP="00156FB3">
            <w:r>
              <w:t xml:space="preserve">     * // =&gt; ['d', 'c', 'b', 'a']</w:t>
            </w:r>
          </w:p>
          <w:p w:rsidR="00156FB3" w:rsidRDefault="00156FB3" w:rsidP="00156FB3">
            <w:r>
              <w:t xml:space="preserve">     */</w:t>
            </w:r>
          </w:p>
          <w:p w:rsidR="00156FB3" w:rsidRDefault="00156FB3" w:rsidP="00156FB3">
            <w:r>
              <w:t xml:space="preserve">    function flip(func) {</w:t>
            </w:r>
          </w:p>
          <w:p w:rsidR="00156FB3" w:rsidRDefault="00156FB3" w:rsidP="00156FB3">
            <w:r>
              <w:t xml:space="preserve">      return createWrap(func, WRAP_FLIP_FLA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memoizes the result of `func`. If `resolver` is</w:t>
            </w:r>
          </w:p>
          <w:p w:rsidR="00156FB3" w:rsidRDefault="00156FB3" w:rsidP="00156FB3">
            <w:r>
              <w:t xml:space="preserve">     * provided, it determines the cache key for storing the result based on the</w:t>
            </w:r>
          </w:p>
          <w:p w:rsidR="00156FB3" w:rsidRDefault="00156FB3" w:rsidP="00156FB3">
            <w:r>
              <w:t xml:space="preserve">     * arguments provided to the memoized function. By default, the first argument</w:t>
            </w:r>
          </w:p>
          <w:p w:rsidR="00156FB3" w:rsidRDefault="00156FB3" w:rsidP="00156FB3">
            <w:r>
              <w:t xml:space="preserve">     * provided to the memoized function is used as the map cache key. The `func`</w:t>
            </w:r>
          </w:p>
          <w:p w:rsidR="00156FB3" w:rsidRDefault="00156FB3" w:rsidP="00156FB3">
            <w:r>
              <w:t xml:space="preserve">     * is invoked with the `this` binding of the memoized function.</w:t>
            </w:r>
          </w:p>
          <w:p w:rsidR="00156FB3" w:rsidRDefault="00156FB3" w:rsidP="00156FB3">
            <w:r>
              <w:t xml:space="preserve">     *</w:t>
            </w:r>
          </w:p>
          <w:p w:rsidR="00156FB3" w:rsidRDefault="00156FB3" w:rsidP="00156FB3">
            <w:r>
              <w:t xml:space="preserve">     * **Note:** The cache is exposed as the `cache` property on the memoized</w:t>
            </w:r>
          </w:p>
          <w:p w:rsidR="00156FB3" w:rsidRDefault="00156FB3" w:rsidP="00156FB3">
            <w:r>
              <w:t xml:space="preserve">     * function. Its creation may be customized by replacing the `_.memoize.Cache`</w:t>
            </w:r>
          </w:p>
          <w:p w:rsidR="00156FB3" w:rsidRDefault="00156FB3" w:rsidP="00156FB3">
            <w:r>
              <w:t xml:space="preserve">     * constructor with one whose instances implement the</w:t>
            </w:r>
          </w:p>
          <w:p w:rsidR="00156FB3" w:rsidRDefault="00156FB3" w:rsidP="00156FB3">
            <w:r>
              <w:t xml:space="preserve">     * [`Map`](http://ecma-international.org/ecma-262/7.0/#sec-properties-of-the-map-prototype-object)</w:t>
            </w:r>
          </w:p>
          <w:p w:rsidR="00156FB3" w:rsidRDefault="00156FB3" w:rsidP="00156FB3">
            <w:r>
              <w:t xml:space="preserve">     * method interface of `clear`, `delete`, `get`, `has`, and `se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Function</w:t>
            </w:r>
          </w:p>
          <w:p w:rsidR="00156FB3" w:rsidRDefault="00156FB3" w:rsidP="00156FB3">
            <w:r>
              <w:t xml:space="preserve">     * @param {Function} func The function to have its output memoized.</w:t>
            </w:r>
          </w:p>
          <w:p w:rsidR="00156FB3" w:rsidRDefault="00156FB3" w:rsidP="00156FB3">
            <w:r>
              <w:t xml:space="preserve">     * @param {Function} [resolver] The function to resolve the cache key.</w:t>
            </w:r>
          </w:p>
          <w:p w:rsidR="00156FB3" w:rsidRDefault="00156FB3" w:rsidP="00156FB3">
            <w:r>
              <w:t xml:space="preserve">     * @returns {Function} Returns the new memoized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 'a': 1, 'b': 2 };</w:t>
            </w:r>
          </w:p>
          <w:p w:rsidR="00156FB3" w:rsidRDefault="00156FB3" w:rsidP="00156FB3">
            <w:r>
              <w:t xml:space="preserve">     * var other = { 'c': 3, 'd': 4 };</w:t>
            </w:r>
          </w:p>
          <w:p w:rsidR="00156FB3" w:rsidRDefault="00156FB3" w:rsidP="00156FB3">
            <w:r>
              <w:t xml:space="preserve">     *</w:t>
            </w:r>
          </w:p>
          <w:p w:rsidR="00156FB3" w:rsidRDefault="00156FB3" w:rsidP="00156FB3">
            <w:r>
              <w:t xml:space="preserve">     * var values = _.memoize(_.values);</w:t>
            </w:r>
          </w:p>
          <w:p w:rsidR="00156FB3" w:rsidRDefault="00156FB3" w:rsidP="00156FB3">
            <w:r>
              <w:t xml:space="preserve">     * values(object);</w:t>
            </w:r>
          </w:p>
          <w:p w:rsidR="00156FB3" w:rsidRDefault="00156FB3" w:rsidP="00156FB3">
            <w:r>
              <w:t xml:space="preserve">     * // =&gt; [1, 2]</w:t>
            </w:r>
          </w:p>
          <w:p w:rsidR="00156FB3" w:rsidRDefault="00156FB3" w:rsidP="00156FB3">
            <w:r>
              <w:t xml:space="preserve">     *</w:t>
            </w:r>
          </w:p>
          <w:p w:rsidR="00156FB3" w:rsidRDefault="00156FB3" w:rsidP="00156FB3">
            <w:r>
              <w:t xml:space="preserve">     * values(other);</w:t>
            </w:r>
          </w:p>
          <w:p w:rsidR="00156FB3" w:rsidRDefault="00156FB3" w:rsidP="00156FB3">
            <w:r>
              <w:t xml:space="preserve">     * // =&gt; [3, 4]</w:t>
            </w:r>
          </w:p>
          <w:p w:rsidR="00156FB3" w:rsidRDefault="00156FB3" w:rsidP="00156FB3">
            <w:r>
              <w:t xml:space="preserve">     *</w:t>
            </w:r>
          </w:p>
          <w:p w:rsidR="00156FB3" w:rsidRDefault="00156FB3" w:rsidP="00156FB3">
            <w:r>
              <w:t xml:space="preserve">     * object.a = 2;</w:t>
            </w:r>
          </w:p>
          <w:p w:rsidR="00156FB3" w:rsidRDefault="00156FB3" w:rsidP="00156FB3">
            <w:r>
              <w:t xml:space="preserve">     * values(object);</w:t>
            </w:r>
          </w:p>
          <w:p w:rsidR="00156FB3" w:rsidRDefault="00156FB3" w:rsidP="00156FB3">
            <w:r>
              <w:t xml:space="preserve">     * // =&gt; [1, 2]</w:t>
            </w:r>
          </w:p>
          <w:p w:rsidR="00156FB3" w:rsidRDefault="00156FB3" w:rsidP="00156FB3">
            <w:r>
              <w:t xml:space="preserve">     *</w:t>
            </w:r>
          </w:p>
          <w:p w:rsidR="00156FB3" w:rsidRDefault="00156FB3" w:rsidP="00156FB3">
            <w:r>
              <w:t xml:space="preserve">     * // Modify the result cache.</w:t>
            </w:r>
          </w:p>
          <w:p w:rsidR="00156FB3" w:rsidRDefault="00156FB3" w:rsidP="00156FB3">
            <w:r>
              <w:t xml:space="preserve">     * values.cache.set(object, ['a', 'b']);</w:t>
            </w:r>
          </w:p>
          <w:p w:rsidR="00156FB3" w:rsidRDefault="00156FB3" w:rsidP="00156FB3">
            <w:r>
              <w:t xml:space="preserve">     * values(object);</w:t>
            </w:r>
          </w:p>
          <w:p w:rsidR="00156FB3" w:rsidRDefault="00156FB3" w:rsidP="00156FB3">
            <w:r>
              <w:t xml:space="preserve">     * // =&gt; ['a', 'b']</w:t>
            </w:r>
          </w:p>
          <w:p w:rsidR="00156FB3" w:rsidRDefault="00156FB3" w:rsidP="00156FB3">
            <w:r>
              <w:t xml:space="preserve">     *</w:t>
            </w:r>
          </w:p>
          <w:p w:rsidR="00156FB3" w:rsidRDefault="00156FB3" w:rsidP="00156FB3">
            <w:r>
              <w:t xml:space="preserve">     * // Replace `_.memoize.Cache`.</w:t>
            </w:r>
          </w:p>
          <w:p w:rsidR="00156FB3" w:rsidRDefault="00156FB3" w:rsidP="00156FB3">
            <w:r>
              <w:t xml:space="preserve">     * _.memoize.Cache = WeakMap;</w:t>
            </w:r>
          </w:p>
          <w:p w:rsidR="00156FB3" w:rsidRDefault="00156FB3" w:rsidP="00156FB3">
            <w:r>
              <w:t xml:space="preserve">     */</w:t>
            </w:r>
          </w:p>
          <w:p w:rsidR="00156FB3" w:rsidRDefault="00156FB3" w:rsidP="00156FB3">
            <w:r>
              <w:t xml:space="preserve">    function memoize(func, resolver) {</w:t>
            </w:r>
          </w:p>
          <w:p w:rsidR="00156FB3" w:rsidRDefault="00156FB3" w:rsidP="00156FB3">
            <w:r>
              <w:t xml:space="preserve">      if (typeof func != 'function' || (resolver != null &amp;&amp; typeof resolver != 'function')) {</w:t>
            </w:r>
          </w:p>
          <w:p w:rsidR="00156FB3" w:rsidRDefault="00156FB3" w:rsidP="00156FB3">
            <w:r>
              <w:lastRenderedPageBreak/>
              <w:t xml:space="preserve">        throw new TypeError(FUNC_ERROR_TEXT);</w:t>
            </w:r>
          </w:p>
          <w:p w:rsidR="00156FB3" w:rsidRDefault="00156FB3" w:rsidP="00156FB3">
            <w:r>
              <w:t xml:space="preserve">      }</w:t>
            </w:r>
          </w:p>
          <w:p w:rsidR="00156FB3" w:rsidRDefault="00156FB3" w:rsidP="00156FB3">
            <w:r>
              <w:t xml:space="preserve">      var memoized = function() {</w:t>
            </w:r>
          </w:p>
          <w:p w:rsidR="00156FB3" w:rsidRDefault="00156FB3" w:rsidP="00156FB3">
            <w:r>
              <w:t xml:space="preserve">        var args = arguments,</w:t>
            </w:r>
          </w:p>
          <w:p w:rsidR="00156FB3" w:rsidRDefault="00156FB3" w:rsidP="00156FB3">
            <w:r>
              <w:t xml:space="preserve">            key = resolver ? resolver.apply(this, args) : args[0],</w:t>
            </w:r>
          </w:p>
          <w:p w:rsidR="00156FB3" w:rsidRDefault="00156FB3" w:rsidP="00156FB3">
            <w:r>
              <w:t xml:space="preserve">            cache = memoized.cache;</w:t>
            </w:r>
          </w:p>
          <w:p w:rsidR="00156FB3" w:rsidRDefault="00156FB3" w:rsidP="00156FB3"/>
          <w:p w:rsidR="00156FB3" w:rsidRDefault="00156FB3" w:rsidP="00156FB3">
            <w:r>
              <w:t xml:space="preserve">        if (cache.has(key)) {</w:t>
            </w:r>
          </w:p>
          <w:p w:rsidR="00156FB3" w:rsidRDefault="00156FB3" w:rsidP="00156FB3">
            <w:r>
              <w:t xml:space="preserve">          return cache.get(key);</w:t>
            </w:r>
          </w:p>
          <w:p w:rsidR="00156FB3" w:rsidRDefault="00156FB3" w:rsidP="00156FB3">
            <w:r>
              <w:t xml:space="preserve">        }</w:t>
            </w:r>
          </w:p>
          <w:p w:rsidR="00156FB3" w:rsidRDefault="00156FB3" w:rsidP="00156FB3">
            <w:r>
              <w:t xml:space="preserve">        var result = func.apply(this, args);</w:t>
            </w:r>
          </w:p>
          <w:p w:rsidR="00156FB3" w:rsidRDefault="00156FB3" w:rsidP="00156FB3">
            <w:r>
              <w:t xml:space="preserve">        memoized.cache = cache.set(key, result) || cache;</w:t>
            </w:r>
          </w:p>
          <w:p w:rsidR="00156FB3" w:rsidRDefault="00156FB3" w:rsidP="00156FB3">
            <w:r>
              <w:t xml:space="preserve">        return result;</w:t>
            </w:r>
          </w:p>
          <w:p w:rsidR="00156FB3" w:rsidRDefault="00156FB3" w:rsidP="00156FB3">
            <w:r>
              <w:t xml:space="preserve">      };</w:t>
            </w:r>
          </w:p>
          <w:p w:rsidR="00156FB3" w:rsidRDefault="00156FB3" w:rsidP="00156FB3">
            <w:r>
              <w:t xml:space="preserve">      memoized.cache = new (memoize.Cache || MapCache);</w:t>
            </w:r>
          </w:p>
          <w:p w:rsidR="00156FB3" w:rsidRDefault="00156FB3" w:rsidP="00156FB3">
            <w:r>
              <w:t xml:space="preserve">      return memoized;</w:t>
            </w:r>
          </w:p>
          <w:p w:rsidR="00156FB3" w:rsidRDefault="00156FB3" w:rsidP="00156FB3">
            <w:r>
              <w:t xml:space="preserve">    }</w:t>
            </w:r>
          </w:p>
          <w:p w:rsidR="00156FB3" w:rsidRDefault="00156FB3" w:rsidP="00156FB3"/>
          <w:p w:rsidR="00156FB3" w:rsidRDefault="00156FB3" w:rsidP="00156FB3">
            <w:r>
              <w:t xml:space="preserve">    // Expose `MapCache`.</w:t>
            </w:r>
          </w:p>
          <w:p w:rsidR="00156FB3" w:rsidRDefault="00156FB3" w:rsidP="00156FB3">
            <w:r>
              <w:t xml:space="preserve">    memoize.Cache = MapCache;</w:t>
            </w:r>
          </w:p>
          <w:p w:rsidR="00156FB3" w:rsidRDefault="00156FB3" w:rsidP="00156FB3"/>
          <w:p w:rsidR="00156FB3" w:rsidRDefault="00156FB3" w:rsidP="00156FB3">
            <w:r>
              <w:t xml:space="preserve">    /**</w:t>
            </w:r>
          </w:p>
          <w:p w:rsidR="00156FB3" w:rsidRDefault="00156FB3" w:rsidP="00156FB3">
            <w:r>
              <w:t xml:space="preserve">     * Creates a function that negates the result of the predicate `func`. The</w:t>
            </w:r>
          </w:p>
          <w:p w:rsidR="00156FB3" w:rsidRDefault="00156FB3" w:rsidP="00156FB3">
            <w:r>
              <w:t xml:space="preserve">     * `func` predicate is invoked with the `this` binding and arguments of the</w:t>
            </w:r>
          </w:p>
          <w:p w:rsidR="00156FB3" w:rsidRDefault="00156FB3" w:rsidP="00156FB3">
            <w:r>
              <w:t xml:space="preserve">     * created function.</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Function</w:t>
            </w:r>
          </w:p>
          <w:p w:rsidR="00156FB3" w:rsidRDefault="00156FB3" w:rsidP="00156FB3">
            <w:r>
              <w:t xml:space="preserve">     * @param {Function} predicate The predicate to negate.</w:t>
            </w:r>
          </w:p>
          <w:p w:rsidR="00156FB3" w:rsidRDefault="00156FB3" w:rsidP="00156FB3">
            <w:r>
              <w:t xml:space="preserve">     * @returns {Function} Returns the new negated function.</w:t>
            </w:r>
          </w:p>
          <w:p w:rsidR="00156FB3" w:rsidRDefault="00156FB3" w:rsidP="00156FB3">
            <w:r>
              <w:t xml:space="preserve">     * @example</w:t>
            </w:r>
          </w:p>
          <w:p w:rsidR="00156FB3" w:rsidRDefault="00156FB3" w:rsidP="00156FB3">
            <w:r>
              <w:t xml:space="preserve">     *</w:t>
            </w:r>
          </w:p>
          <w:p w:rsidR="00156FB3" w:rsidRDefault="00156FB3" w:rsidP="00156FB3">
            <w:r>
              <w:t xml:space="preserve">     * function isEven(n) {</w:t>
            </w:r>
          </w:p>
          <w:p w:rsidR="00156FB3" w:rsidRDefault="00156FB3" w:rsidP="00156FB3">
            <w:r>
              <w:t xml:space="preserve">     *   return n % 2 == 0;</w:t>
            </w:r>
          </w:p>
          <w:p w:rsidR="00156FB3" w:rsidRDefault="00156FB3" w:rsidP="00156FB3">
            <w:r>
              <w:t xml:space="preserve">     * }</w:t>
            </w:r>
          </w:p>
          <w:p w:rsidR="00156FB3" w:rsidRDefault="00156FB3" w:rsidP="00156FB3">
            <w:r>
              <w:t xml:space="preserve">     *</w:t>
            </w:r>
          </w:p>
          <w:p w:rsidR="00156FB3" w:rsidRDefault="00156FB3" w:rsidP="00156FB3">
            <w:r>
              <w:t xml:space="preserve">     * _.filter([1, 2, 3, 4, 5, 6], _.negate(isEven));</w:t>
            </w:r>
          </w:p>
          <w:p w:rsidR="00156FB3" w:rsidRDefault="00156FB3" w:rsidP="00156FB3">
            <w:r>
              <w:t xml:space="preserve">     * // =&gt; [1, 3, 5]</w:t>
            </w:r>
          </w:p>
          <w:p w:rsidR="00156FB3" w:rsidRDefault="00156FB3" w:rsidP="00156FB3">
            <w:r>
              <w:t xml:space="preserve">     */</w:t>
            </w:r>
          </w:p>
          <w:p w:rsidR="00156FB3" w:rsidRDefault="00156FB3" w:rsidP="00156FB3">
            <w:r>
              <w:t xml:space="preserve">    function negate(predicate) {</w:t>
            </w:r>
          </w:p>
          <w:p w:rsidR="00156FB3" w:rsidRDefault="00156FB3" w:rsidP="00156FB3">
            <w:r>
              <w:t xml:space="preserve">      if (typeof predicate != 'function') {</w:t>
            </w:r>
          </w:p>
          <w:p w:rsidR="00156FB3" w:rsidRDefault="00156FB3" w:rsidP="00156FB3">
            <w:r>
              <w:t xml:space="preserve">        throw new TypeError(FUNC_ERROR_TEXT);</w:t>
            </w:r>
          </w:p>
          <w:p w:rsidR="00156FB3" w:rsidRDefault="00156FB3" w:rsidP="00156FB3">
            <w:r>
              <w:t xml:space="preserve">      }</w:t>
            </w:r>
          </w:p>
          <w:p w:rsidR="00156FB3" w:rsidRDefault="00156FB3" w:rsidP="00156FB3">
            <w:r>
              <w:t xml:space="preserve">      return function() {</w:t>
            </w:r>
          </w:p>
          <w:p w:rsidR="00156FB3" w:rsidRDefault="00156FB3" w:rsidP="00156FB3">
            <w:r>
              <w:t xml:space="preserve">        var args = arguments;</w:t>
            </w:r>
          </w:p>
          <w:p w:rsidR="00156FB3" w:rsidRDefault="00156FB3" w:rsidP="00156FB3">
            <w:r>
              <w:t xml:space="preserve">        switch (args.length) {</w:t>
            </w:r>
          </w:p>
          <w:p w:rsidR="00156FB3" w:rsidRDefault="00156FB3" w:rsidP="00156FB3">
            <w:r>
              <w:lastRenderedPageBreak/>
              <w:t xml:space="preserve">          case 0: return !predicate.call(this);</w:t>
            </w:r>
          </w:p>
          <w:p w:rsidR="00156FB3" w:rsidRDefault="00156FB3" w:rsidP="00156FB3">
            <w:r>
              <w:t xml:space="preserve">          case 1: return !predicate.call(this, args[0]);</w:t>
            </w:r>
          </w:p>
          <w:p w:rsidR="00156FB3" w:rsidRDefault="00156FB3" w:rsidP="00156FB3">
            <w:r>
              <w:t xml:space="preserve">          case 2: return !predicate.call(this, args[0], args[1]);</w:t>
            </w:r>
          </w:p>
          <w:p w:rsidR="00156FB3" w:rsidRDefault="00156FB3" w:rsidP="00156FB3">
            <w:r>
              <w:t xml:space="preserve">          case 3: return !predicate.call(this, args[0], args[1], args[2]);</w:t>
            </w:r>
          </w:p>
          <w:p w:rsidR="00156FB3" w:rsidRDefault="00156FB3" w:rsidP="00156FB3">
            <w:r>
              <w:t xml:space="preserve">        }</w:t>
            </w:r>
          </w:p>
          <w:p w:rsidR="00156FB3" w:rsidRDefault="00156FB3" w:rsidP="00156FB3">
            <w:r>
              <w:t xml:space="preserve">        return !predicate.apply(this, arg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is restricted to invoking `func` once. Repeat calls</w:t>
            </w:r>
          </w:p>
          <w:p w:rsidR="00156FB3" w:rsidRDefault="00156FB3" w:rsidP="00156FB3">
            <w:r>
              <w:t xml:space="preserve">     * to the function return the value of the first invocation. The `func` is</w:t>
            </w:r>
          </w:p>
          <w:p w:rsidR="00156FB3" w:rsidRDefault="00156FB3" w:rsidP="00156FB3">
            <w:r>
              <w:t xml:space="preserve">     * invoked with the `this` binding and arguments of the created function.</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Function</w:t>
            </w:r>
          </w:p>
          <w:p w:rsidR="00156FB3" w:rsidRDefault="00156FB3" w:rsidP="00156FB3">
            <w:r>
              <w:t xml:space="preserve">     * @param {Function} func The function to restrict.</w:t>
            </w:r>
          </w:p>
          <w:p w:rsidR="00156FB3" w:rsidRDefault="00156FB3" w:rsidP="00156FB3">
            <w:r>
              <w:t xml:space="preserve">     * @returns {Function} Returns the new restricted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initialize = _.once(createApplication);</w:t>
            </w:r>
          </w:p>
          <w:p w:rsidR="00156FB3" w:rsidRDefault="00156FB3" w:rsidP="00156FB3">
            <w:r>
              <w:t xml:space="preserve">     * initialize();</w:t>
            </w:r>
          </w:p>
          <w:p w:rsidR="00156FB3" w:rsidRDefault="00156FB3" w:rsidP="00156FB3">
            <w:r>
              <w:t xml:space="preserve">     * initialize();</w:t>
            </w:r>
          </w:p>
          <w:p w:rsidR="00156FB3" w:rsidRDefault="00156FB3" w:rsidP="00156FB3">
            <w:r>
              <w:t xml:space="preserve">     * // =&gt; `createApplication` is invoked once</w:t>
            </w:r>
          </w:p>
          <w:p w:rsidR="00156FB3" w:rsidRDefault="00156FB3" w:rsidP="00156FB3">
            <w:r>
              <w:t xml:space="preserve">     */</w:t>
            </w:r>
          </w:p>
          <w:p w:rsidR="00156FB3" w:rsidRDefault="00156FB3" w:rsidP="00156FB3">
            <w:r>
              <w:t xml:space="preserve">    function once(func) {</w:t>
            </w:r>
          </w:p>
          <w:p w:rsidR="00156FB3" w:rsidRDefault="00156FB3" w:rsidP="00156FB3">
            <w:r>
              <w:t xml:space="preserve">      return before(2, func);</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invokes `func` with its arguments transformed.</w:t>
            </w:r>
          </w:p>
          <w:p w:rsidR="00156FB3" w:rsidRDefault="00156FB3" w:rsidP="00156FB3">
            <w:r>
              <w:t xml:space="preserve">     *</w:t>
            </w:r>
          </w:p>
          <w:p w:rsidR="00156FB3" w:rsidRDefault="00156FB3" w:rsidP="00156FB3">
            <w:r>
              <w:t xml:space="preserve">     * @static</w:t>
            </w:r>
          </w:p>
          <w:p w:rsidR="00156FB3" w:rsidRDefault="00156FB3" w:rsidP="00156FB3">
            <w:r>
              <w:t xml:space="preserve">     * @since 4.0.0</w:t>
            </w:r>
          </w:p>
          <w:p w:rsidR="00156FB3" w:rsidRDefault="00156FB3" w:rsidP="00156FB3">
            <w:r>
              <w:t xml:space="preserve">     * @memberOf _</w:t>
            </w:r>
          </w:p>
          <w:p w:rsidR="00156FB3" w:rsidRDefault="00156FB3" w:rsidP="00156FB3">
            <w:r>
              <w:t xml:space="preserve">     * @category Function</w:t>
            </w:r>
          </w:p>
          <w:p w:rsidR="00156FB3" w:rsidRDefault="00156FB3" w:rsidP="00156FB3">
            <w:r>
              <w:t xml:space="preserve">     * @param {Function} func The function to wrap.</w:t>
            </w:r>
          </w:p>
          <w:p w:rsidR="00156FB3" w:rsidRDefault="00156FB3" w:rsidP="00156FB3">
            <w:r>
              <w:t xml:space="preserve">     * @param {...(Function|Function[])} [transforms=[_.identity]]</w:t>
            </w:r>
          </w:p>
          <w:p w:rsidR="00156FB3" w:rsidRDefault="00156FB3" w:rsidP="00156FB3">
            <w:r>
              <w:t xml:space="preserve">     *  The argument transforms.</w:t>
            </w:r>
          </w:p>
          <w:p w:rsidR="00156FB3" w:rsidRDefault="00156FB3" w:rsidP="00156FB3">
            <w:r>
              <w:t xml:space="preserve">     * @returns {Function} Returns the new function.</w:t>
            </w:r>
          </w:p>
          <w:p w:rsidR="00156FB3" w:rsidRDefault="00156FB3" w:rsidP="00156FB3">
            <w:r>
              <w:t xml:space="preserve">     * @example</w:t>
            </w:r>
          </w:p>
          <w:p w:rsidR="00156FB3" w:rsidRDefault="00156FB3" w:rsidP="00156FB3">
            <w:r>
              <w:t xml:space="preserve">     *</w:t>
            </w:r>
          </w:p>
          <w:p w:rsidR="00156FB3" w:rsidRDefault="00156FB3" w:rsidP="00156FB3">
            <w:r>
              <w:t xml:space="preserve">     * function doubled(n) {</w:t>
            </w:r>
          </w:p>
          <w:p w:rsidR="00156FB3" w:rsidRDefault="00156FB3" w:rsidP="00156FB3">
            <w:r>
              <w:t xml:space="preserve">     *   return n * 2;</w:t>
            </w:r>
          </w:p>
          <w:p w:rsidR="00156FB3" w:rsidRDefault="00156FB3" w:rsidP="00156FB3">
            <w:r>
              <w:t xml:space="preserve">     * }</w:t>
            </w:r>
          </w:p>
          <w:p w:rsidR="00156FB3" w:rsidRDefault="00156FB3" w:rsidP="00156FB3">
            <w:r>
              <w:t xml:space="preserve">     *</w:t>
            </w:r>
          </w:p>
          <w:p w:rsidR="00156FB3" w:rsidRDefault="00156FB3" w:rsidP="00156FB3">
            <w:r>
              <w:lastRenderedPageBreak/>
              <w:t xml:space="preserve">     * function square(n) {</w:t>
            </w:r>
          </w:p>
          <w:p w:rsidR="00156FB3" w:rsidRDefault="00156FB3" w:rsidP="00156FB3">
            <w:r>
              <w:t xml:space="preserve">     *   return n * n;</w:t>
            </w:r>
          </w:p>
          <w:p w:rsidR="00156FB3" w:rsidRDefault="00156FB3" w:rsidP="00156FB3">
            <w:r>
              <w:t xml:space="preserve">     * }</w:t>
            </w:r>
          </w:p>
          <w:p w:rsidR="00156FB3" w:rsidRDefault="00156FB3" w:rsidP="00156FB3">
            <w:r>
              <w:t xml:space="preserve">     *</w:t>
            </w:r>
          </w:p>
          <w:p w:rsidR="00156FB3" w:rsidRDefault="00156FB3" w:rsidP="00156FB3">
            <w:r>
              <w:t xml:space="preserve">     * var func = _.overArgs(function(x, y) {</w:t>
            </w:r>
          </w:p>
          <w:p w:rsidR="00156FB3" w:rsidRDefault="00156FB3" w:rsidP="00156FB3">
            <w:r>
              <w:t xml:space="preserve">     *   return [x, y];</w:t>
            </w:r>
          </w:p>
          <w:p w:rsidR="00156FB3" w:rsidRDefault="00156FB3" w:rsidP="00156FB3">
            <w:r>
              <w:t xml:space="preserve">     * }, [square, doubled]);</w:t>
            </w:r>
          </w:p>
          <w:p w:rsidR="00156FB3" w:rsidRDefault="00156FB3" w:rsidP="00156FB3">
            <w:r>
              <w:t xml:space="preserve">     *</w:t>
            </w:r>
          </w:p>
          <w:p w:rsidR="00156FB3" w:rsidRDefault="00156FB3" w:rsidP="00156FB3">
            <w:r>
              <w:t xml:space="preserve">     * func(9, 3);</w:t>
            </w:r>
          </w:p>
          <w:p w:rsidR="00156FB3" w:rsidRDefault="00156FB3" w:rsidP="00156FB3">
            <w:r>
              <w:t xml:space="preserve">     * // =&gt; [81, 6]</w:t>
            </w:r>
          </w:p>
          <w:p w:rsidR="00156FB3" w:rsidRDefault="00156FB3" w:rsidP="00156FB3">
            <w:r>
              <w:t xml:space="preserve">     *</w:t>
            </w:r>
          </w:p>
          <w:p w:rsidR="00156FB3" w:rsidRDefault="00156FB3" w:rsidP="00156FB3">
            <w:r>
              <w:t xml:space="preserve">     * func(10, 5);</w:t>
            </w:r>
          </w:p>
          <w:p w:rsidR="00156FB3" w:rsidRDefault="00156FB3" w:rsidP="00156FB3">
            <w:r>
              <w:t xml:space="preserve">     * // =&gt; [100, 10]</w:t>
            </w:r>
          </w:p>
          <w:p w:rsidR="00156FB3" w:rsidRDefault="00156FB3" w:rsidP="00156FB3">
            <w:r>
              <w:t xml:space="preserve">     */</w:t>
            </w:r>
          </w:p>
          <w:p w:rsidR="00156FB3" w:rsidRDefault="00156FB3" w:rsidP="00156FB3">
            <w:r>
              <w:t xml:space="preserve">    var overArgs = castRest(function(func, transforms) {</w:t>
            </w:r>
          </w:p>
          <w:p w:rsidR="00156FB3" w:rsidRDefault="00156FB3" w:rsidP="00156FB3">
            <w:r>
              <w:t xml:space="preserve">      transforms = (transforms.length == 1 &amp;&amp; isArray(transforms[0]))</w:t>
            </w:r>
          </w:p>
          <w:p w:rsidR="00156FB3" w:rsidRDefault="00156FB3" w:rsidP="00156FB3">
            <w:r>
              <w:t xml:space="preserve">        ? arrayMap(transforms[0], baseUnary(getIteratee()))</w:t>
            </w:r>
          </w:p>
          <w:p w:rsidR="00156FB3" w:rsidRDefault="00156FB3" w:rsidP="00156FB3">
            <w:r>
              <w:t xml:space="preserve">        : arrayMap(baseFlatten(transforms, 1), baseUnary(getIteratee()));</w:t>
            </w:r>
          </w:p>
          <w:p w:rsidR="00156FB3" w:rsidRDefault="00156FB3" w:rsidP="00156FB3"/>
          <w:p w:rsidR="00156FB3" w:rsidRDefault="00156FB3" w:rsidP="00156FB3">
            <w:r>
              <w:t xml:space="preserve">      var funcsLength = transforms.length;</w:t>
            </w:r>
          </w:p>
          <w:p w:rsidR="00156FB3" w:rsidRDefault="00156FB3" w:rsidP="00156FB3">
            <w:r>
              <w:t xml:space="preserve">      return baseRest(function(args) {</w:t>
            </w:r>
          </w:p>
          <w:p w:rsidR="00156FB3" w:rsidRDefault="00156FB3" w:rsidP="00156FB3">
            <w:r>
              <w:t xml:space="preserve">        var index = -1,</w:t>
            </w:r>
          </w:p>
          <w:p w:rsidR="00156FB3" w:rsidRDefault="00156FB3" w:rsidP="00156FB3">
            <w:r>
              <w:t xml:space="preserve">            length = nativeMin(args.length, funcsLength);</w:t>
            </w:r>
          </w:p>
          <w:p w:rsidR="00156FB3" w:rsidRDefault="00156FB3" w:rsidP="00156FB3"/>
          <w:p w:rsidR="00156FB3" w:rsidRDefault="00156FB3" w:rsidP="00156FB3">
            <w:r>
              <w:t xml:space="preserve">        while (++index &lt; length) {</w:t>
            </w:r>
          </w:p>
          <w:p w:rsidR="00156FB3" w:rsidRDefault="00156FB3" w:rsidP="00156FB3">
            <w:r>
              <w:t xml:space="preserve">          args[index] = transforms[index].call(this, args[index]);</w:t>
            </w:r>
          </w:p>
          <w:p w:rsidR="00156FB3" w:rsidRDefault="00156FB3" w:rsidP="00156FB3">
            <w:r>
              <w:t xml:space="preserve">        }</w:t>
            </w:r>
          </w:p>
          <w:p w:rsidR="00156FB3" w:rsidRDefault="00156FB3" w:rsidP="00156FB3">
            <w:r>
              <w:t xml:space="preserve">        return apply(func, this, arg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invokes `func` with `partials` prepended to the</w:t>
            </w:r>
          </w:p>
          <w:p w:rsidR="00156FB3" w:rsidRDefault="00156FB3" w:rsidP="00156FB3">
            <w:r>
              <w:t xml:space="preserve">     * arguments it receives. This method is like `_.bind` except it does **not**</w:t>
            </w:r>
          </w:p>
          <w:p w:rsidR="00156FB3" w:rsidRDefault="00156FB3" w:rsidP="00156FB3">
            <w:r>
              <w:t xml:space="preserve">     * alter the `this` binding.</w:t>
            </w:r>
          </w:p>
          <w:p w:rsidR="00156FB3" w:rsidRDefault="00156FB3" w:rsidP="00156FB3">
            <w:r>
              <w:t xml:space="preserve">     *</w:t>
            </w:r>
          </w:p>
          <w:p w:rsidR="00156FB3" w:rsidRDefault="00156FB3" w:rsidP="00156FB3">
            <w:r>
              <w:t xml:space="preserve">     * The `_.partial.placeholder` value, which defaults to `_` in monolithic</w:t>
            </w:r>
          </w:p>
          <w:p w:rsidR="00156FB3" w:rsidRDefault="00156FB3" w:rsidP="00156FB3">
            <w:r>
              <w:t xml:space="preserve">     * builds, may be used as a placeholder for partially applied arguments.</w:t>
            </w:r>
          </w:p>
          <w:p w:rsidR="00156FB3" w:rsidRDefault="00156FB3" w:rsidP="00156FB3">
            <w:r>
              <w:t xml:space="preserve">     *</w:t>
            </w:r>
          </w:p>
          <w:p w:rsidR="00156FB3" w:rsidRDefault="00156FB3" w:rsidP="00156FB3">
            <w:r>
              <w:t xml:space="preserve">     * **Note:** This method doesn't set the "length" property of partially</w:t>
            </w:r>
          </w:p>
          <w:p w:rsidR="00156FB3" w:rsidRDefault="00156FB3" w:rsidP="00156FB3">
            <w:r>
              <w:t xml:space="preserve">     * applied function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2.0</w:t>
            </w:r>
          </w:p>
          <w:p w:rsidR="00156FB3" w:rsidRDefault="00156FB3" w:rsidP="00156FB3">
            <w:r>
              <w:t xml:space="preserve">     * @category Function</w:t>
            </w:r>
          </w:p>
          <w:p w:rsidR="00156FB3" w:rsidRDefault="00156FB3" w:rsidP="00156FB3">
            <w:r>
              <w:t xml:space="preserve">     * @param {Function} func The function to partially apply arguments to.</w:t>
            </w:r>
          </w:p>
          <w:p w:rsidR="00156FB3" w:rsidRDefault="00156FB3" w:rsidP="00156FB3">
            <w:r>
              <w:t xml:space="preserve">     * @param {...*} [partials] The arguments to be partially applied.</w:t>
            </w:r>
          </w:p>
          <w:p w:rsidR="00156FB3" w:rsidRDefault="00156FB3" w:rsidP="00156FB3">
            <w:r>
              <w:lastRenderedPageBreak/>
              <w:t xml:space="preserve">     * @returns {Function} Returns the new partially applied function.</w:t>
            </w:r>
          </w:p>
          <w:p w:rsidR="00156FB3" w:rsidRDefault="00156FB3" w:rsidP="00156FB3">
            <w:r>
              <w:t xml:space="preserve">     * @example</w:t>
            </w:r>
          </w:p>
          <w:p w:rsidR="00156FB3" w:rsidRDefault="00156FB3" w:rsidP="00156FB3">
            <w:r>
              <w:t xml:space="preserve">     *</w:t>
            </w:r>
          </w:p>
          <w:p w:rsidR="00156FB3" w:rsidRDefault="00156FB3" w:rsidP="00156FB3">
            <w:r>
              <w:t xml:space="preserve">     * function greet(greeting, name) {</w:t>
            </w:r>
          </w:p>
          <w:p w:rsidR="00156FB3" w:rsidRDefault="00156FB3" w:rsidP="00156FB3">
            <w:r>
              <w:t xml:space="preserve">     *   return greeting + ' ' + name;</w:t>
            </w:r>
          </w:p>
          <w:p w:rsidR="00156FB3" w:rsidRDefault="00156FB3" w:rsidP="00156FB3">
            <w:r>
              <w:t xml:space="preserve">     * }</w:t>
            </w:r>
          </w:p>
          <w:p w:rsidR="00156FB3" w:rsidRDefault="00156FB3" w:rsidP="00156FB3">
            <w:r>
              <w:t xml:space="preserve">     *</w:t>
            </w:r>
          </w:p>
          <w:p w:rsidR="00156FB3" w:rsidRDefault="00156FB3" w:rsidP="00156FB3">
            <w:r>
              <w:t xml:space="preserve">     * var sayHelloTo = _.partial(greet, 'hello');</w:t>
            </w:r>
          </w:p>
          <w:p w:rsidR="00156FB3" w:rsidRDefault="00156FB3" w:rsidP="00156FB3">
            <w:r>
              <w:t xml:space="preserve">     * sayHelloTo('fred');</w:t>
            </w:r>
          </w:p>
          <w:p w:rsidR="00156FB3" w:rsidRDefault="00156FB3" w:rsidP="00156FB3">
            <w:r>
              <w:t xml:space="preserve">     * // =&gt; 'hello fred'</w:t>
            </w:r>
          </w:p>
          <w:p w:rsidR="00156FB3" w:rsidRDefault="00156FB3" w:rsidP="00156FB3">
            <w:r>
              <w:t xml:space="preserve">     *</w:t>
            </w:r>
          </w:p>
          <w:p w:rsidR="00156FB3" w:rsidRDefault="00156FB3" w:rsidP="00156FB3">
            <w:r>
              <w:t xml:space="preserve">     * // Partially applied with placeholders.</w:t>
            </w:r>
          </w:p>
          <w:p w:rsidR="00156FB3" w:rsidRDefault="00156FB3" w:rsidP="00156FB3">
            <w:r>
              <w:t xml:space="preserve">     * var greetFred = _.partial(greet, _, 'fred');</w:t>
            </w:r>
          </w:p>
          <w:p w:rsidR="00156FB3" w:rsidRDefault="00156FB3" w:rsidP="00156FB3">
            <w:r>
              <w:t xml:space="preserve">     * greetFred('hi');</w:t>
            </w:r>
          </w:p>
          <w:p w:rsidR="00156FB3" w:rsidRDefault="00156FB3" w:rsidP="00156FB3">
            <w:r>
              <w:t xml:space="preserve">     * // =&gt; 'hi fred'</w:t>
            </w:r>
          </w:p>
          <w:p w:rsidR="00156FB3" w:rsidRDefault="00156FB3" w:rsidP="00156FB3">
            <w:r>
              <w:t xml:space="preserve">     */</w:t>
            </w:r>
          </w:p>
          <w:p w:rsidR="00156FB3" w:rsidRDefault="00156FB3" w:rsidP="00156FB3">
            <w:r>
              <w:t xml:space="preserve">    var partial = baseRest(function(func, partials) {</w:t>
            </w:r>
          </w:p>
          <w:p w:rsidR="00156FB3" w:rsidRDefault="00156FB3" w:rsidP="00156FB3">
            <w:r>
              <w:t xml:space="preserve">      var holders = replaceHolders(partials, getHolder(partial));</w:t>
            </w:r>
          </w:p>
          <w:p w:rsidR="00156FB3" w:rsidRDefault="00156FB3" w:rsidP="00156FB3">
            <w:r>
              <w:t xml:space="preserve">      return createWrap(func, WRAP_PARTIAL_FLAG, undefined, partials, holder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partial` except that partially applied arguments</w:t>
            </w:r>
          </w:p>
          <w:p w:rsidR="00156FB3" w:rsidRDefault="00156FB3" w:rsidP="00156FB3">
            <w:r>
              <w:t xml:space="preserve">     * are appended to the arguments it receives.</w:t>
            </w:r>
          </w:p>
          <w:p w:rsidR="00156FB3" w:rsidRDefault="00156FB3" w:rsidP="00156FB3">
            <w:r>
              <w:t xml:space="preserve">     *</w:t>
            </w:r>
          </w:p>
          <w:p w:rsidR="00156FB3" w:rsidRDefault="00156FB3" w:rsidP="00156FB3">
            <w:r>
              <w:t xml:space="preserve">     * The `_.partialRight.placeholder` value, which defaults to `_` in monolithic</w:t>
            </w:r>
          </w:p>
          <w:p w:rsidR="00156FB3" w:rsidRDefault="00156FB3" w:rsidP="00156FB3">
            <w:r>
              <w:t xml:space="preserve">     * builds, may be used as a placeholder for partially applied arguments.</w:t>
            </w:r>
          </w:p>
          <w:p w:rsidR="00156FB3" w:rsidRDefault="00156FB3" w:rsidP="00156FB3">
            <w:r>
              <w:t xml:space="preserve">     *</w:t>
            </w:r>
          </w:p>
          <w:p w:rsidR="00156FB3" w:rsidRDefault="00156FB3" w:rsidP="00156FB3">
            <w:r>
              <w:t xml:space="preserve">     * **Note:** This method doesn't set the "length" property of partially</w:t>
            </w:r>
          </w:p>
          <w:p w:rsidR="00156FB3" w:rsidRDefault="00156FB3" w:rsidP="00156FB3">
            <w:r>
              <w:t xml:space="preserve">     * applied function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1.0.0</w:t>
            </w:r>
          </w:p>
          <w:p w:rsidR="00156FB3" w:rsidRDefault="00156FB3" w:rsidP="00156FB3">
            <w:r>
              <w:t xml:space="preserve">     * @category Function</w:t>
            </w:r>
          </w:p>
          <w:p w:rsidR="00156FB3" w:rsidRDefault="00156FB3" w:rsidP="00156FB3">
            <w:r>
              <w:t xml:space="preserve">     * @param {Function} func The function to partially apply arguments to.</w:t>
            </w:r>
          </w:p>
          <w:p w:rsidR="00156FB3" w:rsidRDefault="00156FB3" w:rsidP="00156FB3">
            <w:r>
              <w:t xml:space="preserve">     * @param {...*} [partials] The arguments to be partially applied.</w:t>
            </w:r>
          </w:p>
          <w:p w:rsidR="00156FB3" w:rsidRDefault="00156FB3" w:rsidP="00156FB3">
            <w:r>
              <w:t xml:space="preserve">     * @returns {Function} Returns the new partially applied function.</w:t>
            </w:r>
          </w:p>
          <w:p w:rsidR="00156FB3" w:rsidRDefault="00156FB3" w:rsidP="00156FB3">
            <w:r>
              <w:t xml:space="preserve">     * @example</w:t>
            </w:r>
          </w:p>
          <w:p w:rsidR="00156FB3" w:rsidRDefault="00156FB3" w:rsidP="00156FB3">
            <w:r>
              <w:t xml:space="preserve">     *</w:t>
            </w:r>
          </w:p>
          <w:p w:rsidR="00156FB3" w:rsidRDefault="00156FB3" w:rsidP="00156FB3">
            <w:r>
              <w:t xml:space="preserve">     * function greet(greeting, name) {</w:t>
            </w:r>
          </w:p>
          <w:p w:rsidR="00156FB3" w:rsidRDefault="00156FB3" w:rsidP="00156FB3">
            <w:r>
              <w:t xml:space="preserve">     *   return greeting + ' ' + name;</w:t>
            </w:r>
          </w:p>
          <w:p w:rsidR="00156FB3" w:rsidRDefault="00156FB3" w:rsidP="00156FB3">
            <w:r>
              <w:t xml:space="preserve">     * }</w:t>
            </w:r>
          </w:p>
          <w:p w:rsidR="00156FB3" w:rsidRDefault="00156FB3" w:rsidP="00156FB3">
            <w:r>
              <w:t xml:space="preserve">     *</w:t>
            </w:r>
          </w:p>
          <w:p w:rsidR="00156FB3" w:rsidRDefault="00156FB3" w:rsidP="00156FB3">
            <w:r>
              <w:t xml:space="preserve">     * var greetFred = _.partialRight(greet, 'fred');</w:t>
            </w:r>
          </w:p>
          <w:p w:rsidR="00156FB3" w:rsidRDefault="00156FB3" w:rsidP="00156FB3">
            <w:r>
              <w:t xml:space="preserve">     * greetFred('hi');</w:t>
            </w:r>
          </w:p>
          <w:p w:rsidR="00156FB3" w:rsidRDefault="00156FB3" w:rsidP="00156FB3">
            <w:r>
              <w:t xml:space="preserve">     * // =&gt; 'hi fred'</w:t>
            </w:r>
          </w:p>
          <w:p w:rsidR="00156FB3" w:rsidRDefault="00156FB3" w:rsidP="00156FB3">
            <w:r>
              <w:t xml:space="preserve">     *</w:t>
            </w:r>
          </w:p>
          <w:p w:rsidR="00156FB3" w:rsidRDefault="00156FB3" w:rsidP="00156FB3">
            <w:r>
              <w:lastRenderedPageBreak/>
              <w:t xml:space="preserve">     * // Partially applied with placeholders.</w:t>
            </w:r>
          </w:p>
          <w:p w:rsidR="00156FB3" w:rsidRDefault="00156FB3" w:rsidP="00156FB3">
            <w:r>
              <w:t xml:space="preserve">     * var sayHelloTo = _.partialRight(greet, 'hello', _);</w:t>
            </w:r>
          </w:p>
          <w:p w:rsidR="00156FB3" w:rsidRDefault="00156FB3" w:rsidP="00156FB3">
            <w:r>
              <w:t xml:space="preserve">     * sayHelloTo('fred');</w:t>
            </w:r>
          </w:p>
          <w:p w:rsidR="00156FB3" w:rsidRDefault="00156FB3" w:rsidP="00156FB3">
            <w:r>
              <w:t xml:space="preserve">     * // =&gt; 'hello fred'</w:t>
            </w:r>
          </w:p>
          <w:p w:rsidR="00156FB3" w:rsidRDefault="00156FB3" w:rsidP="00156FB3">
            <w:r>
              <w:t xml:space="preserve">     */</w:t>
            </w:r>
          </w:p>
          <w:p w:rsidR="00156FB3" w:rsidRDefault="00156FB3" w:rsidP="00156FB3">
            <w:r>
              <w:t xml:space="preserve">    var partialRight = baseRest(function(func, partials) {</w:t>
            </w:r>
          </w:p>
          <w:p w:rsidR="00156FB3" w:rsidRDefault="00156FB3" w:rsidP="00156FB3">
            <w:r>
              <w:t xml:space="preserve">      var holders = replaceHolders(partials, getHolder(partialRight));</w:t>
            </w:r>
          </w:p>
          <w:p w:rsidR="00156FB3" w:rsidRDefault="00156FB3" w:rsidP="00156FB3">
            <w:r>
              <w:t xml:space="preserve">      return createWrap(func, WRAP_PARTIAL_RIGHT_FLAG, undefined, partials, holder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invokes `func` with arguments arranged according</w:t>
            </w:r>
          </w:p>
          <w:p w:rsidR="00156FB3" w:rsidRDefault="00156FB3" w:rsidP="00156FB3">
            <w:r>
              <w:t xml:space="preserve">     * to the specified `indexes` where the argument value at the first index is</w:t>
            </w:r>
          </w:p>
          <w:p w:rsidR="00156FB3" w:rsidRDefault="00156FB3" w:rsidP="00156FB3">
            <w:r>
              <w:t xml:space="preserve">     * provided as the first argument, the argument value at the second index is</w:t>
            </w:r>
          </w:p>
          <w:p w:rsidR="00156FB3" w:rsidRDefault="00156FB3" w:rsidP="00156FB3">
            <w:r>
              <w:t xml:space="preserve">     * provided as the second argument, and so on.</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Function</w:t>
            </w:r>
          </w:p>
          <w:p w:rsidR="00156FB3" w:rsidRDefault="00156FB3" w:rsidP="00156FB3">
            <w:r>
              <w:t xml:space="preserve">     * @param {Function} func The function to rearrange arguments for.</w:t>
            </w:r>
          </w:p>
          <w:p w:rsidR="00156FB3" w:rsidRDefault="00156FB3" w:rsidP="00156FB3">
            <w:r>
              <w:t xml:space="preserve">     * @param {...(number|number[])} indexes The arranged argument indexes.</w:t>
            </w:r>
          </w:p>
          <w:p w:rsidR="00156FB3" w:rsidRDefault="00156FB3" w:rsidP="00156FB3">
            <w:r>
              <w:t xml:space="preserve">     * @returns {Function} Returns the new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rearged = _.rearg(function(a, b, c) {</w:t>
            </w:r>
          </w:p>
          <w:p w:rsidR="00156FB3" w:rsidRDefault="00156FB3" w:rsidP="00156FB3">
            <w:r>
              <w:t xml:space="preserve">     *   return [a, b, c];</w:t>
            </w:r>
          </w:p>
          <w:p w:rsidR="00156FB3" w:rsidRDefault="00156FB3" w:rsidP="00156FB3">
            <w:r>
              <w:t xml:space="preserve">     * }, [2, 0, 1]);</w:t>
            </w:r>
          </w:p>
          <w:p w:rsidR="00156FB3" w:rsidRDefault="00156FB3" w:rsidP="00156FB3">
            <w:r>
              <w:t xml:space="preserve">     *</w:t>
            </w:r>
          </w:p>
          <w:p w:rsidR="00156FB3" w:rsidRDefault="00156FB3" w:rsidP="00156FB3">
            <w:r>
              <w:t xml:space="preserve">     * rearged('b', 'c', 'a')</w:t>
            </w:r>
          </w:p>
          <w:p w:rsidR="00156FB3" w:rsidRDefault="00156FB3" w:rsidP="00156FB3">
            <w:r>
              <w:t xml:space="preserve">     * // =&gt; ['a', 'b', 'c']</w:t>
            </w:r>
          </w:p>
          <w:p w:rsidR="00156FB3" w:rsidRDefault="00156FB3" w:rsidP="00156FB3">
            <w:r>
              <w:t xml:space="preserve">     */</w:t>
            </w:r>
          </w:p>
          <w:p w:rsidR="00156FB3" w:rsidRDefault="00156FB3" w:rsidP="00156FB3">
            <w:r>
              <w:t xml:space="preserve">    var rearg = flatRest(function(func, indexes) {</w:t>
            </w:r>
          </w:p>
          <w:p w:rsidR="00156FB3" w:rsidRDefault="00156FB3" w:rsidP="00156FB3">
            <w:r>
              <w:t xml:space="preserve">      return createWrap(func, WRAP_REARG_FLAG, undefined, undefined, undefined, indexe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invokes `func` with the `this` binding of the</w:t>
            </w:r>
          </w:p>
          <w:p w:rsidR="00156FB3" w:rsidRDefault="00156FB3" w:rsidP="00156FB3">
            <w:r>
              <w:t xml:space="preserve">     * created function and arguments from `start` and beyond provided as</w:t>
            </w:r>
          </w:p>
          <w:p w:rsidR="00156FB3" w:rsidRDefault="00156FB3" w:rsidP="00156FB3">
            <w:r>
              <w:t xml:space="preserve">     * an array.</w:t>
            </w:r>
          </w:p>
          <w:p w:rsidR="00156FB3" w:rsidRDefault="00156FB3" w:rsidP="00156FB3">
            <w:r>
              <w:t xml:space="preserve">     *</w:t>
            </w:r>
          </w:p>
          <w:p w:rsidR="00156FB3" w:rsidRDefault="00156FB3" w:rsidP="00156FB3">
            <w:r>
              <w:t xml:space="preserve">     * **Note:** This method is based on the</w:t>
            </w:r>
          </w:p>
          <w:p w:rsidR="00156FB3" w:rsidRDefault="00156FB3" w:rsidP="00156FB3">
            <w:r>
              <w:t xml:space="preserve">     * [rest parameter](https://mdn.io/rest_parameter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Function</w:t>
            </w:r>
          </w:p>
          <w:p w:rsidR="00156FB3" w:rsidRDefault="00156FB3" w:rsidP="00156FB3">
            <w:r>
              <w:lastRenderedPageBreak/>
              <w:t xml:space="preserve">     * @param {Function} func The function to apply a rest parameter to.</w:t>
            </w:r>
          </w:p>
          <w:p w:rsidR="00156FB3" w:rsidRDefault="00156FB3" w:rsidP="00156FB3">
            <w:r>
              <w:t xml:space="preserve">     * @param {number} [start=func.length-1] The start position of the rest parameter.</w:t>
            </w:r>
          </w:p>
          <w:p w:rsidR="00156FB3" w:rsidRDefault="00156FB3" w:rsidP="00156FB3">
            <w:r>
              <w:t xml:space="preserve">     * @returns {Function} Returns the new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say = _.rest(function(what, names) {</w:t>
            </w:r>
          </w:p>
          <w:p w:rsidR="00156FB3" w:rsidRDefault="00156FB3" w:rsidP="00156FB3">
            <w:r>
              <w:t xml:space="preserve">     *   return what + ' ' + _.initial(names).join(', ') +</w:t>
            </w:r>
          </w:p>
          <w:p w:rsidR="00156FB3" w:rsidRDefault="00156FB3" w:rsidP="00156FB3">
            <w:r>
              <w:t xml:space="preserve">     *     (_.size(names) &gt; 1 ? ', &amp; ' : '') + _.last(names);</w:t>
            </w:r>
          </w:p>
          <w:p w:rsidR="00156FB3" w:rsidRDefault="00156FB3" w:rsidP="00156FB3">
            <w:r>
              <w:t xml:space="preserve">     * });</w:t>
            </w:r>
          </w:p>
          <w:p w:rsidR="00156FB3" w:rsidRDefault="00156FB3" w:rsidP="00156FB3">
            <w:r>
              <w:t xml:space="preserve">     *</w:t>
            </w:r>
          </w:p>
          <w:p w:rsidR="00156FB3" w:rsidRDefault="00156FB3" w:rsidP="00156FB3">
            <w:r>
              <w:t xml:space="preserve">     * say('hello', 'fred', 'barney', 'pebbles');</w:t>
            </w:r>
          </w:p>
          <w:p w:rsidR="00156FB3" w:rsidRDefault="00156FB3" w:rsidP="00156FB3">
            <w:r>
              <w:t xml:space="preserve">     * // =&gt; 'hello fred, barney, &amp; pebbles'</w:t>
            </w:r>
          </w:p>
          <w:p w:rsidR="00156FB3" w:rsidRDefault="00156FB3" w:rsidP="00156FB3">
            <w:r>
              <w:t xml:space="preserve">     */</w:t>
            </w:r>
          </w:p>
          <w:p w:rsidR="00156FB3" w:rsidRDefault="00156FB3" w:rsidP="00156FB3">
            <w:r>
              <w:t xml:space="preserve">    function rest(func, start) {</w:t>
            </w:r>
          </w:p>
          <w:p w:rsidR="00156FB3" w:rsidRDefault="00156FB3" w:rsidP="00156FB3">
            <w:r>
              <w:t xml:space="preserve">      if (typeof func != 'function') {</w:t>
            </w:r>
          </w:p>
          <w:p w:rsidR="00156FB3" w:rsidRDefault="00156FB3" w:rsidP="00156FB3">
            <w:r>
              <w:t xml:space="preserve">        throw new TypeError(FUNC_ERROR_TEXT);</w:t>
            </w:r>
          </w:p>
          <w:p w:rsidR="00156FB3" w:rsidRDefault="00156FB3" w:rsidP="00156FB3">
            <w:r>
              <w:t xml:space="preserve">      }</w:t>
            </w:r>
          </w:p>
          <w:p w:rsidR="00156FB3" w:rsidRDefault="00156FB3" w:rsidP="00156FB3">
            <w:r>
              <w:t xml:space="preserve">      start = start === undefined ? start : toInteger(start);</w:t>
            </w:r>
          </w:p>
          <w:p w:rsidR="00156FB3" w:rsidRDefault="00156FB3" w:rsidP="00156FB3">
            <w:r>
              <w:t xml:space="preserve">      return baseRest(func, star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invokes `func` with the `this` binding of the</w:t>
            </w:r>
          </w:p>
          <w:p w:rsidR="00156FB3" w:rsidRDefault="00156FB3" w:rsidP="00156FB3">
            <w:r>
              <w:t xml:space="preserve">     * create function and an array of arguments much like</w:t>
            </w:r>
          </w:p>
          <w:p w:rsidR="00156FB3" w:rsidRDefault="00156FB3" w:rsidP="00156FB3">
            <w:r>
              <w:t xml:space="preserve">     * [`Function#apply`](http://www.ecma-international.org/ecma-262/7.0/#sec-function.prototype.apply).</w:t>
            </w:r>
          </w:p>
          <w:p w:rsidR="00156FB3" w:rsidRDefault="00156FB3" w:rsidP="00156FB3">
            <w:r>
              <w:t xml:space="preserve">     *</w:t>
            </w:r>
          </w:p>
          <w:p w:rsidR="00156FB3" w:rsidRDefault="00156FB3" w:rsidP="00156FB3">
            <w:r>
              <w:t xml:space="preserve">     * **Note:** This method is based on the</w:t>
            </w:r>
          </w:p>
          <w:p w:rsidR="00156FB3" w:rsidRDefault="00156FB3" w:rsidP="00156FB3">
            <w:r>
              <w:t xml:space="preserve">     * [spread operator](https://mdn.io/spread_operator).</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2.0</w:t>
            </w:r>
          </w:p>
          <w:p w:rsidR="00156FB3" w:rsidRDefault="00156FB3" w:rsidP="00156FB3">
            <w:r>
              <w:t xml:space="preserve">     * @category Function</w:t>
            </w:r>
          </w:p>
          <w:p w:rsidR="00156FB3" w:rsidRDefault="00156FB3" w:rsidP="00156FB3">
            <w:r>
              <w:t xml:space="preserve">     * @param {Function} func The function to spread arguments over.</w:t>
            </w:r>
          </w:p>
          <w:p w:rsidR="00156FB3" w:rsidRDefault="00156FB3" w:rsidP="00156FB3">
            <w:r>
              <w:t xml:space="preserve">     * @param {number} [start=0] The start position of the spread.</w:t>
            </w:r>
          </w:p>
          <w:p w:rsidR="00156FB3" w:rsidRDefault="00156FB3" w:rsidP="00156FB3">
            <w:r>
              <w:t xml:space="preserve">     * @returns {Function} Returns the new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say = _.spread(function(who, what) {</w:t>
            </w:r>
          </w:p>
          <w:p w:rsidR="00156FB3" w:rsidRDefault="00156FB3" w:rsidP="00156FB3">
            <w:r>
              <w:t xml:space="preserve">     *   return who + ' says ' + what;</w:t>
            </w:r>
          </w:p>
          <w:p w:rsidR="00156FB3" w:rsidRDefault="00156FB3" w:rsidP="00156FB3">
            <w:r>
              <w:t xml:space="preserve">     * });</w:t>
            </w:r>
          </w:p>
          <w:p w:rsidR="00156FB3" w:rsidRDefault="00156FB3" w:rsidP="00156FB3">
            <w:r>
              <w:t xml:space="preserve">     *</w:t>
            </w:r>
          </w:p>
          <w:p w:rsidR="00156FB3" w:rsidRDefault="00156FB3" w:rsidP="00156FB3">
            <w:r>
              <w:t xml:space="preserve">     * say(['fred', 'hello']);</w:t>
            </w:r>
          </w:p>
          <w:p w:rsidR="00156FB3" w:rsidRDefault="00156FB3" w:rsidP="00156FB3">
            <w:r>
              <w:t xml:space="preserve">     * // =&gt; 'fred says hello'</w:t>
            </w:r>
          </w:p>
          <w:p w:rsidR="00156FB3" w:rsidRDefault="00156FB3" w:rsidP="00156FB3">
            <w:r>
              <w:t xml:space="preserve">     *</w:t>
            </w:r>
          </w:p>
          <w:p w:rsidR="00156FB3" w:rsidRDefault="00156FB3" w:rsidP="00156FB3">
            <w:r>
              <w:t xml:space="preserve">     * var numbers = Promise.all([</w:t>
            </w:r>
          </w:p>
          <w:p w:rsidR="00156FB3" w:rsidRDefault="00156FB3" w:rsidP="00156FB3">
            <w:r>
              <w:t xml:space="preserve">     *   Promise.resolve(40),</w:t>
            </w:r>
          </w:p>
          <w:p w:rsidR="00156FB3" w:rsidRDefault="00156FB3" w:rsidP="00156FB3">
            <w:r>
              <w:lastRenderedPageBreak/>
              <w:t xml:space="preserve">     *   Promise.resolve(36)</w:t>
            </w:r>
          </w:p>
          <w:p w:rsidR="00156FB3" w:rsidRDefault="00156FB3" w:rsidP="00156FB3">
            <w:r>
              <w:t xml:space="preserve">     * ]);</w:t>
            </w:r>
          </w:p>
          <w:p w:rsidR="00156FB3" w:rsidRDefault="00156FB3" w:rsidP="00156FB3">
            <w:r>
              <w:t xml:space="preserve">     *</w:t>
            </w:r>
          </w:p>
          <w:p w:rsidR="00156FB3" w:rsidRDefault="00156FB3" w:rsidP="00156FB3">
            <w:r>
              <w:t xml:space="preserve">     * numbers.then(_.spread(function(x, y) {</w:t>
            </w:r>
          </w:p>
          <w:p w:rsidR="00156FB3" w:rsidRDefault="00156FB3" w:rsidP="00156FB3">
            <w:r>
              <w:t xml:space="preserve">     *   return x + y;</w:t>
            </w:r>
          </w:p>
          <w:p w:rsidR="00156FB3" w:rsidRDefault="00156FB3" w:rsidP="00156FB3">
            <w:r>
              <w:t xml:space="preserve">     * }));</w:t>
            </w:r>
          </w:p>
          <w:p w:rsidR="00156FB3" w:rsidRDefault="00156FB3" w:rsidP="00156FB3">
            <w:r>
              <w:t xml:space="preserve">     * // =&gt; a Promise of 76</w:t>
            </w:r>
          </w:p>
          <w:p w:rsidR="00156FB3" w:rsidRDefault="00156FB3" w:rsidP="00156FB3">
            <w:r>
              <w:t xml:space="preserve">     */</w:t>
            </w:r>
          </w:p>
          <w:p w:rsidR="00156FB3" w:rsidRDefault="00156FB3" w:rsidP="00156FB3">
            <w:r>
              <w:t xml:space="preserve">    function spread(func, start) {</w:t>
            </w:r>
          </w:p>
          <w:p w:rsidR="00156FB3" w:rsidRDefault="00156FB3" w:rsidP="00156FB3">
            <w:r>
              <w:t xml:space="preserve">      if (typeof func != 'function') {</w:t>
            </w:r>
          </w:p>
          <w:p w:rsidR="00156FB3" w:rsidRDefault="00156FB3" w:rsidP="00156FB3">
            <w:r>
              <w:t xml:space="preserve">        throw new TypeError(FUNC_ERROR_TEXT);</w:t>
            </w:r>
          </w:p>
          <w:p w:rsidR="00156FB3" w:rsidRDefault="00156FB3" w:rsidP="00156FB3">
            <w:r>
              <w:t xml:space="preserve">      }</w:t>
            </w:r>
          </w:p>
          <w:p w:rsidR="00156FB3" w:rsidRDefault="00156FB3" w:rsidP="00156FB3">
            <w:r>
              <w:t xml:space="preserve">      start = start == null ? 0 : nativeMax(toInteger(start), 0);</w:t>
            </w:r>
          </w:p>
          <w:p w:rsidR="00156FB3" w:rsidRDefault="00156FB3" w:rsidP="00156FB3">
            <w:r>
              <w:t xml:space="preserve">      return baseRest(function(args) {</w:t>
            </w:r>
          </w:p>
          <w:p w:rsidR="00156FB3" w:rsidRDefault="00156FB3" w:rsidP="00156FB3">
            <w:r>
              <w:t xml:space="preserve">        var array = args[start],</w:t>
            </w:r>
          </w:p>
          <w:p w:rsidR="00156FB3" w:rsidRDefault="00156FB3" w:rsidP="00156FB3">
            <w:r>
              <w:t xml:space="preserve">            otherArgs = castSlice(args, 0, start);</w:t>
            </w:r>
          </w:p>
          <w:p w:rsidR="00156FB3" w:rsidRDefault="00156FB3" w:rsidP="00156FB3"/>
          <w:p w:rsidR="00156FB3" w:rsidRDefault="00156FB3" w:rsidP="00156FB3">
            <w:r>
              <w:t xml:space="preserve">        if (array) {</w:t>
            </w:r>
          </w:p>
          <w:p w:rsidR="00156FB3" w:rsidRDefault="00156FB3" w:rsidP="00156FB3">
            <w:r>
              <w:t xml:space="preserve">          arrayPush(otherArgs, array);</w:t>
            </w:r>
          </w:p>
          <w:p w:rsidR="00156FB3" w:rsidRDefault="00156FB3" w:rsidP="00156FB3">
            <w:r>
              <w:t xml:space="preserve">        }</w:t>
            </w:r>
          </w:p>
          <w:p w:rsidR="00156FB3" w:rsidRDefault="00156FB3" w:rsidP="00156FB3">
            <w:r>
              <w:t xml:space="preserve">        return apply(func, this, otherArg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throttled function that only invokes `func` at most once per</w:t>
            </w:r>
          </w:p>
          <w:p w:rsidR="00156FB3" w:rsidRDefault="00156FB3" w:rsidP="00156FB3">
            <w:r>
              <w:t xml:space="preserve">     * every `wait` milliseconds. The throttled function comes with a `cancel`</w:t>
            </w:r>
          </w:p>
          <w:p w:rsidR="00156FB3" w:rsidRDefault="00156FB3" w:rsidP="00156FB3">
            <w:r>
              <w:t xml:space="preserve">     * method to cancel delayed `func` invocations and a `flush` method to</w:t>
            </w:r>
          </w:p>
          <w:p w:rsidR="00156FB3" w:rsidRDefault="00156FB3" w:rsidP="00156FB3">
            <w:r>
              <w:t xml:space="preserve">     * immediately invoke them. Provide `options` to indicate whether `func`</w:t>
            </w:r>
          </w:p>
          <w:p w:rsidR="00156FB3" w:rsidRDefault="00156FB3" w:rsidP="00156FB3">
            <w:r>
              <w:t xml:space="preserve">     * should be invoked on the leading and/or trailing edge of the `wait`</w:t>
            </w:r>
          </w:p>
          <w:p w:rsidR="00156FB3" w:rsidRDefault="00156FB3" w:rsidP="00156FB3">
            <w:r>
              <w:t xml:space="preserve">     * timeout. The `func` is invoked with the last arguments provided to the</w:t>
            </w:r>
          </w:p>
          <w:p w:rsidR="00156FB3" w:rsidRDefault="00156FB3" w:rsidP="00156FB3">
            <w:r>
              <w:t xml:space="preserve">     * throttled function. Subsequent calls to the throttled function return the</w:t>
            </w:r>
          </w:p>
          <w:p w:rsidR="00156FB3" w:rsidRDefault="00156FB3" w:rsidP="00156FB3">
            <w:r>
              <w:t xml:space="preserve">     * result of the last `func` invocation.</w:t>
            </w:r>
          </w:p>
          <w:p w:rsidR="00156FB3" w:rsidRDefault="00156FB3" w:rsidP="00156FB3">
            <w:r>
              <w:t xml:space="preserve">     *</w:t>
            </w:r>
          </w:p>
          <w:p w:rsidR="00156FB3" w:rsidRDefault="00156FB3" w:rsidP="00156FB3">
            <w:r>
              <w:t xml:space="preserve">     * **Note:** If `leading` and `trailing` options are `true`, `func` is</w:t>
            </w:r>
          </w:p>
          <w:p w:rsidR="00156FB3" w:rsidRDefault="00156FB3" w:rsidP="00156FB3">
            <w:r>
              <w:t xml:space="preserve">     * invoked on the trailing edge of the timeout only if the throttled function</w:t>
            </w:r>
          </w:p>
          <w:p w:rsidR="00156FB3" w:rsidRDefault="00156FB3" w:rsidP="00156FB3">
            <w:r>
              <w:t xml:space="preserve">     * is invoked more than once during the `wait` timeout.</w:t>
            </w:r>
          </w:p>
          <w:p w:rsidR="00156FB3" w:rsidRDefault="00156FB3" w:rsidP="00156FB3">
            <w:r>
              <w:t xml:space="preserve">     *</w:t>
            </w:r>
          </w:p>
          <w:p w:rsidR="00156FB3" w:rsidRDefault="00156FB3" w:rsidP="00156FB3">
            <w:r>
              <w:t xml:space="preserve">     * If `wait` is `0` and `leading` is `false`, `func` invocation is deferred</w:t>
            </w:r>
          </w:p>
          <w:p w:rsidR="00156FB3" w:rsidRDefault="00156FB3" w:rsidP="00156FB3">
            <w:r>
              <w:t xml:space="preserve">     * until to the next tick, similar to `setTimeout` with a timeout of `0`.</w:t>
            </w:r>
          </w:p>
          <w:p w:rsidR="00156FB3" w:rsidRDefault="00156FB3" w:rsidP="00156FB3">
            <w:r>
              <w:t xml:space="preserve">     *</w:t>
            </w:r>
          </w:p>
          <w:p w:rsidR="00156FB3" w:rsidRDefault="00156FB3" w:rsidP="00156FB3">
            <w:r>
              <w:t xml:space="preserve">     * See [David Corbacho's article](https://css-tricks.com/debouncing-throttling-explained-examples/)</w:t>
            </w:r>
          </w:p>
          <w:p w:rsidR="00156FB3" w:rsidRDefault="00156FB3" w:rsidP="00156FB3">
            <w:r>
              <w:t xml:space="preserve">     * for details over the differences between `_.throttle` and `_.debounc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Function</w:t>
            </w:r>
          </w:p>
          <w:p w:rsidR="00156FB3" w:rsidRDefault="00156FB3" w:rsidP="00156FB3">
            <w:r>
              <w:lastRenderedPageBreak/>
              <w:t xml:space="preserve">     * @param {Function} func The function to throttle.</w:t>
            </w:r>
          </w:p>
          <w:p w:rsidR="00156FB3" w:rsidRDefault="00156FB3" w:rsidP="00156FB3">
            <w:r>
              <w:t xml:space="preserve">     * @param {number} [wait=0] The number of milliseconds to throttle invocations to.</w:t>
            </w:r>
          </w:p>
          <w:p w:rsidR="00156FB3" w:rsidRDefault="00156FB3" w:rsidP="00156FB3">
            <w:r>
              <w:t xml:space="preserve">     * @param {Object} [options={}] The options object.</w:t>
            </w:r>
          </w:p>
          <w:p w:rsidR="00156FB3" w:rsidRDefault="00156FB3" w:rsidP="00156FB3">
            <w:r>
              <w:t xml:space="preserve">     * @param {boolean} [options.leading=true]</w:t>
            </w:r>
          </w:p>
          <w:p w:rsidR="00156FB3" w:rsidRDefault="00156FB3" w:rsidP="00156FB3">
            <w:r>
              <w:t xml:space="preserve">     *  Specify invoking on the leading edge of the timeout.</w:t>
            </w:r>
          </w:p>
          <w:p w:rsidR="00156FB3" w:rsidRDefault="00156FB3" w:rsidP="00156FB3">
            <w:r>
              <w:t xml:space="preserve">     * @param {boolean} [options.trailing=true]</w:t>
            </w:r>
          </w:p>
          <w:p w:rsidR="00156FB3" w:rsidRDefault="00156FB3" w:rsidP="00156FB3">
            <w:r>
              <w:t xml:space="preserve">     *  Specify invoking on the trailing edge of the timeout.</w:t>
            </w:r>
          </w:p>
          <w:p w:rsidR="00156FB3" w:rsidRDefault="00156FB3" w:rsidP="00156FB3">
            <w:r>
              <w:t xml:space="preserve">     * @returns {Function} Returns the new throttled function.</w:t>
            </w:r>
          </w:p>
          <w:p w:rsidR="00156FB3" w:rsidRDefault="00156FB3" w:rsidP="00156FB3">
            <w:r>
              <w:t xml:space="preserve">     * @example</w:t>
            </w:r>
          </w:p>
          <w:p w:rsidR="00156FB3" w:rsidRDefault="00156FB3" w:rsidP="00156FB3">
            <w:r>
              <w:t xml:space="preserve">     *</w:t>
            </w:r>
          </w:p>
          <w:p w:rsidR="00156FB3" w:rsidRDefault="00156FB3" w:rsidP="00156FB3">
            <w:r>
              <w:t xml:space="preserve">     * // Avoid excessively updating the position while scrolling.</w:t>
            </w:r>
          </w:p>
          <w:p w:rsidR="00156FB3" w:rsidRDefault="00156FB3" w:rsidP="00156FB3">
            <w:r>
              <w:t xml:space="preserve">     * jQuery(window).on('scroll', _.throttle(updatePosition, 100));</w:t>
            </w:r>
          </w:p>
          <w:p w:rsidR="00156FB3" w:rsidRDefault="00156FB3" w:rsidP="00156FB3">
            <w:r>
              <w:t xml:space="preserve">     *</w:t>
            </w:r>
          </w:p>
          <w:p w:rsidR="00156FB3" w:rsidRDefault="00156FB3" w:rsidP="00156FB3">
            <w:r>
              <w:t xml:space="preserve">     * // Invoke `renewToken` when the click event is fired, but not more than once every 5 minutes.</w:t>
            </w:r>
          </w:p>
          <w:p w:rsidR="00156FB3" w:rsidRDefault="00156FB3" w:rsidP="00156FB3">
            <w:r>
              <w:t xml:space="preserve">     * var throttled = _.throttle(renewToken, 300000, { 'trailing': false });</w:t>
            </w:r>
          </w:p>
          <w:p w:rsidR="00156FB3" w:rsidRDefault="00156FB3" w:rsidP="00156FB3">
            <w:r>
              <w:t xml:space="preserve">     * jQuery(element).on('click', throttled);</w:t>
            </w:r>
          </w:p>
          <w:p w:rsidR="00156FB3" w:rsidRDefault="00156FB3" w:rsidP="00156FB3">
            <w:r>
              <w:t xml:space="preserve">     *</w:t>
            </w:r>
          </w:p>
          <w:p w:rsidR="00156FB3" w:rsidRDefault="00156FB3" w:rsidP="00156FB3">
            <w:r>
              <w:t xml:space="preserve">     * // Cancel the trailing throttled invocation.</w:t>
            </w:r>
          </w:p>
          <w:p w:rsidR="00156FB3" w:rsidRDefault="00156FB3" w:rsidP="00156FB3">
            <w:r>
              <w:t xml:space="preserve">     * jQuery(window).on('popstate', throttled.cancel);</w:t>
            </w:r>
          </w:p>
          <w:p w:rsidR="00156FB3" w:rsidRDefault="00156FB3" w:rsidP="00156FB3">
            <w:r>
              <w:t xml:space="preserve">     */</w:t>
            </w:r>
          </w:p>
          <w:p w:rsidR="00156FB3" w:rsidRDefault="00156FB3" w:rsidP="00156FB3">
            <w:r>
              <w:t xml:space="preserve">    function throttle(func, wait, options) {</w:t>
            </w:r>
          </w:p>
          <w:p w:rsidR="00156FB3" w:rsidRDefault="00156FB3" w:rsidP="00156FB3">
            <w:r>
              <w:t xml:space="preserve">      var leading = true,</w:t>
            </w:r>
          </w:p>
          <w:p w:rsidR="00156FB3" w:rsidRDefault="00156FB3" w:rsidP="00156FB3">
            <w:r>
              <w:t xml:space="preserve">          trailing = true;</w:t>
            </w:r>
          </w:p>
          <w:p w:rsidR="00156FB3" w:rsidRDefault="00156FB3" w:rsidP="00156FB3"/>
          <w:p w:rsidR="00156FB3" w:rsidRDefault="00156FB3" w:rsidP="00156FB3">
            <w:r>
              <w:t xml:space="preserve">      if (typeof func != 'function') {</w:t>
            </w:r>
          </w:p>
          <w:p w:rsidR="00156FB3" w:rsidRDefault="00156FB3" w:rsidP="00156FB3">
            <w:r>
              <w:t xml:space="preserve">        throw new TypeError(FUNC_ERROR_TEXT);</w:t>
            </w:r>
          </w:p>
          <w:p w:rsidR="00156FB3" w:rsidRDefault="00156FB3" w:rsidP="00156FB3">
            <w:r>
              <w:t xml:space="preserve">      }</w:t>
            </w:r>
          </w:p>
          <w:p w:rsidR="00156FB3" w:rsidRDefault="00156FB3" w:rsidP="00156FB3">
            <w:r>
              <w:t xml:space="preserve">      if (isObject(options)) {</w:t>
            </w:r>
          </w:p>
          <w:p w:rsidR="00156FB3" w:rsidRDefault="00156FB3" w:rsidP="00156FB3">
            <w:r>
              <w:t xml:space="preserve">        leading = 'leading' in options ? !!options.leading : leading;</w:t>
            </w:r>
          </w:p>
          <w:p w:rsidR="00156FB3" w:rsidRDefault="00156FB3" w:rsidP="00156FB3">
            <w:r>
              <w:t xml:space="preserve">        trailing = 'trailing' in options ? !!options.trailing : trailing;</w:t>
            </w:r>
          </w:p>
          <w:p w:rsidR="00156FB3" w:rsidRDefault="00156FB3" w:rsidP="00156FB3">
            <w:r>
              <w:t xml:space="preserve">      }</w:t>
            </w:r>
          </w:p>
          <w:p w:rsidR="00156FB3" w:rsidRDefault="00156FB3" w:rsidP="00156FB3">
            <w:r>
              <w:t xml:space="preserve">      return debounce(func, wait, {</w:t>
            </w:r>
          </w:p>
          <w:p w:rsidR="00156FB3" w:rsidRDefault="00156FB3" w:rsidP="00156FB3">
            <w:r>
              <w:t xml:space="preserve">        'leading': leading,</w:t>
            </w:r>
          </w:p>
          <w:p w:rsidR="00156FB3" w:rsidRDefault="00156FB3" w:rsidP="00156FB3">
            <w:r>
              <w:t xml:space="preserve">        'maxWait': wait,</w:t>
            </w:r>
          </w:p>
          <w:p w:rsidR="00156FB3" w:rsidRDefault="00156FB3" w:rsidP="00156FB3">
            <w:r>
              <w:t xml:space="preserve">        'trailing': trailing</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accepts up to one argument, ignoring any</w:t>
            </w:r>
          </w:p>
          <w:p w:rsidR="00156FB3" w:rsidRDefault="00156FB3" w:rsidP="00156FB3">
            <w:r>
              <w:t xml:space="preserve">     * additional argument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Function</w:t>
            </w:r>
          </w:p>
          <w:p w:rsidR="00156FB3" w:rsidRDefault="00156FB3" w:rsidP="00156FB3">
            <w:r>
              <w:t xml:space="preserve">     * @param {Function} func The function to cap arguments for.</w:t>
            </w:r>
          </w:p>
          <w:p w:rsidR="00156FB3" w:rsidRDefault="00156FB3" w:rsidP="00156FB3">
            <w:r>
              <w:t xml:space="preserve">     * @returns {Function} Returns the new capped function.</w:t>
            </w:r>
          </w:p>
          <w:p w:rsidR="00156FB3" w:rsidRDefault="00156FB3" w:rsidP="00156FB3">
            <w:r>
              <w:lastRenderedPageBreak/>
              <w:t xml:space="preserve">     * @example</w:t>
            </w:r>
          </w:p>
          <w:p w:rsidR="00156FB3" w:rsidRDefault="00156FB3" w:rsidP="00156FB3">
            <w:r>
              <w:t xml:space="preserve">     *</w:t>
            </w:r>
          </w:p>
          <w:p w:rsidR="00156FB3" w:rsidRDefault="00156FB3" w:rsidP="00156FB3">
            <w:r>
              <w:t xml:space="preserve">     * _.map(['6', '8', '10'], _.unary(parseInt));</w:t>
            </w:r>
          </w:p>
          <w:p w:rsidR="00156FB3" w:rsidRDefault="00156FB3" w:rsidP="00156FB3">
            <w:r>
              <w:t xml:space="preserve">     * // =&gt; [6, 8, 10]</w:t>
            </w:r>
          </w:p>
          <w:p w:rsidR="00156FB3" w:rsidRDefault="00156FB3" w:rsidP="00156FB3">
            <w:r>
              <w:t xml:space="preserve">     */</w:t>
            </w:r>
          </w:p>
          <w:p w:rsidR="00156FB3" w:rsidRDefault="00156FB3" w:rsidP="00156FB3">
            <w:r>
              <w:t xml:space="preserve">    function unary(func) {</w:t>
            </w:r>
          </w:p>
          <w:p w:rsidR="00156FB3" w:rsidRDefault="00156FB3" w:rsidP="00156FB3">
            <w:r>
              <w:t xml:space="preserve">      return ary(func, 1);</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provides `value` to `wrapper` as its first</w:t>
            </w:r>
          </w:p>
          <w:p w:rsidR="00156FB3" w:rsidRDefault="00156FB3" w:rsidP="00156FB3">
            <w:r>
              <w:t xml:space="preserve">     * argument. Any additional arguments provided to the function are appended</w:t>
            </w:r>
          </w:p>
          <w:p w:rsidR="00156FB3" w:rsidRDefault="00156FB3" w:rsidP="00156FB3">
            <w:r>
              <w:t xml:space="preserve">     * to those provided to the `wrapper`. The wrapper is invoked with the `this`</w:t>
            </w:r>
          </w:p>
          <w:p w:rsidR="00156FB3" w:rsidRDefault="00156FB3" w:rsidP="00156FB3">
            <w:r>
              <w:t xml:space="preserve">     * binding of the created function.</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Function</w:t>
            </w:r>
          </w:p>
          <w:p w:rsidR="00156FB3" w:rsidRDefault="00156FB3" w:rsidP="00156FB3">
            <w:r>
              <w:t xml:space="preserve">     * @param {*} value The value to wrap.</w:t>
            </w:r>
          </w:p>
          <w:p w:rsidR="00156FB3" w:rsidRDefault="00156FB3" w:rsidP="00156FB3">
            <w:r>
              <w:t xml:space="preserve">     * @param {Function} [wrapper=identity] The wrapper function.</w:t>
            </w:r>
          </w:p>
          <w:p w:rsidR="00156FB3" w:rsidRDefault="00156FB3" w:rsidP="00156FB3">
            <w:r>
              <w:t xml:space="preserve">     * @returns {Function} Returns the new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p = _.wrap(_.escape, function(func, text) {</w:t>
            </w:r>
          </w:p>
          <w:p w:rsidR="00156FB3" w:rsidRDefault="00156FB3" w:rsidP="00156FB3">
            <w:r>
              <w:t xml:space="preserve">     *   return '&lt;p&gt;' + func(text) + '&lt;/p&gt;';</w:t>
            </w:r>
          </w:p>
          <w:p w:rsidR="00156FB3" w:rsidRDefault="00156FB3" w:rsidP="00156FB3">
            <w:r>
              <w:t xml:space="preserve">     * });</w:t>
            </w:r>
          </w:p>
          <w:p w:rsidR="00156FB3" w:rsidRDefault="00156FB3" w:rsidP="00156FB3">
            <w:r>
              <w:t xml:space="preserve">     *</w:t>
            </w:r>
          </w:p>
          <w:p w:rsidR="00156FB3" w:rsidRDefault="00156FB3" w:rsidP="00156FB3">
            <w:r>
              <w:t xml:space="preserve">     * p('fred, barney, &amp; pebbles');</w:t>
            </w:r>
          </w:p>
          <w:p w:rsidR="00156FB3" w:rsidRDefault="00156FB3" w:rsidP="00156FB3">
            <w:r>
              <w:t xml:space="preserve">     * // =&gt; '&lt;p&gt;fred, barney, &amp;amp; pebbles&lt;/p&gt;'</w:t>
            </w:r>
          </w:p>
          <w:p w:rsidR="00156FB3" w:rsidRDefault="00156FB3" w:rsidP="00156FB3">
            <w:r>
              <w:t xml:space="preserve">     */</w:t>
            </w:r>
          </w:p>
          <w:p w:rsidR="00156FB3" w:rsidRDefault="00156FB3" w:rsidP="00156FB3">
            <w:r>
              <w:t xml:space="preserve">    function wrap(value, wrapper) {</w:t>
            </w:r>
          </w:p>
          <w:p w:rsidR="00156FB3" w:rsidRDefault="00156FB3" w:rsidP="00156FB3">
            <w:r>
              <w:t xml:space="preserve">      return partial(castFunction(wrapper), 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asts `value` as an array if it's not on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4.0</w:t>
            </w:r>
          </w:p>
          <w:p w:rsidR="00156FB3" w:rsidRDefault="00156FB3" w:rsidP="00156FB3">
            <w:r>
              <w:t xml:space="preserve">     * @category Lang</w:t>
            </w:r>
          </w:p>
          <w:p w:rsidR="00156FB3" w:rsidRDefault="00156FB3" w:rsidP="00156FB3">
            <w:r>
              <w:t xml:space="preserve">     * @param {*} value The value to inspect.</w:t>
            </w:r>
          </w:p>
          <w:p w:rsidR="00156FB3" w:rsidRDefault="00156FB3" w:rsidP="00156FB3">
            <w:r>
              <w:t xml:space="preserve">     * @returns {Array} Returns the cast array.</w:t>
            </w:r>
          </w:p>
          <w:p w:rsidR="00156FB3" w:rsidRDefault="00156FB3" w:rsidP="00156FB3">
            <w:r>
              <w:t xml:space="preserve">     * @example</w:t>
            </w:r>
          </w:p>
          <w:p w:rsidR="00156FB3" w:rsidRDefault="00156FB3" w:rsidP="00156FB3">
            <w:r>
              <w:t xml:space="preserve">     *</w:t>
            </w:r>
          </w:p>
          <w:p w:rsidR="00156FB3" w:rsidRDefault="00156FB3" w:rsidP="00156FB3">
            <w:r>
              <w:lastRenderedPageBreak/>
              <w:t xml:space="preserve">     * _.castArray(1);</w:t>
            </w:r>
          </w:p>
          <w:p w:rsidR="00156FB3" w:rsidRDefault="00156FB3" w:rsidP="00156FB3">
            <w:r>
              <w:t xml:space="preserve">     * // =&gt; [1]</w:t>
            </w:r>
          </w:p>
          <w:p w:rsidR="00156FB3" w:rsidRDefault="00156FB3" w:rsidP="00156FB3">
            <w:r>
              <w:t xml:space="preserve">     *</w:t>
            </w:r>
          </w:p>
          <w:p w:rsidR="00156FB3" w:rsidRDefault="00156FB3" w:rsidP="00156FB3">
            <w:r>
              <w:t xml:space="preserve">     * _.castArray({ 'a': 1 });</w:t>
            </w:r>
          </w:p>
          <w:p w:rsidR="00156FB3" w:rsidRDefault="00156FB3" w:rsidP="00156FB3">
            <w:r>
              <w:t xml:space="preserve">     * // =&gt; [{ 'a': 1 }]</w:t>
            </w:r>
          </w:p>
          <w:p w:rsidR="00156FB3" w:rsidRDefault="00156FB3" w:rsidP="00156FB3">
            <w:r>
              <w:t xml:space="preserve">     *</w:t>
            </w:r>
          </w:p>
          <w:p w:rsidR="00156FB3" w:rsidRDefault="00156FB3" w:rsidP="00156FB3">
            <w:r>
              <w:t xml:space="preserve">     * _.castArray('abc');</w:t>
            </w:r>
          </w:p>
          <w:p w:rsidR="00156FB3" w:rsidRDefault="00156FB3" w:rsidP="00156FB3">
            <w:r>
              <w:t xml:space="preserve">     * // =&gt; ['abc']</w:t>
            </w:r>
          </w:p>
          <w:p w:rsidR="00156FB3" w:rsidRDefault="00156FB3" w:rsidP="00156FB3">
            <w:r>
              <w:t xml:space="preserve">     *</w:t>
            </w:r>
          </w:p>
          <w:p w:rsidR="00156FB3" w:rsidRDefault="00156FB3" w:rsidP="00156FB3">
            <w:r>
              <w:t xml:space="preserve">     * _.castArray(null);</w:t>
            </w:r>
          </w:p>
          <w:p w:rsidR="00156FB3" w:rsidRDefault="00156FB3" w:rsidP="00156FB3">
            <w:r>
              <w:t xml:space="preserve">     * // =&gt; [null]</w:t>
            </w:r>
          </w:p>
          <w:p w:rsidR="00156FB3" w:rsidRDefault="00156FB3" w:rsidP="00156FB3">
            <w:r>
              <w:t xml:space="preserve">     *</w:t>
            </w:r>
          </w:p>
          <w:p w:rsidR="00156FB3" w:rsidRDefault="00156FB3" w:rsidP="00156FB3">
            <w:r>
              <w:t xml:space="preserve">     * _.castArray(undefined);</w:t>
            </w:r>
          </w:p>
          <w:p w:rsidR="00156FB3" w:rsidRDefault="00156FB3" w:rsidP="00156FB3">
            <w:r>
              <w:t xml:space="preserve">     * // =&gt; [undefined]</w:t>
            </w:r>
          </w:p>
          <w:p w:rsidR="00156FB3" w:rsidRDefault="00156FB3" w:rsidP="00156FB3">
            <w:r>
              <w:t xml:space="preserve">     *</w:t>
            </w:r>
          </w:p>
          <w:p w:rsidR="00156FB3" w:rsidRDefault="00156FB3" w:rsidP="00156FB3">
            <w:r>
              <w:t xml:space="preserve">     * _.castArray();</w:t>
            </w:r>
          </w:p>
          <w:p w:rsidR="00156FB3" w:rsidRDefault="00156FB3" w:rsidP="00156FB3">
            <w:r>
              <w:t xml:space="preserve">     * // =&gt; []</w:t>
            </w:r>
          </w:p>
          <w:p w:rsidR="00156FB3" w:rsidRDefault="00156FB3" w:rsidP="00156FB3">
            <w:r>
              <w:t xml:space="preserve">     *</w:t>
            </w:r>
          </w:p>
          <w:p w:rsidR="00156FB3" w:rsidRDefault="00156FB3" w:rsidP="00156FB3">
            <w:r>
              <w:t xml:space="preserve">     * var array = [1, 2, 3];</w:t>
            </w:r>
          </w:p>
          <w:p w:rsidR="00156FB3" w:rsidRDefault="00156FB3" w:rsidP="00156FB3">
            <w:r>
              <w:t xml:space="preserve">     * console.log(_.castArray(array) === array);</w:t>
            </w:r>
          </w:p>
          <w:p w:rsidR="00156FB3" w:rsidRDefault="00156FB3" w:rsidP="00156FB3">
            <w:r>
              <w:t xml:space="preserve">     * // =&gt; true</w:t>
            </w:r>
          </w:p>
          <w:p w:rsidR="00156FB3" w:rsidRDefault="00156FB3" w:rsidP="00156FB3">
            <w:r>
              <w:t xml:space="preserve">     */</w:t>
            </w:r>
          </w:p>
          <w:p w:rsidR="00156FB3" w:rsidRDefault="00156FB3" w:rsidP="00156FB3">
            <w:r>
              <w:t xml:space="preserve">    function castArray() {</w:t>
            </w:r>
          </w:p>
          <w:p w:rsidR="00156FB3" w:rsidRDefault="00156FB3" w:rsidP="00156FB3">
            <w:r>
              <w:t xml:space="preserve">      if (!arguments.length) {</w:t>
            </w:r>
          </w:p>
          <w:p w:rsidR="00156FB3" w:rsidRDefault="00156FB3" w:rsidP="00156FB3">
            <w:r>
              <w:t xml:space="preserve">        return [];</w:t>
            </w:r>
          </w:p>
          <w:p w:rsidR="00156FB3" w:rsidRDefault="00156FB3" w:rsidP="00156FB3">
            <w:r>
              <w:t xml:space="preserve">      }</w:t>
            </w:r>
          </w:p>
          <w:p w:rsidR="00156FB3" w:rsidRDefault="00156FB3" w:rsidP="00156FB3">
            <w:r>
              <w:t xml:space="preserve">      var value = arguments[0];</w:t>
            </w:r>
          </w:p>
          <w:p w:rsidR="00156FB3" w:rsidRDefault="00156FB3" w:rsidP="00156FB3">
            <w:r>
              <w:t xml:space="preserve">      return isArray(value) ? value : [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shallow clone of `value`.</w:t>
            </w:r>
          </w:p>
          <w:p w:rsidR="00156FB3" w:rsidRDefault="00156FB3" w:rsidP="00156FB3">
            <w:r>
              <w:t xml:space="preserve">     *</w:t>
            </w:r>
          </w:p>
          <w:p w:rsidR="00156FB3" w:rsidRDefault="00156FB3" w:rsidP="00156FB3">
            <w:r>
              <w:t xml:space="preserve">     * **Note:** This method is loosely based on the</w:t>
            </w:r>
          </w:p>
          <w:p w:rsidR="00156FB3" w:rsidRDefault="00156FB3" w:rsidP="00156FB3">
            <w:r>
              <w:t xml:space="preserve">     * [structured clone algorithm](https://mdn.io/Structured_clone_algorithm)</w:t>
            </w:r>
          </w:p>
          <w:p w:rsidR="00156FB3" w:rsidRDefault="00156FB3" w:rsidP="00156FB3">
            <w:r>
              <w:t xml:space="preserve">     * and supports cloning arrays, array buffers, booleans, date objects, maps,</w:t>
            </w:r>
          </w:p>
          <w:p w:rsidR="00156FB3" w:rsidRDefault="00156FB3" w:rsidP="00156FB3">
            <w:r>
              <w:t xml:space="preserve">     * numbers, `Object` objects, regexes, sets, strings, symbols, and typed</w:t>
            </w:r>
          </w:p>
          <w:p w:rsidR="00156FB3" w:rsidRDefault="00156FB3" w:rsidP="00156FB3">
            <w:r>
              <w:t xml:space="preserve">     * arrays. The own enumerable properties of `arguments` objects are cloned</w:t>
            </w:r>
          </w:p>
          <w:p w:rsidR="00156FB3" w:rsidRDefault="00156FB3" w:rsidP="00156FB3">
            <w:r>
              <w:t xml:space="preserve">     * as plain objects. An empty object is returned for uncloneable values such</w:t>
            </w:r>
          </w:p>
          <w:p w:rsidR="00156FB3" w:rsidRDefault="00156FB3" w:rsidP="00156FB3">
            <w:r>
              <w:t xml:space="preserve">     * as error objects, functions, DOM nodes, and WeakMap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Lang</w:t>
            </w:r>
          </w:p>
          <w:p w:rsidR="00156FB3" w:rsidRDefault="00156FB3" w:rsidP="00156FB3">
            <w:r>
              <w:t xml:space="preserve">     * @param {*} value The value to clone.</w:t>
            </w:r>
          </w:p>
          <w:p w:rsidR="00156FB3" w:rsidRDefault="00156FB3" w:rsidP="00156FB3">
            <w:r>
              <w:t xml:space="preserve">     * @returns {*} Returns the cloned value.</w:t>
            </w:r>
          </w:p>
          <w:p w:rsidR="00156FB3" w:rsidRDefault="00156FB3" w:rsidP="00156FB3">
            <w:r>
              <w:t xml:space="preserve">     * @see _.cloneDeep</w:t>
            </w:r>
          </w:p>
          <w:p w:rsidR="00156FB3" w:rsidRDefault="00156FB3" w:rsidP="00156FB3">
            <w:r>
              <w:lastRenderedPageBreak/>
              <w:t xml:space="preserve">     * @example</w:t>
            </w:r>
          </w:p>
          <w:p w:rsidR="00156FB3" w:rsidRDefault="00156FB3" w:rsidP="00156FB3">
            <w:r>
              <w:t xml:space="preserve">     *</w:t>
            </w:r>
          </w:p>
          <w:p w:rsidR="00156FB3" w:rsidRDefault="00156FB3" w:rsidP="00156FB3">
            <w:r>
              <w:t xml:space="preserve">     * var objects = [{ 'a': 1 }, { 'b': 2 }];</w:t>
            </w:r>
          </w:p>
          <w:p w:rsidR="00156FB3" w:rsidRDefault="00156FB3" w:rsidP="00156FB3">
            <w:r>
              <w:t xml:space="preserve">     *</w:t>
            </w:r>
          </w:p>
          <w:p w:rsidR="00156FB3" w:rsidRDefault="00156FB3" w:rsidP="00156FB3">
            <w:r>
              <w:t xml:space="preserve">     * var shallow = _.clone(objects);</w:t>
            </w:r>
          </w:p>
          <w:p w:rsidR="00156FB3" w:rsidRDefault="00156FB3" w:rsidP="00156FB3">
            <w:r>
              <w:t xml:space="preserve">     * console.log(shallow[0] === objects[0]);</w:t>
            </w:r>
          </w:p>
          <w:p w:rsidR="00156FB3" w:rsidRDefault="00156FB3" w:rsidP="00156FB3">
            <w:r>
              <w:t xml:space="preserve">     * // =&gt; true</w:t>
            </w:r>
          </w:p>
          <w:p w:rsidR="00156FB3" w:rsidRDefault="00156FB3" w:rsidP="00156FB3">
            <w:r>
              <w:t xml:space="preserve">     */</w:t>
            </w:r>
          </w:p>
          <w:p w:rsidR="00156FB3" w:rsidRDefault="00156FB3" w:rsidP="00156FB3">
            <w:r>
              <w:t xml:space="preserve">    function clone(value) {</w:t>
            </w:r>
          </w:p>
          <w:p w:rsidR="00156FB3" w:rsidRDefault="00156FB3" w:rsidP="00156FB3">
            <w:r>
              <w:t xml:space="preserve">      return baseClone(value, CLONE_SYMBOLS_FLA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clone` except that it accepts `customizer` which</w:t>
            </w:r>
          </w:p>
          <w:p w:rsidR="00156FB3" w:rsidRDefault="00156FB3" w:rsidP="00156FB3">
            <w:r>
              <w:t xml:space="preserve">     * is invoked to produce the cloned value. If `customizer` returns `undefined`,</w:t>
            </w:r>
          </w:p>
          <w:p w:rsidR="00156FB3" w:rsidRDefault="00156FB3" w:rsidP="00156FB3">
            <w:r>
              <w:t xml:space="preserve">     * cloning is handled by the method instead. The `customizer` is invoked with</w:t>
            </w:r>
          </w:p>
          <w:p w:rsidR="00156FB3" w:rsidRDefault="00156FB3" w:rsidP="00156FB3">
            <w:r>
              <w:t xml:space="preserve">     * up to four arguments; (value [, index|key, object, stack]).</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Lang</w:t>
            </w:r>
          </w:p>
          <w:p w:rsidR="00156FB3" w:rsidRDefault="00156FB3" w:rsidP="00156FB3">
            <w:r>
              <w:t xml:space="preserve">     * @param {*} value The value to clone.</w:t>
            </w:r>
          </w:p>
          <w:p w:rsidR="00156FB3" w:rsidRDefault="00156FB3" w:rsidP="00156FB3">
            <w:r>
              <w:t xml:space="preserve">     * @param {Function} [customizer] The function to customize cloning.</w:t>
            </w:r>
          </w:p>
          <w:p w:rsidR="00156FB3" w:rsidRDefault="00156FB3" w:rsidP="00156FB3">
            <w:r>
              <w:t xml:space="preserve">     * @returns {*} Returns the cloned value.</w:t>
            </w:r>
          </w:p>
          <w:p w:rsidR="00156FB3" w:rsidRDefault="00156FB3" w:rsidP="00156FB3">
            <w:r>
              <w:t xml:space="preserve">     * @see _.cloneDeepWith</w:t>
            </w:r>
          </w:p>
          <w:p w:rsidR="00156FB3" w:rsidRDefault="00156FB3" w:rsidP="00156FB3">
            <w:r>
              <w:t xml:space="preserve">     * @example</w:t>
            </w:r>
          </w:p>
          <w:p w:rsidR="00156FB3" w:rsidRDefault="00156FB3" w:rsidP="00156FB3">
            <w:r>
              <w:t xml:space="preserve">     *</w:t>
            </w:r>
          </w:p>
          <w:p w:rsidR="00156FB3" w:rsidRDefault="00156FB3" w:rsidP="00156FB3">
            <w:r>
              <w:t xml:space="preserve">     * function customizer(value) {</w:t>
            </w:r>
          </w:p>
          <w:p w:rsidR="00156FB3" w:rsidRDefault="00156FB3" w:rsidP="00156FB3">
            <w:r>
              <w:t xml:space="preserve">     *   if (_.isElement(value)) {</w:t>
            </w:r>
          </w:p>
          <w:p w:rsidR="00156FB3" w:rsidRDefault="00156FB3" w:rsidP="00156FB3">
            <w:r>
              <w:t xml:space="preserve">     *     return value.cloneNode(false);</w:t>
            </w:r>
          </w:p>
          <w:p w:rsidR="00156FB3" w:rsidRDefault="00156FB3" w:rsidP="00156FB3">
            <w:r>
              <w:t xml:space="preserve">     *   }</w:t>
            </w:r>
          </w:p>
          <w:p w:rsidR="00156FB3" w:rsidRDefault="00156FB3" w:rsidP="00156FB3">
            <w:r>
              <w:t xml:space="preserve">     * }</w:t>
            </w:r>
          </w:p>
          <w:p w:rsidR="00156FB3" w:rsidRDefault="00156FB3" w:rsidP="00156FB3">
            <w:r>
              <w:t xml:space="preserve">     *</w:t>
            </w:r>
          </w:p>
          <w:p w:rsidR="00156FB3" w:rsidRDefault="00156FB3" w:rsidP="00156FB3">
            <w:r>
              <w:t xml:space="preserve">     * var el = _.cloneWith(document.body, customizer);</w:t>
            </w:r>
          </w:p>
          <w:p w:rsidR="00156FB3" w:rsidRDefault="00156FB3" w:rsidP="00156FB3">
            <w:r>
              <w:t xml:space="preserve">     *</w:t>
            </w:r>
          </w:p>
          <w:p w:rsidR="00156FB3" w:rsidRDefault="00156FB3" w:rsidP="00156FB3">
            <w:r>
              <w:t xml:space="preserve">     * console.log(el === document.body);</w:t>
            </w:r>
          </w:p>
          <w:p w:rsidR="00156FB3" w:rsidRDefault="00156FB3" w:rsidP="00156FB3">
            <w:r>
              <w:t xml:space="preserve">     * // =&gt; false</w:t>
            </w:r>
          </w:p>
          <w:p w:rsidR="00156FB3" w:rsidRDefault="00156FB3" w:rsidP="00156FB3">
            <w:r>
              <w:t xml:space="preserve">     * console.log(el.nodeName);</w:t>
            </w:r>
          </w:p>
          <w:p w:rsidR="00156FB3" w:rsidRDefault="00156FB3" w:rsidP="00156FB3">
            <w:r>
              <w:t xml:space="preserve">     * // =&gt; 'BODY'</w:t>
            </w:r>
          </w:p>
          <w:p w:rsidR="00156FB3" w:rsidRDefault="00156FB3" w:rsidP="00156FB3">
            <w:r>
              <w:t xml:space="preserve">     * console.log(el.childNodes.length);</w:t>
            </w:r>
          </w:p>
          <w:p w:rsidR="00156FB3" w:rsidRDefault="00156FB3" w:rsidP="00156FB3">
            <w:r>
              <w:t xml:space="preserve">     * // =&gt; 0</w:t>
            </w:r>
          </w:p>
          <w:p w:rsidR="00156FB3" w:rsidRDefault="00156FB3" w:rsidP="00156FB3">
            <w:r>
              <w:t xml:space="preserve">     */</w:t>
            </w:r>
          </w:p>
          <w:p w:rsidR="00156FB3" w:rsidRDefault="00156FB3" w:rsidP="00156FB3">
            <w:r>
              <w:t xml:space="preserve">    function cloneWith(value, customizer) {</w:t>
            </w:r>
          </w:p>
          <w:p w:rsidR="00156FB3" w:rsidRDefault="00156FB3" w:rsidP="00156FB3">
            <w:r>
              <w:t xml:space="preserve">      customizer = typeof customizer == 'function' ? customizer : undefined;</w:t>
            </w:r>
          </w:p>
          <w:p w:rsidR="00156FB3" w:rsidRDefault="00156FB3" w:rsidP="00156FB3">
            <w:r>
              <w:t xml:space="preserve">      return baseClone(value, CLONE_SYMBOLS_FLAG, customizer);</w:t>
            </w:r>
          </w:p>
          <w:p w:rsidR="00156FB3" w:rsidRDefault="00156FB3" w:rsidP="00156FB3">
            <w:r>
              <w:t xml:space="preserve">    }</w:t>
            </w:r>
          </w:p>
          <w:p w:rsidR="00156FB3" w:rsidRDefault="00156FB3" w:rsidP="00156FB3"/>
          <w:p w:rsidR="00156FB3" w:rsidRDefault="00156FB3" w:rsidP="00156FB3">
            <w:r>
              <w:lastRenderedPageBreak/>
              <w:t xml:space="preserve">    /**</w:t>
            </w:r>
          </w:p>
          <w:p w:rsidR="00156FB3" w:rsidRDefault="00156FB3" w:rsidP="00156FB3">
            <w:r>
              <w:t xml:space="preserve">     * This method is like `_.clone` except that it recursively clones `valu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1.0.0</w:t>
            </w:r>
          </w:p>
          <w:p w:rsidR="00156FB3" w:rsidRDefault="00156FB3" w:rsidP="00156FB3">
            <w:r>
              <w:t xml:space="preserve">     * @category Lang</w:t>
            </w:r>
          </w:p>
          <w:p w:rsidR="00156FB3" w:rsidRDefault="00156FB3" w:rsidP="00156FB3">
            <w:r>
              <w:t xml:space="preserve">     * @param {*} value The value to recursively clone.</w:t>
            </w:r>
          </w:p>
          <w:p w:rsidR="00156FB3" w:rsidRDefault="00156FB3" w:rsidP="00156FB3">
            <w:r>
              <w:t xml:space="preserve">     * @returns {*} Returns the deep cloned value.</w:t>
            </w:r>
          </w:p>
          <w:p w:rsidR="00156FB3" w:rsidRDefault="00156FB3" w:rsidP="00156FB3">
            <w:r>
              <w:t xml:space="preserve">     * @see _.clone</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s = [{ 'a': 1 }, { 'b': 2 }];</w:t>
            </w:r>
          </w:p>
          <w:p w:rsidR="00156FB3" w:rsidRDefault="00156FB3" w:rsidP="00156FB3">
            <w:r>
              <w:t xml:space="preserve">     *</w:t>
            </w:r>
          </w:p>
          <w:p w:rsidR="00156FB3" w:rsidRDefault="00156FB3" w:rsidP="00156FB3">
            <w:r>
              <w:t xml:space="preserve">     * var deep = _.cloneDeep(objects);</w:t>
            </w:r>
          </w:p>
          <w:p w:rsidR="00156FB3" w:rsidRDefault="00156FB3" w:rsidP="00156FB3">
            <w:r>
              <w:t xml:space="preserve">     * console.log(deep[0] === objects[0]);</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cloneDeep(value) {</w:t>
            </w:r>
          </w:p>
          <w:p w:rsidR="00156FB3" w:rsidRDefault="00156FB3" w:rsidP="00156FB3">
            <w:r>
              <w:t xml:space="preserve">      return baseClone(value, CLONE_DEEP_FLAG | CLONE_SYMBOLS_FLA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cloneWith` except that it recursively clones `valu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Lang</w:t>
            </w:r>
          </w:p>
          <w:p w:rsidR="00156FB3" w:rsidRDefault="00156FB3" w:rsidP="00156FB3">
            <w:r>
              <w:t xml:space="preserve">     * @param {*} value The value to recursively clone.</w:t>
            </w:r>
          </w:p>
          <w:p w:rsidR="00156FB3" w:rsidRDefault="00156FB3" w:rsidP="00156FB3">
            <w:r>
              <w:t xml:space="preserve">     * @param {Function} [customizer] The function to customize cloning.</w:t>
            </w:r>
          </w:p>
          <w:p w:rsidR="00156FB3" w:rsidRDefault="00156FB3" w:rsidP="00156FB3">
            <w:r>
              <w:t xml:space="preserve">     * @returns {*} Returns the deep cloned value.</w:t>
            </w:r>
          </w:p>
          <w:p w:rsidR="00156FB3" w:rsidRDefault="00156FB3" w:rsidP="00156FB3">
            <w:r>
              <w:t xml:space="preserve">     * @see _.cloneWith</w:t>
            </w:r>
          </w:p>
          <w:p w:rsidR="00156FB3" w:rsidRDefault="00156FB3" w:rsidP="00156FB3">
            <w:r>
              <w:t xml:space="preserve">     * @example</w:t>
            </w:r>
          </w:p>
          <w:p w:rsidR="00156FB3" w:rsidRDefault="00156FB3" w:rsidP="00156FB3">
            <w:r>
              <w:t xml:space="preserve">     *</w:t>
            </w:r>
          </w:p>
          <w:p w:rsidR="00156FB3" w:rsidRDefault="00156FB3" w:rsidP="00156FB3">
            <w:r>
              <w:t xml:space="preserve">     * function customizer(value) {</w:t>
            </w:r>
          </w:p>
          <w:p w:rsidR="00156FB3" w:rsidRDefault="00156FB3" w:rsidP="00156FB3">
            <w:r>
              <w:t xml:space="preserve">     *   if (_.isElement(value)) {</w:t>
            </w:r>
          </w:p>
          <w:p w:rsidR="00156FB3" w:rsidRDefault="00156FB3" w:rsidP="00156FB3">
            <w:r>
              <w:t xml:space="preserve">     *     return value.cloneNode(true);</w:t>
            </w:r>
          </w:p>
          <w:p w:rsidR="00156FB3" w:rsidRDefault="00156FB3" w:rsidP="00156FB3">
            <w:r>
              <w:t xml:space="preserve">     *   }</w:t>
            </w:r>
          </w:p>
          <w:p w:rsidR="00156FB3" w:rsidRDefault="00156FB3" w:rsidP="00156FB3">
            <w:r>
              <w:t xml:space="preserve">     * }</w:t>
            </w:r>
          </w:p>
          <w:p w:rsidR="00156FB3" w:rsidRDefault="00156FB3" w:rsidP="00156FB3">
            <w:r>
              <w:t xml:space="preserve">     *</w:t>
            </w:r>
          </w:p>
          <w:p w:rsidR="00156FB3" w:rsidRDefault="00156FB3" w:rsidP="00156FB3">
            <w:r>
              <w:t xml:space="preserve">     * var el = _.cloneDeepWith(document.body, customizer);</w:t>
            </w:r>
          </w:p>
          <w:p w:rsidR="00156FB3" w:rsidRDefault="00156FB3" w:rsidP="00156FB3">
            <w:r>
              <w:t xml:space="preserve">     *</w:t>
            </w:r>
          </w:p>
          <w:p w:rsidR="00156FB3" w:rsidRDefault="00156FB3" w:rsidP="00156FB3">
            <w:r>
              <w:t xml:space="preserve">     * console.log(el === document.body);</w:t>
            </w:r>
          </w:p>
          <w:p w:rsidR="00156FB3" w:rsidRDefault="00156FB3" w:rsidP="00156FB3">
            <w:r>
              <w:t xml:space="preserve">     * // =&gt; false</w:t>
            </w:r>
          </w:p>
          <w:p w:rsidR="00156FB3" w:rsidRDefault="00156FB3" w:rsidP="00156FB3">
            <w:r>
              <w:t xml:space="preserve">     * console.log(el.nodeName);</w:t>
            </w:r>
          </w:p>
          <w:p w:rsidR="00156FB3" w:rsidRDefault="00156FB3" w:rsidP="00156FB3">
            <w:r>
              <w:t xml:space="preserve">     * // =&gt; 'BODY'</w:t>
            </w:r>
          </w:p>
          <w:p w:rsidR="00156FB3" w:rsidRDefault="00156FB3" w:rsidP="00156FB3">
            <w:r>
              <w:t xml:space="preserve">     * console.log(el.childNodes.length);</w:t>
            </w:r>
          </w:p>
          <w:p w:rsidR="00156FB3" w:rsidRDefault="00156FB3" w:rsidP="00156FB3">
            <w:r>
              <w:lastRenderedPageBreak/>
              <w:t xml:space="preserve">     * // =&gt; 20</w:t>
            </w:r>
          </w:p>
          <w:p w:rsidR="00156FB3" w:rsidRDefault="00156FB3" w:rsidP="00156FB3">
            <w:r>
              <w:t xml:space="preserve">     */</w:t>
            </w:r>
          </w:p>
          <w:p w:rsidR="00156FB3" w:rsidRDefault="00156FB3" w:rsidP="00156FB3">
            <w:r>
              <w:t xml:space="preserve">    function cloneDeepWith(value, customizer) {</w:t>
            </w:r>
          </w:p>
          <w:p w:rsidR="00156FB3" w:rsidRDefault="00156FB3" w:rsidP="00156FB3">
            <w:r>
              <w:t xml:space="preserve">      customizer = typeof customizer == 'function' ? customizer : undefined;</w:t>
            </w:r>
          </w:p>
          <w:p w:rsidR="00156FB3" w:rsidRDefault="00156FB3" w:rsidP="00156FB3">
            <w:r>
              <w:t xml:space="preserve">      return baseClone(value, CLONE_DEEP_FLAG | CLONE_SYMBOLS_FLAG, customiz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object` conforms to `source` by invoking the predicate</w:t>
            </w:r>
          </w:p>
          <w:p w:rsidR="00156FB3" w:rsidRDefault="00156FB3" w:rsidP="00156FB3">
            <w:r>
              <w:t xml:space="preserve">     * properties of `source` with the corresponding property values of `object`.</w:t>
            </w:r>
          </w:p>
          <w:p w:rsidR="00156FB3" w:rsidRDefault="00156FB3" w:rsidP="00156FB3">
            <w:r>
              <w:t xml:space="preserve">     *</w:t>
            </w:r>
          </w:p>
          <w:p w:rsidR="00156FB3" w:rsidRDefault="00156FB3" w:rsidP="00156FB3">
            <w:r>
              <w:t xml:space="preserve">     * **Note:** This method is equivalent to `_.conforms` when `source` is</w:t>
            </w:r>
          </w:p>
          <w:p w:rsidR="00156FB3" w:rsidRDefault="00156FB3" w:rsidP="00156FB3">
            <w:r>
              <w:t xml:space="preserve">     * partially applied.</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14.0</w:t>
            </w:r>
          </w:p>
          <w:p w:rsidR="00156FB3" w:rsidRDefault="00156FB3" w:rsidP="00156FB3">
            <w:r>
              <w:t xml:space="preserve">     * @category Lang</w:t>
            </w:r>
          </w:p>
          <w:p w:rsidR="00156FB3" w:rsidRDefault="00156FB3" w:rsidP="00156FB3">
            <w:r>
              <w:t xml:space="preserve">     * @param {Object} object The object to inspect.</w:t>
            </w:r>
          </w:p>
          <w:p w:rsidR="00156FB3" w:rsidRDefault="00156FB3" w:rsidP="00156FB3">
            <w:r>
              <w:t xml:space="preserve">     * @param {Object} source The object of property predicates to conform to.</w:t>
            </w:r>
          </w:p>
          <w:p w:rsidR="00156FB3" w:rsidRDefault="00156FB3" w:rsidP="00156FB3">
            <w:r>
              <w:t xml:space="preserve">     * @returns {boolean} Returns `true` if `object` conforms,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 'a': 1, 'b': 2 };</w:t>
            </w:r>
          </w:p>
          <w:p w:rsidR="00156FB3" w:rsidRDefault="00156FB3" w:rsidP="00156FB3">
            <w:r>
              <w:t xml:space="preserve">     *</w:t>
            </w:r>
          </w:p>
          <w:p w:rsidR="00156FB3" w:rsidRDefault="00156FB3" w:rsidP="00156FB3">
            <w:r>
              <w:t xml:space="preserve">     * _.conformsTo(object, { 'b': function(n) { return n &gt; 1; } });</w:t>
            </w:r>
          </w:p>
          <w:p w:rsidR="00156FB3" w:rsidRDefault="00156FB3" w:rsidP="00156FB3">
            <w:r>
              <w:t xml:space="preserve">     * // =&gt; true</w:t>
            </w:r>
          </w:p>
          <w:p w:rsidR="00156FB3" w:rsidRDefault="00156FB3" w:rsidP="00156FB3">
            <w:r>
              <w:t xml:space="preserve">     *</w:t>
            </w:r>
          </w:p>
          <w:p w:rsidR="00156FB3" w:rsidRDefault="00156FB3" w:rsidP="00156FB3">
            <w:r>
              <w:t xml:space="preserve">     * _.conformsTo(object, { 'b': function(n) { return n &gt; 2; } });</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conformsTo(object, source) {</w:t>
            </w:r>
          </w:p>
          <w:p w:rsidR="00156FB3" w:rsidRDefault="00156FB3" w:rsidP="00156FB3">
            <w:r>
              <w:t xml:space="preserve">      return source == null || baseConformsTo(object, source, keys(sourc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Performs a</w:t>
            </w:r>
          </w:p>
          <w:p w:rsidR="00156FB3" w:rsidRDefault="00156FB3" w:rsidP="00156FB3">
            <w:r>
              <w:t xml:space="preserve">     * [`SameValueZero`](http://ecma-international.org/ecma-262/7.0/#sec-samevaluezero)</w:t>
            </w:r>
          </w:p>
          <w:p w:rsidR="00156FB3" w:rsidRDefault="00156FB3" w:rsidP="00156FB3">
            <w:r>
              <w:t xml:space="preserve">     * comparison between two values to determine if they are equivalen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Lang</w:t>
            </w:r>
          </w:p>
          <w:p w:rsidR="00156FB3" w:rsidRDefault="00156FB3" w:rsidP="00156FB3">
            <w:r>
              <w:t xml:space="preserve">     * @param {*} value The value to compare.</w:t>
            </w:r>
          </w:p>
          <w:p w:rsidR="00156FB3" w:rsidRDefault="00156FB3" w:rsidP="00156FB3">
            <w:r>
              <w:t xml:space="preserve">     * @param {*} other The other value to compare.</w:t>
            </w:r>
          </w:p>
          <w:p w:rsidR="00156FB3" w:rsidRDefault="00156FB3" w:rsidP="00156FB3">
            <w:r>
              <w:t xml:space="preserve">     * @returns {boolean} Returns `true` if the values are equivalent, else `false`.</w:t>
            </w:r>
          </w:p>
          <w:p w:rsidR="00156FB3" w:rsidRDefault="00156FB3" w:rsidP="00156FB3">
            <w:r>
              <w:t xml:space="preserve">     * @example</w:t>
            </w:r>
          </w:p>
          <w:p w:rsidR="00156FB3" w:rsidRDefault="00156FB3" w:rsidP="00156FB3">
            <w:r>
              <w:lastRenderedPageBreak/>
              <w:t xml:space="preserve">     *</w:t>
            </w:r>
          </w:p>
          <w:p w:rsidR="00156FB3" w:rsidRDefault="00156FB3" w:rsidP="00156FB3">
            <w:r>
              <w:t xml:space="preserve">     * var object = { 'a': 1 };</w:t>
            </w:r>
          </w:p>
          <w:p w:rsidR="00156FB3" w:rsidRDefault="00156FB3" w:rsidP="00156FB3">
            <w:r>
              <w:t xml:space="preserve">     * var other = { 'a': 1 };</w:t>
            </w:r>
          </w:p>
          <w:p w:rsidR="00156FB3" w:rsidRDefault="00156FB3" w:rsidP="00156FB3">
            <w:r>
              <w:t xml:space="preserve">     *</w:t>
            </w:r>
          </w:p>
          <w:p w:rsidR="00156FB3" w:rsidRDefault="00156FB3" w:rsidP="00156FB3">
            <w:r>
              <w:t xml:space="preserve">     * _.eq(object, object);</w:t>
            </w:r>
          </w:p>
          <w:p w:rsidR="00156FB3" w:rsidRDefault="00156FB3" w:rsidP="00156FB3">
            <w:r>
              <w:t xml:space="preserve">     * // =&gt; true</w:t>
            </w:r>
          </w:p>
          <w:p w:rsidR="00156FB3" w:rsidRDefault="00156FB3" w:rsidP="00156FB3">
            <w:r>
              <w:t xml:space="preserve">     *</w:t>
            </w:r>
          </w:p>
          <w:p w:rsidR="00156FB3" w:rsidRDefault="00156FB3" w:rsidP="00156FB3">
            <w:r>
              <w:t xml:space="preserve">     * _.eq(object, other);</w:t>
            </w:r>
          </w:p>
          <w:p w:rsidR="00156FB3" w:rsidRDefault="00156FB3" w:rsidP="00156FB3">
            <w:r>
              <w:t xml:space="preserve">     * // =&gt; false</w:t>
            </w:r>
          </w:p>
          <w:p w:rsidR="00156FB3" w:rsidRDefault="00156FB3" w:rsidP="00156FB3">
            <w:r>
              <w:t xml:space="preserve">     *</w:t>
            </w:r>
          </w:p>
          <w:p w:rsidR="00156FB3" w:rsidRDefault="00156FB3" w:rsidP="00156FB3">
            <w:r>
              <w:t xml:space="preserve">     * _.eq('a', 'a');</w:t>
            </w:r>
          </w:p>
          <w:p w:rsidR="00156FB3" w:rsidRDefault="00156FB3" w:rsidP="00156FB3">
            <w:r>
              <w:t xml:space="preserve">     * // =&gt; true</w:t>
            </w:r>
          </w:p>
          <w:p w:rsidR="00156FB3" w:rsidRDefault="00156FB3" w:rsidP="00156FB3">
            <w:r>
              <w:t xml:space="preserve">     *</w:t>
            </w:r>
          </w:p>
          <w:p w:rsidR="00156FB3" w:rsidRDefault="00156FB3" w:rsidP="00156FB3">
            <w:r>
              <w:t xml:space="preserve">     * _.eq('a', Object('a'));</w:t>
            </w:r>
          </w:p>
          <w:p w:rsidR="00156FB3" w:rsidRDefault="00156FB3" w:rsidP="00156FB3">
            <w:r>
              <w:t xml:space="preserve">     * // =&gt; false</w:t>
            </w:r>
          </w:p>
          <w:p w:rsidR="00156FB3" w:rsidRDefault="00156FB3" w:rsidP="00156FB3">
            <w:r>
              <w:t xml:space="preserve">     *</w:t>
            </w:r>
          </w:p>
          <w:p w:rsidR="00156FB3" w:rsidRDefault="00156FB3" w:rsidP="00156FB3">
            <w:r>
              <w:t xml:space="preserve">     * _.eq(NaN, NaN);</w:t>
            </w:r>
          </w:p>
          <w:p w:rsidR="00156FB3" w:rsidRDefault="00156FB3" w:rsidP="00156FB3">
            <w:r>
              <w:t xml:space="preserve">     * // =&gt; true</w:t>
            </w:r>
          </w:p>
          <w:p w:rsidR="00156FB3" w:rsidRDefault="00156FB3" w:rsidP="00156FB3">
            <w:r>
              <w:t xml:space="preserve">     */</w:t>
            </w:r>
          </w:p>
          <w:p w:rsidR="00156FB3" w:rsidRDefault="00156FB3" w:rsidP="00156FB3">
            <w:r>
              <w:t xml:space="preserve">    function eq(value, other) {</w:t>
            </w:r>
          </w:p>
          <w:p w:rsidR="00156FB3" w:rsidRDefault="00156FB3" w:rsidP="00156FB3">
            <w:r>
              <w:t xml:space="preserve">      return value === other || (value !== value &amp;&amp; other !== oth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greater than `other`.</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9.0</w:t>
            </w:r>
          </w:p>
          <w:p w:rsidR="00156FB3" w:rsidRDefault="00156FB3" w:rsidP="00156FB3">
            <w:r>
              <w:t xml:space="preserve">     * @category Lang</w:t>
            </w:r>
          </w:p>
          <w:p w:rsidR="00156FB3" w:rsidRDefault="00156FB3" w:rsidP="00156FB3">
            <w:r>
              <w:t xml:space="preserve">     * @param {*} value The value to compare.</w:t>
            </w:r>
          </w:p>
          <w:p w:rsidR="00156FB3" w:rsidRDefault="00156FB3" w:rsidP="00156FB3">
            <w:r>
              <w:t xml:space="preserve">     * @param {*} other The other value to compare.</w:t>
            </w:r>
          </w:p>
          <w:p w:rsidR="00156FB3" w:rsidRDefault="00156FB3" w:rsidP="00156FB3">
            <w:r>
              <w:t xml:space="preserve">     * @returns {boolean} Returns `true` if `value` is greater than `other`,</w:t>
            </w:r>
          </w:p>
          <w:p w:rsidR="00156FB3" w:rsidRDefault="00156FB3" w:rsidP="00156FB3">
            <w:r>
              <w:t xml:space="preserve">     *  else `false`.</w:t>
            </w:r>
          </w:p>
          <w:p w:rsidR="00156FB3" w:rsidRDefault="00156FB3" w:rsidP="00156FB3">
            <w:r>
              <w:t xml:space="preserve">     * @see _.lt</w:t>
            </w:r>
          </w:p>
          <w:p w:rsidR="00156FB3" w:rsidRDefault="00156FB3" w:rsidP="00156FB3">
            <w:r>
              <w:t xml:space="preserve">     * @example</w:t>
            </w:r>
          </w:p>
          <w:p w:rsidR="00156FB3" w:rsidRDefault="00156FB3" w:rsidP="00156FB3">
            <w:r>
              <w:t xml:space="preserve">     *</w:t>
            </w:r>
          </w:p>
          <w:p w:rsidR="00156FB3" w:rsidRDefault="00156FB3" w:rsidP="00156FB3">
            <w:r>
              <w:t xml:space="preserve">     * _.gt(3, 1);</w:t>
            </w:r>
          </w:p>
          <w:p w:rsidR="00156FB3" w:rsidRDefault="00156FB3" w:rsidP="00156FB3">
            <w:r>
              <w:t xml:space="preserve">     * // =&gt; true</w:t>
            </w:r>
          </w:p>
          <w:p w:rsidR="00156FB3" w:rsidRDefault="00156FB3" w:rsidP="00156FB3">
            <w:r>
              <w:t xml:space="preserve">     *</w:t>
            </w:r>
          </w:p>
          <w:p w:rsidR="00156FB3" w:rsidRDefault="00156FB3" w:rsidP="00156FB3">
            <w:r>
              <w:t xml:space="preserve">     * _.gt(3, 3);</w:t>
            </w:r>
          </w:p>
          <w:p w:rsidR="00156FB3" w:rsidRDefault="00156FB3" w:rsidP="00156FB3">
            <w:r>
              <w:t xml:space="preserve">     * // =&gt; false</w:t>
            </w:r>
          </w:p>
          <w:p w:rsidR="00156FB3" w:rsidRDefault="00156FB3" w:rsidP="00156FB3">
            <w:r>
              <w:t xml:space="preserve">     *</w:t>
            </w:r>
          </w:p>
          <w:p w:rsidR="00156FB3" w:rsidRDefault="00156FB3" w:rsidP="00156FB3">
            <w:r>
              <w:t xml:space="preserve">     * _.gt(1, 3);</w:t>
            </w:r>
          </w:p>
          <w:p w:rsidR="00156FB3" w:rsidRDefault="00156FB3" w:rsidP="00156FB3">
            <w:r>
              <w:t xml:space="preserve">     * // =&gt; false</w:t>
            </w:r>
          </w:p>
          <w:p w:rsidR="00156FB3" w:rsidRDefault="00156FB3" w:rsidP="00156FB3">
            <w:r>
              <w:t xml:space="preserve">     */</w:t>
            </w:r>
          </w:p>
          <w:p w:rsidR="00156FB3" w:rsidRDefault="00156FB3" w:rsidP="00156FB3">
            <w:r>
              <w:t xml:space="preserve">    var gt = createRelationalOperation(baseGt);</w:t>
            </w:r>
          </w:p>
          <w:p w:rsidR="00156FB3" w:rsidRDefault="00156FB3" w:rsidP="00156FB3"/>
          <w:p w:rsidR="00156FB3" w:rsidRDefault="00156FB3" w:rsidP="00156FB3">
            <w:r>
              <w:lastRenderedPageBreak/>
              <w:t xml:space="preserve">    /**</w:t>
            </w:r>
          </w:p>
          <w:p w:rsidR="00156FB3" w:rsidRDefault="00156FB3" w:rsidP="00156FB3">
            <w:r>
              <w:t xml:space="preserve">     * Checks if `value` is greater than or equal to `other`.</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9.0</w:t>
            </w:r>
          </w:p>
          <w:p w:rsidR="00156FB3" w:rsidRDefault="00156FB3" w:rsidP="00156FB3">
            <w:r>
              <w:t xml:space="preserve">     * @category Lang</w:t>
            </w:r>
          </w:p>
          <w:p w:rsidR="00156FB3" w:rsidRDefault="00156FB3" w:rsidP="00156FB3">
            <w:r>
              <w:t xml:space="preserve">     * @param {*} value The value to compare.</w:t>
            </w:r>
          </w:p>
          <w:p w:rsidR="00156FB3" w:rsidRDefault="00156FB3" w:rsidP="00156FB3">
            <w:r>
              <w:t xml:space="preserve">     * @param {*} other The other value to compare.</w:t>
            </w:r>
          </w:p>
          <w:p w:rsidR="00156FB3" w:rsidRDefault="00156FB3" w:rsidP="00156FB3">
            <w:r>
              <w:t xml:space="preserve">     * @returns {boolean} Returns `true` if `value` is greater than or equal to</w:t>
            </w:r>
          </w:p>
          <w:p w:rsidR="00156FB3" w:rsidRDefault="00156FB3" w:rsidP="00156FB3">
            <w:r>
              <w:t xml:space="preserve">     *  `other`, else `false`.</w:t>
            </w:r>
          </w:p>
          <w:p w:rsidR="00156FB3" w:rsidRDefault="00156FB3" w:rsidP="00156FB3">
            <w:r>
              <w:t xml:space="preserve">     * @see _.lte</w:t>
            </w:r>
          </w:p>
          <w:p w:rsidR="00156FB3" w:rsidRDefault="00156FB3" w:rsidP="00156FB3">
            <w:r>
              <w:t xml:space="preserve">     * @example</w:t>
            </w:r>
          </w:p>
          <w:p w:rsidR="00156FB3" w:rsidRDefault="00156FB3" w:rsidP="00156FB3">
            <w:r>
              <w:t xml:space="preserve">     *</w:t>
            </w:r>
          </w:p>
          <w:p w:rsidR="00156FB3" w:rsidRDefault="00156FB3" w:rsidP="00156FB3">
            <w:r>
              <w:t xml:space="preserve">     * _.gte(3, 1);</w:t>
            </w:r>
          </w:p>
          <w:p w:rsidR="00156FB3" w:rsidRDefault="00156FB3" w:rsidP="00156FB3">
            <w:r>
              <w:t xml:space="preserve">     * // =&gt; true</w:t>
            </w:r>
          </w:p>
          <w:p w:rsidR="00156FB3" w:rsidRDefault="00156FB3" w:rsidP="00156FB3">
            <w:r>
              <w:t xml:space="preserve">     *</w:t>
            </w:r>
          </w:p>
          <w:p w:rsidR="00156FB3" w:rsidRDefault="00156FB3" w:rsidP="00156FB3">
            <w:r>
              <w:t xml:space="preserve">     * _.gte(3, 3);</w:t>
            </w:r>
          </w:p>
          <w:p w:rsidR="00156FB3" w:rsidRDefault="00156FB3" w:rsidP="00156FB3">
            <w:r>
              <w:t xml:space="preserve">     * // =&gt; true</w:t>
            </w:r>
          </w:p>
          <w:p w:rsidR="00156FB3" w:rsidRDefault="00156FB3" w:rsidP="00156FB3">
            <w:r>
              <w:t xml:space="preserve">     *</w:t>
            </w:r>
          </w:p>
          <w:p w:rsidR="00156FB3" w:rsidRDefault="00156FB3" w:rsidP="00156FB3">
            <w:r>
              <w:t xml:space="preserve">     * _.gte(1, 3);</w:t>
            </w:r>
          </w:p>
          <w:p w:rsidR="00156FB3" w:rsidRDefault="00156FB3" w:rsidP="00156FB3">
            <w:r>
              <w:t xml:space="preserve">     * // =&gt; false</w:t>
            </w:r>
          </w:p>
          <w:p w:rsidR="00156FB3" w:rsidRDefault="00156FB3" w:rsidP="00156FB3">
            <w:r>
              <w:t xml:space="preserve">     */</w:t>
            </w:r>
          </w:p>
          <w:p w:rsidR="00156FB3" w:rsidRDefault="00156FB3" w:rsidP="00156FB3">
            <w:r>
              <w:t xml:space="preserve">    var gte = createRelationalOperation(function(value, other) {</w:t>
            </w:r>
          </w:p>
          <w:p w:rsidR="00156FB3" w:rsidRDefault="00156FB3" w:rsidP="00156FB3">
            <w:r>
              <w:t xml:space="preserve">      return value &gt;= oth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likely an `arguments`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n `arguments` object,</w:t>
            </w:r>
          </w:p>
          <w:p w:rsidR="00156FB3" w:rsidRDefault="00156FB3" w:rsidP="00156FB3">
            <w:r>
              <w:t xml:space="preserve">     *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Arguments(function() { return arguments; }());</w:t>
            </w:r>
          </w:p>
          <w:p w:rsidR="00156FB3" w:rsidRDefault="00156FB3" w:rsidP="00156FB3">
            <w:r>
              <w:t xml:space="preserve">     * // =&gt; true</w:t>
            </w:r>
          </w:p>
          <w:p w:rsidR="00156FB3" w:rsidRDefault="00156FB3" w:rsidP="00156FB3">
            <w:r>
              <w:t xml:space="preserve">     *</w:t>
            </w:r>
          </w:p>
          <w:p w:rsidR="00156FB3" w:rsidRDefault="00156FB3" w:rsidP="00156FB3">
            <w:r>
              <w:t xml:space="preserve">     * _.isArguments([1, 2, 3]);</w:t>
            </w:r>
          </w:p>
          <w:p w:rsidR="00156FB3" w:rsidRDefault="00156FB3" w:rsidP="00156FB3">
            <w:r>
              <w:t xml:space="preserve">     * // =&gt; false</w:t>
            </w:r>
          </w:p>
          <w:p w:rsidR="00156FB3" w:rsidRDefault="00156FB3" w:rsidP="00156FB3">
            <w:r>
              <w:t xml:space="preserve">     */</w:t>
            </w:r>
          </w:p>
          <w:p w:rsidR="00156FB3" w:rsidRDefault="00156FB3" w:rsidP="00156FB3">
            <w:r>
              <w:t xml:space="preserve">    var isArguments = baseIsArguments(function() { return arguments; }()) ? baseIsArguments : function(value) {</w:t>
            </w:r>
          </w:p>
          <w:p w:rsidR="00156FB3" w:rsidRDefault="00156FB3" w:rsidP="00156FB3">
            <w:r>
              <w:t xml:space="preserve">      return isObjectLike(value) &amp;&amp; hasOwnProperty.call(value, 'callee') &amp;&amp;</w:t>
            </w:r>
          </w:p>
          <w:p w:rsidR="00156FB3" w:rsidRDefault="00156FB3" w:rsidP="00156FB3">
            <w:r>
              <w:lastRenderedPageBreak/>
              <w:t xml:space="preserve">        !propertyIsEnumerable.call(value, 'calle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classified as an `Array`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n array,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Array([1, 2, 3]);</w:t>
            </w:r>
          </w:p>
          <w:p w:rsidR="00156FB3" w:rsidRDefault="00156FB3" w:rsidP="00156FB3">
            <w:r>
              <w:t xml:space="preserve">     * // =&gt; true</w:t>
            </w:r>
          </w:p>
          <w:p w:rsidR="00156FB3" w:rsidRDefault="00156FB3" w:rsidP="00156FB3">
            <w:r>
              <w:t xml:space="preserve">     *</w:t>
            </w:r>
          </w:p>
          <w:p w:rsidR="00156FB3" w:rsidRDefault="00156FB3" w:rsidP="00156FB3">
            <w:r>
              <w:t xml:space="preserve">     * _.isArray(document.body.children);</w:t>
            </w:r>
          </w:p>
          <w:p w:rsidR="00156FB3" w:rsidRDefault="00156FB3" w:rsidP="00156FB3">
            <w:r>
              <w:t xml:space="preserve">     * // =&gt; false</w:t>
            </w:r>
          </w:p>
          <w:p w:rsidR="00156FB3" w:rsidRDefault="00156FB3" w:rsidP="00156FB3">
            <w:r>
              <w:t xml:space="preserve">     *</w:t>
            </w:r>
          </w:p>
          <w:p w:rsidR="00156FB3" w:rsidRDefault="00156FB3" w:rsidP="00156FB3">
            <w:r>
              <w:t xml:space="preserve">     * _.isArray('abc');</w:t>
            </w:r>
          </w:p>
          <w:p w:rsidR="00156FB3" w:rsidRDefault="00156FB3" w:rsidP="00156FB3">
            <w:r>
              <w:t xml:space="preserve">     * // =&gt; false</w:t>
            </w:r>
          </w:p>
          <w:p w:rsidR="00156FB3" w:rsidRDefault="00156FB3" w:rsidP="00156FB3">
            <w:r>
              <w:t xml:space="preserve">     *</w:t>
            </w:r>
          </w:p>
          <w:p w:rsidR="00156FB3" w:rsidRDefault="00156FB3" w:rsidP="00156FB3">
            <w:r>
              <w:t xml:space="preserve">     * _.isArray(_.noop);</w:t>
            </w:r>
          </w:p>
          <w:p w:rsidR="00156FB3" w:rsidRDefault="00156FB3" w:rsidP="00156FB3">
            <w:r>
              <w:t xml:space="preserve">     * // =&gt; false</w:t>
            </w:r>
          </w:p>
          <w:p w:rsidR="00156FB3" w:rsidRDefault="00156FB3" w:rsidP="00156FB3">
            <w:r>
              <w:t xml:space="preserve">     */</w:t>
            </w:r>
          </w:p>
          <w:p w:rsidR="00156FB3" w:rsidRDefault="00156FB3" w:rsidP="00156FB3">
            <w:r>
              <w:t xml:space="preserve">    var isArray = Array.isArray;</w:t>
            </w:r>
          </w:p>
          <w:p w:rsidR="00156FB3" w:rsidRDefault="00156FB3" w:rsidP="00156FB3"/>
          <w:p w:rsidR="00156FB3" w:rsidRDefault="00156FB3" w:rsidP="00156FB3">
            <w:r>
              <w:t xml:space="preserve">    /**</w:t>
            </w:r>
          </w:p>
          <w:p w:rsidR="00156FB3" w:rsidRDefault="00156FB3" w:rsidP="00156FB3">
            <w:r>
              <w:t xml:space="preserve">     * Checks if `value` is classified as an `ArrayBuffer`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3.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n array buffer,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ArrayBuffer(new ArrayBuffer(2));</w:t>
            </w:r>
          </w:p>
          <w:p w:rsidR="00156FB3" w:rsidRDefault="00156FB3" w:rsidP="00156FB3">
            <w:r>
              <w:t xml:space="preserve">     * // =&gt; true</w:t>
            </w:r>
          </w:p>
          <w:p w:rsidR="00156FB3" w:rsidRDefault="00156FB3" w:rsidP="00156FB3">
            <w:r>
              <w:t xml:space="preserve">     *</w:t>
            </w:r>
          </w:p>
          <w:p w:rsidR="00156FB3" w:rsidRDefault="00156FB3" w:rsidP="00156FB3">
            <w:r>
              <w:t xml:space="preserve">     * _.isArrayBuffer(new Array(2));</w:t>
            </w:r>
          </w:p>
          <w:p w:rsidR="00156FB3" w:rsidRDefault="00156FB3" w:rsidP="00156FB3">
            <w:r>
              <w:t xml:space="preserve">     * // =&gt; false</w:t>
            </w:r>
          </w:p>
          <w:p w:rsidR="00156FB3" w:rsidRDefault="00156FB3" w:rsidP="00156FB3">
            <w:r>
              <w:t xml:space="preserve">     */</w:t>
            </w:r>
          </w:p>
          <w:p w:rsidR="00156FB3" w:rsidRDefault="00156FB3" w:rsidP="00156FB3">
            <w:r>
              <w:t xml:space="preserve">    var isArrayBuffer = nodeIsArrayBuffer ? baseUnary(nodeIsArrayBuffer) : baseIsArrayBuffer;</w:t>
            </w:r>
          </w:p>
          <w:p w:rsidR="00156FB3" w:rsidRDefault="00156FB3" w:rsidP="00156FB3"/>
          <w:p w:rsidR="00156FB3" w:rsidRDefault="00156FB3" w:rsidP="00156FB3">
            <w:r>
              <w:t xml:space="preserve">    /**</w:t>
            </w:r>
          </w:p>
          <w:p w:rsidR="00156FB3" w:rsidRDefault="00156FB3" w:rsidP="00156FB3">
            <w:r>
              <w:lastRenderedPageBreak/>
              <w:t xml:space="preserve">     * Checks if `value` is array-like. A value is considered array-like if it's</w:t>
            </w:r>
          </w:p>
          <w:p w:rsidR="00156FB3" w:rsidRDefault="00156FB3" w:rsidP="00156FB3">
            <w:r>
              <w:t xml:space="preserve">     * not a function and has a `value.length` that's an integer greater than or</w:t>
            </w:r>
          </w:p>
          <w:p w:rsidR="00156FB3" w:rsidRDefault="00156FB3" w:rsidP="00156FB3">
            <w:r>
              <w:t xml:space="preserve">     * equal to `0` and less than or equal to `Number.MAX_SAFE_INTEGER`.</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rray-like,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ArrayLike([1, 2, 3]);</w:t>
            </w:r>
          </w:p>
          <w:p w:rsidR="00156FB3" w:rsidRDefault="00156FB3" w:rsidP="00156FB3">
            <w:r>
              <w:t xml:space="preserve">     * // =&gt; true</w:t>
            </w:r>
          </w:p>
          <w:p w:rsidR="00156FB3" w:rsidRDefault="00156FB3" w:rsidP="00156FB3">
            <w:r>
              <w:t xml:space="preserve">     *</w:t>
            </w:r>
          </w:p>
          <w:p w:rsidR="00156FB3" w:rsidRDefault="00156FB3" w:rsidP="00156FB3">
            <w:r>
              <w:t xml:space="preserve">     * _.isArrayLike(document.body.children);</w:t>
            </w:r>
          </w:p>
          <w:p w:rsidR="00156FB3" w:rsidRDefault="00156FB3" w:rsidP="00156FB3">
            <w:r>
              <w:t xml:space="preserve">     * // =&gt; true</w:t>
            </w:r>
          </w:p>
          <w:p w:rsidR="00156FB3" w:rsidRDefault="00156FB3" w:rsidP="00156FB3">
            <w:r>
              <w:t xml:space="preserve">     *</w:t>
            </w:r>
          </w:p>
          <w:p w:rsidR="00156FB3" w:rsidRDefault="00156FB3" w:rsidP="00156FB3">
            <w:r>
              <w:t xml:space="preserve">     * _.isArrayLike('abc');</w:t>
            </w:r>
          </w:p>
          <w:p w:rsidR="00156FB3" w:rsidRDefault="00156FB3" w:rsidP="00156FB3">
            <w:r>
              <w:t xml:space="preserve">     * // =&gt; true</w:t>
            </w:r>
          </w:p>
          <w:p w:rsidR="00156FB3" w:rsidRDefault="00156FB3" w:rsidP="00156FB3">
            <w:r>
              <w:t xml:space="preserve">     *</w:t>
            </w:r>
          </w:p>
          <w:p w:rsidR="00156FB3" w:rsidRDefault="00156FB3" w:rsidP="00156FB3">
            <w:r>
              <w:t xml:space="preserve">     * _.isArrayLike(_.noop);</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ArrayLike(value) {</w:t>
            </w:r>
          </w:p>
          <w:p w:rsidR="00156FB3" w:rsidRDefault="00156FB3" w:rsidP="00156FB3">
            <w:r>
              <w:t xml:space="preserve">      return value != null &amp;&amp; isLength(value.length) &amp;&amp; !isFunction(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isArrayLike` except that it also checks if `value`</w:t>
            </w:r>
          </w:p>
          <w:p w:rsidR="00156FB3" w:rsidRDefault="00156FB3" w:rsidP="00156FB3">
            <w:r>
              <w:t xml:space="preserve">     * is an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n array-like object,</w:t>
            </w:r>
          </w:p>
          <w:p w:rsidR="00156FB3" w:rsidRDefault="00156FB3" w:rsidP="00156FB3">
            <w:r>
              <w:t xml:space="preserve">     *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ArrayLikeObject([1, 2, 3]);</w:t>
            </w:r>
          </w:p>
          <w:p w:rsidR="00156FB3" w:rsidRDefault="00156FB3" w:rsidP="00156FB3">
            <w:r>
              <w:t xml:space="preserve">     * // =&gt; true</w:t>
            </w:r>
          </w:p>
          <w:p w:rsidR="00156FB3" w:rsidRDefault="00156FB3" w:rsidP="00156FB3">
            <w:r>
              <w:t xml:space="preserve">     *</w:t>
            </w:r>
          </w:p>
          <w:p w:rsidR="00156FB3" w:rsidRDefault="00156FB3" w:rsidP="00156FB3">
            <w:r>
              <w:t xml:space="preserve">     * _.isArrayLikeObject(document.body.children);</w:t>
            </w:r>
          </w:p>
          <w:p w:rsidR="00156FB3" w:rsidRDefault="00156FB3" w:rsidP="00156FB3">
            <w:r>
              <w:t xml:space="preserve">     * // =&gt; true</w:t>
            </w:r>
          </w:p>
          <w:p w:rsidR="00156FB3" w:rsidRDefault="00156FB3" w:rsidP="00156FB3">
            <w:r>
              <w:t xml:space="preserve">     *</w:t>
            </w:r>
          </w:p>
          <w:p w:rsidR="00156FB3" w:rsidRDefault="00156FB3" w:rsidP="00156FB3">
            <w:r>
              <w:t xml:space="preserve">     * _.isArrayLikeObject('abc');</w:t>
            </w:r>
          </w:p>
          <w:p w:rsidR="00156FB3" w:rsidRDefault="00156FB3" w:rsidP="00156FB3">
            <w:r>
              <w:lastRenderedPageBreak/>
              <w:t xml:space="preserve">     * // =&gt; false</w:t>
            </w:r>
          </w:p>
          <w:p w:rsidR="00156FB3" w:rsidRDefault="00156FB3" w:rsidP="00156FB3">
            <w:r>
              <w:t xml:space="preserve">     *</w:t>
            </w:r>
          </w:p>
          <w:p w:rsidR="00156FB3" w:rsidRDefault="00156FB3" w:rsidP="00156FB3">
            <w:r>
              <w:t xml:space="preserve">     * _.isArrayLikeObject(_.noop);</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ArrayLikeObject(value) {</w:t>
            </w:r>
          </w:p>
          <w:p w:rsidR="00156FB3" w:rsidRDefault="00156FB3" w:rsidP="00156FB3">
            <w:r>
              <w:t xml:space="preserve">      return isObjectLike(value) &amp;&amp; isArrayLike(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classified as a boolean primitive or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 boolean,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Boolean(false);</w:t>
            </w:r>
          </w:p>
          <w:p w:rsidR="00156FB3" w:rsidRDefault="00156FB3" w:rsidP="00156FB3">
            <w:r>
              <w:t xml:space="preserve">     * // =&gt; true</w:t>
            </w:r>
          </w:p>
          <w:p w:rsidR="00156FB3" w:rsidRDefault="00156FB3" w:rsidP="00156FB3">
            <w:r>
              <w:t xml:space="preserve">     *</w:t>
            </w:r>
          </w:p>
          <w:p w:rsidR="00156FB3" w:rsidRDefault="00156FB3" w:rsidP="00156FB3">
            <w:r>
              <w:t xml:space="preserve">     * _.isBoolean(null);</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Boolean(value) {</w:t>
            </w:r>
          </w:p>
          <w:p w:rsidR="00156FB3" w:rsidRDefault="00156FB3" w:rsidP="00156FB3">
            <w:r>
              <w:t xml:space="preserve">      return value === true || value === false ||</w:t>
            </w:r>
          </w:p>
          <w:p w:rsidR="00156FB3" w:rsidRDefault="00156FB3" w:rsidP="00156FB3">
            <w:r>
              <w:t xml:space="preserve">        (isObjectLike(value) &amp;&amp; baseGetTag(value) == boolTa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a buffer.</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3.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 buffer,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Buffer(new Buffer(2));</w:t>
            </w:r>
          </w:p>
          <w:p w:rsidR="00156FB3" w:rsidRDefault="00156FB3" w:rsidP="00156FB3">
            <w:r>
              <w:t xml:space="preserve">     * // =&gt; true</w:t>
            </w:r>
          </w:p>
          <w:p w:rsidR="00156FB3" w:rsidRDefault="00156FB3" w:rsidP="00156FB3">
            <w:r>
              <w:t xml:space="preserve">     *</w:t>
            </w:r>
          </w:p>
          <w:p w:rsidR="00156FB3" w:rsidRDefault="00156FB3" w:rsidP="00156FB3">
            <w:r>
              <w:t xml:space="preserve">     * _.isBuffer(new Uint8Array(2));</w:t>
            </w:r>
          </w:p>
          <w:p w:rsidR="00156FB3" w:rsidRDefault="00156FB3" w:rsidP="00156FB3">
            <w:r>
              <w:t xml:space="preserve">     * // =&gt; false</w:t>
            </w:r>
          </w:p>
          <w:p w:rsidR="00156FB3" w:rsidRDefault="00156FB3" w:rsidP="00156FB3">
            <w:r>
              <w:t xml:space="preserve">     */</w:t>
            </w:r>
          </w:p>
          <w:p w:rsidR="00156FB3" w:rsidRDefault="00156FB3" w:rsidP="00156FB3">
            <w:r>
              <w:lastRenderedPageBreak/>
              <w:t xml:space="preserve">    var isBuffer = nativeIsBuffer || stubFalse;</w:t>
            </w:r>
          </w:p>
          <w:p w:rsidR="00156FB3" w:rsidRDefault="00156FB3" w:rsidP="00156FB3"/>
          <w:p w:rsidR="00156FB3" w:rsidRDefault="00156FB3" w:rsidP="00156FB3">
            <w:r>
              <w:t xml:space="preserve">    /**</w:t>
            </w:r>
          </w:p>
          <w:p w:rsidR="00156FB3" w:rsidRDefault="00156FB3" w:rsidP="00156FB3">
            <w:r>
              <w:t xml:space="preserve">     * Checks if `value` is classified as a `Date`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 date object,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Date(new Date);</w:t>
            </w:r>
          </w:p>
          <w:p w:rsidR="00156FB3" w:rsidRDefault="00156FB3" w:rsidP="00156FB3">
            <w:r>
              <w:t xml:space="preserve">     * // =&gt; true</w:t>
            </w:r>
          </w:p>
          <w:p w:rsidR="00156FB3" w:rsidRDefault="00156FB3" w:rsidP="00156FB3">
            <w:r>
              <w:t xml:space="preserve">     *</w:t>
            </w:r>
          </w:p>
          <w:p w:rsidR="00156FB3" w:rsidRDefault="00156FB3" w:rsidP="00156FB3">
            <w:r>
              <w:t xml:space="preserve">     * _.isDate('Mon April 23 2012');</w:t>
            </w:r>
          </w:p>
          <w:p w:rsidR="00156FB3" w:rsidRDefault="00156FB3" w:rsidP="00156FB3">
            <w:r>
              <w:t xml:space="preserve">     * // =&gt; false</w:t>
            </w:r>
          </w:p>
          <w:p w:rsidR="00156FB3" w:rsidRDefault="00156FB3" w:rsidP="00156FB3">
            <w:r>
              <w:t xml:space="preserve">     */</w:t>
            </w:r>
          </w:p>
          <w:p w:rsidR="00156FB3" w:rsidRDefault="00156FB3" w:rsidP="00156FB3">
            <w:r>
              <w:t xml:space="preserve">    var isDate = nodeIsDate ? baseUnary(nodeIsDate) : baseIsDate;</w:t>
            </w:r>
          </w:p>
          <w:p w:rsidR="00156FB3" w:rsidRDefault="00156FB3" w:rsidP="00156FB3"/>
          <w:p w:rsidR="00156FB3" w:rsidRDefault="00156FB3" w:rsidP="00156FB3">
            <w:r>
              <w:t xml:space="preserve">    /**</w:t>
            </w:r>
          </w:p>
          <w:p w:rsidR="00156FB3" w:rsidRDefault="00156FB3" w:rsidP="00156FB3">
            <w:r>
              <w:t xml:space="preserve">     * Checks if `value` is likely a DOM elemen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 DOM element,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Element(document.body);</w:t>
            </w:r>
          </w:p>
          <w:p w:rsidR="00156FB3" w:rsidRDefault="00156FB3" w:rsidP="00156FB3">
            <w:r>
              <w:t xml:space="preserve">     * // =&gt; true</w:t>
            </w:r>
          </w:p>
          <w:p w:rsidR="00156FB3" w:rsidRDefault="00156FB3" w:rsidP="00156FB3">
            <w:r>
              <w:t xml:space="preserve">     *</w:t>
            </w:r>
          </w:p>
          <w:p w:rsidR="00156FB3" w:rsidRDefault="00156FB3" w:rsidP="00156FB3">
            <w:r>
              <w:t xml:space="preserve">     * _.isElement('&lt;body&gt;');</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Element(value) {</w:t>
            </w:r>
          </w:p>
          <w:p w:rsidR="00156FB3" w:rsidRDefault="00156FB3" w:rsidP="00156FB3">
            <w:r>
              <w:t xml:space="preserve">      return isObjectLike(value) &amp;&amp; value.nodeType === 1 &amp;&amp; !isPlainObject(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an empty object, collection, map, or set.</w:t>
            </w:r>
          </w:p>
          <w:p w:rsidR="00156FB3" w:rsidRDefault="00156FB3" w:rsidP="00156FB3">
            <w:r>
              <w:t xml:space="preserve">     *</w:t>
            </w:r>
          </w:p>
          <w:p w:rsidR="00156FB3" w:rsidRDefault="00156FB3" w:rsidP="00156FB3">
            <w:r>
              <w:t xml:space="preserve">     * Objects are considered empty if they have no own enumerable string keyed</w:t>
            </w:r>
          </w:p>
          <w:p w:rsidR="00156FB3" w:rsidRDefault="00156FB3" w:rsidP="00156FB3">
            <w:r>
              <w:t xml:space="preserve">     * properties.</w:t>
            </w:r>
          </w:p>
          <w:p w:rsidR="00156FB3" w:rsidRDefault="00156FB3" w:rsidP="00156FB3">
            <w:r>
              <w:t xml:space="preserve">     *</w:t>
            </w:r>
          </w:p>
          <w:p w:rsidR="00156FB3" w:rsidRDefault="00156FB3" w:rsidP="00156FB3">
            <w:r>
              <w:lastRenderedPageBreak/>
              <w:t xml:space="preserve">     * Array-like values such as `arguments` objects, arrays, buffers, strings, or</w:t>
            </w:r>
          </w:p>
          <w:p w:rsidR="00156FB3" w:rsidRDefault="00156FB3" w:rsidP="00156FB3">
            <w:r>
              <w:t xml:space="preserve">     * jQuery-like collections are considered empty if they have a `length` of `0`.</w:t>
            </w:r>
          </w:p>
          <w:p w:rsidR="00156FB3" w:rsidRDefault="00156FB3" w:rsidP="00156FB3">
            <w:r>
              <w:t xml:space="preserve">     * Similarly, maps and sets are considered empty if they have a `size` of `0`.</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empty,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Empty(null);</w:t>
            </w:r>
          </w:p>
          <w:p w:rsidR="00156FB3" w:rsidRDefault="00156FB3" w:rsidP="00156FB3">
            <w:r>
              <w:t xml:space="preserve">     * // =&gt; true</w:t>
            </w:r>
          </w:p>
          <w:p w:rsidR="00156FB3" w:rsidRDefault="00156FB3" w:rsidP="00156FB3">
            <w:r>
              <w:t xml:space="preserve">     *</w:t>
            </w:r>
          </w:p>
          <w:p w:rsidR="00156FB3" w:rsidRDefault="00156FB3" w:rsidP="00156FB3">
            <w:r>
              <w:t xml:space="preserve">     * _.isEmpty(true);</w:t>
            </w:r>
          </w:p>
          <w:p w:rsidR="00156FB3" w:rsidRDefault="00156FB3" w:rsidP="00156FB3">
            <w:r>
              <w:t xml:space="preserve">     * // =&gt; true</w:t>
            </w:r>
          </w:p>
          <w:p w:rsidR="00156FB3" w:rsidRDefault="00156FB3" w:rsidP="00156FB3">
            <w:r>
              <w:t xml:space="preserve">     *</w:t>
            </w:r>
          </w:p>
          <w:p w:rsidR="00156FB3" w:rsidRDefault="00156FB3" w:rsidP="00156FB3">
            <w:r>
              <w:t xml:space="preserve">     * _.isEmpty(1);</w:t>
            </w:r>
          </w:p>
          <w:p w:rsidR="00156FB3" w:rsidRDefault="00156FB3" w:rsidP="00156FB3">
            <w:r>
              <w:t xml:space="preserve">     * // =&gt; true</w:t>
            </w:r>
          </w:p>
          <w:p w:rsidR="00156FB3" w:rsidRDefault="00156FB3" w:rsidP="00156FB3">
            <w:r>
              <w:t xml:space="preserve">     *</w:t>
            </w:r>
          </w:p>
          <w:p w:rsidR="00156FB3" w:rsidRDefault="00156FB3" w:rsidP="00156FB3">
            <w:r>
              <w:t xml:space="preserve">     * _.isEmpty([1, 2, 3]);</w:t>
            </w:r>
          </w:p>
          <w:p w:rsidR="00156FB3" w:rsidRDefault="00156FB3" w:rsidP="00156FB3">
            <w:r>
              <w:t xml:space="preserve">     * // =&gt; false</w:t>
            </w:r>
          </w:p>
          <w:p w:rsidR="00156FB3" w:rsidRDefault="00156FB3" w:rsidP="00156FB3">
            <w:r>
              <w:t xml:space="preserve">     *</w:t>
            </w:r>
          </w:p>
          <w:p w:rsidR="00156FB3" w:rsidRDefault="00156FB3" w:rsidP="00156FB3">
            <w:r>
              <w:t xml:space="preserve">     * _.isEmpty({ 'a': 1 });</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Empty(value) {</w:t>
            </w:r>
          </w:p>
          <w:p w:rsidR="00156FB3" w:rsidRDefault="00156FB3" w:rsidP="00156FB3">
            <w:r>
              <w:t xml:space="preserve">      if (value == null) {</w:t>
            </w:r>
          </w:p>
          <w:p w:rsidR="00156FB3" w:rsidRDefault="00156FB3" w:rsidP="00156FB3">
            <w:r>
              <w:t xml:space="preserve">        return true;</w:t>
            </w:r>
          </w:p>
          <w:p w:rsidR="00156FB3" w:rsidRDefault="00156FB3" w:rsidP="00156FB3">
            <w:r>
              <w:t xml:space="preserve">      }</w:t>
            </w:r>
          </w:p>
          <w:p w:rsidR="00156FB3" w:rsidRDefault="00156FB3" w:rsidP="00156FB3">
            <w:r>
              <w:t xml:space="preserve">      if (isArrayLike(value) &amp;&amp;</w:t>
            </w:r>
          </w:p>
          <w:p w:rsidR="00156FB3" w:rsidRDefault="00156FB3" w:rsidP="00156FB3">
            <w:r>
              <w:t xml:space="preserve">          (isArray(value) || typeof value == 'string' || typeof value.splice == 'function' ||</w:t>
            </w:r>
          </w:p>
          <w:p w:rsidR="00156FB3" w:rsidRDefault="00156FB3" w:rsidP="00156FB3">
            <w:r>
              <w:t xml:space="preserve">            isBuffer(value) || isTypedArray(value) || isArguments(value))) {</w:t>
            </w:r>
          </w:p>
          <w:p w:rsidR="00156FB3" w:rsidRDefault="00156FB3" w:rsidP="00156FB3">
            <w:r>
              <w:t xml:space="preserve">        return !value.length;</w:t>
            </w:r>
          </w:p>
          <w:p w:rsidR="00156FB3" w:rsidRDefault="00156FB3" w:rsidP="00156FB3">
            <w:r>
              <w:t xml:space="preserve">      }</w:t>
            </w:r>
          </w:p>
          <w:p w:rsidR="00156FB3" w:rsidRDefault="00156FB3" w:rsidP="00156FB3">
            <w:r>
              <w:t xml:space="preserve">      var tag = getTag(value);</w:t>
            </w:r>
          </w:p>
          <w:p w:rsidR="00156FB3" w:rsidRDefault="00156FB3" w:rsidP="00156FB3">
            <w:r>
              <w:t xml:space="preserve">      if (tag == mapTag || tag == setTag) {</w:t>
            </w:r>
          </w:p>
          <w:p w:rsidR="00156FB3" w:rsidRDefault="00156FB3" w:rsidP="00156FB3">
            <w:r>
              <w:t xml:space="preserve">        return !value.size;</w:t>
            </w:r>
          </w:p>
          <w:p w:rsidR="00156FB3" w:rsidRDefault="00156FB3" w:rsidP="00156FB3">
            <w:r>
              <w:t xml:space="preserve">      }</w:t>
            </w:r>
          </w:p>
          <w:p w:rsidR="00156FB3" w:rsidRDefault="00156FB3" w:rsidP="00156FB3">
            <w:r>
              <w:t xml:space="preserve">      if (isPrototype(value)) {</w:t>
            </w:r>
          </w:p>
          <w:p w:rsidR="00156FB3" w:rsidRDefault="00156FB3" w:rsidP="00156FB3">
            <w:r>
              <w:t xml:space="preserve">        return !baseKeys(value).length;</w:t>
            </w:r>
          </w:p>
          <w:p w:rsidR="00156FB3" w:rsidRDefault="00156FB3" w:rsidP="00156FB3">
            <w:r>
              <w:t xml:space="preserve">      }</w:t>
            </w:r>
          </w:p>
          <w:p w:rsidR="00156FB3" w:rsidRDefault="00156FB3" w:rsidP="00156FB3">
            <w:r>
              <w:t xml:space="preserve">      for (var key in value) {</w:t>
            </w:r>
          </w:p>
          <w:p w:rsidR="00156FB3" w:rsidRDefault="00156FB3" w:rsidP="00156FB3">
            <w:r>
              <w:t xml:space="preserve">        if (hasOwnProperty.call(value, key)) {</w:t>
            </w:r>
          </w:p>
          <w:p w:rsidR="00156FB3" w:rsidRDefault="00156FB3" w:rsidP="00156FB3">
            <w:r>
              <w:t xml:space="preserve">          return false;</w:t>
            </w:r>
          </w:p>
          <w:p w:rsidR="00156FB3" w:rsidRDefault="00156FB3" w:rsidP="00156FB3">
            <w:r>
              <w:t xml:space="preserve">        }</w:t>
            </w:r>
          </w:p>
          <w:p w:rsidR="00156FB3" w:rsidRDefault="00156FB3" w:rsidP="00156FB3">
            <w:r>
              <w:t xml:space="preserve">      }</w:t>
            </w:r>
          </w:p>
          <w:p w:rsidR="00156FB3" w:rsidRDefault="00156FB3" w:rsidP="00156FB3">
            <w:r>
              <w:lastRenderedPageBreak/>
              <w:t xml:space="preserve">      return tr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Performs a deep comparison between two values to determine if they are</w:t>
            </w:r>
          </w:p>
          <w:p w:rsidR="00156FB3" w:rsidRDefault="00156FB3" w:rsidP="00156FB3">
            <w:r>
              <w:t xml:space="preserve">     * equivalent.</w:t>
            </w:r>
          </w:p>
          <w:p w:rsidR="00156FB3" w:rsidRDefault="00156FB3" w:rsidP="00156FB3">
            <w:r>
              <w:t xml:space="preserve">     *</w:t>
            </w:r>
          </w:p>
          <w:p w:rsidR="00156FB3" w:rsidRDefault="00156FB3" w:rsidP="00156FB3">
            <w:r>
              <w:t xml:space="preserve">     * **Note:** This method supports comparing arrays, array buffers, booleans,</w:t>
            </w:r>
          </w:p>
          <w:p w:rsidR="00156FB3" w:rsidRDefault="00156FB3" w:rsidP="00156FB3">
            <w:r>
              <w:t xml:space="preserve">     * date objects, error objects, maps, numbers, `Object` objects, regexes,</w:t>
            </w:r>
          </w:p>
          <w:p w:rsidR="00156FB3" w:rsidRDefault="00156FB3" w:rsidP="00156FB3">
            <w:r>
              <w:t xml:space="preserve">     * sets, strings, symbols, and typed arrays. `Object` objects are compared</w:t>
            </w:r>
          </w:p>
          <w:p w:rsidR="00156FB3" w:rsidRDefault="00156FB3" w:rsidP="00156FB3">
            <w:r>
              <w:t xml:space="preserve">     * by their own, not inherited, enumerable properties. Functions and DOM</w:t>
            </w:r>
          </w:p>
          <w:p w:rsidR="00156FB3" w:rsidRDefault="00156FB3" w:rsidP="00156FB3">
            <w:r>
              <w:t xml:space="preserve">     * nodes are compared by strict equality, i.e. `===`.</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Lang</w:t>
            </w:r>
          </w:p>
          <w:p w:rsidR="00156FB3" w:rsidRDefault="00156FB3" w:rsidP="00156FB3">
            <w:r>
              <w:t xml:space="preserve">     * @param {*} value The value to compare.</w:t>
            </w:r>
          </w:p>
          <w:p w:rsidR="00156FB3" w:rsidRDefault="00156FB3" w:rsidP="00156FB3">
            <w:r>
              <w:t xml:space="preserve">     * @param {*} other The other value to compare.</w:t>
            </w:r>
          </w:p>
          <w:p w:rsidR="00156FB3" w:rsidRDefault="00156FB3" w:rsidP="00156FB3">
            <w:r>
              <w:t xml:space="preserve">     * @returns {boolean} Returns `true` if the values are equivalent,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 'a': 1 };</w:t>
            </w:r>
          </w:p>
          <w:p w:rsidR="00156FB3" w:rsidRDefault="00156FB3" w:rsidP="00156FB3">
            <w:r>
              <w:t xml:space="preserve">     * var other = { 'a': 1 };</w:t>
            </w:r>
          </w:p>
          <w:p w:rsidR="00156FB3" w:rsidRDefault="00156FB3" w:rsidP="00156FB3">
            <w:r>
              <w:t xml:space="preserve">     *</w:t>
            </w:r>
          </w:p>
          <w:p w:rsidR="00156FB3" w:rsidRDefault="00156FB3" w:rsidP="00156FB3">
            <w:r>
              <w:t xml:space="preserve">     * _.isEqual(object, other);</w:t>
            </w:r>
          </w:p>
          <w:p w:rsidR="00156FB3" w:rsidRDefault="00156FB3" w:rsidP="00156FB3">
            <w:r>
              <w:t xml:space="preserve">     * // =&gt; true</w:t>
            </w:r>
          </w:p>
          <w:p w:rsidR="00156FB3" w:rsidRDefault="00156FB3" w:rsidP="00156FB3">
            <w:r>
              <w:t xml:space="preserve">     *</w:t>
            </w:r>
          </w:p>
          <w:p w:rsidR="00156FB3" w:rsidRDefault="00156FB3" w:rsidP="00156FB3">
            <w:r>
              <w:t xml:space="preserve">     * object === other;</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Equal(value, other) {</w:t>
            </w:r>
          </w:p>
          <w:p w:rsidR="00156FB3" w:rsidRDefault="00156FB3" w:rsidP="00156FB3">
            <w:r>
              <w:t xml:space="preserve">      return baseIsEqual(value, oth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isEqual` except that it accepts `customizer` which</w:t>
            </w:r>
          </w:p>
          <w:p w:rsidR="00156FB3" w:rsidRDefault="00156FB3" w:rsidP="00156FB3">
            <w:r>
              <w:t xml:space="preserve">     * is invoked to compare values. If `customizer` returns `undefined`, comparisons</w:t>
            </w:r>
          </w:p>
          <w:p w:rsidR="00156FB3" w:rsidRDefault="00156FB3" w:rsidP="00156FB3">
            <w:r>
              <w:t xml:space="preserve">     * are handled by the method instead. The `customizer` is invoked with up to</w:t>
            </w:r>
          </w:p>
          <w:p w:rsidR="00156FB3" w:rsidRDefault="00156FB3" w:rsidP="00156FB3">
            <w:r>
              <w:t xml:space="preserve">     * six arguments: (objValue, othValue [, index|key, object, other, stack]).</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Lang</w:t>
            </w:r>
          </w:p>
          <w:p w:rsidR="00156FB3" w:rsidRDefault="00156FB3" w:rsidP="00156FB3">
            <w:r>
              <w:t xml:space="preserve">     * @param {*} value The value to compare.</w:t>
            </w:r>
          </w:p>
          <w:p w:rsidR="00156FB3" w:rsidRDefault="00156FB3" w:rsidP="00156FB3">
            <w:r>
              <w:t xml:space="preserve">     * @param {*} other The other value to compare.</w:t>
            </w:r>
          </w:p>
          <w:p w:rsidR="00156FB3" w:rsidRDefault="00156FB3" w:rsidP="00156FB3">
            <w:r>
              <w:t xml:space="preserve">     * @param {Function} [customizer] The function to customize comparisons.</w:t>
            </w:r>
          </w:p>
          <w:p w:rsidR="00156FB3" w:rsidRDefault="00156FB3" w:rsidP="00156FB3">
            <w:r>
              <w:lastRenderedPageBreak/>
              <w:t xml:space="preserve">     * @returns {boolean} Returns `true` if the values are equivalent,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function isGreeting(value) {</w:t>
            </w:r>
          </w:p>
          <w:p w:rsidR="00156FB3" w:rsidRDefault="00156FB3" w:rsidP="00156FB3">
            <w:r>
              <w:t xml:space="preserve">     *   return /^h(?:i|ello)$/.test(value);</w:t>
            </w:r>
          </w:p>
          <w:p w:rsidR="00156FB3" w:rsidRDefault="00156FB3" w:rsidP="00156FB3">
            <w:r>
              <w:t xml:space="preserve">     * }</w:t>
            </w:r>
          </w:p>
          <w:p w:rsidR="00156FB3" w:rsidRDefault="00156FB3" w:rsidP="00156FB3">
            <w:r>
              <w:t xml:space="preserve">     *</w:t>
            </w:r>
          </w:p>
          <w:p w:rsidR="00156FB3" w:rsidRDefault="00156FB3" w:rsidP="00156FB3">
            <w:r>
              <w:t xml:space="preserve">     * function customizer(objValue, othValue) {</w:t>
            </w:r>
          </w:p>
          <w:p w:rsidR="00156FB3" w:rsidRDefault="00156FB3" w:rsidP="00156FB3">
            <w:r>
              <w:t xml:space="preserve">     *   if (isGreeting(objValue) &amp;&amp; isGreeting(othValue)) {</w:t>
            </w:r>
          </w:p>
          <w:p w:rsidR="00156FB3" w:rsidRDefault="00156FB3" w:rsidP="00156FB3">
            <w:r>
              <w:t xml:space="preserve">     *     return true;</w:t>
            </w:r>
          </w:p>
          <w:p w:rsidR="00156FB3" w:rsidRDefault="00156FB3" w:rsidP="00156FB3">
            <w:r>
              <w:t xml:space="preserve">     *   }</w:t>
            </w:r>
          </w:p>
          <w:p w:rsidR="00156FB3" w:rsidRDefault="00156FB3" w:rsidP="00156FB3">
            <w:r>
              <w:t xml:space="preserve">     * }</w:t>
            </w:r>
          </w:p>
          <w:p w:rsidR="00156FB3" w:rsidRDefault="00156FB3" w:rsidP="00156FB3">
            <w:r>
              <w:t xml:space="preserve">     *</w:t>
            </w:r>
          </w:p>
          <w:p w:rsidR="00156FB3" w:rsidRDefault="00156FB3" w:rsidP="00156FB3">
            <w:r>
              <w:t xml:space="preserve">     * var array = ['hello', 'goodbye'];</w:t>
            </w:r>
          </w:p>
          <w:p w:rsidR="00156FB3" w:rsidRDefault="00156FB3" w:rsidP="00156FB3">
            <w:r>
              <w:t xml:space="preserve">     * var other = ['hi', 'goodbye'];</w:t>
            </w:r>
          </w:p>
          <w:p w:rsidR="00156FB3" w:rsidRDefault="00156FB3" w:rsidP="00156FB3">
            <w:r>
              <w:t xml:space="preserve">     *</w:t>
            </w:r>
          </w:p>
          <w:p w:rsidR="00156FB3" w:rsidRDefault="00156FB3" w:rsidP="00156FB3">
            <w:r>
              <w:t xml:space="preserve">     * _.isEqualWith(array, other, customizer);</w:t>
            </w:r>
          </w:p>
          <w:p w:rsidR="00156FB3" w:rsidRDefault="00156FB3" w:rsidP="00156FB3">
            <w:r>
              <w:t xml:space="preserve">     * // =&gt; true</w:t>
            </w:r>
          </w:p>
          <w:p w:rsidR="00156FB3" w:rsidRDefault="00156FB3" w:rsidP="00156FB3">
            <w:r>
              <w:t xml:space="preserve">     */</w:t>
            </w:r>
          </w:p>
          <w:p w:rsidR="00156FB3" w:rsidRDefault="00156FB3" w:rsidP="00156FB3">
            <w:r>
              <w:t xml:space="preserve">    function isEqualWith(value, other, customizer) {</w:t>
            </w:r>
          </w:p>
          <w:p w:rsidR="00156FB3" w:rsidRDefault="00156FB3" w:rsidP="00156FB3">
            <w:r>
              <w:t xml:space="preserve">      customizer = typeof customizer == 'function' ? customizer : undefined;</w:t>
            </w:r>
          </w:p>
          <w:p w:rsidR="00156FB3" w:rsidRDefault="00156FB3" w:rsidP="00156FB3">
            <w:r>
              <w:t xml:space="preserve">      var result = customizer ? customizer(value, other) : undefined;</w:t>
            </w:r>
          </w:p>
          <w:p w:rsidR="00156FB3" w:rsidRDefault="00156FB3" w:rsidP="00156FB3">
            <w:r>
              <w:t xml:space="preserve">      return result === undefined ? baseIsEqual(value, other, undefined, customizer) :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an `Error`, `EvalError`, `RangeError`, `ReferenceError`,</w:t>
            </w:r>
          </w:p>
          <w:p w:rsidR="00156FB3" w:rsidRDefault="00156FB3" w:rsidP="00156FB3">
            <w:r>
              <w:t xml:space="preserve">     * `SyntaxError`, `TypeError`, or `URIError`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n error object,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Error(new Error);</w:t>
            </w:r>
          </w:p>
          <w:p w:rsidR="00156FB3" w:rsidRDefault="00156FB3" w:rsidP="00156FB3">
            <w:r>
              <w:t xml:space="preserve">     * // =&gt; true</w:t>
            </w:r>
          </w:p>
          <w:p w:rsidR="00156FB3" w:rsidRDefault="00156FB3" w:rsidP="00156FB3">
            <w:r>
              <w:t xml:space="preserve">     *</w:t>
            </w:r>
          </w:p>
          <w:p w:rsidR="00156FB3" w:rsidRDefault="00156FB3" w:rsidP="00156FB3">
            <w:r>
              <w:t xml:space="preserve">     * _.isError(Error);</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Error(value) {</w:t>
            </w:r>
          </w:p>
          <w:p w:rsidR="00156FB3" w:rsidRDefault="00156FB3" w:rsidP="00156FB3">
            <w:r>
              <w:t xml:space="preserve">      if (!isObjectLike(value)) {</w:t>
            </w:r>
          </w:p>
          <w:p w:rsidR="00156FB3" w:rsidRDefault="00156FB3" w:rsidP="00156FB3">
            <w:r>
              <w:t xml:space="preserve">        return false;</w:t>
            </w:r>
          </w:p>
          <w:p w:rsidR="00156FB3" w:rsidRDefault="00156FB3" w:rsidP="00156FB3">
            <w:r>
              <w:t xml:space="preserve">      }</w:t>
            </w:r>
          </w:p>
          <w:p w:rsidR="00156FB3" w:rsidRDefault="00156FB3" w:rsidP="00156FB3">
            <w:r>
              <w:t xml:space="preserve">      var tag = baseGetTag(value);</w:t>
            </w:r>
          </w:p>
          <w:p w:rsidR="00156FB3" w:rsidRDefault="00156FB3" w:rsidP="00156FB3">
            <w:r>
              <w:lastRenderedPageBreak/>
              <w:t xml:space="preserve">      return tag == errorTag || tag == domExcTag ||</w:t>
            </w:r>
          </w:p>
          <w:p w:rsidR="00156FB3" w:rsidRDefault="00156FB3" w:rsidP="00156FB3">
            <w:r>
              <w:t xml:space="preserve">        (typeof value.message == 'string' &amp;&amp; typeof value.name == 'string' &amp;&amp; !isPlainObject(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a finite primitive number.</w:t>
            </w:r>
          </w:p>
          <w:p w:rsidR="00156FB3" w:rsidRDefault="00156FB3" w:rsidP="00156FB3">
            <w:r>
              <w:t xml:space="preserve">     *</w:t>
            </w:r>
          </w:p>
          <w:p w:rsidR="00156FB3" w:rsidRDefault="00156FB3" w:rsidP="00156FB3">
            <w:r>
              <w:t xml:space="preserve">     * **Note:** This method is based on</w:t>
            </w:r>
          </w:p>
          <w:p w:rsidR="00156FB3" w:rsidRDefault="00156FB3" w:rsidP="00156FB3">
            <w:r>
              <w:t xml:space="preserve">     * [`Number.isFinite`](https://mdn.io/Number/isFinit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 finite number,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Finite(3);</w:t>
            </w:r>
          </w:p>
          <w:p w:rsidR="00156FB3" w:rsidRDefault="00156FB3" w:rsidP="00156FB3">
            <w:r>
              <w:t xml:space="preserve">     * // =&gt; true</w:t>
            </w:r>
          </w:p>
          <w:p w:rsidR="00156FB3" w:rsidRDefault="00156FB3" w:rsidP="00156FB3">
            <w:r>
              <w:t xml:space="preserve">     *</w:t>
            </w:r>
          </w:p>
          <w:p w:rsidR="00156FB3" w:rsidRDefault="00156FB3" w:rsidP="00156FB3">
            <w:r>
              <w:t xml:space="preserve">     * _.isFinite(Number.MIN_VALUE);</w:t>
            </w:r>
          </w:p>
          <w:p w:rsidR="00156FB3" w:rsidRDefault="00156FB3" w:rsidP="00156FB3">
            <w:r>
              <w:t xml:space="preserve">     * // =&gt; true</w:t>
            </w:r>
          </w:p>
          <w:p w:rsidR="00156FB3" w:rsidRDefault="00156FB3" w:rsidP="00156FB3">
            <w:r>
              <w:t xml:space="preserve">     *</w:t>
            </w:r>
          </w:p>
          <w:p w:rsidR="00156FB3" w:rsidRDefault="00156FB3" w:rsidP="00156FB3">
            <w:r>
              <w:t xml:space="preserve">     * _.isFinite(Infinity);</w:t>
            </w:r>
          </w:p>
          <w:p w:rsidR="00156FB3" w:rsidRDefault="00156FB3" w:rsidP="00156FB3">
            <w:r>
              <w:t xml:space="preserve">     * // =&gt; false</w:t>
            </w:r>
          </w:p>
          <w:p w:rsidR="00156FB3" w:rsidRDefault="00156FB3" w:rsidP="00156FB3">
            <w:r>
              <w:t xml:space="preserve">     *</w:t>
            </w:r>
          </w:p>
          <w:p w:rsidR="00156FB3" w:rsidRDefault="00156FB3" w:rsidP="00156FB3">
            <w:r>
              <w:t xml:space="preserve">     * _.isFinite('3');</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Finite(value) {</w:t>
            </w:r>
          </w:p>
          <w:p w:rsidR="00156FB3" w:rsidRDefault="00156FB3" w:rsidP="00156FB3">
            <w:r>
              <w:t xml:space="preserve">      return typeof value == 'number' &amp;&amp; nativeIsFinite(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classified as a `Function`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 function,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Function(_);</w:t>
            </w:r>
          </w:p>
          <w:p w:rsidR="00156FB3" w:rsidRDefault="00156FB3" w:rsidP="00156FB3">
            <w:r>
              <w:t xml:space="preserve">     * // =&gt; true</w:t>
            </w:r>
          </w:p>
          <w:p w:rsidR="00156FB3" w:rsidRDefault="00156FB3" w:rsidP="00156FB3">
            <w:r>
              <w:t xml:space="preserve">     *</w:t>
            </w:r>
          </w:p>
          <w:p w:rsidR="00156FB3" w:rsidRDefault="00156FB3" w:rsidP="00156FB3">
            <w:r>
              <w:lastRenderedPageBreak/>
              <w:t xml:space="preserve">     * _.isFunction(/abc/);</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Function(value) {</w:t>
            </w:r>
          </w:p>
          <w:p w:rsidR="00156FB3" w:rsidRDefault="00156FB3" w:rsidP="00156FB3">
            <w:r>
              <w:t xml:space="preserve">      if (!isObject(value)) {</w:t>
            </w:r>
          </w:p>
          <w:p w:rsidR="00156FB3" w:rsidRDefault="00156FB3" w:rsidP="00156FB3">
            <w:r>
              <w:t xml:space="preserve">        return false;</w:t>
            </w:r>
          </w:p>
          <w:p w:rsidR="00156FB3" w:rsidRDefault="00156FB3" w:rsidP="00156FB3">
            <w:r>
              <w:t xml:space="preserve">      }</w:t>
            </w:r>
          </w:p>
          <w:p w:rsidR="00156FB3" w:rsidRDefault="00156FB3" w:rsidP="00156FB3">
            <w:r>
              <w:t xml:space="preserve">      // The use of `Object#toString` avoids issues with the `typeof` operator</w:t>
            </w:r>
          </w:p>
          <w:p w:rsidR="00156FB3" w:rsidRDefault="00156FB3" w:rsidP="00156FB3">
            <w:r>
              <w:t xml:space="preserve">      // in Safari 9 which returns 'object' for typed arrays and other constructors.</w:t>
            </w:r>
          </w:p>
          <w:p w:rsidR="00156FB3" w:rsidRDefault="00156FB3" w:rsidP="00156FB3">
            <w:r>
              <w:t xml:space="preserve">      var tag = baseGetTag(value);</w:t>
            </w:r>
          </w:p>
          <w:p w:rsidR="00156FB3" w:rsidRDefault="00156FB3" w:rsidP="00156FB3">
            <w:r>
              <w:t xml:space="preserve">      return tag == funcTag || tag == genTag || tag == asyncTag || tag == proxyTa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an integer.</w:t>
            </w:r>
          </w:p>
          <w:p w:rsidR="00156FB3" w:rsidRDefault="00156FB3" w:rsidP="00156FB3">
            <w:r>
              <w:t xml:space="preserve">     *</w:t>
            </w:r>
          </w:p>
          <w:p w:rsidR="00156FB3" w:rsidRDefault="00156FB3" w:rsidP="00156FB3">
            <w:r>
              <w:t xml:space="preserve">     * **Note:** This method is based on</w:t>
            </w:r>
          </w:p>
          <w:p w:rsidR="00156FB3" w:rsidRDefault="00156FB3" w:rsidP="00156FB3">
            <w:r>
              <w:t xml:space="preserve">     * [`Number.isInteger`](https://mdn.io/Number/isInteger).</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n integer,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Integer(3);</w:t>
            </w:r>
          </w:p>
          <w:p w:rsidR="00156FB3" w:rsidRDefault="00156FB3" w:rsidP="00156FB3">
            <w:r>
              <w:t xml:space="preserve">     * // =&gt; true</w:t>
            </w:r>
          </w:p>
          <w:p w:rsidR="00156FB3" w:rsidRDefault="00156FB3" w:rsidP="00156FB3">
            <w:r>
              <w:t xml:space="preserve">     *</w:t>
            </w:r>
          </w:p>
          <w:p w:rsidR="00156FB3" w:rsidRDefault="00156FB3" w:rsidP="00156FB3">
            <w:r>
              <w:t xml:space="preserve">     * _.isInteger(Number.MIN_VALUE);</w:t>
            </w:r>
          </w:p>
          <w:p w:rsidR="00156FB3" w:rsidRDefault="00156FB3" w:rsidP="00156FB3">
            <w:r>
              <w:t xml:space="preserve">     * // =&gt; false</w:t>
            </w:r>
          </w:p>
          <w:p w:rsidR="00156FB3" w:rsidRDefault="00156FB3" w:rsidP="00156FB3">
            <w:r>
              <w:t xml:space="preserve">     *</w:t>
            </w:r>
          </w:p>
          <w:p w:rsidR="00156FB3" w:rsidRDefault="00156FB3" w:rsidP="00156FB3">
            <w:r>
              <w:t xml:space="preserve">     * _.isInteger(Infinity);</w:t>
            </w:r>
          </w:p>
          <w:p w:rsidR="00156FB3" w:rsidRDefault="00156FB3" w:rsidP="00156FB3">
            <w:r>
              <w:t xml:space="preserve">     * // =&gt; false</w:t>
            </w:r>
          </w:p>
          <w:p w:rsidR="00156FB3" w:rsidRDefault="00156FB3" w:rsidP="00156FB3">
            <w:r>
              <w:t xml:space="preserve">     *</w:t>
            </w:r>
          </w:p>
          <w:p w:rsidR="00156FB3" w:rsidRDefault="00156FB3" w:rsidP="00156FB3">
            <w:r>
              <w:t xml:space="preserve">     * _.isInteger('3');</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Integer(value) {</w:t>
            </w:r>
          </w:p>
          <w:p w:rsidR="00156FB3" w:rsidRDefault="00156FB3" w:rsidP="00156FB3">
            <w:r>
              <w:t xml:space="preserve">      return typeof value == 'number' &amp;&amp; value == toInteger(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a valid array-like length.</w:t>
            </w:r>
          </w:p>
          <w:p w:rsidR="00156FB3" w:rsidRDefault="00156FB3" w:rsidP="00156FB3">
            <w:r>
              <w:t xml:space="preserve">     *</w:t>
            </w:r>
          </w:p>
          <w:p w:rsidR="00156FB3" w:rsidRDefault="00156FB3" w:rsidP="00156FB3">
            <w:r>
              <w:t xml:space="preserve">     * **Note:** This method is loosely based on</w:t>
            </w:r>
          </w:p>
          <w:p w:rsidR="00156FB3" w:rsidRDefault="00156FB3" w:rsidP="00156FB3">
            <w:r>
              <w:t xml:space="preserve">     * [`ToLength`](http://ecma-international.org/ecma-262/7.0/#sec-tolength).</w:t>
            </w:r>
          </w:p>
          <w:p w:rsidR="00156FB3" w:rsidRDefault="00156FB3" w:rsidP="00156FB3">
            <w:r>
              <w:lastRenderedPageBreak/>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 valid length,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Length(3);</w:t>
            </w:r>
          </w:p>
          <w:p w:rsidR="00156FB3" w:rsidRDefault="00156FB3" w:rsidP="00156FB3">
            <w:r>
              <w:t xml:space="preserve">     * // =&gt; true</w:t>
            </w:r>
          </w:p>
          <w:p w:rsidR="00156FB3" w:rsidRDefault="00156FB3" w:rsidP="00156FB3">
            <w:r>
              <w:t xml:space="preserve">     *</w:t>
            </w:r>
          </w:p>
          <w:p w:rsidR="00156FB3" w:rsidRDefault="00156FB3" w:rsidP="00156FB3">
            <w:r>
              <w:t xml:space="preserve">     * _.isLength(Number.MIN_VALUE);</w:t>
            </w:r>
          </w:p>
          <w:p w:rsidR="00156FB3" w:rsidRDefault="00156FB3" w:rsidP="00156FB3">
            <w:r>
              <w:t xml:space="preserve">     * // =&gt; false</w:t>
            </w:r>
          </w:p>
          <w:p w:rsidR="00156FB3" w:rsidRDefault="00156FB3" w:rsidP="00156FB3">
            <w:r>
              <w:t xml:space="preserve">     *</w:t>
            </w:r>
          </w:p>
          <w:p w:rsidR="00156FB3" w:rsidRDefault="00156FB3" w:rsidP="00156FB3">
            <w:r>
              <w:t xml:space="preserve">     * _.isLength(Infinity);</w:t>
            </w:r>
          </w:p>
          <w:p w:rsidR="00156FB3" w:rsidRDefault="00156FB3" w:rsidP="00156FB3">
            <w:r>
              <w:t xml:space="preserve">     * // =&gt; false</w:t>
            </w:r>
          </w:p>
          <w:p w:rsidR="00156FB3" w:rsidRDefault="00156FB3" w:rsidP="00156FB3">
            <w:r>
              <w:t xml:space="preserve">     *</w:t>
            </w:r>
          </w:p>
          <w:p w:rsidR="00156FB3" w:rsidRDefault="00156FB3" w:rsidP="00156FB3">
            <w:r>
              <w:t xml:space="preserve">     * _.isLength('3');</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Length(value) {</w:t>
            </w:r>
          </w:p>
          <w:p w:rsidR="00156FB3" w:rsidRDefault="00156FB3" w:rsidP="00156FB3">
            <w:r>
              <w:t xml:space="preserve">      return typeof value == 'number' &amp;&amp;</w:t>
            </w:r>
          </w:p>
          <w:p w:rsidR="00156FB3" w:rsidRDefault="00156FB3" w:rsidP="00156FB3">
            <w:r>
              <w:t xml:space="preserve">        value &gt; -1 &amp;&amp; value % 1 == 0 &amp;&amp; value &lt;= MAX_SAFE_INTEG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the</w:t>
            </w:r>
          </w:p>
          <w:p w:rsidR="00156FB3" w:rsidRDefault="00156FB3" w:rsidP="00156FB3">
            <w:r>
              <w:t xml:space="preserve">     * [language type](http://www.ecma-international.org/ecma-262/7.0/#sec-ecmascript-language-types)</w:t>
            </w:r>
          </w:p>
          <w:p w:rsidR="00156FB3" w:rsidRDefault="00156FB3" w:rsidP="00156FB3">
            <w:r>
              <w:t xml:space="preserve">     * of `Object`. (e.g. arrays, functions, objects, regexes, `new Number(0)`, and `new String('')`)</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n object,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Object({});</w:t>
            </w:r>
          </w:p>
          <w:p w:rsidR="00156FB3" w:rsidRDefault="00156FB3" w:rsidP="00156FB3">
            <w:r>
              <w:t xml:space="preserve">     * // =&gt; true</w:t>
            </w:r>
          </w:p>
          <w:p w:rsidR="00156FB3" w:rsidRDefault="00156FB3" w:rsidP="00156FB3">
            <w:r>
              <w:t xml:space="preserve">     *</w:t>
            </w:r>
          </w:p>
          <w:p w:rsidR="00156FB3" w:rsidRDefault="00156FB3" w:rsidP="00156FB3">
            <w:r>
              <w:t xml:space="preserve">     * _.isObject([1, 2, 3]);</w:t>
            </w:r>
          </w:p>
          <w:p w:rsidR="00156FB3" w:rsidRDefault="00156FB3" w:rsidP="00156FB3">
            <w:r>
              <w:t xml:space="preserve">     * // =&gt; true</w:t>
            </w:r>
          </w:p>
          <w:p w:rsidR="00156FB3" w:rsidRDefault="00156FB3" w:rsidP="00156FB3">
            <w:r>
              <w:t xml:space="preserve">     *</w:t>
            </w:r>
          </w:p>
          <w:p w:rsidR="00156FB3" w:rsidRDefault="00156FB3" w:rsidP="00156FB3">
            <w:r>
              <w:t xml:space="preserve">     * _.isObject(_.noop);</w:t>
            </w:r>
          </w:p>
          <w:p w:rsidR="00156FB3" w:rsidRDefault="00156FB3" w:rsidP="00156FB3">
            <w:r>
              <w:t xml:space="preserve">     * // =&gt; true</w:t>
            </w:r>
          </w:p>
          <w:p w:rsidR="00156FB3" w:rsidRDefault="00156FB3" w:rsidP="00156FB3">
            <w:r>
              <w:lastRenderedPageBreak/>
              <w:t xml:space="preserve">     *</w:t>
            </w:r>
          </w:p>
          <w:p w:rsidR="00156FB3" w:rsidRDefault="00156FB3" w:rsidP="00156FB3">
            <w:r>
              <w:t xml:space="preserve">     * _.isObject(null);</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Object(value) {</w:t>
            </w:r>
          </w:p>
          <w:p w:rsidR="00156FB3" w:rsidRDefault="00156FB3" w:rsidP="00156FB3">
            <w:r>
              <w:t xml:space="preserve">      var type = typeof value;</w:t>
            </w:r>
          </w:p>
          <w:p w:rsidR="00156FB3" w:rsidRDefault="00156FB3" w:rsidP="00156FB3">
            <w:r>
              <w:t xml:space="preserve">      return value != null &amp;&amp; (type == 'object' || type == 'function');</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object-like. A value is object-like if it's not `null`</w:t>
            </w:r>
          </w:p>
          <w:p w:rsidR="00156FB3" w:rsidRDefault="00156FB3" w:rsidP="00156FB3">
            <w:r>
              <w:t xml:space="preserve">     * and has a `typeof` result of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object-like,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ObjectLike({});</w:t>
            </w:r>
          </w:p>
          <w:p w:rsidR="00156FB3" w:rsidRDefault="00156FB3" w:rsidP="00156FB3">
            <w:r>
              <w:t xml:space="preserve">     * // =&gt; true</w:t>
            </w:r>
          </w:p>
          <w:p w:rsidR="00156FB3" w:rsidRDefault="00156FB3" w:rsidP="00156FB3">
            <w:r>
              <w:t xml:space="preserve">     *</w:t>
            </w:r>
          </w:p>
          <w:p w:rsidR="00156FB3" w:rsidRDefault="00156FB3" w:rsidP="00156FB3">
            <w:r>
              <w:t xml:space="preserve">     * _.isObjectLike([1, 2, 3]);</w:t>
            </w:r>
          </w:p>
          <w:p w:rsidR="00156FB3" w:rsidRDefault="00156FB3" w:rsidP="00156FB3">
            <w:r>
              <w:t xml:space="preserve">     * // =&gt; true</w:t>
            </w:r>
          </w:p>
          <w:p w:rsidR="00156FB3" w:rsidRDefault="00156FB3" w:rsidP="00156FB3">
            <w:r>
              <w:t xml:space="preserve">     *</w:t>
            </w:r>
          </w:p>
          <w:p w:rsidR="00156FB3" w:rsidRDefault="00156FB3" w:rsidP="00156FB3">
            <w:r>
              <w:t xml:space="preserve">     * _.isObjectLike(_.noop);</w:t>
            </w:r>
          </w:p>
          <w:p w:rsidR="00156FB3" w:rsidRDefault="00156FB3" w:rsidP="00156FB3">
            <w:r>
              <w:t xml:space="preserve">     * // =&gt; false</w:t>
            </w:r>
          </w:p>
          <w:p w:rsidR="00156FB3" w:rsidRDefault="00156FB3" w:rsidP="00156FB3">
            <w:r>
              <w:t xml:space="preserve">     *</w:t>
            </w:r>
          </w:p>
          <w:p w:rsidR="00156FB3" w:rsidRDefault="00156FB3" w:rsidP="00156FB3">
            <w:r>
              <w:t xml:space="preserve">     * _.isObjectLike(null);</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ObjectLike(value) {</w:t>
            </w:r>
          </w:p>
          <w:p w:rsidR="00156FB3" w:rsidRDefault="00156FB3" w:rsidP="00156FB3">
            <w:r>
              <w:t xml:space="preserve">      return value != null &amp;&amp; typeof value == '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classified as a `Map`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3.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 map, else `false`.</w:t>
            </w:r>
          </w:p>
          <w:p w:rsidR="00156FB3" w:rsidRDefault="00156FB3" w:rsidP="00156FB3">
            <w:r>
              <w:t xml:space="preserve">     * @example</w:t>
            </w:r>
          </w:p>
          <w:p w:rsidR="00156FB3" w:rsidRDefault="00156FB3" w:rsidP="00156FB3">
            <w:r>
              <w:t xml:space="preserve">     *</w:t>
            </w:r>
          </w:p>
          <w:p w:rsidR="00156FB3" w:rsidRDefault="00156FB3" w:rsidP="00156FB3">
            <w:r>
              <w:lastRenderedPageBreak/>
              <w:t xml:space="preserve">     * _.isMap(new Map);</w:t>
            </w:r>
          </w:p>
          <w:p w:rsidR="00156FB3" w:rsidRDefault="00156FB3" w:rsidP="00156FB3">
            <w:r>
              <w:t xml:space="preserve">     * // =&gt; true</w:t>
            </w:r>
          </w:p>
          <w:p w:rsidR="00156FB3" w:rsidRDefault="00156FB3" w:rsidP="00156FB3">
            <w:r>
              <w:t xml:space="preserve">     *</w:t>
            </w:r>
          </w:p>
          <w:p w:rsidR="00156FB3" w:rsidRDefault="00156FB3" w:rsidP="00156FB3">
            <w:r>
              <w:t xml:space="preserve">     * _.isMap(new WeakMap);</w:t>
            </w:r>
          </w:p>
          <w:p w:rsidR="00156FB3" w:rsidRDefault="00156FB3" w:rsidP="00156FB3">
            <w:r>
              <w:t xml:space="preserve">     * // =&gt; false</w:t>
            </w:r>
          </w:p>
          <w:p w:rsidR="00156FB3" w:rsidRDefault="00156FB3" w:rsidP="00156FB3">
            <w:r>
              <w:t xml:space="preserve">     */</w:t>
            </w:r>
          </w:p>
          <w:p w:rsidR="00156FB3" w:rsidRDefault="00156FB3" w:rsidP="00156FB3">
            <w:r>
              <w:t xml:space="preserve">    var isMap = nodeIsMap ? baseUnary(nodeIsMap) : baseIsMap;</w:t>
            </w:r>
          </w:p>
          <w:p w:rsidR="00156FB3" w:rsidRDefault="00156FB3" w:rsidP="00156FB3"/>
          <w:p w:rsidR="00156FB3" w:rsidRDefault="00156FB3" w:rsidP="00156FB3">
            <w:r>
              <w:t xml:space="preserve">    /**</w:t>
            </w:r>
          </w:p>
          <w:p w:rsidR="00156FB3" w:rsidRDefault="00156FB3" w:rsidP="00156FB3">
            <w:r>
              <w:t xml:space="preserve">     * Performs a partial deep comparison between `object` and `source` to</w:t>
            </w:r>
          </w:p>
          <w:p w:rsidR="00156FB3" w:rsidRDefault="00156FB3" w:rsidP="00156FB3">
            <w:r>
              <w:t xml:space="preserve">     * determine if `object` contains equivalent property values.</w:t>
            </w:r>
          </w:p>
          <w:p w:rsidR="00156FB3" w:rsidRDefault="00156FB3" w:rsidP="00156FB3">
            <w:r>
              <w:t xml:space="preserve">     *</w:t>
            </w:r>
          </w:p>
          <w:p w:rsidR="00156FB3" w:rsidRDefault="00156FB3" w:rsidP="00156FB3">
            <w:r>
              <w:t xml:space="preserve">     * **Note:** This method is equivalent to `_.matches` when `source` is</w:t>
            </w:r>
          </w:p>
          <w:p w:rsidR="00156FB3" w:rsidRDefault="00156FB3" w:rsidP="00156FB3">
            <w:r>
              <w:t xml:space="preserve">     * partially applied.</w:t>
            </w:r>
          </w:p>
          <w:p w:rsidR="00156FB3" w:rsidRDefault="00156FB3" w:rsidP="00156FB3">
            <w:r>
              <w:t xml:space="preserve">     *</w:t>
            </w:r>
          </w:p>
          <w:p w:rsidR="00156FB3" w:rsidRDefault="00156FB3" w:rsidP="00156FB3">
            <w:r>
              <w:t xml:space="preserve">     * Partial comparisons will match empty array and empty object `source`</w:t>
            </w:r>
          </w:p>
          <w:p w:rsidR="00156FB3" w:rsidRDefault="00156FB3" w:rsidP="00156FB3">
            <w:r>
              <w:t xml:space="preserve">     * values against any array or object value, respectively. See `_.isEqual`</w:t>
            </w:r>
          </w:p>
          <w:p w:rsidR="00156FB3" w:rsidRDefault="00156FB3" w:rsidP="00156FB3">
            <w:r>
              <w:t xml:space="preserve">     * for a list of supported value comparison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Lang</w:t>
            </w:r>
          </w:p>
          <w:p w:rsidR="00156FB3" w:rsidRDefault="00156FB3" w:rsidP="00156FB3">
            <w:r>
              <w:t xml:space="preserve">     * @param {Object} object The object to inspect.</w:t>
            </w:r>
          </w:p>
          <w:p w:rsidR="00156FB3" w:rsidRDefault="00156FB3" w:rsidP="00156FB3">
            <w:r>
              <w:t xml:space="preserve">     * @param {Object} source The object of property values to match.</w:t>
            </w:r>
          </w:p>
          <w:p w:rsidR="00156FB3" w:rsidRDefault="00156FB3" w:rsidP="00156FB3">
            <w:r>
              <w:t xml:space="preserve">     * @returns {boolean} Returns `true` if `object` is a match,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 'a': 1, 'b': 2 };</w:t>
            </w:r>
          </w:p>
          <w:p w:rsidR="00156FB3" w:rsidRDefault="00156FB3" w:rsidP="00156FB3">
            <w:r>
              <w:t xml:space="preserve">     *</w:t>
            </w:r>
          </w:p>
          <w:p w:rsidR="00156FB3" w:rsidRDefault="00156FB3" w:rsidP="00156FB3">
            <w:r>
              <w:t xml:space="preserve">     * _.isMatch(object, { 'b': 2 });</w:t>
            </w:r>
          </w:p>
          <w:p w:rsidR="00156FB3" w:rsidRDefault="00156FB3" w:rsidP="00156FB3">
            <w:r>
              <w:t xml:space="preserve">     * // =&gt; true</w:t>
            </w:r>
          </w:p>
          <w:p w:rsidR="00156FB3" w:rsidRDefault="00156FB3" w:rsidP="00156FB3">
            <w:r>
              <w:t xml:space="preserve">     *</w:t>
            </w:r>
          </w:p>
          <w:p w:rsidR="00156FB3" w:rsidRDefault="00156FB3" w:rsidP="00156FB3">
            <w:r>
              <w:t xml:space="preserve">     * _.isMatch(object, { 'b': 1 });</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Match(object, source) {</w:t>
            </w:r>
          </w:p>
          <w:p w:rsidR="00156FB3" w:rsidRDefault="00156FB3" w:rsidP="00156FB3">
            <w:r>
              <w:t xml:space="preserve">      return object === source || baseIsMatch(object, source, getMatchData(sourc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isMatch` except that it accepts `customizer` which</w:t>
            </w:r>
          </w:p>
          <w:p w:rsidR="00156FB3" w:rsidRDefault="00156FB3" w:rsidP="00156FB3">
            <w:r>
              <w:t xml:space="preserve">     * is invoked to compare values. If `customizer` returns `undefined`, comparisons</w:t>
            </w:r>
          </w:p>
          <w:p w:rsidR="00156FB3" w:rsidRDefault="00156FB3" w:rsidP="00156FB3">
            <w:r>
              <w:t xml:space="preserve">     * are handled by the method instead. The `customizer` is invoked with five</w:t>
            </w:r>
          </w:p>
          <w:p w:rsidR="00156FB3" w:rsidRDefault="00156FB3" w:rsidP="00156FB3">
            <w:r>
              <w:t xml:space="preserve">     * arguments: (objValue, srcValue, index|key, object, sourc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lastRenderedPageBreak/>
              <w:t xml:space="preserve">     * @since 4.0.0</w:t>
            </w:r>
          </w:p>
          <w:p w:rsidR="00156FB3" w:rsidRDefault="00156FB3" w:rsidP="00156FB3">
            <w:r>
              <w:t xml:space="preserve">     * @category Lang</w:t>
            </w:r>
          </w:p>
          <w:p w:rsidR="00156FB3" w:rsidRDefault="00156FB3" w:rsidP="00156FB3">
            <w:r>
              <w:t xml:space="preserve">     * @param {Object} object The object to inspect.</w:t>
            </w:r>
          </w:p>
          <w:p w:rsidR="00156FB3" w:rsidRDefault="00156FB3" w:rsidP="00156FB3">
            <w:r>
              <w:t xml:space="preserve">     * @param {Object} source The object of property values to match.</w:t>
            </w:r>
          </w:p>
          <w:p w:rsidR="00156FB3" w:rsidRDefault="00156FB3" w:rsidP="00156FB3">
            <w:r>
              <w:t xml:space="preserve">     * @param {Function} [customizer] The function to customize comparisons.</w:t>
            </w:r>
          </w:p>
          <w:p w:rsidR="00156FB3" w:rsidRDefault="00156FB3" w:rsidP="00156FB3">
            <w:r>
              <w:t xml:space="preserve">     * @returns {boolean} Returns `true` if `object` is a match,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function isGreeting(value) {</w:t>
            </w:r>
          </w:p>
          <w:p w:rsidR="00156FB3" w:rsidRDefault="00156FB3" w:rsidP="00156FB3">
            <w:r>
              <w:t xml:space="preserve">     *   return /^h(?:i|ello)$/.test(value);</w:t>
            </w:r>
          </w:p>
          <w:p w:rsidR="00156FB3" w:rsidRDefault="00156FB3" w:rsidP="00156FB3">
            <w:r>
              <w:t xml:space="preserve">     * }</w:t>
            </w:r>
          </w:p>
          <w:p w:rsidR="00156FB3" w:rsidRDefault="00156FB3" w:rsidP="00156FB3">
            <w:r>
              <w:t xml:space="preserve">     *</w:t>
            </w:r>
          </w:p>
          <w:p w:rsidR="00156FB3" w:rsidRDefault="00156FB3" w:rsidP="00156FB3">
            <w:r>
              <w:t xml:space="preserve">     * function customizer(objValue, srcValue) {</w:t>
            </w:r>
          </w:p>
          <w:p w:rsidR="00156FB3" w:rsidRDefault="00156FB3" w:rsidP="00156FB3">
            <w:r>
              <w:t xml:space="preserve">     *   if (isGreeting(objValue) &amp;&amp; isGreeting(srcValue)) {</w:t>
            </w:r>
          </w:p>
          <w:p w:rsidR="00156FB3" w:rsidRDefault="00156FB3" w:rsidP="00156FB3">
            <w:r>
              <w:t xml:space="preserve">     *     return true;</w:t>
            </w:r>
          </w:p>
          <w:p w:rsidR="00156FB3" w:rsidRDefault="00156FB3" w:rsidP="00156FB3">
            <w:r>
              <w:t xml:space="preserve">     *   }</w:t>
            </w:r>
          </w:p>
          <w:p w:rsidR="00156FB3" w:rsidRDefault="00156FB3" w:rsidP="00156FB3">
            <w:r>
              <w:t xml:space="preserve">     * }</w:t>
            </w:r>
          </w:p>
          <w:p w:rsidR="00156FB3" w:rsidRDefault="00156FB3" w:rsidP="00156FB3">
            <w:r>
              <w:t xml:space="preserve">     *</w:t>
            </w:r>
          </w:p>
          <w:p w:rsidR="00156FB3" w:rsidRDefault="00156FB3" w:rsidP="00156FB3">
            <w:r>
              <w:t xml:space="preserve">     * var object = { 'greeting': 'hello' };</w:t>
            </w:r>
          </w:p>
          <w:p w:rsidR="00156FB3" w:rsidRDefault="00156FB3" w:rsidP="00156FB3">
            <w:r>
              <w:t xml:space="preserve">     * var source = { 'greeting': 'hi' };</w:t>
            </w:r>
          </w:p>
          <w:p w:rsidR="00156FB3" w:rsidRDefault="00156FB3" w:rsidP="00156FB3">
            <w:r>
              <w:t xml:space="preserve">     *</w:t>
            </w:r>
          </w:p>
          <w:p w:rsidR="00156FB3" w:rsidRDefault="00156FB3" w:rsidP="00156FB3">
            <w:r>
              <w:t xml:space="preserve">     * _.isMatchWith(object, source, customizer);</w:t>
            </w:r>
          </w:p>
          <w:p w:rsidR="00156FB3" w:rsidRDefault="00156FB3" w:rsidP="00156FB3">
            <w:r>
              <w:t xml:space="preserve">     * // =&gt; true</w:t>
            </w:r>
          </w:p>
          <w:p w:rsidR="00156FB3" w:rsidRDefault="00156FB3" w:rsidP="00156FB3">
            <w:r>
              <w:t xml:space="preserve">     */</w:t>
            </w:r>
          </w:p>
          <w:p w:rsidR="00156FB3" w:rsidRDefault="00156FB3" w:rsidP="00156FB3">
            <w:r>
              <w:t xml:space="preserve">    function isMatchWith(object, source, customizer) {</w:t>
            </w:r>
          </w:p>
          <w:p w:rsidR="00156FB3" w:rsidRDefault="00156FB3" w:rsidP="00156FB3">
            <w:r>
              <w:t xml:space="preserve">      customizer = typeof customizer == 'function' ? customizer : undefined;</w:t>
            </w:r>
          </w:p>
          <w:p w:rsidR="00156FB3" w:rsidRDefault="00156FB3" w:rsidP="00156FB3">
            <w:r>
              <w:t xml:space="preserve">      return baseIsMatch(object, source, getMatchData(source), customiz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NaN`.</w:t>
            </w:r>
          </w:p>
          <w:p w:rsidR="00156FB3" w:rsidRDefault="00156FB3" w:rsidP="00156FB3">
            <w:r>
              <w:t xml:space="preserve">     *</w:t>
            </w:r>
          </w:p>
          <w:p w:rsidR="00156FB3" w:rsidRDefault="00156FB3" w:rsidP="00156FB3">
            <w:r>
              <w:t xml:space="preserve">     * **Note:** This method is based on</w:t>
            </w:r>
          </w:p>
          <w:p w:rsidR="00156FB3" w:rsidRDefault="00156FB3" w:rsidP="00156FB3">
            <w:r>
              <w:t xml:space="preserve">     * [`Number.isNaN`](https://mdn.io/Number/isNaN) and is not the same as</w:t>
            </w:r>
          </w:p>
          <w:p w:rsidR="00156FB3" w:rsidRDefault="00156FB3" w:rsidP="00156FB3">
            <w:r>
              <w:t xml:space="preserve">     * global [`isNaN`](https://mdn.io/isNaN) which returns `true` for</w:t>
            </w:r>
          </w:p>
          <w:p w:rsidR="00156FB3" w:rsidRDefault="00156FB3" w:rsidP="00156FB3">
            <w:r>
              <w:t xml:space="preserve">     * `undefined` and other non-number value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NaN`,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NaN(NaN);</w:t>
            </w:r>
          </w:p>
          <w:p w:rsidR="00156FB3" w:rsidRDefault="00156FB3" w:rsidP="00156FB3">
            <w:r>
              <w:t xml:space="preserve">     * // =&gt; true</w:t>
            </w:r>
          </w:p>
          <w:p w:rsidR="00156FB3" w:rsidRDefault="00156FB3" w:rsidP="00156FB3">
            <w:r>
              <w:t xml:space="preserve">     *</w:t>
            </w:r>
          </w:p>
          <w:p w:rsidR="00156FB3" w:rsidRDefault="00156FB3" w:rsidP="00156FB3">
            <w:r>
              <w:lastRenderedPageBreak/>
              <w:t xml:space="preserve">     * _.isNaN(new Number(NaN));</w:t>
            </w:r>
          </w:p>
          <w:p w:rsidR="00156FB3" w:rsidRDefault="00156FB3" w:rsidP="00156FB3">
            <w:r>
              <w:t xml:space="preserve">     * // =&gt; true</w:t>
            </w:r>
          </w:p>
          <w:p w:rsidR="00156FB3" w:rsidRDefault="00156FB3" w:rsidP="00156FB3">
            <w:r>
              <w:t xml:space="preserve">     *</w:t>
            </w:r>
          </w:p>
          <w:p w:rsidR="00156FB3" w:rsidRDefault="00156FB3" w:rsidP="00156FB3">
            <w:r>
              <w:t xml:space="preserve">     * isNaN(undefined);</w:t>
            </w:r>
          </w:p>
          <w:p w:rsidR="00156FB3" w:rsidRDefault="00156FB3" w:rsidP="00156FB3">
            <w:r>
              <w:t xml:space="preserve">     * // =&gt; true</w:t>
            </w:r>
          </w:p>
          <w:p w:rsidR="00156FB3" w:rsidRDefault="00156FB3" w:rsidP="00156FB3">
            <w:r>
              <w:t xml:space="preserve">     *</w:t>
            </w:r>
          </w:p>
          <w:p w:rsidR="00156FB3" w:rsidRDefault="00156FB3" w:rsidP="00156FB3">
            <w:r>
              <w:t xml:space="preserve">     * _.isNaN(undefined);</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NaN(value) {</w:t>
            </w:r>
          </w:p>
          <w:p w:rsidR="00156FB3" w:rsidRDefault="00156FB3" w:rsidP="00156FB3">
            <w:r>
              <w:t xml:space="preserve">      // An `NaN` primitive is the only value that is not equal to itself.</w:t>
            </w:r>
          </w:p>
          <w:p w:rsidR="00156FB3" w:rsidRDefault="00156FB3" w:rsidP="00156FB3">
            <w:r>
              <w:t xml:space="preserve">      // Perform the `toStringTag` check first to avoid errors with some</w:t>
            </w:r>
          </w:p>
          <w:p w:rsidR="00156FB3" w:rsidRDefault="00156FB3" w:rsidP="00156FB3">
            <w:r>
              <w:t xml:space="preserve">      // ActiveX objects in IE.</w:t>
            </w:r>
          </w:p>
          <w:p w:rsidR="00156FB3" w:rsidRDefault="00156FB3" w:rsidP="00156FB3">
            <w:r>
              <w:t xml:space="preserve">      return isNumber(value) &amp;&amp; value != +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a pristine native function.</w:t>
            </w:r>
          </w:p>
          <w:p w:rsidR="00156FB3" w:rsidRDefault="00156FB3" w:rsidP="00156FB3">
            <w:r>
              <w:t xml:space="preserve">     *</w:t>
            </w:r>
          </w:p>
          <w:p w:rsidR="00156FB3" w:rsidRDefault="00156FB3" w:rsidP="00156FB3">
            <w:r>
              <w:t xml:space="preserve">     * **Note:** This method can't reliably detect native functions in the presence</w:t>
            </w:r>
          </w:p>
          <w:p w:rsidR="00156FB3" w:rsidRDefault="00156FB3" w:rsidP="00156FB3">
            <w:r>
              <w:t xml:space="preserve">     * of the core-js package because core-js circumvents this kind of detection.</w:t>
            </w:r>
          </w:p>
          <w:p w:rsidR="00156FB3" w:rsidRDefault="00156FB3" w:rsidP="00156FB3">
            <w:r>
              <w:t xml:space="preserve">     * Despite multiple requests, the core-js maintainer has made it clear: any</w:t>
            </w:r>
          </w:p>
          <w:p w:rsidR="00156FB3" w:rsidRDefault="00156FB3" w:rsidP="00156FB3">
            <w:r>
              <w:t xml:space="preserve">     * attempt to fix the detection will be obstructed. As a result, we're left</w:t>
            </w:r>
          </w:p>
          <w:p w:rsidR="00156FB3" w:rsidRDefault="00156FB3" w:rsidP="00156FB3">
            <w:r>
              <w:t xml:space="preserve">     * with little choice but to throw an error. Unfortunately, this also affects</w:t>
            </w:r>
          </w:p>
          <w:p w:rsidR="00156FB3" w:rsidRDefault="00156FB3" w:rsidP="00156FB3">
            <w:r>
              <w:t xml:space="preserve">     * packages, like [babel-polyfill](https://www.npmjs.com/package/babel-polyfill),</w:t>
            </w:r>
          </w:p>
          <w:p w:rsidR="00156FB3" w:rsidRDefault="00156FB3" w:rsidP="00156FB3">
            <w:r>
              <w:t xml:space="preserve">     * which rely on core-j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 native function,</w:t>
            </w:r>
          </w:p>
          <w:p w:rsidR="00156FB3" w:rsidRDefault="00156FB3" w:rsidP="00156FB3">
            <w:r>
              <w:t xml:space="preserve">     *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Native(Array.prototype.push);</w:t>
            </w:r>
          </w:p>
          <w:p w:rsidR="00156FB3" w:rsidRDefault="00156FB3" w:rsidP="00156FB3">
            <w:r>
              <w:t xml:space="preserve">     * // =&gt; true</w:t>
            </w:r>
          </w:p>
          <w:p w:rsidR="00156FB3" w:rsidRDefault="00156FB3" w:rsidP="00156FB3">
            <w:r>
              <w:t xml:space="preserve">     *</w:t>
            </w:r>
          </w:p>
          <w:p w:rsidR="00156FB3" w:rsidRDefault="00156FB3" w:rsidP="00156FB3">
            <w:r>
              <w:t xml:space="preserve">     * _.isNative(_);</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Native(value) {</w:t>
            </w:r>
          </w:p>
          <w:p w:rsidR="00156FB3" w:rsidRDefault="00156FB3" w:rsidP="00156FB3">
            <w:r>
              <w:t xml:space="preserve">      if (isMaskable(value)) {</w:t>
            </w:r>
          </w:p>
          <w:p w:rsidR="00156FB3" w:rsidRDefault="00156FB3" w:rsidP="00156FB3">
            <w:r>
              <w:t xml:space="preserve">        throw new Error(CORE_ERROR_TEXT);</w:t>
            </w:r>
          </w:p>
          <w:p w:rsidR="00156FB3" w:rsidRDefault="00156FB3" w:rsidP="00156FB3">
            <w:r>
              <w:t xml:space="preserve">      }</w:t>
            </w:r>
          </w:p>
          <w:p w:rsidR="00156FB3" w:rsidRDefault="00156FB3" w:rsidP="00156FB3">
            <w:r>
              <w:t xml:space="preserve">      return baseIsNative(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null`.</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null`,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Null(null);</w:t>
            </w:r>
          </w:p>
          <w:p w:rsidR="00156FB3" w:rsidRDefault="00156FB3" w:rsidP="00156FB3">
            <w:r>
              <w:t xml:space="preserve">     * // =&gt; true</w:t>
            </w:r>
          </w:p>
          <w:p w:rsidR="00156FB3" w:rsidRDefault="00156FB3" w:rsidP="00156FB3">
            <w:r>
              <w:t xml:space="preserve">     *</w:t>
            </w:r>
          </w:p>
          <w:p w:rsidR="00156FB3" w:rsidRDefault="00156FB3" w:rsidP="00156FB3">
            <w:r>
              <w:t xml:space="preserve">     * _.isNull(void 0);</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Null(value) {</w:t>
            </w:r>
          </w:p>
          <w:p w:rsidR="00156FB3" w:rsidRDefault="00156FB3" w:rsidP="00156FB3">
            <w:r>
              <w:t xml:space="preserve">      return value === null;</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null` or `undefined`.</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nullish,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Nil(null);</w:t>
            </w:r>
          </w:p>
          <w:p w:rsidR="00156FB3" w:rsidRDefault="00156FB3" w:rsidP="00156FB3">
            <w:r>
              <w:t xml:space="preserve">     * // =&gt; true</w:t>
            </w:r>
          </w:p>
          <w:p w:rsidR="00156FB3" w:rsidRDefault="00156FB3" w:rsidP="00156FB3">
            <w:r>
              <w:t xml:space="preserve">     *</w:t>
            </w:r>
          </w:p>
          <w:p w:rsidR="00156FB3" w:rsidRDefault="00156FB3" w:rsidP="00156FB3">
            <w:r>
              <w:t xml:space="preserve">     * _.isNil(void 0);</w:t>
            </w:r>
          </w:p>
          <w:p w:rsidR="00156FB3" w:rsidRDefault="00156FB3" w:rsidP="00156FB3">
            <w:r>
              <w:t xml:space="preserve">     * // =&gt; true</w:t>
            </w:r>
          </w:p>
          <w:p w:rsidR="00156FB3" w:rsidRDefault="00156FB3" w:rsidP="00156FB3">
            <w:r>
              <w:t xml:space="preserve">     *</w:t>
            </w:r>
          </w:p>
          <w:p w:rsidR="00156FB3" w:rsidRDefault="00156FB3" w:rsidP="00156FB3">
            <w:r>
              <w:t xml:space="preserve">     * _.isNil(NaN);</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Nil(value) {</w:t>
            </w:r>
          </w:p>
          <w:p w:rsidR="00156FB3" w:rsidRDefault="00156FB3" w:rsidP="00156FB3">
            <w:r>
              <w:t xml:space="preserve">      return value == null;</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classified as a `Number` primitive or object.</w:t>
            </w:r>
          </w:p>
          <w:p w:rsidR="00156FB3" w:rsidRDefault="00156FB3" w:rsidP="00156FB3">
            <w:r>
              <w:lastRenderedPageBreak/>
              <w:t xml:space="preserve">     *</w:t>
            </w:r>
          </w:p>
          <w:p w:rsidR="00156FB3" w:rsidRDefault="00156FB3" w:rsidP="00156FB3">
            <w:r>
              <w:t xml:space="preserve">     * **Note:** To exclude `Infinity`, `-Infinity`, and `NaN`, which are</w:t>
            </w:r>
          </w:p>
          <w:p w:rsidR="00156FB3" w:rsidRDefault="00156FB3" w:rsidP="00156FB3">
            <w:r>
              <w:t xml:space="preserve">     * classified as numbers, use the `_.isFinite` method.</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 number,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Number(3);</w:t>
            </w:r>
          </w:p>
          <w:p w:rsidR="00156FB3" w:rsidRDefault="00156FB3" w:rsidP="00156FB3">
            <w:r>
              <w:t xml:space="preserve">     * // =&gt; true</w:t>
            </w:r>
          </w:p>
          <w:p w:rsidR="00156FB3" w:rsidRDefault="00156FB3" w:rsidP="00156FB3">
            <w:r>
              <w:t xml:space="preserve">     *</w:t>
            </w:r>
          </w:p>
          <w:p w:rsidR="00156FB3" w:rsidRDefault="00156FB3" w:rsidP="00156FB3">
            <w:r>
              <w:t xml:space="preserve">     * _.isNumber(Number.MIN_VALUE);</w:t>
            </w:r>
          </w:p>
          <w:p w:rsidR="00156FB3" w:rsidRDefault="00156FB3" w:rsidP="00156FB3">
            <w:r>
              <w:t xml:space="preserve">     * // =&gt; true</w:t>
            </w:r>
          </w:p>
          <w:p w:rsidR="00156FB3" w:rsidRDefault="00156FB3" w:rsidP="00156FB3">
            <w:r>
              <w:t xml:space="preserve">     *</w:t>
            </w:r>
          </w:p>
          <w:p w:rsidR="00156FB3" w:rsidRDefault="00156FB3" w:rsidP="00156FB3">
            <w:r>
              <w:t xml:space="preserve">     * _.isNumber(Infinity);</w:t>
            </w:r>
          </w:p>
          <w:p w:rsidR="00156FB3" w:rsidRDefault="00156FB3" w:rsidP="00156FB3">
            <w:r>
              <w:t xml:space="preserve">     * // =&gt; true</w:t>
            </w:r>
          </w:p>
          <w:p w:rsidR="00156FB3" w:rsidRDefault="00156FB3" w:rsidP="00156FB3">
            <w:r>
              <w:t xml:space="preserve">     *</w:t>
            </w:r>
          </w:p>
          <w:p w:rsidR="00156FB3" w:rsidRDefault="00156FB3" w:rsidP="00156FB3">
            <w:r>
              <w:t xml:space="preserve">     * _.isNumber('3');</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Number(value) {</w:t>
            </w:r>
          </w:p>
          <w:p w:rsidR="00156FB3" w:rsidRDefault="00156FB3" w:rsidP="00156FB3">
            <w:r>
              <w:t xml:space="preserve">      return typeof value == 'number' ||</w:t>
            </w:r>
          </w:p>
          <w:p w:rsidR="00156FB3" w:rsidRDefault="00156FB3" w:rsidP="00156FB3">
            <w:r>
              <w:t xml:space="preserve">        (isObjectLike(value) &amp;&amp; baseGetTag(value) == numberTa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a plain object, that is, an object created by the</w:t>
            </w:r>
          </w:p>
          <w:p w:rsidR="00156FB3" w:rsidRDefault="00156FB3" w:rsidP="00156FB3">
            <w:r>
              <w:t xml:space="preserve">     * `Object` constructor or one with a `[[Prototype]]` of `null`.</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8.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 plain object,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function Foo() {</w:t>
            </w:r>
          </w:p>
          <w:p w:rsidR="00156FB3" w:rsidRDefault="00156FB3" w:rsidP="00156FB3">
            <w:r>
              <w:t xml:space="preserve">     *   this.a = 1;</w:t>
            </w:r>
          </w:p>
          <w:p w:rsidR="00156FB3" w:rsidRDefault="00156FB3" w:rsidP="00156FB3">
            <w:r>
              <w:t xml:space="preserve">     * }</w:t>
            </w:r>
          </w:p>
          <w:p w:rsidR="00156FB3" w:rsidRDefault="00156FB3" w:rsidP="00156FB3">
            <w:r>
              <w:t xml:space="preserve">     *</w:t>
            </w:r>
          </w:p>
          <w:p w:rsidR="00156FB3" w:rsidRDefault="00156FB3" w:rsidP="00156FB3">
            <w:r>
              <w:t xml:space="preserve">     * _.isPlainObject(new Foo);</w:t>
            </w:r>
          </w:p>
          <w:p w:rsidR="00156FB3" w:rsidRDefault="00156FB3" w:rsidP="00156FB3">
            <w:r>
              <w:t xml:space="preserve">     * // =&gt; false</w:t>
            </w:r>
          </w:p>
          <w:p w:rsidR="00156FB3" w:rsidRDefault="00156FB3" w:rsidP="00156FB3">
            <w:r>
              <w:t xml:space="preserve">     *</w:t>
            </w:r>
          </w:p>
          <w:p w:rsidR="00156FB3" w:rsidRDefault="00156FB3" w:rsidP="00156FB3">
            <w:r>
              <w:lastRenderedPageBreak/>
              <w:t xml:space="preserve">     * _.isPlainObject([1, 2, 3]);</w:t>
            </w:r>
          </w:p>
          <w:p w:rsidR="00156FB3" w:rsidRDefault="00156FB3" w:rsidP="00156FB3">
            <w:r>
              <w:t xml:space="preserve">     * // =&gt; false</w:t>
            </w:r>
          </w:p>
          <w:p w:rsidR="00156FB3" w:rsidRDefault="00156FB3" w:rsidP="00156FB3">
            <w:r>
              <w:t xml:space="preserve">     *</w:t>
            </w:r>
          </w:p>
          <w:p w:rsidR="00156FB3" w:rsidRDefault="00156FB3" w:rsidP="00156FB3">
            <w:r>
              <w:t xml:space="preserve">     * _.isPlainObject({ 'x': 0, 'y': 0 });</w:t>
            </w:r>
          </w:p>
          <w:p w:rsidR="00156FB3" w:rsidRDefault="00156FB3" w:rsidP="00156FB3">
            <w:r>
              <w:t xml:space="preserve">     * // =&gt; true</w:t>
            </w:r>
          </w:p>
          <w:p w:rsidR="00156FB3" w:rsidRDefault="00156FB3" w:rsidP="00156FB3">
            <w:r>
              <w:t xml:space="preserve">     *</w:t>
            </w:r>
          </w:p>
          <w:p w:rsidR="00156FB3" w:rsidRDefault="00156FB3" w:rsidP="00156FB3">
            <w:r>
              <w:t xml:space="preserve">     * _.isPlainObject(Object.create(null));</w:t>
            </w:r>
          </w:p>
          <w:p w:rsidR="00156FB3" w:rsidRDefault="00156FB3" w:rsidP="00156FB3">
            <w:r>
              <w:t xml:space="preserve">     * // =&gt; true</w:t>
            </w:r>
          </w:p>
          <w:p w:rsidR="00156FB3" w:rsidRDefault="00156FB3" w:rsidP="00156FB3">
            <w:r>
              <w:t xml:space="preserve">     */</w:t>
            </w:r>
          </w:p>
          <w:p w:rsidR="00156FB3" w:rsidRDefault="00156FB3" w:rsidP="00156FB3">
            <w:r>
              <w:t xml:space="preserve">    function isPlainObject(value) {</w:t>
            </w:r>
          </w:p>
          <w:p w:rsidR="00156FB3" w:rsidRDefault="00156FB3" w:rsidP="00156FB3">
            <w:r>
              <w:t xml:space="preserve">      if (!isObjectLike(value) || baseGetTag(value) != objectTag) {</w:t>
            </w:r>
          </w:p>
          <w:p w:rsidR="00156FB3" w:rsidRDefault="00156FB3" w:rsidP="00156FB3">
            <w:r>
              <w:t xml:space="preserve">        return false;</w:t>
            </w:r>
          </w:p>
          <w:p w:rsidR="00156FB3" w:rsidRDefault="00156FB3" w:rsidP="00156FB3">
            <w:r>
              <w:t xml:space="preserve">      }</w:t>
            </w:r>
          </w:p>
          <w:p w:rsidR="00156FB3" w:rsidRDefault="00156FB3" w:rsidP="00156FB3">
            <w:r>
              <w:t xml:space="preserve">      var proto = getPrototype(value);</w:t>
            </w:r>
          </w:p>
          <w:p w:rsidR="00156FB3" w:rsidRDefault="00156FB3" w:rsidP="00156FB3">
            <w:r>
              <w:t xml:space="preserve">      if (proto === null) {</w:t>
            </w:r>
          </w:p>
          <w:p w:rsidR="00156FB3" w:rsidRDefault="00156FB3" w:rsidP="00156FB3">
            <w:r>
              <w:t xml:space="preserve">        return true;</w:t>
            </w:r>
          </w:p>
          <w:p w:rsidR="00156FB3" w:rsidRDefault="00156FB3" w:rsidP="00156FB3">
            <w:r>
              <w:t xml:space="preserve">      }</w:t>
            </w:r>
          </w:p>
          <w:p w:rsidR="00156FB3" w:rsidRDefault="00156FB3" w:rsidP="00156FB3">
            <w:r>
              <w:t xml:space="preserve">      var Ctor = hasOwnProperty.call(proto, 'constructor') &amp;&amp; proto.constructor;</w:t>
            </w:r>
          </w:p>
          <w:p w:rsidR="00156FB3" w:rsidRDefault="00156FB3" w:rsidP="00156FB3">
            <w:r>
              <w:t xml:space="preserve">      return typeof Ctor == 'function' &amp;&amp; Ctor instanceof Ctor &amp;&amp;</w:t>
            </w:r>
          </w:p>
          <w:p w:rsidR="00156FB3" w:rsidRDefault="00156FB3" w:rsidP="00156FB3">
            <w:r>
              <w:t xml:space="preserve">        funcToString.call(Ctor) == objectCtorStrin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classified as a `RegExp`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 regexp,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RegExp(/abc/);</w:t>
            </w:r>
          </w:p>
          <w:p w:rsidR="00156FB3" w:rsidRDefault="00156FB3" w:rsidP="00156FB3">
            <w:r>
              <w:t xml:space="preserve">     * // =&gt; true</w:t>
            </w:r>
          </w:p>
          <w:p w:rsidR="00156FB3" w:rsidRDefault="00156FB3" w:rsidP="00156FB3">
            <w:r>
              <w:t xml:space="preserve">     *</w:t>
            </w:r>
          </w:p>
          <w:p w:rsidR="00156FB3" w:rsidRDefault="00156FB3" w:rsidP="00156FB3">
            <w:r>
              <w:t xml:space="preserve">     * _.isRegExp('/abc/');</w:t>
            </w:r>
          </w:p>
          <w:p w:rsidR="00156FB3" w:rsidRDefault="00156FB3" w:rsidP="00156FB3">
            <w:r>
              <w:t xml:space="preserve">     * // =&gt; false</w:t>
            </w:r>
          </w:p>
          <w:p w:rsidR="00156FB3" w:rsidRDefault="00156FB3" w:rsidP="00156FB3">
            <w:r>
              <w:t xml:space="preserve">     */</w:t>
            </w:r>
          </w:p>
          <w:p w:rsidR="00156FB3" w:rsidRDefault="00156FB3" w:rsidP="00156FB3">
            <w:r>
              <w:t xml:space="preserve">    var isRegExp = nodeIsRegExp ? baseUnary(nodeIsRegExp) : baseIsRegExp;</w:t>
            </w:r>
          </w:p>
          <w:p w:rsidR="00156FB3" w:rsidRDefault="00156FB3" w:rsidP="00156FB3"/>
          <w:p w:rsidR="00156FB3" w:rsidRDefault="00156FB3" w:rsidP="00156FB3">
            <w:r>
              <w:t xml:space="preserve">    /**</w:t>
            </w:r>
          </w:p>
          <w:p w:rsidR="00156FB3" w:rsidRDefault="00156FB3" w:rsidP="00156FB3">
            <w:r>
              <w:t xml:space="preserve">     * Checks if `value` is a safe integer. An integer is safe if it's an IEEE-754</w:t>
            </w:r>
          </w:p>
          <w:p w:rsidR="00156FB3" w:rsidRDefault="00156FB3" w:rsidP="00156FB3">
            <w:r>
              <w:t xml:space="preserve">     * double precision number which isn't the result of a rounded unsafe integer.</w:t>
            </w:r>
          </w:p>
          <w:p w:rsidR="00156FB3" w:rsidRDefault="00156FB3" w:rsidP="00156FB3">
            <w:r>
              <w:t xml:space="preserve">     *</w:t>
            </w:r>
          </w:p>
          <w:p w:rsidR="00156FB3" w:rsidRDefault="00156FB3" w:rsidP="00156FB3">
            <w:r>
              <w:t xml:space="preserve">     * **Note:** This method is based on</w:t>
            </w:r>
          </w:p>
          <w:p w:rsidR="00156FB3" w:rsidRDefault="00156FB3" w:rsidP="00156FB3">
            <w:r>
              <w:t xml:space="preserve">     * [`Number.isSafeInteger`](https://mdn.io/Number/isSafeInteger).</w:t>
            </w:r>
          </w:p>
          <w:p w:rsidR="00156FB3" w:rsidRDefault="00156FB3" w:rsidP="00156FB3">
            <w:r>
              <w:t xml:space="preserve">     *</w:t>
            </w:r>
          </w:p>
          <w:p w:rsidR="00156FB3" w:rsidRDefault="00156FB3" w:rsidP="00156FB3">
            <w:r>
              <w:lastRenderedPageBreak/>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 safe integer,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SafeInteger(3);</w:t>
            </w:r>
          </w:p>
          <w:p w:rsidR="00156FB3" w:rsidRDefault="00156FB3" w:rsidP="00156FB3">
            <w:r>
              <w:t xml:space="preserve">     * // =&gt; true</w:t>
            </w:r>
          </w:p>
          <w:p w:rsidR="00156FB3" w:rsidRDefault="00156FB3" w:rsidP="00156FB3">
            <w:r>
              <w:t xml:space="preserve">     *</w:t>
            </w:r>
          </w:p>
          <w:p w:rsidR="00156FB3" w:rsidRDefault="00156FB3" w:rsidP="00156FB3">
            <w:r>
              <w:t xml:space="preserve">     * _.isSafeInteger(Number.MIN_VALUE);</w:t>
            </w:r>
          </w:p>
          <w:p w:rsidR="00156FB3" w:rsidRDefault="00156FB3" w:rsidP="00156FB3">
            <w:r>
              <w:t xml:space="preserve">     * // =&gt; false</w:t>
            </w:r>
          </w:p>
          <w:p w:rsidR="00156FB3" w:rsidRDefault="00156FB3" w:rsidP="00156FB3">
            <w:r>
              <w:t xml:space="preserve">     *</w:t>
            </w:r>
          </w:p>
          <w:p w:rsidR="00156FB3" w:rsidRDefault="00156FB3" w:rsidP="00156FB3">
            <w:r>
              <w:t xml:space="preserve">     * _.isSafeInteger(Infinity);</w:t>
            </w:r>
          </w:p>
          <w:p w:rsidR="00156FB3" w:rsidRDefault="00156FB3" w:rsidP="00156FB3">
            <w:r>
              <w:t xml:space="preserve">     * // =&gt; false</w:t>
            </w:r>
          </w:p>
          <w:p w:rsidR="00156FB3" w:rsidRDefault="00156FB3" w:rsidP="00156FB3">
            <w:r>
              <w:t xml:space="preserve">     *</w:t>
            </w:r>
          </w:p>
          <w:p w:rsidR="00156FB3" w:rsidRDefault="00156FB3" w:rsidP="00156FB3">
            <w:r>
              <w:t xml:space="preserve">     * _.isSafeInteger('3');</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SafeInteger(value) {</w:t>
            </w:r>
          </w:p>
          <w:p w:rsidR="00156FB3" w:rsidRDefault="00156FB3" w:rsidP="00156FB3">
            <w:r>
              <w:t xml:space="preserve">      return isInteger(value) &amp;&amp; value &gt;= -MAX_SAFE_INTEGER &amp;&amp; value &lt;= MAX_SAFE_INTEG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classified as a `Set`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3.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 set,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Set(new Set);</w:t>
            </w:r>
          </w:p>
          <w:p w:rsidR="00156FB3" w:rsidRDefault="00156FB3" w:rsidP="00156FB3">
            <w:r>
              <w:t xml:space="preserve">     * // =&gt; true</w:t>
            </w:r>
          </w:p>
          <w:p w:rsidR="00156FB3" w:rsidRDefault="00156FB3" w:rsidP="00156FB3">
            <w:r>
              <w:t xml:space="preserve">     *</w:t>
            </w:r>
          </w:p>
          <w:p w:rsidR="00156FB3" w:rsidRDefault="00156FB3" w:rsidP="00156FB3">
            <w:r>
              <w:t xml:space="preserve">     * _.isSet(new WeakSet);</w:t>
            </w:r>
          </w:p>
          <w:p w:rsidR="00156FB3" w:rsidRDefault="00156FB3" w:rsidP="00156FB3">
            <w:r>
              <w:t xml:space="preserve">     * // =&gt; false</w:t>
            </w:r>
          </w:p>
          <w:p w:rsidR="00156FB3" w:rsidRDefault="00156FB3" w:rsidP="00156FB3">
            <w:r>
              <w:t xml:space="preserve">     */</w:t>
            </w:r>
          </w:p>
          <w:p w:rsidR="00156FB3" w:rsidRDefault="00156FB3" w:rsidP="00156FB3">
            <w:r>
              <w:t xml:space="preserve">    var isSet = nodeIsSet ? baseUnary(nodeIsSet) : baseIsSet;</w:t>
            </w:r>
          </w:p>
          <w:p w:rsidR="00156FB3" w:rsidRDefault="00156FB3" w:rsidP="00156FB3"/>
          <w:p w:rsidR="00156FB3" w:rsidRDefault="00156FB3" w:rsidP="00156FB3">
            <w:r>
              <w:t xml:space="preserve">    /**</w:t>
            </w:r>
          </w:p>
          <w:p w:rsidR="00156FB3" w:rsidRDefault="00156FB3" w:rsidP="00156FB3">
            <w:r>
              <w:t xml:space="preserve">     * Checks if `value` is classified as a `String` primitive or object.</w:t>
            </w:r>
          </w:p>
          <w:p w:rsidR="00156FB3" w:rsidRDefault="00156FB3" w:rsidP="00156FB3">
            <w:r>
              <w:t xml:space="preserve">     *</w:t>
            </w:r>
          </w:p>
          <w:p w:rsidR="00156FB3" w:rsidRDefault="00156FB3" w:rsidP="00156FB3">
            <w:r>
              <w:t xml:space="preserve">     * @static</w:t>
            </w:r>
          </w:p>
          <w:p w:rsidR="00156FB3" w:rsidRDefault="00156FB3" w:rsidP="00156FB3">
            <w:r>
              <w:t xml:space="preserve">     * @since 0.1.0</w:t>
            </w:r>
          </w:p>
          <w:p w:rsidR="00156FB3" w:rsidRDefault="00156FB3" w:rsidP="00156FB3">
            <w:r>
              <w:lastRenderedPageBreak/>
              <w:t xml:space="preserve">     * @memberOf _</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 string,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String('abc');</w:t>
            </w:r>
          </w:p>
          <w:p w:rsidR="00156FB3" w:rsidRDefault="00156FB3" w:rsidP="00156FB3">
            <w:r>
              <w:t xml:space="preserve">     * // =&gt; true</w:t>
            </w:r>
          </w:p>
          <w:p w:rsidR="00156FB3" w:rsidRDefault="00156FB3" w:rsidP="00156FB3">
            <w:r>
              <w:t xml:space="preserve">     *</w:t>
            </w:r>
          </w:p>
          <w:p w:rsidR="00156FB3" w:rsidRDefault="00156FB3" w:rsidP="00156FB3">
            <w:r>
              <w:t xml:space="preserve">     * _.isString(1);</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String(value) {</w:t>
            </w:r>
          </w:p>
          <w:p w:rsidR="00156FB3" w:rsidRDefault="00156FB3" w:rsidP="00156FB3">
            <w:r>
              <w:t xml:space="preserve">      return typeof value == 'string' ||</w:t>
            </w:r>
          </w:p>
          <w:p w:rsidR="00156FB3" w:rsidRDefault="00156FB3" w:rsidP="00156FB3">
            <w:r>
              <w:t xml:space="preserve">        (!isArray(value) &amp;&amp; isObjectLike(value) &amp;&amp; baseGetTag(value) == stringTa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classified as a `Symbol` primitive or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 symbol,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Symbol(Symbol.iterator);</w:t>
            </w:r>
          </w:p>
          <w:p w:rsidR="00156FB3" w:rsidRDefault="00156FB3" w:rsidP="00156FB3">
            <w:r>
              <w:t xml:space="preserve">     * // =&gt; true</w:t>
            </w:r>
          </w:p>
          <w:p w:rsidR="00156FB3" w:rsidRDefault="00156FB3" w:rsidP="00156FB3">
            <w:r>
              <w:t xml:space="preserve">     *</w:t>
            </w:r>
          </w:p>
          <w:p w:rsidR="00156FB3" w:rsidRDefault="00156FB3" w:rsidP="00156FB3">
            <w:r>
              <w:t xml:space="preserve">     * _.isSymbol('abc');</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Symbol(value) {</w:t>
            </w:r>
          </w:p>
          <w:p w:rsidR="00156FB3" w:rsidRDefault="00156FB3" w:rsidP="00156FB3">
            <w:r>
              <w:t xml:space="preserve">      return typeof value == 'symbol' ||</w:t>
            </w:r>
          </w:p>
          <w:p w:rsidR="00156FB3" w:rsidRDefault="00156FB3" w:rsidP="00156FB3">
            <w:r>
              <w:t xml:space="preserve">        (isObjectLike(value) &amp;&amp; baseGetTag(value) == symbolTa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classified as a typed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 typed array, else `false`.</w:t>
            </w:r>
          </w:p>
          <w:p w:rsidR="00156FB3" w:rsidRDefault="00156FB3" w:rsidP="00156FB3">
            <w:r>
              <w:lastRenderedPageBreak/>
              <w:t xml:space="preserve">     * @example</w:t>
            </w:r>
          </w:p>
          <w:p w:rsidR="00156FB3" w:rsidRDefault="00156FB3" w:rsidP="00156FB3">
            <w:r>
              <w:t xml:space="preserve">     *</w:t>
            </w:r>
          </w:p>
          <w:p w:rsidR="00156FB3" w:rsidRDefault="00156FB3" w:rsidP="00156FB3">
            <w:r>
              <w:t xml:space="preserve">     * _.isTypedArray(new Uint8Array);</w:t>
            </w:r>
          </w:p>
          <w:p w:rsidR="00156FB3" w:rsidRDefault="00156FB3" w:rsidP="00156FB3">
            <w:r>
              <w:t xml:space="preserve">     * // =&gt; true</w:t>
            </w:r>
          </w:p>
          <w:p w:rsidR="00156FB3" w:rsidRDefault="00156FB3" w:rsidP="00156FB3">
            <w:r>
              <w:t xml:space="preserve">     *</w:t>
            </w:r>
          </w:p>
          <w:p w:rsidR="00156FB3" w:rsidRDefault="00156FB3" w:rsidP="00156FB3">
            <w:r>
              <w:t xml:space="preserve">     * _.isTypedArray([]);</w:t>
            </w:r>
          </w:p>
          <w:p w:rsidR="00156FB3" w:rsidRDefault="00156FB3" w:rsidP="00156FB3">
            <w:r>
              <w:t xml:space="preserve">     * // =&gt; false</w:t>
            </w:r>
          </w:p>
          <w:p w:rsidR="00156FB3" w:rsidRDefault="00156FB3" w:rsidP="00156FB3">
            <w:r>
              <w:t xml:space="preserve">     */</w:t>
            </w:r>
          </w:p>
          <w:p w:rsidR="00156FB3" w:rsidRDefault="00156FB3" w:rsidP="00156FB3">
            <w:r>
              <w:t xml:space="preserve">    var isTypedArray = nodeIsTypedArray ? baseUnary(nodeIsTypedArray) : baseIsTypedArray;</w:t>
            </w:r>
          </w:p>
          <w:p w:rsidR="00156FB3" w:rsidRDefault="00156FB3" w:rsidP="00156FB3"/>
          <w:p w:rsidR="00156FB3" w:rsidRDefault="00156FB3" w:rsidP="00156FB3">
            <w:r>
              <w:t xml:space="preserve">    /**</w:t>
            </w:r>
          </w:p>
          <w:p w:rsidR="00156FB3" w:rsidRDefault="00156FB3" w:rsidP="00156FB3">
            <w:r>
              <w:t xml:space="preserve">     * Checks if `value` is `undefined`.</w:t>
            </w:r>
          </w:p>
          <w:p w:rsidR="00156FB3" w:rsidRDefault="00156FB3" w:rsidP="00156FB3">
            <w:r>
              <w:t xml:space="preserve">     *</w:t>
            </w:r>
          </w:p>
          <w:p w:rsidR="00156FB3" w:rsidRDefault="00156FB3" w:rsidP="00156FB3">
            <w:r>
              <w:t xml:space="preserve">     * @static</w:t>
            </w:r>
          </w:p>
          <w:p w:rsidR="00156FB3" w:rsidRDefault="00156FB3" w:rsidP="00156FB3">
            <w:r>
              <w:t xml:space="preserve">     * @since 0.1.0</w:t>
            </w:r>
          </w:p>
          <w:p w:rsidR="00156FB3" w:rsidRDefault="00156FB3" w:rsidP="00156FB3">
            <w:r>
              <w:t xml:space="preserve">     * @memberOf _</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undefined`,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Undefined(void 0);</w:t>
            </w:r>
          </w:p>
          <w:p w:rsidR="00156FB3" w:rsidRDefault="00156FB3" w:rsidP="00156FB3">
            <w:r>
              <w:t xml:space="preserve">     * // =&gt; true</w:t>
            </w:r>
          </w:p>
          <w:p w:rsidR="00156FB3" w:rsidRDefault="00156FB3" w:rsidP="00156FB3">
            <w:r>
              <w:t xml:space="preserve">     *</w:t>
            </w:r>
          </w:p>
          <w:p w:rsidR="00156FB3" w:rsidRDefault="00156FB3" w:rsidP="00156FB3">
            <w:r>
              <w:t xml:space="preserve">     * _.isUndefined(null);</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Undefined(value) {</w:t>
            </w:r>
          </w:p>
          <w:p w:rsidR="00156FB3" w:rsidRDefault="00156FB3" w:rsidP="00156FB3">
            <w:r>
              <w:t xml:space="preserve">      return value === undefine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classified as a `WeakMap`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3.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 weak map,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WeakMap(new WeakMap);</w:t>
            </w:r>
          </w:p>
          <w:p w:rsidR="00156FB3" w:rsidRDefault="00156FB3" w:rsidP="00156FB3">
            <w:r>
              <w:t xml:space="preserve">     * // =&gt; true</w:t>
            </w:r>
          </w:p>
          <w:p w:rsidR="00156FB3" w:rsidRDefault="00156FB3" w:rsidP="00156FB3">
            <w:r>
              <w:t xml:space="preserve">     *</w:t>
            </w:r>
          </w:p>
          <w:p w:rsidR="00156FB3" w:rsidRDefault="00156FB3" w:rsidP="00156FB3">
            <w:r>
              <w:t xml:space="preserve">     * _.isWeakMap(new Map);</w:t>
            </w:r>
          </w:p>
          <w:p w:rsidR="00156FB3" w:rsidRDefault="00156FB3" w:rsidP="00156FB3">
            <w:r>
              <w:t xml:space="preserve">     * // =&gt; false</w:t>
            </w:r>
          </w:p>
          <w:p w:rsidR="00156FB3" w:rsidRDefault="00156FB3" w:rsidP="00156FB3">
            <w:r>
              <w:t xml:space="preserve">     */</w:t>
            </w:r>
          </w:p>
          <w:p w:rsidR="00156FB3" w:rsidRDefault="00156FB3" w:rsidP="00156FB3">
            <w:r>
              <w:lastRenderedPageBreak/>
              <w:t xml:space="preserve">    function isWeakMap(value) {</w:t>
            </w:r>
          </w:p>
          <w:p w:rsidR="00156FB3" w:rsidRDefault="00156FB3" w:rsidP="00156FB3">
            <w:r>
              <w:t xml:space="preserve">      return isObjectLike(value) &amp;&amp; getTag(value) == weakMapTa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classified as a `WeakSet`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3.0</w:t>
            </w:r>
          </w:p>
          <w:p w:rsidR="00156FB3" w:rsidRDefault="00156FB3" w:rsidP="00156FB3">
            <w:r>
              <w:t xml:space="preserve">     * @category Lang</w:t>
            </w:r>
          </w:p>
          <w:p w:rsidR="00156FB3" w:rsidRDefault="00156FB3" w:rsidP="00156FB3">
            <w:r>
              <w:t xml:space="preserve">     * @param {*} value The value to check.</w:t>
            </w:r>
          </w:p>
          <w:p w:rsidR="00156FB3" w:rsidRDefault="00156FB3" w:rsidP="00156FB3">
            <w:r>
              <w:t xml:space="preserve">     * @returns {boolean} Returns `true` if `value` is a weak set,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isWeakSet(new WeakSet);</w:t>
            </w:r>
          </w:p>
          <w:p w:rsidR="00156FB3" w:rsidRDefault="00156FB3" w:rsidP="00156FB3">
            <w:r>
              <w:t xml:space="preserve">     * // =&gt; true</w:t>
            </w:r>
          </w:p>
          <w:p w:rsidR="00156FB3" w:rsidRDefault="00156FB3" w:rsidP="00156FB3">
            <w:r>
              <w:t xml:space="preserve">     *</w:t>
            </w:r>
          </w:p>
          <w:p w:rsidR="00156FB3" w:rsidRDefault="00156FB3" w:rsidP="00156FB3">
            <w:r>
              <w:t xml:space="preserve">     * _.isWeakSet(new Set);</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isWeakSet(value) {</w:t>
            </w:r>
          </w:p>
          <w:p w:rsidR="00156FB3" w:rsidRDefault="00156FB3" w:rsidP="00156FB3">
            <w:r>
              <w:t xml:space="preserve">      return isObjectLike(value) &amp;&amp; baseGetTag(value) == weakSetTa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value` is less than `other`.</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9.0</w:t>
            </w:r>
          </w:p>
          <w:p w:rsidR="00156FB3" w:rsidRDefault="00156FB3" w:rsidP="00156FB3">
            <w:r>
              <w:t xml:space="preserve">     * @category Lang</w:t>
            </w:r>
          </w:p>
          <w:p w:rsidR="00156FB3" w:rsidRDefault="00156FB3" w:rsidP="00156FB3">
            <w:r>
              <w:t xml:space="preserve">     * @param {*} value The value to compare.</w:t>
            </w:r>
          </w:p>
          <w:p w:rsidR="00156FB3" w:rsidRDefault="00156FB3" w:rsidP="00156FB3">
            <w:r>
              <w:t xml:space="preserve">     * @param {*} other The other value to compare.</w:t>
            </w:r>
          </w:p>
          <w:p w:rsidR="00156FB3" w:rsidRDefault="00156FB3" w:rsidP="00156FB3">
            <w:r>
              <w:t xml:space="preserve">     * @returns {boolean} Returns `true` if `value` is less than `other`,</w:t>
            </w:r>
          </w:p>
          <w:p w:rsidR="00156FB3" w:rsidRDefault="00156FB3" w:rsidP="00156FB3">
            <w:r>
              <w:t xml:space="preserve">     *  else `false`.</w:t>
            </w:r>
          </w:p>
          <w:p w:rsidR="00156FB3" w:rsidRDefault="00156FB3" w:rsidP="00156FB3">
            <w:r>
              <w:t xml:space="preserve">     * @see _.gt</w:t>
            </w:r>
          </w:p>
          <w:p w:rsidR="00156FB3" w:rsidRDefault="00156FB3" w:rsidP="00156FB3">
            <w:r>
              <w:t xml:space="preserve">     * @example</w:t>
            </w:r>
          </w:p>
          <w:p w:rsidR="00156FB3" w:rsidRDefault="00156FB3" w:rsidP="00156FB3">
            <w:r>
              <w:t xml:space="preserve">     *</w:t>
            </w:r>
          </w:p>
          <w:p w:rsidR="00156FB3" w:rsidRDefault="00156FB3" w:rsidP="00156FB3">
            <w:r>
              <w:t xml:space="preserve">     * _.lt(1, 3);</w:t>
            </w:r>
          </w:p>
          <w:p w:rsidR="00156FB3" w:rsidRDefault="00156FB3" w:rsidP="00156FB3">
            <w:r>
              <w:t xml:space="preserve">     * // =&gt; true</w:t>
            </w:r>
          </w:p>
          <w:p w:rsidR="00156FB3" w:rsidRDefault="00156FB3" w:rsidP="00156FB3">
            <w:r>
              <w:t xml:space="preserve">     *</w:t>
            </w:r>
          </w:p>
          <w:p w:rsidR="00156FB3" w:rsidRDefault="00156FB3" w:rsidP="00156FB3">
            <w:r>
              <w:t xml:space="preserve">     * _.lt(3, 3);</w:t>
            </w:r>
          </w:p>
          <w:p w:rsidR="00156FB3" w:rsidRDefault="00156FB3" w:rsidP="00156FB3">
            <w:r>
              <w:t xml:space="preserve">     * // =&gt; false</w:t>
            </w:r>
          </w:p>
          <w:p w:rsidR="00156FB3" w:rsidRDefault="00156FB3" w:rsidP="00156FB3">
            <w:r>
              <w:t xml:space="preserve">     *</w:t>
            </w:r>
          </w:p>
          <w:p w:rsidR="00156FB3" w:rsidRDefault="00156FB3" w:rsidP="00156FB3">
            <w:r>
              <w:t xml:space="preserve">     * _.lt(3, 1);</w:t>
            </w:r>
          </w:p>
          <w:p w:rsidR="00156FB3" w:rsidRDefault="00156FB3" w:rsidP="00156FB3">
            <w:r>
              <w:t xml:space="preserve">     * // =&gt; false</w:t>
            </w:r>
          </w:p>
          <w:p w:rsidR="00156FB3" w:rsidRDefault="00156FB3" w:rsidP="00156FB3">
            <w:r>
              <w:t xml:space="preserve">     */</w:t>
            </w:r>
          </w:p>
          <w:p w:rsidR="00156FB3" w:rsidRDefault="00156FB3" w:rsidP="00156FB3">
            <w:r>
              <w:lastRenderedPageBreak/>
              <w:t xml:space="preserve">    var lt = createRelationalOperation(baseLt);</w:t>
            </w:r>
          </w:p>
          <w:p w:rsidR="00156FB3" w:rsidRDefault="00156FB3" w:rsidP="00156FB3"/>
          <w:p w:rsidR="00156FB3" w:rsidRDefault="00156FB3" w:rsidP="00156FB3">
            <w:r>
              <w:t xml:space="preserve">    /**</w:t>
            </w:r>
          </w:p>
          <w:p w:rsidR="00156FB3" w:rsidRDefault="00156FB3" w:rsidP="00156FB3">
            <w:r>
              <w:t xml:space="preserve">     * Checks if `value` is less than or equal to `other`.</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9.0</w:t>
            </w:r>
          </w:p>
          <w:p w:rsidR="00156FB3" w:rsidRDefault="00156FB3" w:rsidP="00156FB3">
            <w:r>
              <w:t xml:space="preserve">     * @category Lang</w:t>
            </w:r>
          </w:p>
          <w:p w:rsidR="00156FB3" w:rsidRDefault="00156FB3" w:rsidP="00156FB3">
            <w:r>
              <w:t xml:space="preserve">     * @param {*} value The value to compare.</w:t>
            </w:r>
          </w:p>
          <w:p w:rsidR="00156FB3" w:rsidRDefault="00156FB3" w:rsidP="00156FB3">
            <w:r>
              <w:t xml:space="preserve">     * @param {*} other The other value to compare.</w:t>
            </w:r>
          </w:p>
          <w:p w:rsidR="00156FB3" w:rsidRDefault="00156FB3" w:rsidP="00156FB3">
            <w:r>
              <w:t xml:space="preserve">     * @returns {boolean} Returns `true` if `value` is less than or equal to</w:t>
            </w:r>
          </w:p>
          <w:p w:rsidR="00156FB3" w:rsidRDefault="00156FB3" w:rsidP="00156FB3">
            <w:r>
              <w:t xml:space="preserve">     *  `other`, else `false`.</w:t>
            </w:r>
          </w:p>
          <w:p w:rsidR="00156FB3" w:rsidRDefault="00156FB3" w:rsidP="00156FB3">
            <w:r>
              <w:t xml:space="preserve">     * @see _.gte</w:t>
            </w:r>
          </w:p>
          <w:p w:rsidR="00156FB3" w:rsidRDefault="00156FB3" w:rsidP="00156FB3">
            <w:r>
              <w:t xml:space="preserve">     * @example</w:t>
            </w:r>
          </w:p>
          <w:p w:rsidR="00156FB3" w:rsidRDefault="00156FB3" w:rsidP="00156FB3">
            <w:r>
              <w:t xml:space="preserve">     *</w:t>
            </w:r>
          </w:p>
          <w:p w:rsidR="00156FB3" w:rsidRDefault="00156FB3" w:rsidP="00156FB3">
            <w:r>
              <w:t xml:space="preserve">     * _.lte(1, 3);</w:t>
            </w:r>
          </w:p>
          <w:p w:rsidR="00156FB3" w:rsidRDefault="00156FB3" w:rsidP="00156FB3">
            <w:r>
              <w:t xml:space="preserve">     * // =&gt; true</w:t>
            </w:r>
          </w:p>
          <w:p w:rsidR="00156FB3" w:rsidRDefault="00156FB3" w:rsidP="00156FB3">
            <w:r>
              <w:t xml:space="preserve">     *</w:t>
            </w:r>
          </w:p>
          <w:p w:rsidR="00156FB3" w:rsidRDefault="00156FB3" w:rsidP="00156FB3">
            <w:r>
              <w:t xml:space="preserve">     * _.lte(3, 3);</w:t>
            </w:r>
          </w:p>
          <w:p w:rsidR="00156FB3" w:rsidRDefault="00156FB3" w:rsidP="00156FB3">
            <w:r>
              <w:t xml:space="preserve">     * // =&gt; true</w:t>
            </w:r>
          </w:p>
          <w:p w:rsidR="00156FB3" w:rsidRDefault="00156FB3" w:rsidP="00156FB3">
            <w:r>
              <w:t xml:space="preserve">     *</w:t>
            </w:r>
          </w:p>
          <w:p w:rsidR="00156FB3" w:rsidRDefault="00156FB3" w:rsidP="00156FB3">
            <w:r>
              <w:t xml:space="preserve">     * _.lte(3, 1);</w:t>
            </w:r>
          </w:p>
          <w:p w:rsidR="00156FB3" w:rsidRDefault="00156FB3" w:rsidP="00156FB3">
            <w:r>
              <w:t xml:space="preserve">     * // =&gt; false</w:t>
            </w:r>
          </w:p>
          <w:p w:rsidR="00156FB3" w:rsidRDefault="00156FB3" w:rsidP="00156FB3">
            <w:r>
              <w:t xml:space="preserve">     */</w:t>
            </w:r>
          </w:p>
          <w:p w:rsidR="00156FB3" w:rsidRDefault="00156FB3" w:rsidP="00156FB3">
            <w:r>
              <w:t xml:space="preserve">    var lte = createRelationalOperation(function(value, other) {</w:t>
            </w:r>
          </w:p>
          <w:p w:rsidR="00156FB3" w:rsidRDefault="00156FB3" w:rsidP="00156FB3">
            <w:r>
              <w:t xml:space="preserve">      return value &lt;= oth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value` to an array.</w:t>
            </w:r>
          </w:p>
          <w:p w:rsidR="00156FB3" w:rsidRDefault="00156FB3" w:rsidP="00156FB3">
            <w:r>
              <w:t xml:space="preserve">     *</w:t>
            </w:r>
          </w:p>
          <w:p w:rsidR="00156FB3" w:rsidRDefault="00156FB3" w:rsidP="00156FB3">
            <w:r>
              <w:t xml:space="preserve">     * @static</w:t>
            </w:r>
          </w:p>
          <w:p w:rsidR="00156FB3" w:rsidRDefault="00156FB3" w:rsidP="00156FB3">
            <w:r>
              <w:t xml:space="preserve">     * @since 0.1.0</w:t>
            </w:r>
          </w:p>
          <w:p w:rsidR="00156FB3" w:rsidRDefault="00156FB3" w:rsidP="00156FB3">
            <w:r>
              <w:t xml:space="preserve">     * @memberOf _</w:t>
            </w:r>
          </w:p>
          <w:p w:rsidR="00156FB3" w:rsidRDefault="00156FB3" w:rsidP="00156FB3">
            <w:r>
              <w:t xml:space="preserve">     * @category Lang</w:t>
            </w:r>
          </w:p>
          <w:p w:rsidR="00156FB3" w:rsidRDefault="00156FB3" w:rsidP="00156FB3">
            <w:r>
              <w:t xml:space="preserve">     * @param {*} value The value to convert.</w:t>
            </w:r>
          </w:p>
          <w:p w:rsidR="00156FB3" w:rsidRDefault="00156FB3" w:rsidP="00156FB3">
            <w:r>
              <w:t xml:space="preserve">     * @returns {Array} Returns the converted array.</w:t>
            </w:r>
          </w:p>
          <w:p w:rsidR="00156FB3" w:rsidRDefault="00156FB3" w:rsidP="00156FB3">
            <w:r>
              <w:t xml:space="preserve">     * @example</w:t>
            </w:r>
          </w:p>
          <w:p w:rsidR="00156FB3" w:rsidRDefault="00156FB3" w:rsidP="00156FB3">
            <w:r>
              <w:t xml:space="preserve">     *</w:t>
            </w:r>
          </w:p>
          <w:p w:rsidR="00156FB3" w:rsidRDefault="00156FB3" w:rsidP="00156FB3">
            <w:r>
              <w:t xml:space="preserve">     * _.toArray({ 'a': 1, 'b': 2 });</w:t>
            </w:r>
          </w:p>
          <w:p w:rsidR="00156FB3" w:rsidRDefault="00156FB3" w:rsidP="00156FB3">
            <w:r>
              <w:t xml:space="preserve">     * // =&gt; [1, 2]</w:t>
            </w:r>
          </w:p>
          <w:p w:rsidR="00156FB3" w:rsidRDefault="00156FB3" w:rsidP="00156FB3">
            <w:r>
              <w:t xml:space="preserve">     *</w:t>
            </w:r>
          </w:p>
          <w:p w:rsidR="00156FB3" w:rsidRDefault="00156FB3" w:rsidP="00156FB3">
            <w:r>
              <w:t xml:space="preserve">     * _.toArray('abc');</w:t>
            </w:r>
          </w:p>
          <w:p w:rsidR="00156FB3" w:rsidRDefault="00156FB3" w:rsidP="00156FB3">
            <w:r>
              <w:t xml:space="preserve">     * // =&gt; ['a', 'b', 'c']</w:t>
            </w:r>
          </w:p>
          <w:p w:rsidR="00156FB3" w:rsidRDefault="00156FB3" w:rsidP="00156FB3">
            <w:r>
              <w:t xml:space="preserve">     *</w:t>
            </w:r>
          </w:p>
          <w:p w:rsidR="00156FB3" w:rsidRDefault="00156FB3" w:rsidP="00156FB3">
            <w:r>
              <w:t xml:space="preserve">     * _.toArray(1);</w:t>
            </w:r>
          </w:p>
          <w:p w:rsidR="00156FB3" w:rsidRDefault="00156FB3" w:rsidP="00156FB3">
            <w:r>
              <w:t xml:space="preserve">     * // =&gt; []</w:t>
            </w:r>
          </w:p>
          <w:p w:rsidR="00156FB3" w:rsidRDefault="00156FB3" w:rsidP="00156FB3">
            <w:r>
              <w:lastRenderedPageBreak/>
              <w:t xml:space="preserve">     *</w:t>
            </w:r>
          </w:p>
          <w:p w:rsidR="00156FB3" w:rsidRDefault="00156FB3" w:rsidP="00156FB3">
            <w:r>
              <w:t xml:space="preserve">     * _.toArray(null);</w:t>
            </w:r>
          </w:p>
          <w:p w:rsidR="00156FB3" w:rsidRDefault="00156FB3" w:rsidP="00156FB3">
            <w:r>
              <w:t xml:space="preserve">     * // =&gt; []</w:t>
            </w:r>
          </w:p>
          <w:p w:rsidR="00156FB3" w:rsidRDefault="00156FB3" w:rsidP="00156FB3">
            <w:r>
              <w:t xml:space="preserve">     */</w:t>
            </w:r>
          </w:p>
          <w:p w:rsidR="00156FB3" w:rsidRDefault="00156FB3" w:rsidP="00156FB3">
            <w:r>
              <w:t xml:space="preserve">    function toArray(value) {</w:t>
            </w:r>
          </w:p>
          <w:p w:rsidR="00156FB3" w:rsidRDefault="00156FB3" w:rsidP="00156FB3">
            <w:r>
              <w:t xml:space="preserve">      if (!value) {</w:t>
            </w:r>
          </w:p>
          <w:p w:rsidR="00156FB3" w:rsidRDefault="00156FB3" w:rsidP="00156FB3">
            <w:r>
              <w:t xml:space="preserve">        return [];</w:t>
            </w:r>
          </w:p>
          <w:p w:rsidR="00156FB3" w:rsidRDefault="00156FB3" w:rsidP="00156FB3">
            <w:r>
              <w:t xml:space="preserve">      }</w:t>
            </w:r>
          </w:p>
          <w:p w:rsidR="00156FB3" w:rsidRDefault="00156FB3" w:rsidP="00156FB3">
            <w:r>
              <w:t xml:space="preserve">      if (isArrayLike(value)) {</w:t>
            </w:r>
          </w:p>
          <w:p w:rsidR="00156FB3" w:rsidRDefault="00156FB3" w:rsidP="00156FB3">
            <w:r>
              <w:t xml:space="preserve">        return isString(value) ? stringToArray(value) : copyArray(value);</w:t>
            </w:r>
          </w:p>
          <w:p w:rsidR="00156FB3" w:rsidRDefault="00156FB3" w:rsidP="00156FB3">
            <w:r>
              <w:t xml:space="preserve">      }</w:t>
            </w:r>
          </w:p>
          <w:p w:rsidR="00156FB3" w:rsidRDefault="00156FB3" w:rsidP="00156FB3">
            <w:r>
              <w:t xml:space="preserve">      if (symIterator &amp;&amp; value[symIterator]) {</w:t>
            </w:r>
          </w:p>
          <w:p w:rsidR="00156FB3" w:rsidRDefault="00156FB3" w:rsidP="00156FB3">
            <w:r>
              <w:t xml:space="preserve">        return iteratorToArray(value[symIterator]());</w:t>
            </w:r>
          </w:p>
          <w:p w:rsidR="00156FB3" w:rsidRDefault="00156FB3" w:rsidP="00156FB3">
            <w:r>
              <w:t xml:space="preserve">      }</w:t>
            </w:r>
          </w:p>
          <w:p w:rsidR="00156FB3" w:rsidRDefault="00156FB3" w:rsidP="00156FB3">
            <w:r>
              <w:t xml:space="preserve">      var tag = getTag(value),</w:t>
            </w:r>
          </w:p>
          <w:p w:rsidR="00156FB3" w:rsidRDefault="00156FB3" w:rsidP="00156FB3">
            <w:r>
              <w:t xml:space="preserve">          func = tag == mapTag ? mapToArray : (tag == setTag ? setToArray : values);</w:t>
            </w:r>
          </w:p>
          <w:p w:rsidR="00156FB3" w:rsidRDefault="00156FB3" w:rsidP="00156FB3"/>
          <w:p w:rsidR="00156FB3" w:rsidRDefault="00156FB3" w:rsidP="00156FB3">
            <w:r>
              <w:t xml:space="preserve">      return func(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value` to a finite number.</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12.0</w:t>
            </w:r>
          </w:p>
          <w:p w:rsidR="00156FB3" w:rsidRDefault="00156FB3" w:rsidP="00156FB3">
            <w:r>
              <w:t xml:space="preserve">     * @category Lang</w:t>
            </w:r>
          </w:p>
          <w:p w:rsidR="00156FB3" w:rsidRDefault="00156FB3" w:rsidP="00156FB3">
            <w:r>
              <w:t xml:space="preserve">     * @param {*} value The value to convert.</w:t>
            </w:r>
          </w:p>
          <w:p w:rsidR="00156FB3" w:rsidRDefault="00156FB3" w:rsidP="00156FB3">
            <w:r>
              <w:t xml:space="preserve">     * @returns {number} Returns the converted number.</w:t>
            </w:r>
          </w:p>
          <w:p w:rsidR="00156FB3" w:rsidRDefault="00156FB3" w:rsidP="00156FB3">
            <w:r>
              <w:t xml:space="preserve">     * @example</w:t>
            </w:r>
          </w:p>
          <w:p w:rsidR="00156FB3" w:rsidRDefault="00156FB3" w:rsidP="00156FB3">
            <w:r>
              <w:t xml:space="preserve">     *</w:t>
            </w:r>
          </w:p>
          <w:p w:rsidR="00156FB3" w:rsidRDefault="00156FB3" w:rsidP="00156FB3">
            <w:r>
              <w:t xml:space="preserve">     * _.toFinite(3.2);</w:t>
            </w:r>
          </w:p>
          <w:p w:rsidR="00156FB3" w:rsidRDefault="00156FB3" w:rsidP="00156FB3">
            <w:r>
              <w:t xml:space="preserve">     * // =&gt; 3.2</w:t>
            </w:r>
          </w:p>
          <w:p w:rsidR="00156FB3" w:rsidRDefault="00156FB3" w:rsidP="00156FB3">
            <w:r>
              <w:t xml:space="preserve">     *</w:t>
            </w:r>
          </w:p>
          <w:p w:rsidR="00156FB3" w:rsidRDefault="00156FB3" w:rsidP="00156FB3">
            <w:r>
              <w:t xml:space="preserve">     * _.toFinite(Number.MIN_VALUE);</w:t>
            </w:r>
          </w:p>
          <w:p w:rsidR="00156FB3" w:rsidRDefault="00156FB3" w:rsidP="00156FB3">
            <w:r>
              <w:t xml:space="preserve">     * // =&gt; 5e-324</w:t>
            </w:r>
          </w:p>
          <w:p w:rsidR="00156FB3" w:rsidRDefault="00156FB3" w:rsidP="00156FB3">
            <w:r>
              <w:t xml:space="preserve">     *</w:t>
            </w:r>
          </w:p>
          <w:p w:rsidR="00156FB3" w:rsidRDefault="00156FB3" w:rsidP="00156FB3">
            <w:r>
              <w:t xml:space="preserve">     * _.toFinite(Infinity);</w:t>
            </w:r>
          </w:p>
          <w:p w:rsidR="00156FB3" w:rsidRDefault="00156FB3" w:rsidP="00156FB3">
            <w:r>
              <w:t xml:space="preserve">     * // =&gt; 1.7976931348623157e+308</w:t>
            </w:r>
          </w:p>
          <w:p w:rsidR="00156FB3" w:rsidRDefault="00156FB3" w:rsidP="00156FB3">
            <w:r>
              <w:t xml:space="preserve">     *</w:t>
            </w:r>
          </w:p>
          <w:p w:rsidR="00156FB3" w:rsidRDefault="00156FB3" w:rsidP="00156FB3">
            <w:r>
              <w:t xml:space="preserve">     * _.toFinite('3.2');</w:t>
            </w:r>
          </w:p>
          <w:p w:rsidR="00156FB3" w:rsidRDefault="00156FB3" w:rsidP="00156FB3">
            <w:r>
              <w:t xml:space="preserve">     * // =&gt; 3.2</w:t>
            </w:r>
          </w:p>
          <w:p w:rsidR="00156FB3" w:rsidRDefault="00156FB3" w:rsidP="00156FB3">
            <w:r>
              <w:t xml:space="preserve">     */</w:t>
            </w:r>
          </w:p>
          <w:p w:rsidR="00156FB3" w:rsidRDefault="00156FB3" w:rsidP="00156FB3">
            <w:r>
              <w:t xml:space="preserve">    function toFinite(value) {</w:t>
            </w:r>
          </w:p>
          <w:p w:rsidR="00156FB3" w:rsidRDefault="00156FB3" w:rsidP="00156FB3">
            <w:r>
              <w:t xml:space="preserve">      if (!value) {</w:t>
            </w:r>
          </w:p>
          <w:p w:rsidR="00156FB3" w:rsidRDefault="00156FB3" w:rsidP="00156FB3">
            <w:r>
              <w:t xml:space="preserve">        return value === 0 ? value : 0;</w:t>
            </w:r>
          </w:p>
          <w:p w:rsidR="00156FB3" w:rsidRDefault="00156FB3" w:rsidP="00156FB3">
            <w:r>
              <w:t xml:space="preserve">      }</w:t>
            </w:r>
          </w:p>
          <w:p w:rsidR="00156FB3" w:rsidRDefault="00156FB3" w:rsidP="00156FB3">
            <w:r>
              <w:t xml:space="preserve">      value = toNumber(value);</w:t>
            </w:r>
          </w:p>
          <w:p w:rsidR="00156FB3" w:rsidRDefault="00156FB3" w:rsidP="00156FB3">
            <w:r>
              <w:lastRenderedPageBreak/>
              <w:t xml:space="preserve">      if (value === INFINITY || value === -INFINITY) {</w:t>
            </w:r>
          </w:p>
          <w:p w:rsidR="00156FB3" w:rsidRDefault="00156FB3" w:rsidP="00156FB3">
            <w:r>
              <w:t xml:space="preserve">        var sign = (value &lt; 0 ? -1 : 1);</w:t>
            </w:r>
          </w:p>
          <w:p w:rsidR="00156FB3" w:rsidRDefault="00156FB3" w:rsidP="00156FB3">
            <w:r>
              <w:t xml:space="preserve">        return sign * MAX_INTEGER;</w:t>
            </w:r>
          </w:p>
          <w:p w:rsidR="00156FB3" w:rsidRDefault="00156FB3" w:rsidP="00156FB3">
            <w:r>
              <w:t xml:space="preserve">      }</w:t>
            </w:r>
          </w:p>
          <w:p w:rsidR="00156FB3" w:rsidRDefault="00156FB3" w:rsidP="00156FB3">
            <w:r>
              <w:t xml:space="preserve">      return value === value ? value : 0;</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value` to an integer.</w:t>
            </w:r>
          </w:p>
          <w:p w:rsidR="00156FB3" w:rsidRDefault="00156FB3" w:rsidP="00156FB3">
            <w:r>
              <w:t xml:space="preserve">     *</w:t>
            </w:r>
          </w:p>
          <w:p w:rsidR="00156FB3" w:rsidRDefault="00156FB3" w:rsidP="00156FB3">
            <w:r>
              <w:t xml:space="preserve">     * **Note:** This method is loosely based on</w:t>
            </w:r>
          </w:p>
          <w:p w:rsidR="00156FB3" w:rsidRDefault="00156FB3" w:rsidP="00156FB3">
            <w:r>
              <w:t xml:space="preserve">     * [`ToInteger`](http://www.ecma-international.org/ecma-262/7.0/#sec-tointeger).</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Lang</w:t>
            </w:r>
          </w:p>
          <w:p w:rsidR="00156FB3" w:rsidRDefault="00156FB3" w:rsidP="00156FB3">
            <w:r>
              <w:t xml:space="preserve">     * @param {*} value The value to convert.</w:t>
            </w:r>
          </w:p>
          <w:p w:rsidR="00156FB3" w:rsidRDefault="00156FB3" w:rsidP="00156FB3">
            <w:r>
              <w:t xml:space="preserve">     * @returns {number} Returns the converted integer.</w:t>
            </w:r>
          </w:p>
          <w:p w:rsidR="00156FB3" w:rsidRDefault="00156FB3" w:rsidP="00156FB3">
            <w:r>
              <w:t xml:space="preserve">     * @example</w:t>
            </w:r>
          </w:p>
          <w:p w:rsidR="00156FB3" w:rsidRDefault="00156FB3" w:rsidP="00156FB3">
            <w:r>
              <w:t xml:space="preserve">     *</w:t>
            </w:r>
          </w:p>
          <w:p w:rsidR="00156FB3" w:rsidRDefault="00156FB3" w:rsidP="00156FB3">
            <w:r>
              <w:t xml:space="preserve">     * _.toInteger(3.2);</w:t>
            </w:r>
          </w:p>
          <w:p w:rsidR="00156FB3" w:rsidRDefault="00156FB3" w:rsidP="00156FB3">
            <w:r>
              <w:t xml:space="preserve">     * // =&gt; 3</w:t>
            </w:r>
          </w:p>
          <w:p w:rsidR="00156FB3" w:rsidRDefault="00156FB3" w:rsidP="00156FB3">
            <w:r>
              <w:t xml:space="preserve">     *</w:t>
            </w:r>
          </w:p>
          <w:p w:rsidR="00156FB3" w:rsidRDefault="00156FB3" w:rsidP="00156FB3">
            <w:r>
              <w:t xml:space="preserve">     * _.toInteger(Number.MIN_VALUE);</w:t>
            </w:r>
          </w:p>
          <w:p w:rsidR="00156FB3" w:rsidRDefault="00156FB3" w:rsidP="00156FB3">
            <w:r>
              <w:t xml:space="preserve">     * // =&gt; 0</w:t>
            </w:r>
          </w:p>
          <w:p w:rsidR="00156FB3" w:rsidRDefault="00156FB3" w:rsidP="00156FB3">
            <w:r>
              <w:t xml:space="preserve">     *</w:t>
            </w:r>
          </w:p>
          <w:p w:rsidR="00156FB3" w:rsidRDefault="00156FB3" w:rsidP="00156FB3">
            <w:r>
              <w:t xml:space="preserve">     * _.toInteger(Infinity);</w:t>
            </w:r>
          </w:p>
          <w:p w:rsidR="00156FB3" w:rsidRDefault="00156FB3" w:rsidP="00156FB3">
            <w:r>
              <w:t xml:space="preserve">     * // =&gt; 1.7976931348623157e+308</w:t>
            </w:r>
          </w:p>
          <w:p w:rsidR="00156FB3" w:rsidRDefault="00156FB3" w:rsidP="00156FB3">
            <w:r>
              <w:t xml:space="preserve">     *</w:t>
            </w:r>
          </w:p>
          <w:p w:rsidR="00156FB3" w:rsidRDefault="00156FB3" w:rsidP="00156FB3">
            <w:r>
              <w:t xml:space="preserve">     * _.toInteger('3.2');</w:t>
            </w:r>
          </w:p>
          <w:p w:rsidR="00156FB3" w:rsidRDefault="00156FB3" w:rsidP="00156FB3">
            <w:r>
              <w:t xml:space="preserve">     * // =&gt; 3</w:t>
            </w:r>
          </w:p>
          <w:p w:rsidR="00156FB3" w:rsidRDefault="00156FB3" w:rsidP="00156FB3">
            <w:r>
              <w:t xml:space="preserve">     */</w:t>
            </w:r>
          </w:p>
          <w:p w:rsidR="00156FB3" w:rsidRDefault="00156FB3" w:rsidP="00156FB3">
            <w:r>
              <w:t xml:space="preserve">    function toInteger(value) {</w:t>
            </w:r>
          </w:p>
          <w:p w:rsidR="00156FB3" w:rsidRDefault="00156FB3" w:rsidP="00156FB3">
            <w:r>
              <w:t xml:space="preserve">      var result = toFinite(value),</w:t>
            </w:r>
          </w:p>
          <w:p w:rsidR="00156FB3" w:rsidRDefault="00156FB3" w:rsidP="00156FB3">
            <w:r>
              <w:t xml:space="preserve">          remainder = result % 1;</w:t>
            </w:r>
          </w:p>
          <w:p w:rsidR="00156FB3" w:rsidRDefault="00156FB3" w:rsidP="00156FB3"/>
          <w:p w:rsidR="00156FB3" w:rsidRDefault="00156FB3" w:rsidP="00156FB3">
            <w:r>
              <w:t xml:space="preserve">      return result === result ? (remainder ? result - remainder : result) : 0;</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value` to an integer suitable for use as the length of an</w:t>
            </w:r>
          </w:p>
          <w:p w:rsidR="00156FB3" w:rsidRDefault="00156FB3" w:rsidP="00156FB3">
            <w:r>
              <w:t xml:space="preserve">     * array-like object.</w:t>
            </w:r>
          </w:p>
          <w:p w:rsidR="00156FB3" w:rsidRDefault="00156FB3" w:rsidP="00156FB3">
            <w:r>
              <w:t xml:space="preserve">     *</w:t>
            </w:r>
          </w:p>
          <w:p w:rsidR="00156FB3" w:rsidRDefault="00156FB3" w:rsidP="00156FB3">
            <w:r>
              <w:t xml:space="preserve">     * **Note:** This method is based on</w:t>
            </w:r>
          </w:p>
          <w:p w:rsidR="00156FB3" w:rsidRDefault="00156FB3" w:rsidP="00156FB3">
            <w:r>
              <w:t xml:space="preserve">     * [`ToLength`](http://ecma-international.org/ecma-262/7.0/#sec-tolength).</w:t>
            </w:r>
          </w:p>
          <w:p w:rsidR="00156FB3" w:rsidRDefault="00156FB3" w:rsidP="00156FB3">
            <w:r>
              <w:t xml:space="preserve">     *</w:t>
            </w:r>
          </w:p>
          <w:p w:rsidR="00156FB3" w:rsidRDefault="00156FB3" w:rsidP="00156FB3">
            <w:r>
              <w:t xml:space="preserve">     * @static</w:t>
            </w:r>
          </w:p>
          <w:p w:rsidR="00156FB3" w:rsidRDefault="00156FB3" w:rsidP="00156FB3">
            <w:r>
              <w:lastRenderedPageBreak/>
              <w:t xml:space="preserve">     * @memberOf _</w:t>
            </w:r>
          </w:p>
          <w:p w:rsidR="00156FB3" w:rsidRDefault="00156FB3" w:rsidP="00156FB3">
            <w:r>
              <w:t xml:space="preserve">     * @since 4.0.0</w:t>
            </w:r>
          </w:p>
          <w:p w:rsidR="00156FB3" w:rsidRDefault="00156FB3" w:rsidP="00156FB3">
            <w:r>
              <w:t xml:space="preserve">     * @category Lang</w:t>
            </w:r>
          </w:p>
          <w:p w:rsidR="00156FB3" w:rsidRDefault="00156FB3" w:rsidP="00156FB3">
            <w:r>
              <w:t xml:space="preserve">     * @param {*} value The value to convert.</w:t>
            </w:r>
          </w:p>
          <w:p w:rsidR="00156FB3" w:rsidRDefault="00156FB3" w:rsidP="00156FB3">
            <w:r>
              <w:t xml:space="preserve">     * @returns {number} Returns the converted integer.</w:t>
            </w:r>
          </w:p>
          <w:p w:rsidR="00156FB3" w:rsidRDefault="00156FB3" w:rsidP="00156FB3">
            <w:r>
              <w:t xml:space="preserve">     * @example</w:t>
            </w:r>
          </w:p>
          <w:p w:rsidR="00156FB3" w:rsidRDefault="00156FB3" w:rsidP="00156FB3">
            <w:r>
              <w:t xml:space="preserve">     *</w:t>
            </w:r>
          </w:p>
          <w:p w:rsidR="00156FB3" w:rsidRDefault="00156FB3" w:rsidP="00156FB3">
            <w:r>
              <w:t xml:space="preserve">     * _.toLength(3.2);</w:t>
            </w:r>
          </w:p>
          <w:p w:rsidR="00156FB3" w:rsidRDefault="00156FB3" w:rsidP="00156FB3">
            <w:r>
              <w:t xml:space="preserve">     * // =&gt; 3</w:t>
            </w:r>
          </w:p>
          <w:p w:rsidR="00156FB3" w:rsidRDefault="00156FB3" w:rsidP="00156FB3">
            <w:r>
              <w:t xml:space="preserve">     *</w:t>
            </w:r>
          </w:p>
          <w:p w:rsidR="00156FB3" w:rsidRDefault="00156FB3" w:rsidP="00156FB3">
            <w:r>
              <w:t xml:space="preserve">     * _.toLength(Number.MIN_VALUE);</w:t>
            </w:r>
          </w:p>
          <w:p w:rsidR="00156FB3" w:rsidRDefault="00156FB3" w:rsidP="00156FB3">
            <w:r>
              <w:t xml:space="preserve">     * // =&gt; 0</w:t>
            </w:r>
          </w:p>
          <w:p w:rsidR="00156FB3" w:rsidRDefault="00156FB3" w:rsidP="00156FB3">
            <w:r>
              <w:t xml:space="preserve">     *</w:t>
            </w:r>
          </w:p>
          <w:p w:rsidR="00156FB3" w:rsidRDefault="00156FB3" w:rsidP="00156FB3">
            <w:r>
              <w:t xml:space="preserve">     * _.toLength(Infinity);</w:t>
            </w:r>
          </w:p>
          <w:p w:rsidR="00156FB3" w:rsidRDefault="00156FB3" w:rsidP="00156FB3">
            <w:r>
              <w:t xml:space="preserve">     * // =&gt; 4294967295</w:t>
            </w:r>
          </w:p>
          <w:p w:rsidR="00156FB3" w:rsidRDefault="00156FB3" w:rsidP="00156FB3">
            <w:r>
              <w:t xml:space="preserve">     *</w:t>
            </w:r>
          </w:p>
          <w:p w:rsidR="00156FB3" w:rsidRDefault="00156FB3" w:rsidP="00156FB3">
            <w:r>
              <w:t xml:space="preserve">     * _.toLength('3.2');</w:t>
            </w:r>
          </w:p>
          <w:p w:rsidR="00156FB3" w:rsidRDefault="00156FB3" w:rsidP="00156FB3">
            <w:r>
              <w:t xml:space="preserve">     * // =&gt; 3</w:t>
            </w:r>
          </w:p>
          <w:p w:rsidR="00156FB3" w:rsidRDefault="00156FB3" w:rsidP="00156FB3">
            <w:r>
              <w:t xml:space="preserve">     */</w:t>
            </w:r>
          </w:p>
          <w:p w:rsidR="00156FB3" w:rsidRDefault="00156FB3" w:rsidP="00156FB3">
            <w:r>
              <w:t xml:space="preserve">    function toLength(value) {</w:t>
            </w:r>
          </w:p>
          <w:p w:rsidR="00156FB3" w:rsidRDefault="00156FB3" w:rsidP="00156FB3">
            <w:r>
              <w:t xml:space="preserve">      return value ? baseClamp(toInteger(value), 0, MAX_ARRAY_LENGTH) : 0;</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value` to a number.</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Lang</w:t>
            </w:r>
          </w:p>
          <w:p w:rsidR="00156FB3" w:rsidRDefault="00156FB3" w:rsidP="00156FB3">
            <w:r>
              <w:t xml:space="preserve">     * @param {*} value The value to process.</w:t>
            </w:r>
          </w:p>
          <w:p w:rsidR="00156FB3" w:rsidRDefault="00156FB3" w:rsidP="00156FB3">
            <w:r>
              <w:t xml:space="preserve">     * @returns {number} Returns the number.</w:t>
            </w:r>
          </w:p>
          <w:p w:rsidR="00156FB3" w:rsidRDefault="00156FB3" w:rsidP="00156FB3">
            <w:r>
              <w:t xml:space="preserve">     * @example</w:t>
            </w:r>
          </w:p>
          <w:p w:rsidR="00156FB3" w:rsidRDefault="00156FB3" w:rsidP="00156FB3">
            <w:r>
              <w:t xml:space="preserve">     *</w:t>
            </w:r>
          </w:p>
          <w:p w:rsidR="00156FB3" w:rsidRDefault="00156FB3" w:rsidP="00156FB3">
            <w:r>
              <w:t xml:space="preserve">     * _.toNumber(3.2);</w:t>
            </w:r>
          </w:p>
          <w:p w:rsidR="00156FB3" w:rsidRDefault="00156FB3" w:rsidP="00156FB3">
            <w:r>
              <w:t xml:space="preserve">     * // =&gt; 3.2</w:t>
            </w:r>
          </w:p>
          <w:p w:rsidR="00156FB3" w:rsidRDefault="00156FB3" w:rsidP="00156FB3">
            <w:r>
              <w:t xml:space="preserve">     *</w:t>
            </w:r>
          </w:p>
          <w:p w:rsidR="00156FB3" w:rsidRDefault="00156FB3" w:rsidP="00156FB3">
            <w:r>
              <w:t xml:space="preserve">     * _.toNumber(Number.MIN_VALUE);</w:t>
            </w:r>
          </w:p>
          <w:p w:rsidR="00156FB3" w:rsidRDefault="00156FB3" w:rsidP="00156FB3">
            <w:r>
              <w:t xml:space="preserve">     * // =&gt; 5e-324</w:t>
            </w:r>
          </w:p>
          <w:p w:rsidR="00156FB3" w:rsidRDefault="00156FB3" w:rsidP="00156FB3">
            <w:r>
              <w:t xml:space="preserve">     *</w:t>
            </w:r>
          </w:p>
          <w:p w:rsidR="00156FB3" w:rsidRDefault="00156FB3" w:rsidP="00156FB3">
            <w:r>
              <w:t xml:space="preserve">     * _.toNumber(Infinity);</w:t>
            </w:r>
          </w:p>
          <w:p w:rsidR="00156FB3" w:rsidRDefault="00156FB3" w:rsidP="00156FB3">
            <w:r>
              <w:t xml:space="preserve">     * // =&gt; Infinity</w:t>
            </w:r>
          </w:p>
          <w:p w:rsidR="00156FB3" w:rsidRDefault="00156FB3" w:rsidP="00156FB3">
            <w:r>
              <w:t xml:space="preserve">     *</w:t>
            </w:r>
          </w:p>
          <w:p w:rsidR="00156FB3" w:rsidRDefault="00156FB3" w:rsidP="00156FB3">
            <w:r>
              <w:t xml:space="preserve">     * _.toNumber('3.2');</w:t>
            </w:r>
          </w:p>
          <w:p w:rsidR="00156FB3" w:rsidRDefault="00156FB3" w:rsidP="00156FB3">
            <w:r>
              <w:t xml:space="preserve">     * // =&gt; 3.2</w:t>
            </w:r>
          </w:p>
          <w:p w:rsidR="00156FB3" w:rsidRDefault="00156FB3" w:rsidP="00156FB3">
            <w:r>
              <w:t xml:space="preserve">     */</w:t>
            </w:r>
          </w:p>
          <w:p w:rsidR="00156FB3" w:rsidRDefault="00156FB3" w:rsidP="00156FB3">
            <w:r>
              <w:t xml:space="preserve">    function toNumber(value) {</w:t>
            </w:r>
          </w:p>
          <w:p w:rsidR="00156FB3" w:rsidRDefault="00156FB3" w:rsidP="00156FB3">
            <w:r>
              <w:t xml:space="preserve">      if (typeof value == 'number') {</w:t>
            </w:r>
          </w:p>
          <w:p w:rsidR="00156FB3" w:rsidRDefault="00156FB3" w:rsidP="00156FB3">
            <w:r>
              <w:lastRenderedPageBreak/>
              <w:t xml:space="preserve">        return value;</w:t>
            </w:r>
          </w:p>
          <w:p w:rsidR="00156FB3" w:rsidRDefault="00156FB3" w:rsidP="00156FB3">
            <w:r>
              <w:t xml:space="preserve">      }</w:t>
            </w:r>
          </w:p>
          <w:p w:rsidR="00156FB3" w:rsidRDefault="00156FB3" w:rsidP="00156FB3">
            <w:r>
              <w:t xml:space="preserve">      if (isSymbol(value)) {</w:t>
            </w:r>
          </w:p>
          <w:p w:rsidR="00156FB3" w:rsidRDefault="00156FB3" w:rsidP="00156FB3">
            <w:r>
              <w:t xml:space="preserve">        return NAN;</w:t>
            </w:r>
          </w:p>
          <w:p w:rsidR="00156FB3" w:rsidRDefault="00156FB3" w:rsidP="00156FB3">
            <w:r>
              <w:t xml:space="preserve">      }</w:t>
            </w:r>
          </w:p>
          <w:p w:rsidR="00156FB3" w:rsidRDefault="00156FB3" w:rsidP="00156FB3">
            <w:r>
              <w:t xml:space="preserve">      if (isObject(value)) {</w:t>
            </w:r>
          </w:p>
          <w:p w:rsidR="00156FB3" w:rsidRDefault="00156FB3" w:rsidP="00156FB3">
            <w:r>
              <w:t xml:space="preserve">        var other = typeof value.valueOf == 'function' ? value.valueOf() : value;</w:t>
            </w:r>
          </w:p>
          <w:p w:rsidR="00156FB3" w:rsidRDefault="00156FB3" w:rsidP="00156FB3">
            <w:r>
              <w:t xml:space="preserve">        value = isObject(other) ? (other + '') : other;</w:t>
            </w:r>
          </w:p>
          <w:p w:rsidR="00156FB3" w:rsidRDefault="00156FB3" w:rsidP="00156FB3">
            <w:r>
              <w:t xml:space="preserve">      }</w:t>
            </w:r>
          </w:p>
          <w:p w:rsidR="00156FB3" w:rsidRDefault="00156FB3" w:rsidP="00156FB3">
            <w:r>
              <w:t xml:space="preserve">      if (typeof value != 'string') {</w:t>
            </w:r>
          </w:p>
          <w:p w:rsidR="00156FB3" w:rsidRDefault="00156FB3" w:rsidP="00156FB3">
            <w:r>
              <w:t xml:space="preserve">        return value === 0 ? value : +value;</w:t>
            </w:r>
          </w:p>
          <w:p w:rsidR="00156FB3" w:rsidRDefault="00156FB3" w:rsidP="00156FB3">
            <w:r>
              <w:t xml:space="preserve">      }</w:t>
            </w:r>
          </w:p>
          <w:p w:rsidR="00156FB3" w:rsidRDefault="00156FB3" w:rsidP="00156FB3">
            <w:r>
              <w:t xml:space="preserve">      value = value.replace(reTrim, '');</w:t>
            </w:r>
          </w:p>
          <w:p w:rsidR="00156FB3" w:rsidRDefault="00156FB3" w:rsidP="00156FB3">
            <w:r>
              <w:t xml:space="preserve">      var isBinary = reIsBinary.test(value);</w:t>
            </w:r>
          </w:p>
          <w:p w:rsidR="00156FB3" w:rsidRDefault="00156FB3" w:rsidP="00156FB3">
            <w:r>
              <w:t xml:space="preserve">      return (isBinary || reIsOctal.test(value))</w:t>
            </w:r>
          </w:p>
          <w:p w:rsidR="00156FB3" w:rsidRDefault="00156FB3" w:rsidP="00156FB3">
            <w:r>
              <w:t xml:space="preserve">        ? freeParseInt(value.slice(2), isBinary ? 2 : 8)</w:t>
            </w:r>
          </w:p>
          <w:p w:rsidR="00156FB3" w:rsidRDefault="00156FB3" w:rsidP="00156FB3">
            <w:r>
              <w:t xml:space="preserve">        : (reIsBadHex.test(value) ? NAN : +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value` to a plain object flattening inherited enumerable string</w:t>
            </w:r>
          </w:p>
          <w:p w:rsidR="00156FB3" w:rsidRDefault="00156FB3" w:rsidP="00156FB3">
            <w:r>
              <w:t xml:space="preserve">     * keyed properties of `value` to own properties of the plain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Lang</w:t>
            </w:r>
          </w:p>
          <w:p w:rsidR="00156FB3" w:rsidRDefault="00156FB3" w:rsidP="00156FB3">
            <w:r>
              <w:t xml:space="preserve">     * @param {*} value The value to convert.</w:t>
            </w:r>
          </w:p>
          <w:p w:rsidR="00156FB3" w:rsidRDefault="00156FB3" w:rsidP="00156FB3">
            <w:r>
              <w:t xml:space="preserve">     * @returns {Object} Returns the converted plain object.</w:t>
            </w:r>
          </w:p>
          <w:p w:rsidR="00156FB3" w:rsidRDefault="00156FB3" w:rsidP="00156FB3">
            <w:r>
              <w:t xml:space="preserve">     * @example</w:t>
            </w:r>
          </w:p>
          <w:p w:rsidR="00156FB3" w:rsidRDefault="00156FB3" w:rsidP="00156FB3">
            <w:r>
              <w:t xml:space="preserve">     *</w:t>
            </w:r>
          </w:p>
          <w:p w:rsidR="00156FB3" w:rsidRDefault="00156FB3" w:rsidP="00156FB3">
            <w:r>
              <w:t xml:space="preserve">     * function Foo() {</w:t>
            </w:r>
          </w:p>
          <w:p w:rsidR="00156FB3" w:rsidRDefault="00156FB3" w:rsidP="00156FB3">
            <w:r>
              <w:t xml:space="preserve">     *   this.b = 2;</w:t>
            </w:r>
          </w:p>
          <w:p w:rsidR="00156FB3" w:rsidRDefault="00156FB3" w:rsidP="00156FB3">
            <w:r>
              <w:t xml:space="preserve">     * }</w:t>
            </w:r>
          </w:p>
          <w:p w:rsidR="00156FB3" w:rsidRDefault="00156FB3" w:rsidP="00156FB3">
            <w:r>
              <w:t xml:space="preserve">     *</w:t>
            </w:r>
          </w:p>
          <w:p w:rsidR="00156FB3" w:rsidRDefault="00156FB3" w:rsidP="00156FB3">
            <w:r>
              <w:t xml:space="preserve">     * Foo.prototype.c = 3;</w:t>
            </w:r>
          </w:p>
          <w:p w:rsidR="00156FB3" w:rsidRDefault="00156FB3" w:rsidP="00156FB3">
            <w:r>
              <w:t xml:space="preserve">     *</w:t>
            </w:r>
          </w:p>
          <w:p w:rsidR="00156FB3" w:rsidRDefault="00156FB3" w:rsidP="00156FB3">
            <w:r>
              <w:t xml:space="preserve">     * _.assign({ 'a': 1 }, new Foo);</w:t>
            </w:r>
          </w:p>
          <w:p w:rsidR="00156FB3" w:rsidRDefault="00156FB3" w:rsidP="00156FB3">
            <w:r>
              <w:t xml:space="preserve">     * // =&gt; { 'a': 1, 'b': 2 }</w:t>
            </w:r>
          </w:p>
          <w:p w:rsidR="00156FB3" w:rsidRDefault="00156FB3" w:rsidP="00156FB3">
            <w:r>
              <w:t xml:space="preserve">     *</w:t>
            </w:r>
          </w:p>
          <w:p w:rsidR="00156FB3" w:rsidRDefault="00156FB3" w:rsidP="00156FB3">
            <w:r>
              <w:t xml:space="preserve">     * _.assign({ 'a': 1 }, _.toPlainObject(new Foo));</w:t>
            </w:r>
          </w:p>
          <w:p w:rsidR="00156FB3" w:rsidRDefault="00156FB3" w:rsidP="00156FB3">
            <w:r>
              <w:t xml:space="preserve">     * // =&gt; { 'a': 1, 'b': 2, 'c': 3 }</w:t>
            </w:r>
          </w:p>
          <w:p w:rsidR="00156FB3" w:rsidRDefault="00156FB3" w:rsidP="00156FB3">
            <w:r>
              <w:t xml:space="preserve">     */</w:t>
            </w:r>
          </w:p>
          <w:p w:rsidR="00156FB3" w:rsidRDefault="00156FB3" w:rsidP="00156FB3">
            <w:r>
              <w:t xml:space="preserve">    function toPlainObject(value) {</w:t>
            </w:r>
          </w:p>
          <w:p w:rsidR="00156FB3" w:rsidRDefault="00156FB3" w:rsidP="00156FB3">
            <w:r>
              <w:t xml:space="preserve">      return copyObject(value, keysIn(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lastRenderedPageBreak/>
              <w:t xml:space="preserve">     * Converts `value` to a safe integer. A safe integer can be compared and</w:t>
            </w:r>
          </w:p>
          <w:p w:rsidR="00156FB3" w:rsidRDefault="00156FB3" w:rsidP="00156FB3">
            <w:r>
              <w:t xml:space="preserve">     * represented correctl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Lang</w:t>
            </w:r>
          </w:p>
          <w:p w:rsidR="00156FB3" w:rsidRDefault="00156FB3" w:rsidP="00156FB3">
            <w:r>
              <w:t xml:space="preserve">     * @param {*} value The value to convert.</w:t>
            </w:r>
          </w:p>
          <w:p w:rsidR="00156FB3" w:rsidRDefault="00156FB3" w:rsidP="00156FB3">
            <w:r>
              <w:t xml:space="preserve">     * @returns {number} Returns the converted integer.</w:t>
            </w:r>
          </w:p>
          <w:p w:rsidR="00156FB3" w:rsidRDefault="00156FB3" w:rsidP="00156FB3">
            <w:r>
              <w:t xml:space="preserve">     * @example</w:t>
            </w:r>
          </w:p>
          <w:p w:rsidR="00156FB3" w:rsidRDefault="00156FB3" w:rsidP="00156FB3">
            <w:r>
              <w:t xml:space="preserve">     *</w:t>
            </w:r>
          </w:p>
          <w:p w:rsidR="00156FB3" w:rsidRDefault="00156FB3" w:rsidP="00156FB3">
            <w:r>
              <w:t xml:space="preserve">     * _.toSafeInteger(3.2);</w:t>
            </w:r>
          </w:p>
          <w:p w:rsidR="00156FB3" w:rsidRDefault="00156FB3" w:rsidP="00156FB3">
            <w:r>
              <w:t xml:space="preserve">     * // =&gt; 3</w:t>
            </w:r>
          </w:p>
          <w:p w:rsidR="00156FB3" w:rsidRDefault="00156FB3" w:rsidP="00156FB3">
            <w:r>
              <w:t xml:space="preserve">     *</w:t>
            </w:r>
          </w:p>
          <w:p w:rsidR="00156FB3" w:rsidRDefault="00156FB3" w:rsidP="00156FB3">
            <w:r>
              <w:t xml:space="preserve">     * _.toSafeInteger(Number.MIN_VALUE);</w:t>
            </w:r>
          </w:p>
          <w:p w:rsidR="00156FB3" w:rsidRDefault="00156FB3" w:rsidP="00156FB3">
            <w:r>
              <w:t xml:space="preserve">     * // =&gt; 0</w:t>
            </w:r>
          </w:p>
          <w:p w:rsidR="00156FB3" w:rsidRDefault="00156FB3" w:rsidP="00156FB3">
            <w:r>
              <w:t xml:space="preserve">     *</w:t>
            </w:r>
          </w:p>
          <w:p w:rsidR="00156FB3" w:rsidRDefault="00156FB3" w:rsidP="00156FB3">
            <w:r>
              <w:t xml:space="preserve">     * _.toSafeInteger(Infinity);</w:t>
            </w:r>
          </w:p>
          <w:p w:rsidR="00156FB3" w:rsidRDefault="00156FB3" w:rsidP="00156FB3">
            <w:r>
              <w:t xml:space="preserve">     * // =&gt; 9007199254740991</w:t>
            </w:r>
          </w:p>
          <w:p w:rsidR="00156FB3" w:rsidRDefault="00156FB3" w:rsidP="00156FB3">
            <w:r>
              <w:t xml:space="preserve">     *</w:t>
            </w:r>
          </w:p>
          <w:p w:rsidR="00156FB3" w:rsidRDefault="00156FB3" w:rsidP="00156FB3">
            <w:r>
              <w:t xml:space="preserve">     * _.toSafeInteger('3.2');</w:t>
            </w:r>
          </w:p>
          <w:p w:rsidR="00156FB3" w:rsidRDefault="00156FB3" w:rsidP="00156FB3">
            <w:r>
              <w:t xml:space="preserve">     * // =&gt; 3</w:t>
            </w:r>
          </w:p>
          <w:p w:rsidR="00156FB3" w:rsidRDefault="00156FB3" w:rsidP="00156FB3">
            <w:r>
              <w:t xml:space="preserve">     */</w:t>
            </w:r>
          </w:p>
          <w:p w:rsidR="00156FB3" w:rsidRDefault="00156FB3" w:rsidP="00156FB3">
            <w:r>
              <w:t xml:space="preserve">    function toSafeInteger(value) {</w:t>
            </w:r>
          </w:p>
          <w:p w:rsidR="00156FB3" w:rsidRDefault="00156FB3" w:rsidP="00156FB3">
            <w:r>
              <w:t xml:space="preserve">      return value</w:t>
            </w:r>
          </w:p>
          <w:p w:rsidR="00156FB3" w:rsidRDefault="00156FB3" w:rsidP="00156FB3">
            <w:r>
              <w:t xml:space="preserve">        ? baseClamp(toInteger(value), -MAX_SAFE_INTEGER, MAX_SAFE_INTEGER)</w:t>
            </w:r>
          </w:p>
          <w:p w:rsidR="00156FB3" w:rsidRDefault="00156FB3" w:rsidP="00156FB3">
            <w:r>
              <w:t xml:space="preserve">        : (value === 0 ? value : 0);</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value` to a string. An empty string is returned for `null`</w:t>
            </w:r>
          </w:p>
          <w:p w:rsidR="00156FB3" w:rsidRDefault="00156FB3" w:rsidP="00156FB3">
            <w:r>
              <w:t xml:space="preserve">     * and `undefined` values. The sign of `-0` is preserved.</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Lang</w:t>
            </w:r>
          </w:p>
          <w:p w:rsidR="00156FB3" w:rsidRDefault="00156FB3" w:rsidP="00156FB3">
            <w:r>
              <w:t xml:space="preserve">     * @param {*} value The value to convert.</w:t>
            </w:r>
          </w:p>
          <w:p w:rsidR="00156FB3" w:rsidRDefault="00156FB3" w:rsidP="00156FB3">
            <w:r>
              <w:t xml:space="preserve">     * @returns {string} Returns the convert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toString(null);</w:t>
            </w:r>
          </w:p>
          <w:p w:rsidR="00156FB3" w:rsidRDefault="00156FB3" w:rsidP="00156FB3">
            <w:r>
              <w:t xml:space="preserve">     * // =&gt; ''</w:t>
            </w:r>
          </w:p>
          <w:p w:rsidR="00156FB3" w:rsidRDefault="00156FB3" w:rsidP="00156FB3">
            <w:r>
              <w:t xml:space="preserve">     *</w:t>
            </w:r>
          </w:p>
          <w:p w:rsidR="00156FB3" w:rsidRDefault="00156FB3" w:rsidP="00156FB3">
            <w:r>
              <w:t xml:space="preserve">     * _.toString(-0);</w:t>
            </w:r>
          </w:p>
          <w:p w:rsidR="00156FB3" w:rsidRDefault="00156FB3" w:rsidP="00156FB3">
            <w:r>
              <w:t xml:space="preserve">     * // =&gt; '-0'</w:t>
            </w:r>
          </w:p>
          <w:p w:rsidR="00156FB3" w:rsidRDefault="00156FB3" w:rsidP="00156FB3">
            <w:r>
              <w:t xml:space="preserve">     *</w:t>
            </w:r>
          </w:p>
          <w:p w:rsidR="00156FB3" w:rsidRDefault="00156FB3" w:rsidP="00156FB3">
            <w:r>
              <w:t xml:space="preserve">     * _.toString([1, 2, 3]);</w:t>
            </w:r>
          </w:p>
          <w:p w:rsidR="00156FB3" w:rsidRDefault="00156FB3" w:rsidP="00156FB3">
            <w:r>
              <w:lastRenderedPageBreak/>
              <w:t xml:space="preserve">     * // =&gt; '1,2,3'</w:t>
            </w:r>
          </w:p>
          <w:p w:rsidR="00156FB3" w:rsidRDefault="00156FB3" w:rsidP="00156FB3">
            <w:r>
              <w:t xml:space="preserve">     */</w:t>
            </w:r>
          </w:p>
          <w:p w:rsidR="00156FB3" w:rsidRDefault="00156FB3" w:rsidP="00156FB3">
            <w:r>
              <w:t xml:space="preserve">    function toString(value) {</w:t>
            </w:r>
          </w:p>
          <w:p w:rsidR="00156FB3" w:rsidRDefault="00156FB3" w:rsidP="00156FB3">
            <w:r>
              <w:t xml:space="preserve">      return value == null ? '' : baseToString(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ssigns own enumerable string keyed properties of source objects to the</w:t>
            </w:r>
          </w:p>
          <w:p w:rsidR="00156FB3" w:rsidRDefault="00156FB3" w:rsidP="00156FB3">
            <w:r>
              <w:t xml:space="preserve">     * destination object. Source objects are applied from left to right.</w:t>
            </w:r>
          </w:p>
          <w:p w:rsidR="00156FB3" w:rsidRDefault="00156FB3" w:rsidP="00156FB3">
            <w:r>
              <w:t xml:space="preserve">     * Subsequent sources overwrite property assignments of previous sources.</w:t>
            </w:r>
          </w:p>
          <w:p w:rsidR="00156FB3" w:rsidRDefault="00156FB3" w:rsidP="00156FB3">
            <w:r>
              <w:t xml:space="preserve">     *</w:t>
            </w:r>
          </w:p>
          <w:p w:rsidR="00156FB3" w:rsidRDefault="00156FB3" w:rsidP="00156FB3">
            <w:r>
              <w:t xml:space="preserve">     * **Note:** This method mutates `object` and is loosely based on</w:t>
            </w:r>
          </w:p>
          <w:p w:rsidR="00156FB3" w:rsidRDefault="00156FB3" w:rsidP="00156FB3">
            <w:r>
              <w:t xml:space="preserve">     * [`Object.assign`](https://mdn.io/Object/assign).</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10.0</w:t>
            </w:r>
          </w:p>
          <w:p w:rsidR="00156FB3" w:rsidRDefault="00156FB3" w:rsidP="00156FB3">
            <w:r>
              <w:t xml:space="preserve">     * @category Object</w:t>
            </w:r>
          </w:p>
          <w:p w:rsidR="00156FB3" w:rsidRDefault="00156FB3" w:rsidP="00156FB3">
            <w:r>
              <w:t xml:space="preserve">     * @param {Object} object The destination object.</w:t>
            </w:r>
          </w:p>
          <w:p w:rsidR="00156FB3" w:rsidRDefault="00156FB3" w:rsidP="00156FB3">
            <w:r>
              <w:t xml:space="preserve">     * @param {...Object} [sources] The source objects.</w:t>
            </w:r>
          </w:p>
          <w:p w:rsidR="00156FB3" w:rsidRDefault="00156FB3" w:rsidP="00156FB3">
            <w:r>
              <w:t xml:space="preserve">     * @returns {Object} Returns `object`.</w:t>
            </w:r>
          </w:p>
          <w:p w:rsidR="00156FB3" w:rsidRDefault="00156FB3" w:rsidP="00156FB3">
            <w:r>
              <w:t xml:space="preserve">     * @see _.assignIn</w:t>
            </w:r>
          </w:p>
          <w:p w:rsidR="00156FB3" w:rsidRDefault="00156FB3" w:rsidP="00156FB3">
            <w:r>
              <w:t xml:space="preserve">     * @example</w:t>
            </w:r>
          </w:p>
          <w:p w:rsidR="00156FB3" w:rsidRDefault="00156FB3" w:rsidP="00156FB3">
            <w:r>
              <w:t xml:space="preserve">     *</w:t>
            </w:r>
          </w:p>
          <w:p w:rsidR="00156FB3" w:rsidRDefault="00156FB3" w:rsidP="00156FB3">
            <w:r>
              <w:t xml:space="preserve">     * function Foo() {</w:t>
            </w:r>
          </w:p>
          <w:p w:rsidR="00156FB3" w:rsidRDefault="00156FB3" w:rsidP="00156FB3">
            <w:r>
              <w:t xml:space="preserve">     *   this.a = 1;</w:t>
            </w:r>
          </w:p>
          <w:p w:rsidR="00156FB3" w:rsidRDefault="00156FB3" w:rsidP="00156FB3">
            <w:r>
              <w:t xml:space="preserve">     * }</w:t>
            </w:r>
          </w:p>
          <w:p w:rsidR="00156FB3" w:rsidRDefault="00156FB3" w:rsidP="00156FB3">
            <w:r>
              <w:t xml:space="preserve">     *</w:t>
            </w:r>
          </w:p>
          <w:p w:rsidR="00156FB3" w:rsidRDefault="00156FB3" w:rsidP="00156FB3">
            <w:r>
              <w:t xml:space="preserve">     * function Bar() {</w:t>
            </w:r>
          </w:p>
          <w:p w:rsidR="00156FB3" w:rsidRDefault="00156FB3" w:rsidP="00156FB3">
            <w:r>
              <w:t xml:space="preserve">     *   this.c = 3;</w:t>
            </w:r>
          </w:p>
          <w:p w:rsidR="00156FB3" w:rsidRDefault="00156FB3" w:rsidP="00156FB3">
            <w:r>
              <w:t xml:space="preserve">     * }</w:t>
            </w:r>
          </w:p>
          <w:p w:rsidR="00156FB3" w:rsidRDefault="00156FB3" w:rsidP="00156FB3">
            <w:r>
              <w:t xml:space="preserve">     *</w:t>
            </w:r>
          </w:p>
          <w:p w:rsidR="00156FB3" w:rsidRDefault="00156FB3" w:rsidP="00156FB3">
            <w:r>
              <w:t xml:space="preserve">     * Foo.prototype.b = 2;</w:t>
            </w:r>
          </w:p>
          <w:p w:rsidR="00156FB3" w:rsidRDefault="00156FB3" w:rsidP="00156FB3">
            <w:r>
              <w:t xml:space="preserve">     * Bar.prototype.d = 4;</w:t>
            </w:r>
          </w:p>
          <w:p w:rsidR="00156FB3" w:rsidRDefault="00156FB3" w:rsidP="00156FB3">
            <w:r>
              <w:t xml:space="preserve">     *</w:t>
            </w:r>
          </w:p>
          <w:p w:rsidR="00156FB3" w:rsidRDefault="00156FB3" w:rsidP="00156FB3">
            <w:r>
              <w:t xml:space="preserve">     * _.assign({ 'a': 0 }, new Foo, new Bar);</w:t>
            </w:r>
          </w:p>
          <w:p w:rsidR="00156FB3" w:rsidRDefault="00156FB3" w:rsidP="00156FB3">
            <w:r>
              <w:t xml:space="preserve">     * // =&gt; { 'a': 1, 'c': 3 }</w:t>
            </w:r>
          </w:p>
          <w:p w:rsidR="00156FB3" w:rsidRDefault="00156FB3" w:rsidP="00156FB3">
            <w:r>
              <w:t xml:space="preserve">     */</w:t>
            </w:r>
          </w:p>
          <w:p w:rsidR="00156FB3" w:rsidRDefault="00156FB3" w:rsidP="00156FB3">
            <w:r>
              <w:t xml:space="preserve">    var assign = createAssigner(function(object, source) {</w:t>
            </w:r>
          </w:p>
          <w:p w:rsidR="00156FB3" w:rsidRDefault="00156FB3" w:rsidP="00156FB3">
            <w:r>
              <w:t xml:space="preserve">      if (isPrototype(source) || isArrayLike(source)) {</w:t>
            </w:r>
          </w:p>
          <w:p w:rsidR="00156FB3" w:rsidRDefault="00156FB3" w:rsidP="00156FB3">
            <w:r>
              <w:t xml:space="preserve">        copyObject(source, keys(source), object);</w:t>
            </w:r>
          </w:p>
          <w:p w:rsidR="00156FB3" w:rsidRDefault="00156FB3" w:rsidP="00156FB3">
            <w:r>
              <w:t xml:space="preserve">        return;</w:t>
            </w:r>
          </w:p>
          <w:p w:rsidR="00156FB3" w:rsidRDefault="00156FB3" w:rsidP="00156FB3">
            <w:r>
              <w:t xml:space="preserve">      }</w:t>
            </w:r>
          </w:p>
          <w:p w:rsidR="00156FB3" w:rsidRDefault="00156FB3" w:rsidP="00156FB3">
            <w:r>
              <w:t xml:space="preserve">      for (var key in source) {</w:t>
            </w:r>
          </w:p>
          <w:p w:rsidR="00156FB3" w:rsidRDefault="00156FB3" w:rsidP="00156FB3">
            <w:r>
              <w:t xml:space="preserve">        if (hasOwnProperty.call(source, key)) {</w:t>
            </w:r>
          </w:p>
          <w:p w:rsidR="00156FB3" w:rsidRDefault="00156FB3" w:rsidP="00156FB3">
            <w:r>
              <w:t xml:space="preserve">          assignValue(object, key, source[key]);</w:t>
            </w:r>
          </w:p>
          <w:p w:rsidR="00156FB3" w:rsidRDefault="00156FB3" w:rsidP="00156FB3">
            <w:r>
              <w:lastRenderedPageBreak/>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assign` except that it iterates over own and</w:t>
            </w:r>
          </w:p>
          <w:p w:rsidR="00156FB3" w:rsidRDefault="00156FB3" w:rsidP="00156FB3">
            <w:r>
              <w:t xml:space="preserve">     * inherited source properties.</w:t>
            </w:r>
          </w:p>
          <w:p w:rsidR="00156FB3" w:rsidRDefault="00156FB3" w:rsidP="00156FB3">
            <w:r>
              <w:t xml:space="preserve">     *</w:t>
            </w:r>
          </w:p>
          <w:p w:rsidR="00156FB3" w:rsidRDefault="00156FB3" w:rsidP="00156FB3">
            <w:r>
              <w:t xml:space="preserve">     * **Note:** This method mutates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alias extend</w:t>
            </w:r>
          </w:p>
          <w:p w:rsidR="00156FB3" w:rsidRDefault="00156FB3" w:rsidP="00156FB3">
            <w:r>
              <w:t xml:space="preserve">     * @category Object</w:t>
            </w:r>
          </w:p>
          <w:p w:rsidR="00156FB3" w:rsidRDefault="00156FB3" w:rsidP="00156FB3">
            <w:r>
              <w:t xml:space="preserve">     * @param {Object} object The destination object.</w:t>
            </w:r>
          </w:p>
          <w:p w:rsidR="00156FB3" w:rsidRDefault="00156FB3" w:rsidP="00156FB3">
            <w:r>
              <w:t xml:space="preserve">     * @param {...Object} [sources] The source objects.</w:t>
            </w:r>
          </w:p>
          <w:p w:rsidR="00156FB3" w:rsidRDefault="00156FB3" w:rsidP="00156FB3">
            <w:r>
              <w:t xml:space="preserve">     * @returns {Object} Returns `object`.</w:t>
            </w:r>
          </w:p>
          <w:p w:rsidR="00156FB3" w:rsidRDefault="00156FB3" w:rsidP="00156FB3">
            <w:r>
              <w:t xml:space="preserve">     * @see _.assign</w:t>
            </w:r>
          </w:p>
          <w:p w:rsidR="00156FB3" w:rsidRDefault="00156FB3" w:rsidP="00156FB3">
            <w:r>
              <w:t xml:space="preserve">     * @example</w:t>
            </w:r>
          </w:p>
          <w:p w:rsidR="00156FB3" w:rsidRDefault="00156FB3" w:rsidP="00156FB3">
            <w:r>
              <w:t xml:space="preserve">     *</w:t>
            </w:r>
          </w:p>
          <w:p w:rsidR="00156FB3" w:rsidRDefault="00156FB3" w:rsidP="00156FB3">
            <w:r>
              <w:t xml:space="preserve">     * function Foo() {</w:t>
            </w:r>
          </w:p>
          <w:p w:rsidR="00156FB3" w:rsidRDefault="00156FB3" w:rsidP="00156FB3">
            <w:r>
              <w:t xml:space="preserve">     *   this.a = 1;</w:t>
            </w:r>
          </w:p>
          <w:p w:rsidR="00156FB3" w:rsidRDefault="00156FB3" w:rsidP="00156FB3">
            <w:r>
              <w:t xml:space="preserve">     * }</w:t>
            </w:r>
          </w:p>
          <w:p w:rsidR="00156FB3" w:rsidRDefault="00156FB3" w:rsidP="00156FB3">
            <w:r>
              <w:t xml:space="preserve">     *</w:t>
            </w:r>
          </w:p>
          <w:p w:rsidR="00156FB3" w:rsidRDefault="00156FB3" w:rsidP="00156FB3">
            <w:r>
              <w:t xml:space="preserve">     * function Bar() {</w:t>
            </w:r>
          </w:p>
          <w:p w:rsidR="00156FB3" w:rsidRDefault="00156FB3" w:rsidP="00156FB3">
            <w:r>
              <w:t xml:space="preserve">     *   this.c = 3;</w:t>
            </w:r>
          </w:p>
          <w:p w:rsidR="00156FB3" w:rsidRDefault="00156FB3" w:rsidP="00156FB3">
            <w:r>
              <w:t xml:space="preserve">     * }</w:t>
            </w:r>
          </w:p>
          <w:p w:rsidR="00156FB3" w:rsidRDefault="00156FB3" w:rsidP="00156FB3">
            <w:r>
              <w:t xml:space="preserve">     *</w:t>
            </w:r>
          </w:p>
          <w:p w:rsidR="00156FB3" w:rsidRDefault="00156FB3" w:rsidP="00156FB3">
            <w:r>
              <w:t xml:space="preserve">     * Foo.prototype.b = 2;</w:t>
            </w:r>
          </w:p>
          <w:p w:rsidR="00156FB3" w:rsidRDefault="00156FB3" w:rsidP="00156FB3">
            <w:r>
              <w:t xml:space="preserve">     * Bar.prototype.d = 4;</w:t>
            </w:r>
          </w:p>
          <w:p w:rsidR="00156FB3" w:rsidRDefault="00156FB3" w:rsidP="00156FB3">
            <w:r>
              <w:t xml:space="preserve">     *</w:t>
            </w:r>
          </w:p>
          <w:p w:rsidR="00156FB3" w:rsidRDefault="00156FB3" w:rsidP="00156FB3">
            <w:r>
              <w:t xml:space="preserve">     * _.assignIn({ 'a': 0 }, new Foo, new Bar);</w:t>
            </w:r>
          </w:p>
          <w:p w:rsidR="00156FB3" w:rsidRDefault="00156FB3" w:rsidP="00156FB3">
            <w:r>
              <w:t xml:space="preserve">     * // =&gt; { 'a': 1, 'b': 2, 'c': 3, 'd': 4 }</w:t>
            </w:r>
          </w:p>
          <w:p w:rsidR="00156FB3" w:rsidRDefault="00156FB3" w:rsidP="00156FB3">
            <w:r>
              <w:t xml:space="preserve">     */</w:t>
            </w:r>
          </w:p>
          <w:p w:rsidR="00156FB3" w:rsidRDefault="00156FB3" w:rsidP="00156FB3">
            <w:r>
              <w:t xml:space="preserve">    var assignIn = createAssigner(function(object, source) {</w:t>
            </w:r>
          </w:p>
          <w:p w:rsidR="00156FB3" w:rsidRDefault="00156FB3" w:rsidP="00156FB3">
            <w:r>
              <w:t xml:space="preserve">      copyObject(source, keysIn(source), 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assignIn` except that it accepts `customizer`</w:t>
            </w:r>
          </w:p>
          <w:p w:rsidR="00156FB3" w:rsidRDefault="00156FB3" w:rsidP="00156FB3">
            <w:r>
              <w:t xml:space="preserve">     * which is invoked to produce the assigned values. If `customizer` returns</w:t>
            </w:r>
          </w:p>
          <w:p w:rsidR="00156FB3" w:rsidRDefault="00156FB3" w:rsidP="00156FB3">
            <w:r>
              <w:t xml:space="preserve">     * `undefined`, assignment is handled by the method instead. The `customizer`</w:t>
            </w:r>
          </w:p>
          <w:p w:rsidR="00156FB3" w:rsidRDefault="00156FB3" w:rsidP="00156FB3">
            <w:r>
              <w:t xml:space="preserve">     * is invoked with five arguments: (objValue, srcValue, key, object, source).</w:t>
            </w:r>
          </w:p>
          <w:p w:rsidR="00156FB3" w:rsidRDefault="00156FB3" w:rsidP="00156FB3">
            <w:r>
              <w:t xml:space="preserve">     *</w:t>
            </w:r>
          </w:p>
          <w:p w:rsidR="00156FB3" w:rsidRDefault="00156FB3" w:rsidP="00156FB3">
            <w:r>
              <w:t xml:space="preserve">     * **Note:** This method mutates `object`.</w:t>
            </w:r>
          </w:p>
          <w:p w:rsidR="00156FB3" w:rsidRDefault="00156FB3" w:rsidP="00156FB3">
            <w:r>
              <w:t xml:space="preserve">     *</w:t>
            </w:r>
          </w:p>
          <w:p w:rsidR="00156FB3" w:rsidRDefault="00156FB3" w:rsidP="00156FB3">
            <w:r>
              <w:t xml:space="preserve">     * @static</w:t>
            </w:r>
          </w:p>
          <w:p w:rsidR="00156FB3" w:rsidRDefault="00156FB3" w:rsidP="00156FB3">
            <w:r>
              <w:lastRenderedPageBreak/>
              <w:t xml:space="preserve">     * @memberOf _</w:t>
            </w:r>
          </w:p>
          <w:p w:rsidR="00156FB3" w:rsidRDefault="00156FB3" w:rsidP="00156FB3">
            <w:r>
              <w:t xml:space="preserve">     * @since 4.0.0</w:t>
            </w:r>
          </w:p>
          <w:p w:rsidR="00156FB3" w:rsidRDefault="00156FB3" w:rsidP="00156FB3">
            <w:r>
              <w:t xml:space="preserve">     * @alias extendWith</w:t>
            </w:r>
          </w:p>
          <w:p w:rsidR="00156FB3" w:rsidRDefault="00156FB3" w:rsidP="00156FB3">
            <w:r>
              <w:t xml:space="preserve">     * @category Object</w:t>
            </w:r>
          </w:p>
          <w:p w:rsidR="00156FB3" w:rsidRDefault="00156FB3" w:rsidP="00156FB3">
            <w:r>
              <w:t xml:space="preserve">     * @param {Object} object The destination object.</w:t>
            </w:r>
          </w:p>
          <w:p w:rsidR="00156FB3" w:rsidRDefault="00156FB3" w:rsidP="00156FB3">
            <w:r>
              <w:t xml:space="preserve">     * @param {...Object} sources The source objects.</w:t>
            </w:r>
          </w:p>
          <w:p w:rsidR="00156FB3" w:rsidRDefault="00156FB3" w:rsidP="00156FB3">
            <w:r>
              <w:t xml:space="preserve">     * @param {Function} [customizer] The function to customize assigned values.</w:t>
            </w:r>
          </w:p>
          <w:p w:rsidR="00156FB3" w:rsidRDefault="00156FB3" w:rsidP="00156FB3">
            <w:r>
              <w:t xml:space="preserve">     * @returns {Object} Returns `object`.</w:t>
            </w:r>
          </w:p>
          <w:p w:rsidR="00156FB3" w:rsidRDefault="00156FB3" w:rsidP="00156FB3">
            <w:r>
              <w:t xml:space="preserve">     * @see _.assignWith</w:t>
            </w:r>
          </w:p>
          <w:p w:rsidR="00156FB3" w:rsidRDefault="00156FB3" w:rsidP="00156FB3">
            <w:r>
              <w:t xml:space="preserve">     * @example</w:t>
            </w:r>
          </w:p>
          <w:p w:rsidR="00156FB3" w:rsidRDefault="00156FB3" w:rsidP="00156FB3">
            <w:r>
              <w:t xml:space="preserve">     *</w:t>
            </w:r>
          </w:p>
          <w:p w:rsidR="00156FB3" w:rsidRDefault="00156FB3" w:rsidP="00156FB3">
            <w:r>
              <w:t xml:space="preserve">     * function customizer(objValue, srcValue) {</w:t>
            </w:r>
          </w:p>
          <w:p w:rsidR="00156FB3" w:rsidRDefault="00156FB3" w:rsidP="00156FB3">
            <w:r>
              <w:t xml:space="preserve">     *   return _.isUndefined(objValue) ? srcValue : objValue;</w:t>
            </w:r>
          </w:p>
          <w:p w:rsidR="00156FB3" w:rsidRDefault="00156FB3" w:rsidP="00156FB3">
            <w:r>
              <w:t xml:space="preserve">     * }</w:t>
            </w:r>
          </w:p>
          <w:p w:rsidR="00156FB3" w:rsidRDefault="00156FB3" w:rsidP="00156FB3">
            <w:r>
              <w:t xml:space="preserve">     *</w:t>
            </w:r>
          </w:p>
          <w:p w:rsidR="00156FB3" w:rsidRDefault="00156FB3" w:rsidP="00156FB3">
            <w:r>
              <w:t xml:space="preserve">     * var defaults = _.partialRight(_.assignInWith, customizer);</w:t>
            </w:r>
          </w:p>
          <w:p w:rsidR="00156FB3" w:rsidRDefault="00156FB3" w:rsidP="00156FB3">
            <w:r>
              <w:t xml:space="preserve">     *</w:t>
            </w:r>
          </w:p>
          <w:p w:rsidR="00156FB3" w:rsidRDefault="00156FB3" w:rsidP="00156FB3">
            <w:r>
              <w:t xml:space="preserve">     * defaults({ 'a': 1 }, { 'b': 2 }, { 'a': 3 });</w:t>
            </w:r>
          </w:p>
          <w:p w:rsidR="00156FB3" w:rsidRDefault="00156FB3" w:rsidP="00156FB3">
            <w:r>
              <w:t xml:space="preserve">     * // =&gt; { 'a': 1, 'b': 2 }</w:t>
            </w:r>
          </w:p>
          <w:p w:rsidR="00156FB3" w:rsidRDefault="00156FB3" w:rsidP="00156FB3">
            <w:r>
              <w:t xml:space="preserve">     */</w:t>
            </w:r>
          </w:p>
          <w:p w:rsidR="00156FB3" w:rsidRDefault="00156FB3" w:rsidP="00156FB3">
            <w:r>
              <w:t xml:space="preserve">    var assignInWith = createAssigner(function(object, source, srcIndex, customizer) {</w:t>
            </w:r>
          </w:p>
          <w:p w:rsidR="00156FB3" w:rsidRDefault="00156FB3" w:rsidP="00156FB3">
            <w:r>
              <w:t xml:space="preserve">      copyObject(source, keysIn(source), object, customiz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assign` except that it accepts `customizer`</w:t>
            </w:r>
          </w:p>
          <w:p w:rsidR="00156FB3" w:rsidRDefault="00156FB3" w:rsidP="00156FB3">
            <w:r>
              <w:t xml:space="preserve">     * which is invoked to produce the assigned values. If `customizer` returns</w:t>
            </w:r>
          </w:p>
          <w:p w:rsidR="00156FB3" w:rsidRDefault="00156FB3" w:rsidP="00156FB3">
            <w:r>
              <w:t xml:space="preserve">     * `undefined`, assignment is handled by the method instead. The `customizer`</w:t>
            </w:r>
          </w:p>
          <w:p w:rsidR="00156FB3" w:rsidRDefault="00156FB3" w:rsidP="00156FB3">
            <w:r>
              <w:t xml:space="preserve">     * is invoked with five arguments: (objValue, srcValue, key, object, source).</w:t>
            </w:r>
          </w:p>
          <w:p w:rsidR="00156FB3" w:rsidRDefault="00156FB3" w:rsidP="00156FB3">
            <w:r>
              <w:t xml:space="preserve">     *</w:t>
            </w:r>
          </w:p>
          <w:p w:rsidR="00156FB3" w:rsidRDefault="00156FB3" w:rsidP="00156FB3">
            <w:r>
              <w:t xml:space="preserve">     * **Note:** This method mutates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Object</w:t>
            </w:r>
          </w:p>
          <w:p w:rsidR="00156FB3" w:rsidRDefault="00156FB3" w:rsidP="00156FB3">
            <w:r>
              <w:t xml:space="preserve">     * @param {Object} object The destination object.</w:t>
            </w:r>
          </w:p>
          <w:p w:rsidR="00156FB3" w:rsidRDefault="00156FB3" w:rsidP="00156FB3">
            <w:r>
              <w:t xml:space="preserve">     * @param {...Object} sources The source objects.</w:t>
            </w:r>
          </w:p>
          <w:p w:rsidR="00156FB3" w:rsidRDefault="00156FB3" w:rsidP="00156FB3">
            <w:r>
              <w:t xml:space="preserve">     * @param {Function} [customizer] The function to customize assigned values.</w:t>
            </w:r>
          </w:p>
          <w:p w:rsidR="00156FB3" w:rsidRDefault="00156FB3" w:rsidP="00156FB3">
            <w:r>
              <w:t xml:space="preserve">     * @returns {Object} Returns `object`.</w:t>
            </w:r>
          </w:p>
          <w:p w:rsidR="00156FB3" w:rsidRDefault="00156FB3" w:rsidP="00156FB3">
            <w:r>
              <w:t xml:space="preserve">     * @see _.assignInWith</w:t>
            </w:r>
          </w:p>
          <w:p w:rsidR="00156FB3" w:rsidRDefault="00156FB3" w:rsidP="00156FB3">
            <w:r>
              <w:t xml:space="preserve">     * @example</w:t>
            </w:r>
          </w:p>
          <w:p w:rsidR="00156FB3" w:rsidRDefault="00156FB3" w:rsidP="00156FB3">
            <w:r>
              <w:t xml:space="preserve">     *</w:t>
            </w:r>
          </w:p>
          <w:p w:rsidR="00156FB3" w:rsidRDefault="00156FB3" w:rsidP="00156FB3">
            <w:r>
              <w:t xml:space="preserve">     * function customizer(objValue, srcValue) {</w:t>
            </w:r>
          </w:p>
          <w:p w:rsidR="00156FB3" w:rsidRDefault="00156FB3" w:rsidP="00156FB3">
            <w:r>
              <w:t xml:space="preserve">     *   return _.isUndefined(objValue) ? srcValue : objValue;</w:t>
            </w:r>
          </w:p>
          <w:p w:rsidR="00156FB3" w:rsidRDefault="00156FB3" w:rsidP="00156FB3">
            <w:r>
              <w:t xml:space="preserve">     * }</w:t>
            </w:r>
          </w:p>
          <w:p w:rsidR="00156FB3" w:rsidRDefault="00156FB3" w:rsidP="00156FB3">
            <w:r>
              <w:t xml:space="preserve">     *</w:t>
            </w:r>
          </w:p>
          <w:p w:rsidR="00156FB3" w:rsidRDefault="00156FB3" w:rsidP="00156FB3">
            <w:r>
              <w:t xml:space="preserve">     * var defaults = _.partialRight(_.assignWith, customizer);</w:t>
            </w:r>
          </w:p>
          <w:p w:rsidR="00156FB3" w:rsidRDefault="00156FB3" w:rsidP="00156FB3">
            <w:r>
              <w:lastRenderedPageBreak/>
              <w:t xml:space="preserve">     *</w:t>
            </w:r>
          </w:p>
          <w:p w:rsidR="00156FB3" w:rsidRDefault="00156FB3" w:rsidP="00156FB3">
            <w:r>
              <w:t xml:space="preserve">     * defaults({ 'a': 1 }, { 'b': 2 }, { 'a': 3 });</w:t>
            </w:r>
          </w:p>
          <w:p w:rsidR="00156FB3" w:rsidRDefault="00156FB3" w:rsidP="00156FB3">
            <w:r>
              <w:t xml:space="preserve">     * // =&gt; { 'a': 1, 'b': 2 }</w:t>
            </w:r>
          </w:p>
          <w:p w:rsidR="00156FB3" w:rsidRDefault="00156FB3" w:rsidP="00156FB3">
            <w:r>
              <w:t xml:space="preserve">     */</w:t>
            </w:r>
          </w:p>
          <w:p w:rsidR="00156FB3" w:rsidRDefault="00156FB3" w:rsidP="00156FB3">
            <w:r>
              <w:t xml:space="preserve">    var assignWith = createAssigner(function(object, source, srcIndex, customizer) {</w:t>
            </w:r>
          </w:p>
          <w:p w:rsidR="00156FB3" w:rsidRDefault="00156FB3" w:rsidP="00156FB3">
            <w:r>
              <w:t xml:space="preserve">      copyObject(source, keys(source), object, customiz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of values corresponding to `paths` of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1.0.0</w:t>
            </w:r>
          </w:p>
          <w:p w:rsidR="00156FB3" w:rsidRDefault="00156FB3" w:rsidP="00156FB3">
            <w:r>
              <w:t xml:space="preserve">     * @category Object</w:t>
            </w:r>
          </w:p>
          <w:p w:rsidR="00156FB3" w:rsidRDefault="00156FB3" w:rsidP="00156FB3">
            <w:r>
              <w:t xml:space="preserve">     * @param {Object} object The object to iterate over.</w:t>
            </w:r>
          </w:p>
          <w:p w:rsidR="00156FB3" w:rsidRDefault="00156FB3" w:rsidP="00156FB3">
            <w:r>
              <w:t xml:space="preserve">     * @param {...(string|string[])} [paths] The property paths to pick.</w:t>
            </w:r>
          </w:p>
          <w:p w:rsidR="00156FB3" w:rsidRDefault="00156FB3" w:rsidP="00156FB3">
            <w:r>
              <w:t xml:space="preserve">     * @returns {Array} Returns the picked values.</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 'a': [{ 'b': { 'c': 3 } }, 4] };</w:t>
            </w:r>
          </w:p>
          <w:p w:rsidR="00156FB3" w:rsidRDefault="00156FB3" w:rsidP="00156FB3">
            <w:r>
              <w:t xml:space="preserve">     *</w:t>
            </w:r>
          </w:p>
          <w:p w:rsidR="00156FB3" w:rsidRDefault="00156FB3" w:rsidP="00156FB3">
            <w:r>
              <w:t xml:space="preserve">     * _.at(object, ['a[0].b.c', 'a[1]']);</w:t>
            </w:r>
          </w:p>
          <w:p w:rsidR="00156FB3" w:rsidRDefault="00156FB3" w:rsidP="00156FB3">
            <w:r>
              <w:t xml:space="preserve">     * // =&gt; [3, 4]</w:t>
            </w:r>
          </w:p>
          <w:p w:rsidR="00156FB3" w:rsidRDefault="00156FB3" w:rsidP="00156FB3">
            <w:r>
              <w:t xml:space="preserve">     */</w:t>
            </w:r>
          </w:p>
          <w:p w:rsidR="00156FB3" w:rsidRDefault="00156FB3" w:rsidP="00156FB3">
            <w:r>
              <w:t xml:space="preserve">    var at = flatRest(baseAt);</w:t>
            </w:r>
          </w:p>
          <w:p w:rsidR="00156FB3" w:rsidRDefault="00156FB3" w:rsidP="00156FB3"/>
          <w:p w:rsidR="00156FB3" w:rsidRDefault="00156FB3" w:rsidP="00156FB3">
            <w:r>
              <w:t xml:space="preserve">    /**</w:t>
            </w:r>
          </w:p>
          <w:p w:rsidR="00156FB3" w:rsidRDefault="00156FB3" w:rsidP="00156FB3">
            <w:r>
              <w:t xml:space="preserve">     * Creates an object that inherits from the `prototype` object. If a</w:t>
            </w:r>
          </w:p>
          <w:p w:rsidR="00156FB3" w:rsidRDefault="00156FB3" w:rsidP="00156FB3">
            <w:r>
              <w:t xml:space="preserve">     * `properties` object is given, its own enumerable string keyed properties</w:t>
            </w:r>
          </w:p>
          <w:p w:rsidR="00156FB3" w:rsidRDefault="00156FB3" w:rsidP="00156FB3">
            <w:r>
              <w:t xml:space="preserve">     * are assigned to the created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2.3.0</w:t>
            </w:r>
          </w:p>
          <w:p w:rsidR="00156FB3" w:rsidRDefault="00156FB3" w:rsidP="00156FB3">
            <w:r>
              <w:t xml:space="preserve">     * @category Object</w:t>
            </w:r>
          </w:p>
          <w:p w:rsidR="00156FB3" w:rsidRDefault="00156FB3" w:rsidP="00156FB3">
            <w:r>
              <w:t xml:space="preserve">     * @param {Object} prototype The object to inherit from.</w:t>
            </w:r>
          </w:p>
          <w:p w:rsidR="00156FB3" w:rsidRDefault="00156FB3" w:rsidP="00156FB3">
            <w:r>
              <w:t xml:space="preserve">     * @param {Object} [properties] The properties to assign to the object.</w:t>
            </w:r>
          </w:p>
          <w:p w:rsidR="00156FB3" w:rsidRDefault="00156FB3" w:rsidP="00156FB3">
            <w:r>
              <w:t xml:space="preserve">     * @returns {Object} Returns the new object.</w:t>
            </w:r>
          </w:p>
          <w:p w:rsidR="00156FB3" w:rsidRDefault="00156FB3" w:rsidP="00156FB3">
            <w:r>
              <w:t xml:space="preserve">     * @example</w:t>
            </w:r>
          </w:p>
          <w:p w:rsidR="00156FB3" w:rsidRDefault="00156FB3" w:rsidP="00156FB3">
            <w:r>
              <w:t xml:space="preserve">     *</w:t>
            </w:r>
          </w:p>
          <w:p w:rsidR="00156FB3" w:rsidRDefault="00156FB3" w:rsidP="00156FB3">
            <w:r>
              <w:t xml:space="preserve">     * function Shape() {</w:t>
            </w:r>
          </w:p>
          <w:p w:rsidR="00156FB3" w:rsidRDefault="00156FB3" w:rsidP="00156FB3">
            <w:r>
              <w:t xml:space="preserve">     *   this.x = 0;</w:t>
            </w:r>
          </w:p>
          <w:p w:rsidR="00156FB3" w:rsidRDefault="00156FB3" w:rsidP="00156FB3">
            <w:r>
              <w:t xml:space="preserve">     *   this.y = 0;</w:t>
            </w:r>
          </w:p>
          <w:p w:rsidR="00156FB3" w:rsidRDefault="00156FB3" w:rsidP="00156FB3">
            <w:r>
              <w:t xml:space="preserve">     * }</w:t>
            </w:r>
          </w:p>
          <w:p w:rsidR="00156FB3" w:rsidRDefault="00156FB3" w:rsidP="00156FB3">
            <w:r>
              <w:t xml:space="preserve">     *</w:t>
            </w:r>
          </w:p>
          <w:p w:rsidR="00156FB3" w:rsidRDefault="00156FB3" w:rsidP="00156FB3">
            <w:r>
              <w:t xml:space="preserve">     * function Circle() {</w:t>
            </w:r>
          </w:p>
          <w:p w:rsidR="00156FB3" w:rsidRDefault="00156FB3" w:rsidP="00156FB3">
            <w:r>
              <w:t xml:space="preserve">     *   Shape.call(this);</w:t>
            </w:r>
          </w:p>
          <w:p w:rsidR="00156FB3" w:rsidRDefault="00156FB3" w:rsidP="00156FB3">
            <w:r>
              <w:lastRenderedPageBreak/>
              <w:t xml:space="preserve">     * }</w:t>
            </w:r>
          </w:p>
          <w:p w:rsidR="00156FB3" w:rsidRDefault="00156FB3" w:rsidP="00156FB3">
            <w:r>
              <w:t xml:space="preserve">     *</w:t>
            </w:r>
          </w:p>
          <w:p w:rsidR="00156FB3" w:rsidRDefault="00156FB3" w:rsidP="00156FB3">
            <w:r>
              <w:t xml:space="preserve">     * Circle.prototype = _.create(Shape.prototype, {</w:t>
            </w:r>
          </w:p>
          <w:p w:rsidR="00156FB3" w:rsidRDefault="00156FB3" w:rsidP="00156FB3">
            <w:r>
              <w:t xml:space="preserve">     *   'constructor': Circle</w:t>
            </w:r>
          </w:p>
          <w:p w:rsidR="00156FB3" w:rsidRDefault="00156FB3" w:rsidP="00156FB3">
            <w:r>
              <w:t xml:space="preserve">     * });</w:t>
            </w:r>
          </w:p>
          <w:p w:rsidR="00156FB3" w:rsidRDefault="00156FB3" w:rsidP="00156FB3">
            <w:r>
              <w:t xml:space="preserve">     *</w:t>
            </w:r>
          </w:p>
          <w:p w:rsidR="00156FB3" w:rsidRDefault="00156FB3" w:rsidP="00156FB3">
            <w:r>
              <w:t xml:space="preserve">     * var circle = new Circle;</w:t>
            </w:r>
          </w:p>
          <w:p w:rsidR="00156FB3" w:rsidRDefault="00156FB3" w:rsidP="00156FB3">
            <w:r>
              <w:t xml:space="preserve">     * circle instanceof Circle;</w:t>
            </w:r>
          </w:p>
          <w:p w:rsidR="00156FB3" w:rsidRDefault="00156FB3" w:rsidP="00156FB3">
            <w:r>
              <w:t xml:space="preserve">     * // =&gt; true</w:t>
            </w:r>
          </w:p>
          <w:p w:rsidR="00156FB3" w:rsidRDefault="00156FB3" w:rsidP="00156FB3">
            <w:r>
              <w:t xml:space="preserve">     *</w:t>
            </w:r>
          </w:p>
          <w:p w:rsidR="00156FB3" w:rsidRDefault="00156FB3" w:rsidP="00156FB3">
            <w:r>
              <w:t xml:space="preserve">     * circle instanceof Shape;</w:t>
            </w:r>
          </w:p>
          <w:p w:rsidR="00156FB3" w:rsidRDefault="00156FB3" w:rsidP="00156FB3">
            <w:r>
              <w:t xml:space="preserve">     * // =&gt; true</w:t>
            </w:r>
          </w:p>
          <w:p w:rsidR="00156FB3" w:rsidRDefault="00156FB3" w:rsidP="00156FB3">
            <w:r>
              <w:t xml:space="preserve">     */</w:t>
            </w:r>
          </w:p>
          <w:p w:rsidR="00156FB3" w:rsidRDefault="00156FB3" w:rsidP="00156FB3">
            <w:r>
              <w:t xml:space="preserve">    function create(prototype, properties) {</w:t>
            </w:r>
          </w:p>
          <w:p w:rsidR="00156FB3" w:rsidRDefault="00156FB3" w:rsidP="00156FB3">
            <w:r>
              <w:t xml:space="preserve">      var result = baseCreate(prototype);</w:t>
            </w:r>
          </w:p>
          <w:p w:rsidR="00156FB3" w:rsidRDefault="00156FB3" w:rsidP="00156FB3">
            <w:r>
              <w:t xml:space="preserve">      return properties == null ? result : baseAssign(result, propertie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ssigns own and inherited enumerable string keyed properties of source</w:t>
            </w:r>
          </w:p>
          <w:p w:rsidR="00156FB3" w:rsidRDefault="00156FB3" w:rsidP="00156FB3">
            <w:r>
              <w:t xml:space="preserve">     * objects to the destination object for all destination properties that</w:t>
            </w:r>
          </w:p>
          <w:p w:rsidR="00156FB3" w:rsidRDefault="00156FB3" w:rsidP="00156FB3">
            <w:r>
              <w:t xml:space="preserve">     * resolve to `undefined`. Source objects are applied from left to right.</w:t>
            </w:r>
          </w:p>
          <w:p w:rsidR="00156FB3" w:rsidRDefault="00156FB3" w:rsidP="00156FB3">
            <w:r>
              <w:t xml:space="preserve">     * Once a property is set, additional values of the same property are ignored.</w:t>
            </w:r>
          </w:p>
          <w:p w:rsidR="00156FB3" w:rsidRDefault="00156FB3" w:rsidP="00156FB3">
            <w:r>
              <w:t xml:space="preserve">     *</w:t>
            </w:r>
          </w:p>
          <w:p w:rsidR="00156FB3" w:rsidRDefault="00156FB3" w:rsidP="00156FB3">
            <w:r>
              <w:t xml:space="preserve">     * **Note:** This method mutates `object`.</w:t>
            </w:r>
          </w:p>
          <w:p w:rsidR="00156FB3" w:rsidRDefault="00156FB3" w:rsidP="00156FB3">
            <w:r>
              <w:t xml:space="preserve">     *</w:t>
            </w:r>
          </w:p>
          <w:p w:rsidR="00156FB3" w:rsidRDefault="00156FB3" w:rsidP="00156FB3">
            <w:r>
              <w:t xml:space="preserve">     * @static</w:t>
            </w:r>
          </w:p>
          <w:p w:rsidR="00156FB3" w:rsidRDefault="00156FB3" w:rsidP="00156FB3">
            <w:r>
              <w:t xml:space="preserve">     * @since 0.1.0</w:t>
            </w:r>
          </w:p>
          <w:p w:rsidR="00156FB3" w:rsidRDefault="00156FB3" w:rsidP="00156FB3">
            <w:r>
              <w:t xml:space="preserve">     * @memberOf _</w:t>
            </w:r>
          </w:p>
          <w:p w:rsidR="00156FB3" w:rsidRDefault="00156FB3" w:rsidP="00156FB3">
            <w:r>
              <w:t xml:space="preserve">     * @category Object</w:t>
            </w:r>
          </w:p>
          <w:p w:rsidR="00156FB3" w:rsidRDefault="00156FB3" w:rsidP="00156FB3">
            <w:r>
              <w:t xml:space="preserve">     * @param {Object} object The destination object.</w:t>
            </w:r>
          </w:p>
          <w:p w:rsidR="00156FB3" w:rsidRDefault="00156FB3" w:rsidP="00156FB3">
            <w:r>
              <w:t xml:space="preserve">     * @param {...Object} [sources] The source objects.</w:t>
            </w:r>
          </w:p>
          <w:p w:rsidR="00156FB3" w:rsidRDefault="00156FB3" w:rsidP="00156FB3">
            <w:r>
              <w:t xml:space="preserve">     * @returns {Object} Returns `object`.</w:t>
            </w:r>
          </w:p>
          <w:p w:rsidR="00156FB3" w:rsidRDefault="00156FB3" w:rsidP="00156FB3">
            <w:r>
              <w:t xml:space="preserve">     * @see _.defaultsDeep</w:t>
            </w:r>
          </w:p>
          <w:p w:rsidR="00156FB3" w:rsidRDefault="00156FB3" w:rsidP="00156FB3">
            <w:r>
              <w:t xml:space="preserve">     * @example</w:t>
            </w:r>
          </w:p>
          <w:p w:rsidR="00156FB3" w:rsidRDefault="00156FB3" w:rsidP="00156FB3">
            <w:r>
              <w:t xml:space="preserve">     *</w:t>
            </w:r>
          </w:p>
          <w:p w:rsidR="00156FB3" w:rsidRDefault="00156FB3" w:rsidP="00156FB3">
            <w:r>
              <w:t xml:space="preserve">     * _.defaults({ 'a': 1 }, { 'b': 2 }, { 'a': 3 });</w:t>
            </w:r>
          </w:p>
          <w:p w:rsidR="00156FB3" w:rsidRDefault="00156FB3" w:rsidP="00156FB3">
            <w:r>
              <w:t xml:space="preserve">     * // =&gt; { 'a': 1, 'b': 2 }</w:t>
            </w:r>
          </w:p>
          <w:p w:rsidR="00156FB3" w:rsidRDefault="00156FB3" w:rsidP="00156FB3">
            <w:r>
              <w:t xml:space="preserve">     */</w:t>
            </w:r>
          </w:p>
          <w:p w:rsidR="00156FB3" w:rsidRDefault="00156FB3" w:rsidP="00156FB3">
            <w:r>
              <w:t xml:space="preserve">    var defaults = baseRest(function(object, sources) {</w:t>
            </w:r>
          </w:p>
          <w:p w:rsidR="00156FB3" w:rsidRDefault="00156FB3" w:rsidP="00156FB3">
            <w:r>
              <w:t xml:space="preserve">      object = Object(object);</w:t>
            </w:r>
          </w:p>
          <w:p w:rsidR="00156FB3" w:rsidRDefault="00156FB3" w:rsidP="00156FB3"/>
          <w:p w:rsidR="00156FB3" w:rsidRDefault="00156FB3" w:rsidP="00156FB3">
            <w:r>
              <w:t xml:space="preserve">      var index = -1;</w:t>
            </w:r>
          </w:p>
          <w:p w:rsidR="00156FB3" w:rsidRDefault="00156FB3" w:rsidP="00156FB3">
            <w:r>
              <w:t xml:space="preserve">      var length = sources.length;</w:t>
            </w:r>
          </w:p>
          <w:p w:rsidR="00156FB3" w:rsidRDefault="00156FB3" w:rsidP="00156FB3">
            <w:r>
              <w:t xml:space="preserve">      var guard = length &gt; 2 ? sources[2] : undefined;</w:t>
            </w:r>
          </w:p>
          <w:p w:rsidR="00156FB3" w:rsidRDefault="00156FB3" w:rsidP="00156FB3"/>
          <w:p w:rsidR="00156FB3" w:rsidRDefault="00156FB3" w:rsidP="00156FB3">
            <w:r>
              <w:t xml:space="preserve">      if (guard &amp;&amp; isIterateeCall(sources[0], sources[1], guard)) {</w:t>
            </w:r>
          </w:p>
          <w:p w:rsidR="00156FB3" w:rsidRDefault="00156FB3" w:rsidP="00156FB3">
            <w:r>
              <w:t xml:space="preserve">        length = 1;</w:t>
            </w:r>
          </w:p>
          <w:p w:rsidR="00156FB3" w:rsidRDefault="00156FB3" w:rsidP="00156FB3">
            <w:r>
              <w:lastRenderedPageBreak/>
              <w:t xml:space="preserve">      }</w:t>
            </w:r>
          </w:p>
          <w:p w:rsidR="00156FB3" w:rsidRDefault="00156FB3" w:rsidP="00156FB3"/>
          <w:p w:rsidR="00156FB3" w:rsidRDefault="00156FB3" w:rsidP="00156FB3">
            <w:r>
              <w:t xml:space="preserve">      while (++index &lt; length) {</w:t>
            </w:r>
          </w:p>
          <w:p w:rsidR="00156FB3" w:rsidRDefault="00156FB3" w:rsidP="00156FB3">
            <w:r>
              <w:t xml:space="preserve">        var source = sources[index];</w:t>
            </w:r>
          </w:p>
          <w:p w:rsidR="00156FB3" w:rsidRDefault="00156FB3" w:rsidP="00156FB3">
            <w:r>
              <w:t xml:space="preserve">        var props = keysIn(source);</w:t>
            </w:r>
          </w:p>
          <w:p w:rsidR="00156FB3" w:rsidRDefault="00156FB3" w:rsidP="00156FB3">
            <w:r>
              <w:t xml:space="preserve">        var propsIndex = -1;</w:t>
            </w:r>
          </w:p>
          <w:p w:rsidR="00156FB3" w:rsidRDefault="00156FB3" w:rsidP="00156FB3">
            <w:r>
              <w:t xml:space="preserve">        var propsLength = props.length;</w:t>
            </w:r>
          </w:p>
          <w:p w:rsidR="00156FB3" w:rsidRDefault="00156FB3" w:rsidP="00156FB3"/>
          <w:p w:rsidR="00156FB3" w:rsidRDefault="00156FB3" w:rsidP="00156FB3">
            <w:r>
              <w:t xml:space="preserve">        while (++propsIndex &lt; propsLength) {</w:t>
            </w:r>
          </w:p>
          <w:p w:rsidR="00156FB3" w:rsidRDefault="00156FB3" w:rsidP="00156FB3">
            <w:r>
              <w:t xml:space="preserve">          var key = props[propsIndex];</w:t>
            </w:r>
          </w:p>
          <w:p w:rsidR="00156FB3" w:rsidRDefault="00156FB3" w:rsidP="00156FB3">
            <w:r>
              <w:t xml:space="preserve">          var value = object[key];</w:t>
            </w:r>
          </w:p>
          <w:p w:rsidR="00156FB3" w:rsidRDefault="00156FB3" w:rsidP="00156FB3"/>
          <w:p w:rsidR="00156FB3" w:rsidRDefault="00156FB3" w:rsidP="00156FB3">
            <w:r>
              <w:t xml:space="preserve">          if (value === undefined ||</w:t>
            </w:r>
          </w:p>
          <w:p w:rsidR="00156FB3" w:rsidRDefault="00156FB3" w:rsidP="00156FB3">
            <w:r>
              <w:t xml:space="preserve">              (eq(value, objectProto[key]) &amp;&amp; !hasOwnProperty.call(object, key))) {</w:t>
            </w:r>
          </w:p>
          <w:p w:rsidR="00156FB3" w:rsidRDefault="00156FB3" w:rsidP="00156FB3">
            <w:r>
              <w:t xml:space="preserve">            object[key] = source[key];</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defaults` except that it recursively assigns</w:t>
            </w:r>
          </w:p>
          <w:p w:rsidR="00156FB3" w:rsidRDefault="00156FB3" w:rsidP="00156FB3">
            <w:r>
              <w:t xml:space="preserve">     * default properties.</w:t>
            </w:r>
          </w:p>
          <w:p w:rsidR="00156FB3" w:rsidRDefault="00156FB3" w:rsidP="00156FB3">
            <w:r>
              <w:t xml:space="preserve">     *</w:t>
            </w:r>
          </w:p>
          <w:p w:rsidR="00156FB3" w:rsidRDefault="00156FB3" w:rsidP="00156FB3">
            <w:r>
              <w:t xml:space="preserve">     * **Note:** This method mutates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10.0</w:t>
            </w:r>
          </w:p>
          <w:p w:rsidR="00156FB3" w:rsidRDefault="00156FB3" w:rsidP="00156FB3">
            <w:r>
              <w:t xml:space="preserve">     * @category Object</w:t>
            </w:r>
          </w:p>
          <w:p w:rsidR="00156FB3" w:rsidRDefault="00156FB3" w:rsidP="00156FB3">
            <w:r>
              <w:t xml:space="preserve">     * @param {Object} object The destination object.</w:t>
            </w:r>
          </w:p>
          <w:p w:rsidR="00156FB3" w:rsidRDefault="00156FB3" w:rsidP="00156FB3">
            <w:r>
              <w:t xml:space="preserve">     * @param {...Object} [sources] The source objects.</w:t>
            </w:r>
          </w:p>
          <w:p w:rsidR="00156FB3" w:rsidRDefault="00156FB3" w:rsidP="00156FB3">
            <w:r>
              <w:t xml:space="preserve">     * @returns {Object} Returns `object`.</w:t>
            </w:r>
          </w:p>
          <w:p w:rsidR="00156FB3" w:rsidRDefault="00156FB3" w:rsidP="00156FB3">
            <w:r>
              <w:t xml:space="preserve">     * @see _.defaults</w:t>
            </w:r>
          </w:p>
          <w:p w:rsidR="00156FB3" w:rsidRDefault="00156FB3" w:rsidP="00156FB3">
            <w:r>
              <w:t xml:space="preserve">     * @example</w:t>
            </w:r>
          </w:p>
          <w:p w:rsidR="00156FB3" w:rsidRDefault="00156FB3" w:rsidP="00156FB3">
            <w:r>
              <w:t xml:space="preserve">     *</w:t>
            </w:r>
          </w:p>
          <w:p w:rsidR="00156FB3" w:rsidRDefault="00156FB3" w:rsidP="00156FB3">
            <w:r>
              <w:t xml:space="preserve">     * _.defaultsDeep({ 'a': { 'b': 2 } }, { 'a': { 'b': 1, 'c': 3 } });</w:t>
            </w:r>
          </w:p>
          <w:p w:rsidR="00156FB3" w:rsidRDefault="00156FB3" w:rsidP="00156FB3">
            <w:r>
              <w:t xml:space="preserve">     * // =&gt; { 'a': { 'b': 2, 'c': 3 } }</w:t>
            </w:r>
          </w:p>
          <w:p w:rsidR="00156FB3" w:rsidRDefault="00156FB3" w:rsidP="00156FB3">
            <w:r>
              <w:t xml:space="preserve">     */</w:t>
            </w:r>
          </w:p>
          <w:p w:rsidR="00156FB3" w:rsidRDefault="00156FB3" w:rsidP="00156FB3">
            <w:r>
              <w:t xml:space="preserve">    var defaultsDeep = baseRest(function(args) {</w:t>
            </w:r>
          </w:p>
          <w:p w:rsidR="00156FB3" w:rsidRDefault="00156FB3" w:rsidP="00156FB3">
            <w:r>
              <w:t xml:space="preserve">      args.push(undefined, customDefaultsMerge);</w:t>
            </w:r>
          </w:p>
          <w:p w:rsidR="00156FB3" w:rsidRDefault="00156FB3" w:rsidP="00156FB3">
            <w:r>
              <w:t xml:space="preserve">      return apply(mergeWith, undefined, arg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find` except that it returns the key of the first</w:t>
            </w:r>
          </w:p>
          <w:p w:rsidR="00156FB3" w:rsidRDefault="00156FB3" w:rsidP="00156FB3">
            <w:r>
              <w:lastRenderedPageBreak/>
              <w:t xml:space="preserve">     * element `predicate` returns truthy for instead of the element itself.</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1.1.0</w:t>
            </w:r>
          </w:p>
          <w:p w:rsidR="00156FB3" w:rsidRDefault="00156FB3" w:rsidP="00156FB3">
            <w:r>
              <w:t xml:space="preserve">     * @category Object</w:t>
            </w:r>
          </w:p>
          <w:p w:rsidR="00156FB3" w:rsidRDefault="00156FB3" w:rsidP="00156FB3">
            <w:r>
              <w:t xml:space="preserve">     * @param {Object} object The object to inspect.</w:t>
            </w:r>
          </w:p>
          <w:p w:rsidR="00156FB3" w:rsidRDefault="00156FB3" w:rsidP="00156FB3">
            <w:r>
              <w:t xml:space="preserve">     * @param {Function} [predicate=_.identity] The function invoked per iteration.</w:t>
            </w:r>
          </w:p>
          <w:p w:rsidR="00156FB3" w:rsidRDefault="00156FB3" w:rsidP="00156FB3">
            <w:r>
              <w:t xml:space="preserve">     * @returns {string|undefined} Returns the key of the matched element,</w:t>
            </w:r>
          </w:p>
          <w:p w:rsidR="00156FB3" w:rsidRDefault="00156FB3" w:rsidP="00156FB3">
            <w:r>
              <w:t xml:space="preserve">     *  else `undefined`.</w:t>
            </w:r>
          </w:p>
          <w:p w:rsidR="00156FB3" w:rsidRDefault="00156FB3" w:rsidP="00156FB3">
            <w:r>
              <w:t xml:space="preserve">     * @example</w:t>
            </w:r>
          </w:p>
          <w:p w:rsidR="00156FB3" w:rsidRDefault="00156FB3" w:rsidP="00156FB3">
            <w:r>
              <w:t xml:space="preserve">     *</w:t>
            </w:r>
          </w:p>
          <w:p w:rsidR="00156FB3" w:rsidRDefault="00156FB3" w:rsidP="00156FB3">
            <w:r>
              <w:t xml:space="preserve">     * var users = {</w:t>
            </w:r>
          </w:p>
          <w:p w:rsidR="00156FB3" w:rsidRDefault="00156FB3" w:rsidP="00156FB3">
            <w:r>
              <w:t xml:space="preserve">     *   'barney':  { 'age': 36, 'active': true },</w:t>
            </w:r>
          </w:p>
          <w:p w:rsidR="00156FB3" w:rsidRDefault="00156FB3" w:rsidP="00156FB3">
            <w:r>
              <w:t xml:space="preserve">     *   'fred':    { 'age': 40, 'active': false },</w:t>
            </w:r>
          </w:p>
          <w:p w:rsidR="00156FB3" w:rsidRDefault="00156FB3" w:rsidP="00156FB3">
            <w:r>
              <w:t xml:space="preserve">     *   'pebbles': { 'age': 1,  'active': true }</w:t>
            </w:r>
          </w:p>
          <w:p w:rsidR="00156FB3" w:rsidRDefault="00156FB3" w:rsidP="00156FB3">
            <w:r>
              <w:t xml:space="preserve">     * };</w:t>
            </w:r>
          </w:p>
          <w:p w:rsidR="00156FB3" w:rsidRDefault="00156FB3" w:rsidP="00156FB3">
            <w:r>
              <w:t xml:space="preserve">     *</w:t>
            </w:r>
          </w:p>
          <w:p w:rsidR="00156FB3" w:rsidRDefault="00156FB3" w:rsidP="00156FB3">
            <w:r>
              <w:t xml:space="preserve">     * _.findKey(users, function(o) { return o.age &lt; 40; });</w:t>
            </w:r>
          </w:p>
          <w:p w:rsidR="00156FB3" w:rsidRDefault="00156FB3" w:rsidP="00156FB3">
            <w:r>
              <w:t xml:space="preserve">     * // =&gt; 'barney' (iteration order is not guaranteed)</w:t>
            </w:r>
          </w:p>
          <w:p w:rsidR="00156FB3" w:rsidRDefault="00156FB3" w:rsidP="00156FB3">
            <w:r>
              <w:t xml:space="preserve">     *</w:t>
            </w:r>
          </w:p>
          <w:p w:rsidR="00156FB3" w:rsidRDefault="00156FB3" w:rsidP="00156FB3">
            <w:r>
              <w:t xml:space="preserve">     * // The `_.matches` iteratee shorthand.</w:t>
            </w:r>
          </w:p>
          <w:p w:rsidR="00156FB3" w:rsidRDefault="00156FB3" w:rsidP="00156FB3">
            <w:r>
              <w:t xml:space="preserve">     * _.findKey(users, { 'age': 1, 'active': true });</w:t>
            </w:r>
          </w:p>
          <w:p w:rsidR="00156FB3" w:rsidRDefault="00156FB3" w:rsidP="00156FB3">
            <w:r>
              <w:t xml:space="preserve">     * // =&gt; 'pebbles'</w:t>
            </w:r>
          </w:p>
          <w:p w:rsidR="00156FB3" w:rsidRDefault="00156FB3" w:rsidP="00156FB3">
            <w:r>
              <w:t xml:space="preserve">     *</w:t>
            </w:r>
          </w:p>
          <w:p w:rsidR="00156FB3" w:rsidRDefault="00156FB3" w:rsidP="00156FB3">
            <w:r>
              <w:t xml:space="preserve">     * // The `_.matchesProperty` iteratee shorthand.</w:t>
            </w:r>
          </w:p>
          <w:p w:rsidR="00156FB3" w:rsidRDefault="00156FB3" w:rsidP="00156FB3">
            <w:r>
              <w:t xml:space="preserve">     * _.findKey(users, ['active', false]);</w:t>
            </w:r>
          </w:p>
          <w:p w:rsidR="00156FB3" w:rsidRDefault="00156FB3" w:rsidP="00156FB3">
            <w:r>
              <w:t xml:space="preserve">     * // =&gt; 'fred'</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findKey(users, 'active');</w:t>
            </w:r>
          </w:p>
          <w:p w:rsidR="00156FB3" w:rsidRDefault="00156FB3" w:rsidP="00156FB3">
            <w:r>
              <w:t xml:space="preserve">     * // =&gt; 'barney'</w:t>
            </w:r>
          </w:p>
          <w:p w:rsidR="00156FB3" w:rsidRDefault="00156FB3" w:rsidP="00156FB3">
            <w:r>
              <w:t xml:space="preserve">     */</w:t>
            </w:r>
          </w:p>
          <w:p w:rsidR="00156FB3" w:rsidRDefault="00156FB3" w:rsidP="00156FB3">
            <w:r>
              <w:t xml:space="preserve">    function findKey(object, predicate) {</w:t>
            </w:r>
          </w:p>
          <w:p w:rsidR="00156FB3" w:rsidRDefault="00156FB3" w:rsidP="00156FB3">
            <w:r>
              <w:t xml:space="preserve">      return baseFindKey(object, getIteratee(predicate, 3), baseForOwn);</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findKey` except that it iterates over elements of</w:t>
            </w:r>
          </w:p>
          <w:p w:rsidR="00156FB3" w:rsidRDefault="00156FB3" w:rsidP="00156FB3">
            <w:r>
              <w:t xml:space="preserve">     * a collection in the opposite order.</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2.0.0</w:t>
            </w:r>
          </w:p>
          <w:p w:rsidR="00156FB3" w:rsidRDefault="00156FB3" w:rsidP="00156FB3">
            <w:r>
              <w:t xml:space="preserve">     * @category Object</w:t>
            </w:r>
          </w:p>
          <w:p w:rsidR="00156FB3" w:rsidRDefault="00156FB3" w:rsidP="00156FB3">
            <w:r>
              <w:t xml:space="preserve">     * @param {Object} object The object to inspect.</w:t>
            </w:r>
          </w:p>
          <w:p w:rsidR="00156FB3" w:rsidRDefault="00156FB3" w:rsidP="00156FB3">
            <w:r>
              <w:t xml:space="preserve">     * @param {Function} [predicate=_.identity] The function invoked per iteration.</w:t>
            </w:r>
          </w:p>
          <w:p w:rsidR="00156FB3" w:rsidRDefault="00156FB3" w:rsidP="00156FB3">
            <w:r>
              <w:t xml:space="preserve">     * @returns {string|undefined} Returns the key of the matched element,</w:t>
            </w:r>
          </w:p>
          <w:p w:rsidR="00156FB3" w:rsidRDefault="00156FB3" w:rsidP="00156FB3">
            <w:r>
              <w:lastRenderedPageBreak/>
              <w:t xml:space="preserve">     *  else `undefined`.</w:t>
            </w:r>
          </w:p>
          <w:p w:rsidR="00156FB3" w:rsidRDefault="00156FB3" w:rsidP="00156FB3">
            <w:r>
              <w:t xml:space="preserve">     * @example</w:t>
            </w:r>
          </w:p>
          <w:p w:rsidR="00156FB3" w:rsidRDefault="00156FB3" w:rsidP="00156FB3">
            <w:r>
              <w:t xml:space="preserve">     *</w:t>
            </w:r>
          </w:p>
          <w:p w:rsidR="00156FB3" w:rsidRDefault="00156FB3" w:rsidP="00156FB3">
            <w:r>
              <w:t xml:space="preserve">     * var users = {</w:t>
            </w:r>
          </w:p>
          <w:p w:rsidR="00156FB3" w:rsidRDefault="00156FB3" w:rsidP="00156FB3">
            <w:r>
              <w:t xml:space="preserve">     *   'barney':  { 'age': 36, 'active': true },</w:t>
            </w:r>
          </w:p>
          <w:p w:rsidR="00156FB3" w:rsidRDefault="00156FB3" w:rsidP="00156FB3">
            <w:r>
              <w:t xml:space="preserve">     *   'fred':    { 'age': 40, 'active': false },</w:t>
            </w:r>
          </w:p>
          <w:p w:rsidR="00156FB3" w:rsidRDefault="00156FB3" w:rsidP="00156FB3">
            <w:r>
              <w:t xml:space="preserve">     *   'pebbles': { 'age': 1,  'active': true }</w:t>
            </w:r>
          </w:p>
          <w:p w:rsidR="00156FB3" w:rsidRDefault="00156FB3" w:rsidP="00156FB3">
            <w:r>
              <w:t xml:space="preserve">     * };</w:t>
            </w:r>
          </w:p>
          <w:p w:rsidR="00156FB3" w:rsidRDefault="00156FB3" w:rsidP="00156FB3">
            <w:r>
              <w:t xml:space="preserve">     *</w:t>
            </w:r>
          </w:p>
          <w:p w:rsidR="00156FB3" w:rsidRDefault="00156FB3" w:rsidP="00156FB3">
            <w:r>
              <w:t xml:space="preserve">     * _.findLastKey(users, function(o) { return o.age &lt; 40; });</w:t>
            </w:r>
          </w:p>
          <w:p w:rsidR="00156FB3" w:rsidRDefault="00156FB3" w:rsidP="00156FB3">
            <w:r>
              <w:t xml:space="preserve">     * // =&gt; returns 'pebbles' assuming `_.findKey` returns 'barney'</w:t>
            </w:r>
          </w:p>
          <w:p w:rsidR="00156FB3" w:rsidRDefault="00156FB3" w:rsidP="00156FB3">
            <w:r>
              <w:t xml:space="preserve">     *</w:t>
            </w:r>
          </w:p>
          <w:p w:rsidR="00156FB3" w:rsidRDefault="00156FB3" w:rsidP="00156FB3">
            <w:r>
              <w:t xml:space="preserve">     * // The `_.matches` iteratee shorthand.</w:t>
            </w:r>
          </w:p>
          <w:p w:rsidR="00156FB3" w:rsidRDefault="00156FB3" w:rsidP="00156FB3">
            <w:r>
              <w:t xml:space="preserve">     * _.findLastKey(users, { 'age': 36, 'active': true });</w:t>
            </w:r>
          </w:p>
          <w:p w:rsidR="00156FB3" w:rsidRDefault="00156FB3" w:rsidP="00156FB3">
            <w:r>
              <w:t xml:space="preserve">     * // =&gt; 'barney'</w:t>
            </w:r>
          </w:p>
          <w:p w:rsidR="00156FB3" w:rsidRDefault="00156FB3" w:rsidP="00156FB3">
            <w:r>
              <w:t xml:space="preserve">     *</w:t>
            </w:r>
          </w:p>
          <w:p w:rsidR="00156FB3" w:rsidRDefault="00156FB3" w:rsidP="00156FB3">
            <w:r>
              <w:t xml:space="preserve">     * // The `_.matchesProperty` iteratee shorthand.</w:t>
            </w:r>
          </w:p>
          <w:p w:rsidR="00156FB3" w:rsidRDefault="00156FB3" w:rsidP="00156FB3">
            <w:r>
              <w:t xml:space="preserve">     * _.findLastKey(users, ['active', false]);</w:t>
            </w:r>
          </w:p>
          <w:p w:rsidR="00156FB3" w:rsidRDefault="00156FB3" w:rsidP="00156FB3">
            <w:r>
              <w:t xml:space="preserve">     * // =&gt; 'fred'</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findLastKey(users, 'active');</w:t>
            </w:r>
          </w:p>
          <w:p w:rsidR="00156FB3" w:rsidRDefault="00156FB3" w:rsidP="00156FB3">
            <w:r>
              <w:t xml:space="preserve">     * // =&gt; 'pebbles'</w:t>
            </w:r>
          </w:p>
          <w:p w:rsidR="00156FB3" w:rsidRDefault="00156FB3" w:rsidP="00156FB3">
            <w:r>
              <w:t xml:space="preserve">     */</w:t>
            </w:r>
          </w:p>
          <w:p w:rsidR="00156FB3" w:rsidRDefault="00156FB3" w:rsidP="00156FB3">
            <w:r>
              <w:t xml:space="preserve">    function findLastKey(object, predicate) {</w:t>
            </w:r>
          </w:p>
          <w:p w:rsidR="00156FB3" w:rsidRDefault="00156FB3" w:rsidP="00156FB3">
            <w:r>
              <w:t xml:space="preserve">      return baseFindKey(object, getIteratee(predicate, 3), baseForOwnRigh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Iterates over own and inherited enumerable string keyed properties of an</w:t>
            </w:r>
          </w:p>
          <w:p w:rsidR="00156FB3" w:rsidRDefault="00156FB3" w:rsidP="00156FB3">
            <w:r>
              <w:t xml:space="preserve">     * object and invokes `iteratee` for each property. The iteratee is invoked</w:t>
            </w:r>
          </w:p>
          <w:p w:rsidR="00156FB3" w:rsidRDefault="00156FB3" w:rsidP="00156FB3">
            <w:r>
              <w:t xml:space="preserve">     * with three arguments: (value, key, object). Iteratee functions may exit</w:t>
            </w:r>
          </w:p>
          <w:p w:rsidR="00156FB3" w:rsidRDefault="00156FB3" w:rsidP="00156FB3">
            <w:r>
              <w:t xml:space="preserve">     * iteration early by explicitly returning `fals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3.0</w:t>
            </w:r>
          </w:p>
          <w:p w:rsidR="00156FB3" w:rsidRDefault="00156FB3" w:rsidP="00156FB3">
            <w:r>
              <w:t xml:space="preserve">     * @category Object</w:t>
            </w:r>
          </w:p>
          <w:p w:rsidR="00156FB3" w:rsidRDefault="00156FB3" w:rsidP="00156FB3">
            <w:r>
              <w:t xml:space="preserve">     * @param {Object} object The object to iterate over.</w:t>
            </w:r>
          </w:p>
          <w:p w:rsidR="00156FB3" w:rsidRDefault="00156FB3" w:rsidP="00156FB3">
            <w:r>
              <w:t xml:space="preserve">     * @param {Function} [iteratee=_.identity] The function invoked per iteration.</w:t>
            </w:r>
          </w:p>
          <w:p w:rsidR="00156FB3" w:rsidRDefault="00156FB3" w:rsidP="00156FB3">
            <w:r>
              <w:t xml:space="preserve">     * @returns {Object} Returns `object`.</w:t>
            </w:r>
          </w:p>
          <w:p w:rsidR="00156FB3" w:rsidRDefault="00156FB3" w:rsidP="00156FB3">
            <w:r>
              <w:t xml:space="preserve">     * @see _.forInRight</w:t>
            </w:r>
          </w:p>
          <w:p w:rsidR="00156FB3" w:rsidRDefault="00156FB3" w:rsidP="00156FB3">
            <w:r>
              <w:t xml:space="preserve">     * @example</w:t>
            </w:r>
          </w:p>
          <w:p w:rsidR="00156FB3" w:rsidRDefault="00156FB3" w:rsidP="00156FB3">
            <w:r>
              <w:t xml:space="preserve">     *</w:t>
            </w:r>
          </w:p>
          <w:p w:rsidR="00156FB3" w:rsidRDefault="00156FB3" w:rsidP="00156FB3">
            <w:r>
              <w:t xml:space="preserve">     * function Foo() {</w:t>
            </w:r>
          </w:p>
          <w:p w:rsidR="00156FB3" w:rsidRDefault="00156FB3" w:rsidP="00156FB3">
            <w:r>
              <w:t xml:space="preserve">     *   this.a = 1;</w:t>
            </w:r>
          </w:p>
          <w:p w:rsidR="00156FB3" w:rsidRDefault="00156FB3" w:rsidP="00156FB3">
            <w:r>
              <w:t xml:space="preserve">     *   this.b = 2;</w:t>
            </w:r>
          </w:p>
          <w:p w:rsidR="00156FB3" w:rsidRDefault="00156FB3" w:rsidP="00156FB3">
            <w:r>
              <w:t xml:space="preserve">     * }</w:t>
            </w:r>
          </w:p>
          <w:p w:rsidR="00156FB3" w:rsidRDefault="00156FB3" w:rsidP="00156FB3">
            <w:r>
              <w:lastRenderedPageBreak/>
              <w:t xml:space="preserve">     *</w:t>
            </w:r>
          </w:p>
          <w:p w:rsidR="00156FB3" w:rsidRDefault="00156FB3" w:rsidP="00156FB3">
            <w:r>
              <w:t xml:space="preserve">     * Foo.prototype.c = 3;</w:t>
            </w:r>
          </w:p>
          <w:p w:rsidR="00156FB3" w:rsidRDefault="00156FB3" w:rsidP="00156FB3">
            <w:r>
              <w:t xml:space="preserve">     *</w:t>
            </w:r>
          </w:p>
          <w:p w:rsidR="00156FB3" w:rsidRDefault="00156FB3" w:rsidP="00156FB3">
            <w:r>
              <w:t xml:space="preserve">     * _.forIn(new Foo, function(value, key) {</w:t>
            </w:r>
          </w:p>
          <w:p w:rsidR="00156FB3" w:rsidRDefault="00156FB3" w:rsidP="00156FB3">
            <w:r>
              <w:t xml:space="preserve">     *   console.log(key);</w:t>
            </w:r>
          </w:p>
          <w:p w:rsidR="00156FB3" w:rsidRDefault="00156FB3" w:rsidP="00156FB3">
            <w:r>
              <w:t xml:space="preserve">     * });</w:t>
            </w:r>
          </w:p>
          <w:p w:rsidR="00156FB3" w:rsidRDefault="00156FB3" w:rsidP="00156FB3">
            <w:r>
              <w:t xml:space="preserve">     * // =&gt; Logs 'a', 'b', then 'c' (iteration order is not guaranteed).</w:t>
            </w:r>
          </w:p>
          <w:p w:rsidR="00156FB3" w:rsidRDefault="00156FB3" w:rsidP="00156FB3">
            <w:r>
              <w:t xml:space="preserve">     */</w:t>
            </w:r>
          </w:p>
          <w:p w:rsidR="00156FB3" w:rsidRDefault="00156FB3" w:rsidP="00156FB3">
            <w:r>
              <w:t xml:space="preserve">    function forIn(object, iteratee) {</w:t>
            </w:r>
          </w:p>
          <w:p w:rsidR="00156FB3" w:rsidRDefault="00156FB3" w:rsidP="00156FB3">
            <w:r>
              <w:t xml:space="preserve">      return object == null</w:t>
            </w:r>
          </w:p>
          <w:p w:rsidR="00156FB3" w:rsidRDefault="00156FB3" w:rsidP="00156FB3">
            <w:r>
              <w:t xml:space="preserve">        ? object</w:t>
            </w:r>
          </w:p>
          <w:p w:rsidR="00156FB3" w:rsidRDefault="00156FB3" w:rsidP="00156FB3">
            <w:r>
              <w:t xml:space="preserve">        : baseFor(object, getIteratee(iteratee, 3), keysIn);</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forIn` except that it iterates over properties of</w:t>
            </w:r>
          </w:p>
          <w:p w:rsidR="00156FB3" w:rsidRDefault="00156FB3" w:rsidP="00156FB3">
            <w:r>
              <w:t xml:space="preserve">     * `object` in the opposite order.</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2.0.0</w:t>
            </w:r>
          </w:p>
          <w:p w:rsidR="00156FB3" w:rsidRDefault="00156FB3" w:rsidP="00156FB3">
            <w:r>
              <w:t xml:space="preserve">     * @category Object</w:t>
            </w:r>
          </w:p>
          <w:p w:rsidR="00156FB3" w:rsidRDefault="00156FB3" w:rsidP="00156FB3">
            <w:r>
              <w:t xml:space="preserve">     * @param {Object} object The object to iterate over.</w:t>
            </w:r>
          </w:p>
          <w:p w:rsidR="00156FB3" w:rsidRDefault="00156FB3" w:rsidP="00156FB3">
            <w:r>
              <w:t xml:space="preserve">     * @param {Function} [iteratee=_.identity] The function invoked per iteration.</w:t>
            </w:r>
          </w:p>
          <w:p w:rsidR="00156FB3" w:rsidRDefault="00156FB3" w:rsidP="00156FB3">
            <w:r>
              <w:t xml:space="preserve">     * @returns {Object} Returns `object`.</w:t>
            </w:r>
          </w:p>
          <w:p w:rsidR="00156FB3" w:rsidRDefault="00156FB3" w:rsidP="00156FB3">
            <w:r>
              <w:t xml:space="preserve">     * @see _.forIn</w:t>
            </w:r>
          </w:p>
          <w:p w:rsidR="00156FB3" w:rsidRDefault="00156FB3" w:rsidP="00156FB3">
            <w:r>
              <w:t xml:space="preserve">     * @example</w:t>
            </w:r>
          </w:p>
          <w:p w:rsidR="00156FB3" w:rsidRDefault="00156FB3" w:rsidP="00156FB3">
            <w:r>
              <w:t xml:space="preserve">     *</w:t>
            </w:r>
          </w:p>
          <w:p w:rsidR="00156FB3" w:rsidRDefault="00156FB3" w:rsidP="00156FB3">
            <w:r>
              <w:t xml:space="preserve">     * function Foo() {</w:t>
            </w:r>
          </w:p>
          <w:p w:rsidR="00156FB3" w:rsidRDefault="00156FB3" w:rsidP="00156FB3">
            <w:r>
              <w:t xml:space="preserve">     *   this.a = 1;</w:t>
            </w:r>
          </w:p>
          <w:p w:rsidR="00156FB3" w:rsidRDefault="00156FB3" w:rsidP="00156FB3">
            <w:r>
              <w:t xml:space="preserve">     *   this.b = 2;</w:t>
            </w:r>
          </w:p>
          <w:p w:rsidR="00156FB3" w:rsidRDefault="00156FB3" w:rsidP="00156FB3">
            <w:r>
              <w:t xml:space="preserve">     * }</w:t>
            </w:r>
          </w:p>
          <w:p w:rsidR="00156FB3" w:rsidRDefault="00156FB3" w:rsidP="00156FB3">
            <w:r>
              <w:t xml:space="preserve">     *</w:t>
            </w:r>
          </w:p>
          <w:p w:rsidR="00156FB3" w:rsidRDefault="00156FB3" w:rsidP="00156FB3">
            <w:r>
              <w:t xml:space="preserve">     * Foo.prototype.c = 3;</w:t>
            </w:r>
          </w:p>
          <w:p w:rsidR="00156FB3" w:rsidRDefault="00156FB3" w:rsidP="00156FB3">
            <w:r>
              <w:t xml:space="preserve">     *</w:t>
            </w:r>
          </w:p>
          <w:p w:rsidR="00156FB3" w:rsidRDefault="00156FB3" w:rsidP="00156FB3">
            <w:r>
              <w:t xml:space="preserve">     * _.forInRight(new Foo, function(value, key) {</w:t>
            </w:r>
          </w:p>
          <w:p w:rsidR="00156FB3" w:rsidRDefault="00156FB3" w:rsidP="00156FB3">
            <w:r>
              <w:t xml:space="preserve">     *   console.log(key);</w:t>
            </w:r>
          </w:p>
          <w:p w:rsidR="00156FB3" w:rsidRDefault="00156FB3" w:rsidP="00156FB3">
            <w:r>
              <w:t xml:space="preserve">     * });</w:t>
            </w:r>
          </w:p>
          <w:p w:rsidR="00156FB3" w:rsidRDefault="00156FB3" w:rsidP="00156FB3">
            <w:r>
              <w:t xml:space="preserve">     * // =&gt; Logs 'c', 'b', then 'a' assuming `_.forIn` logs 'a', 'b', then 'c'.</w:t>
            </w:r>
          </w:p>
          <w:p w:rsidR="00156FB3" w:rsidRDefault="00156FB3" w:rsidP="00156FB3">
            <w:r>
              <w:t xml:space="preserve">     */</w:t>
            </w:r>
          </w:p>
          <w:p w:rsidR="00156FB3" w:rsidRDefault="00156FB3" w:rsidP="00156FB3">
            <w:r>
              <w:t xml:space="preserve">    function forInRight(object, iteratee) {</w:t>
            </w:r>
          </w:p>
          <w:p w:rsidR="00156FB3" w:rsidRDefault="00156FB3" w:rsidP="00156FB3">
            <w:r>
              <w:t xml:space="preserve">      return object == null</w:t>
            </w:r>
          </w:p>
          <w:p w:rsidR="00156FB3" w:rsidRDefault="00156FB3" w:rsidP="00156FB3">
            <w:r>
              <w:t xml:space="preserve">        ? object</w:t>
            </w:r>
          </w:p>
          <w:p w:rsidR="00156FB3" w:rsidRDefault="00156FB3" w:rsidP="00156FB3">
            <w:r>
              <w:t xml:space="preserve">        : baseForRight(object, getIteratee(iteratee, 3), keysIn);</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Iterates over own enumerable string keyed properties of an object and</w:t>
            </w:r>
          </w:p>
          <w:p w:rsidR="00156FB3" w:rsidRDefault="00156FB3" w:rsidP="00156FB3">
            <w:r>
              <w:lastRenderedPageBreak/>
              <w:t xml:space="preserve">     * invokes `iteratee` for each property. The iteratee is invoked with three</w:t>
            </w:r>
          </w:p>
          <w:p w:rsidR="00156FB3" w:rsidRDefault="00156FB3" w:rsidP="00156FB3">
            <w:r>
              <w:t xml:space="preserve">     * arguments: (value, key, object). Iteratee functions may exit iteration</w:t>
            </w:r>
          </w:p>
          <w:p w:rsidR="00156FB3" w:rsidRDefault="00156FB3" w:rsidP="00156FB3">
            <w:r>
              <w:t xml:space="preserve">     * early by explicitly returning `fals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3.0</w:t>
            </w:r>
          </w:p>
          <w:p w:rsidR="00156FB3" w:rsidRDefault="00156FB3" w:rsidP="00156FB3">
            <w:r>
              <w:t xml:space="preserve">     * @category Object</w:t>
            </w:r>
          </w:p>
          <w:p w:rsidR="00156FB3" w:rsidRDefault="00156FB3" w:rsidP="00156FB3">
            <w:r>
              <w:t xml:space="preserve">     * @param {Object} object The object to iterate over.</w:t>
            </w:r>
          </w:p>
          <w:p w:rsidR="00156FB3" w:rsidRDefault="00156FB3" w:rsidP="00156FB3">
            <w:r>
              <w:t xml:space="preserve">     * @param {Function} [iteratee=_.identity] The function invoked per iteration.</w:t>
            </w:r>
          </w:p>
          <w:p w:rsidR="00156FB3" w:rsidRDefault="00156FB3" w:rsidP="00156FB3">
            <w:r>
              <w:t xml:space="preserve">     * @returns {Object} Returns `object`.</w:t>
            </w:r>
          </w:p>
          <w:p w:rsidR="00156FB3" w:rsidRDefault="00156FB3" w:rsidP="00156FB3">
            <w:r>
              <w:t xml:space="preserve">     * @see _.forOwnRight</w:t>
            </w:r>
          </w:p>
          <w:p w:rsidR="00156FB3" w:rsidRDefault="00156FB3" w:rsidP="00156FB3">
            <w:r>
              <w:t xml:space="preserve">     * @example</w:t>
            </w:r>
          </w:p>
          <w:p w:rsidR="00156FB3" w:rsidRDefault="00156FB3" w:rsidP="00156FB3">
            <w:r>
              <w:t xml:space="preserve">     *</w:t>
            </w:r>
          </w:p>
          <w:p w:rsidR="00156FB3" w:rsidRDefault="00156FB3" w:rsidP="00156FB3">
            <w:r>
              <w:t xml:space="preserve">     * function Foo() {</w:t>
            </w:r>
          </w:p>
          <w:p w:rsidR="00156FB3" w:rsidRDefault="00156FB3" w:rsidP="00156FB3">
            <w:r>
              <w:t xml:space="preserve">     *   this.a = 1;</w:t>
            </w:r>
          </w:p>
          <w:p w:rsidR="00156FB3" w:rsidRDefault="00156FB3" w:rsidP="00156FB3">
            <w:r>
              <w:t xml:space="preserve">     *   this.b = 2;</w:t>
            </w:r>
          </w:p>
          <w:p w:rsidR="00156FB3" w:rsidRDefault="00156FB3" w:rsidP="00156FB3">
            <w:r>
              <w:t xml:space="preserve">     * }</w:t>
            </w:r>
          </w:p>
          <w:p w:rsidR="00156FB3" w:rsidRDefault="00156FB3" w:rsidP="00156FB3">
            <w:r>
              <w:t xml:space="preserve">     *</w:t>
            </w:r>
          </w:p>
          <w:p w:rsidR="00156FB3" w:rsidRDefault="00156FB3" w:rsidP="00156FB3">
            <w:r>
              <w:t xml:space="preserve">     * Foo.prototype.c = 3;</w:t>
            </w:r>
          </w:p>
          <w:p w:rsidR="00156FB3" w:rsidRDefault="00156FB3" w:rsidP="00156FB3">
            <w:r>
              <w:t xml:space="preserve">     *</w:t>
            </w:r>
          </w:p>
          <w:p w:rsidR="00156FB3" w:rsidRDefault="00156FB3" w:rsidP="00156FB3">
            <w:r>
              <w:t xml:space="preserve">     * _.forOwn(new Foo, function(value, key) {</w:t>
            </w:r>
          </w:p>
          <w:p w:rsidR="00156FB3" w:rsidRDefault="00156FB3" w:rsidP="00156FB3">
            <w:r>
              <w:t xml:space="preserve">     *   console.log(key);</w:t>
            </w:r>
          </w:p>
          <w:p w:rsidR="00156FB3" w:rsidRDefault="00156FB3" w:rsidP="00156FB3">
            <w:r>
              <w:t xml:space="preserve">     * });</w:t>
            </w:r>
          </w:p>
          <w:p w:rsidR="00156FB3" w:rsidRDefault="00156FB3" w:rsidP="00156FB3">
            <w:r>
              <w:t xml:space="preserve">     * // =&gt; Logs 'a' then 'b' (iteration order is not guaranteed).</w:t>
            </w:r>
          </w:p>
          <w:p w:rsidR="00156FB3" w:rsidRDefault="00156FB3" w:rsidP="00156FB3">
            <w:r>
              <w:t xml:space="preserve">     */</w:t>
            </w:r>
          </w:p>
          <w:p w:rsidR="00156FB3" w:rsidRDefault="00156FB3" w:rsidP="00156FB3">
            <w:r>
              <w:t xml:space="preserve">    function forOwn(object, iteratee) {</w:t>
            </w:r>
          </w:p>
          <w:p w:rsidR="00156FB3" w:rsidRDefault="00156FB3" w:rsidP="00156FB3">
            <w:r>
              <w:t xml:space="preserve">      return object &amp;&amp; baseForOwn(object, getIteratee(iteratee, 3));</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forOwn` except that it iterates over properties of</w:t>
            </w:r>
          </w:p>
          <w:p w:rsidR="00156FB3" w:rsidRDefault="00156FB3" w:rsidP="00156FB3">
            <w:r>
              <w:t xml:space="preserve">     * `object` in the opposite order.</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2.0.0</w:t>
            </w:r>
          </w:p>
          <w:p w:rsidR="00156FB3" w:rsidRDefault="00156FB3" w:rsidP="00156FB3">
            <w:r>
              <w:t xml:space="preserve">     * @category Object</w:t>
            </w:r>
          </w:p>
          <w:p w:rsidR="00156FB3" w:rsidRDefault="00156FB3" w:rsidP="00156FB3">
            <w:r>
              <w:t xml:space="preserve">     * @param {Object} object The object to iterate over.</w:t>
            </w:r>
          </w:p>
          <w:p w:rsidR="00156FB3" w:rsidRDefault="00156FB3" w:rsidP="00156FB3">
            <w:r>
              <w:t xml:space="preserve">     * @param {Function} [iteratee=_.identity] The function invoked per iteration.</w:t>
            </w:r>
          </w:p>
          <w:p w:rsidR="00156FB3" w:rsidRDefault="00156FB3" w:rsidP="00156FB3">
            <w:r>
              <w:t xml:space="preserve">     * @returns {Object} Returns `object`.</w:t>
            </w:r>
          </w:p>
          <w:p w:rsidR="00156FB3" w:rsidRDefault="00156FB3" w:rsidP="00156FB3">
            <w:r>
              <w:t xml:space="preserve">     * @see _.forOwn</w:t>
            </w:r>
          </w:p>
          <w:p w:rsidR="00156FB3" w:rsidRDefault="00156FB3" w:rsidP="00156FB3">
            <w:r>
              <w:t xml:space="preserve">     * @example</w:t>
            </w:r>
          </w:p>
          <w:p w:rsidR="00156FB3" w:rsidRDefault="00156FB3" w:rsidP="00156FB3">
            <w:r>
              <w:t xml:space="preserve">     *</w:t>
            </w:r>
          </w:p>
          <w:p w:rsidR="00156FB3" w:rsidRDefault="00156FB3" w:rsidP="00156FB3">
            <w:r>
              <w:t xml:space="preserve">     * function Foo() {</w:t>
            </w:r>
          </w:p>
          <w:p w:rsidR="00156FB3" w:rsidRDefault="00156FB3" w:rsidP="00156FB3">
            <w:r>
              <w:t xml:space="preserve">     *   this.a = 1;</w:t>
            </w:r>
          </w:p>
          <w:p w:rsidR="00156FB3" w:rsidRDefault="00156FB3" w:rsidP="00156FB3">
            <w:r>
              <w:t xml:space="preserve">     *   this.b = 2;</w:t>
            </w:r>
          </w:p>
          <w:p w:rsidR="00156FB3" w:rsidRDefault="00156FB3" w:rsidP="00156FB3">
            <w:r>
              <w:t xml:space="preserve">     * }</w:t>
            </w:r>
          </w:p>
          <w:p w:rsidR="00156FB3" w:rsidRDefault="00156FB3" w:rsidP="00156FB3">
            <w:r>
              <w:lastRenderedPageBreak/>
              <w:t xml:space="preserve">     *</w:t>
            </w:r>
          </w:p>
          <w:p w:rsidR="00156FB3" w:rsidRDefault="00156FB3" w:rsidP="00156FB3">
            <w:r>
              <w:t xml:space="preserve">     * Foo.prototype.c = 3;</w:t>
            </w:r>
          </w:p>
          <w:p w:rsidR="00156FB3" w:rsidRDefault="00156FB3" w:rsidP="00156FB3">
            <w:r>
              <w:t xml:space="preserve">     *</w:t>
            </w:r>
          </w:p>
          <w:p w:rsidR="00156FB3" w:rsidRDefault="00156FB3" w:rsidP="00156FB3">
            <w:r>
              <w:t xml:space="preserve">     * _.forOwnRight(new Foo, function(value, key) {</w:t>
            </w:r>
          </w:p>
          <w:p w:rsidR="00156FB3" w:rsidRDefault="00156FB3" w:rsidP="00156FB3">
            <w:r>
              <w:t xml:space="preserve">     *   console.log(key);</w:t>
            </w:r>
          </w:p>
          <w:p w:rsidR="00156FB3" w:rsidRDefault="00156FB3" w:rsidP="00156FB3">
            <w:r>
              <w:t xml:space="preserve">     * });</w:t>
            </w:r>
          </w:p>
          <w:p w:rsidR="00156FB3" w:rsidRDefault="00156FB3" w:rsidP="00156FB3">
            <w:r>
              <w:t xml:space="preserve">     * // =&gt; Logs 'b' then 'a' assuming `_.forOwn` logs 'a' then 'b'.</w:t>
            </w:r>
          </w:p>
          <w:p w:rsidR="00156FB3" w:rsidRDefault="00156FB3" w:rsidP="00156FB3">
            <w:r>
              <w:t xml:space="preserve">     */</w:t>
            </w:r>
          </w:p>
          <w:p w:rsidR="00156FB3" w:rsidRDefault="00156FB3" w:rsidP="00156FB3">
            <w:r>
              <w:t xml:space="preserve">    function forOwnRight(object, iteratee) {</w:t>
            </w:r>
          </w:p>
          <w:p w:rsidR="00156FB3" w:rsidRDefault="00156FB3" w:rsidP="00156FB3">
            <w:r>
              <w:t xml:space="preserve">      return object &amp;&amp; baseForOwnRight(object, getIteratee(iteratee, 3));</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of function property names from own enumerable properties</w:t>
            </w:r>
          </w:p>
          <w:p w:rsidR="00156FB3" w:rsidRDefault="00156FB3" w:rsidP="00156FB3">
            <w:r>
              <w:t xml:space="preserve">     * of `object`.</w:t>
            </w:r>
          </w:p>
          <w:p w:rsidR="00156FB3" w:rsidRDefault="00156FB3" w:rsidP="00156FB3">
            <w:r>
              <w:t xml:space="preserve">     *</w:t>
            </w:r>
          </w:p>
          <w:p w:rsidR="00156FB3" w:rsidRDefault="00156FB3" w:rsidP="00156FB3">
            <w:r>
              <w:t xml:space="preserve">     * @static</w:t>
            </w:r>
          </w:p>
          <w:p w:rsidR="00156FB3" w:rsidRDefault="00156FB3" w:rsidP="00156FB3">
            <w:r>
              <w:t xml:space="preserve">     * @since 0.1.0</w:t>
            </w:r>
          </w:p>
          <w:p w:rsidR="00156FB3" w:rsidRDefault="00156FB3" w:rsidP="00156FB3">
            <w:r>
              <w:t xml:space="preserve">     * @memberOf _</w:t>
            </w:r>
          </w:p>
          <w:p w:rsidR="00156FB3" w:rsidRDefault="00156FB3" w:rsidP="00156FB3">
            <w:r>
              <w:t xml:space="preserve">     * @category Object</w:t>
            </w:r>
          </w:p>
          <w:p w:rsidR="00156FB3" w:rsidRDefault="00156FB3" w:rsidP="00156FB3">
            <w:r>
              <w:t xml:space="preserve">     * @param {Object} object The object to inspect.</w:t>
            </w:r>
          </w:p>
          <w:p w:rsidR="00156FB3" w:rsidRDefault="00156FB3" w:rsidP="00156FB3">
            <w:r>
              <w:t xml:space="preserve">     * @returns {Array} Returns the function names.</w:t>
            </w:r>
          </w:p>
          <w:p w:rsidR="00156FB3" w:rsidRDefault="00156FB3" w:rsidP="00156FB3">
            <w:r>
              <w:t xml:space="preserve">     * @see _.functionsIn</w:t>
            </w:r>
          </w:p>
          <w:p w:rsidR="00156FB3" w:rsidRDefault="00156FB3" w:rsidP="00156FB3">
            <w:r>
              <w:t xml:space="preserve">     * @example</w:t>
            </w:r>
          </w:p>
          <w:p w:rsidR="00156FB3" w:rsidRDefault="00156FB3" w:rsidP="00156FB3">
            <w:r>
              <w:t xml:space="preserve">     *</w:t>
            </w:r>
          </w:p>
          <w:p w:rsidR="00156FB3" w:rsidRDefault="00156FB3" w:rsidP="00156FB3">
            <w:r>
              <w:t xml:space="preserve">     * function Foo() {</w:t>
            </w:r>
          </w:p>
          <w:p w:rsidR="00156FB3" w:rsidRDefault="00156FB3" w:rsidP="00156FB3">
            <w:r>
              <w:t xml:space="preserve">     *   this.a = _.constant('a');</w:t>
            </w:r>
          </w:p>
          <w:p w:rsidR="00156FB3" w:rsidRDefault="00156FB3" w:rsidP="00156FB3">
            <w:r>
              <w:t xml:space="preserve">     *   this.b = _.constant('b');</w:t>
            </w:r>
          </w:p>
          <w:p w:rsidR="00156FB3" w:rsidRDefault="00156FB3" w:rsidP="00156FB3">
            <w:r>
              <w:t xml:space="preserve">     * }</w:t>
            </w:r>
          </w:p>
          <w:p w:rsidR="00156FB3" w:rsidRDefault="00156FB3" w:rsidP="00156FB3">
            <w:r>
              <w:t xml:space="preserve">     *</w:t>
            </w:r>
          </w:p>
          <w:p w:rsidR="00156FB3" w:rsidRDefault="00156FB3" w:rsidP="00156FB3">
            <w:r>
              <w:t xml:space="preserve">     * Foo.prototype.c = _.constant('c');</w:t>
            </w:r>
          </w:p>
          <w:p w:rsidR="00156FB3" w:rsidRDefault="00156FB3" w:rsidP="00156FB3">
            <w:r>
              <w:t xml:space="preserve">     *</w:t>
            </w:r>
          </w:p>
          <w:p w:rsidR="00156FB3" w:rsidRDefault="00156FB3" w:rsidP="00156FB3">
            <w:r>
              <w:t xml:space="preserve">     * _.functions(new Foo);</w:t>
            </w:r>
          </w:p>
          <w:p w:rsidR="00156FB3" w:rsidRDefault="00156FB3" w:rsidP="00156FB3">
            <w:r>
              <w:t xml:space="preserve">     * // =&gt; ['a', 'b']</w:t>
            </w:r>
          </w:p>
          <w:p w:rsidR="00156FB3" w:rsidRDefault="00156FB3" w:rsidP="00156FB3">
            <w:r>
              <w:t xml:space="preserve">     */</w:t>
            </w:r>
          </w:p>
          <w:p w:rsidR="00156FB3" w:rsidRDefault="00156FB3" w:rsidP="00156FB3">
            <w:r>
              <w:t xml:space="preserve">    function functions(object) {</w:t>
            </w:r>
          </w:p>
          <w:p w:rsidR="00156FB3" w:rsidRDefault="00156FB3" w:rsidP="00156FB3">
            <w:r>
              <w:t xml:space="preserve">      return object == null ? [] : baseFunctions(object, keys(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of function property names from own and inherited</w:t>
            </w:r>
          </w:p>
          <w:p w:rsidR="00156FB3" w:rsidRDefault="00156FB3" w:rsidP="00156FB3">
            <w:r>
              <w:t xml:space="preserve">     * enumerable properties of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Object</w:t>
            </w:r>
          </w:p>
          <w:p w:rsidR="00156FB3" w:rsidRDefault="00156FB3" w:rsidP="00156FB3">
            <w:r>
              <w:t xml:space="preserve">     * @param {Object} object The object to inspect.</w:t>
            </w:r>
          </w:p>
          <w:p w:rsidR="00156FB3" w:rsidRDefault="00156FB3" w:rsidP="00156FB3">
            <w:r>
              <w:lastRenderedPageBreak/>
              <w:t xml:space="preserve">     * @returns {Array} Returns the function names.</w:t>
            </w:r>
          </w:p>
          <w:p w:rsidR="00156FB3" w:rsidRDefault="00156FB3" w:rsidP="00156FB3">
            <w:r>
              <w:t xml:space="preserve">     * @see _.functions</w:t>
            </w:r>
          </w:p>
          <w:p w:rsidR="00156FB3" w:rsidRDefault="00156FB3" w:rsidP="00156FB3">
            <w:r>
              <w:t xml:space="preserve">     * @example</w:t>
            </w:r>
          </w:p>
          <w:p w:rsidR="00156FB3" w:rsidRDefault="00156FB3" w:rsidP="00156FB3">
            <w:r>
              <w:t xml:space="preserve">     *</w:t>
            </w:r>
          </w:p>
          <w:p w:rsidR="00156FB3" w:rsidRDefault="00156FB3" w:rsidP="00156FB3">
            <w:r>
              <w:t xml:space="preserve">     * function Foo() {</w:t>
            </w:r>
          </w:p>
          <w:p w:rsidR="00156FB3" w:rsidRDefault="00156FB3" w:rsidP="00156FB3">
            <w:r>
              <w:t xml:space="preserve">     *   this.a = _.constant('a');</w:t>
            </w:r>
          </w:p>
          <w:p w:rsidR="00156FB3" w:rsidRDefault="00156FB3" w:rsidP="00156FB3">
            <w:r>
              <w:t xml:space="preserve">     *   this.b = _.constant('b');</w:t>
            </w:r>
          </w:p>
          <w:p w:rsidR="00156FB3" w:rsidRDefault="00156FB3" w:rsidP="00156FB3">
            <w:r>
              <w:t xml:space="preserve">     * }</w:t>
            </w:r>
          </w:p>
          <w:p w:rsidR="00156FB3" w:rsidRDefault="00156FB3" w:rsidP="00156FB3">
            <w:r>
              <w:t xml:space="preserve">     *</w:t>
            </w:r>
          </w:p>
          <w:p w:rsidR="00156FB3" w:rsidRDefault="00156FB3" w:rsidP="00156FB3">
            <w:r>
              <w:t xml:space="preserve">     * Foo.prototype.c = _.constant('c');</w:t>
            </w:r>
          </w:p>
          <w:p w:rsidR="00156FB3" w:rsidRDefault="00156FB3" w:rsidP="00156FB3">
            <w:r>
              <w:t xml:space="preserve">     *</w:t>
            </w:r>
          </w:p>
          <w:p w:rsidR="00156FB3" w:rsidRDefault="00156FB3" w:rsidP="00156FB3">
            <w:r>
              <w:t xml:space="preserve">     * _.functionsIn(new Foo);</w:t>
            </w:r>
          </w:p>
          <w:p w:rsidR="00156FB3" w:rsidRDefault="00156FB3" w:rsidP="00156FB3">
            <w:r>
              <w:t xml:space="preserve">     * // =&gt; ['a', 'b', 'c']</w:t>
            </w:r>
          </w:p>
          <w:p w:rsidR="00156FB3" w:rsidRDefault="00156FB3" w:rsidP="00156FB3">
            <w:r>
              <w:t xml:space="preserve">     */</w:t>
            </w:r>
          </w:p>
          <w:p w:rsidR="00156FB3" w:rsidRDefault="00156FB3" w:rsidP="00156FB3">
            <w:r>
              <w:t xml:space="preserve">    function functionsIn(object) {</w:t>
            </w:r>
          </w:p>
          <w:p w:rsidR="00156FB3" w:rsidRDefault="00156FB3" w:rsidP="00156FB3">
            <w:r>
              <w:t xml:space="preserve">      return object == null ? [] : baseFunctions(object, keysIn(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ts the value at `path` of `object`. If the resolved value is</w:t>
            </w:r>
          </w:p>
          <w:p w:rsidR="00156FB3" w:rsidRDefault="00156FB3" w:rsidP="00156FB3">
            <w:r>
              <w:t xml:space="preserve">     * `undefined`, the `defaultValue` is returned in its plac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7.0</w:t>
            </w:r>
          </w:p>
          <w:p w:rsidR="00156FB3" w:rsidRDefault="00156FB3" w:rsidP="00156FB3">
            <w:r>
              <w:t xml:space="preserve">     * @category Object</w:t>
            </w:r>
          </w:p>
          <w:p w:rsidR="00156FB3" w:rsidRDefault="00156FB3" w:rsidP="00156FB3">
            <w:r>
              <w:t xml:space="preserve">     * @param {Object} object The object to query.</w:t>
            </w:r>
          </w:p>
          <w:p w:rsidR="00156FB3" w:rsidRDefault="00156FB3" w:rsidP="00156FB3">
            <w:r>
              <w:t xml:space="preserve">     * @param {Array|string} path The path of the property to get.</w:t>
            </w:r>
          </w:p>
          <w:p w:rsidR="00156FB3" w:rsidRDefault="00156FB3" w:rsidP="00156FB3">
            <w:r>
              <w:t xml:space="preserve">     * @param {*} [defaultValue] The value returned for `undefined` resolved values.</w:t>
            </w:r>
          </w:p>
          <w:p w:rsidR="00156FB3" w:rsidRDefault="00156FB3" w:rsidP="00156FB3">
            <w:r>
              <w:t xml:space="preserve">     * @returns {*} Returns the resolved value.</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 'a': [{ 'b': { 'c': 3 } }] };</w:t>
            </w:r>
          </w:p>
          <w:p w:rsidR="00156FB3" w:rsidRDefault="00156FB3" w:rsidP="00156FB3">
            <w:r>
              <w:t xml:space="preserve">     *</w:t>
            </w:r>
          </w:p>
          <w:p w:rsidR="00156FB3" w:rsidRDefault="00156FB3" w:rsidP="00156FB3">
            <w:r>
              <w:t xml:space="preserve">     * _.get(object, 'a[0].b.c');</w:t>
            </w:r>
          </w:p>
          <w:p w:rsidR="00156FB3" w:rsidRDefault="00156FB3" w:rsidP="00156FB3">
            <w:r>
              <w:t xml:space="preserve">     * // =&gt; 3</w:t>
            </w:r>
          </w:p>
          <w:p w:rsidR="00156FB3" w:rsidRDefault="00156FB3" w:rsidP="00156FB3">
            <w:r>
              <w:t xml:space="preserve">     *</w:t>
            </w:r>
          </w:p>
          <w:p w:rsidR="00156FB3" w:rsidRDefault="00156FB3" w:rsidP="00156FB3">
            <w:r>
              <w:t xml:space="preserve">     * _.get(object, ['a', '0', 'b', 'c']);</w:t>
            </w:r>
          </w:p>
          <w:p w:rsidR="00156FB3" w:rsidRDefault="00156FB3" w:rsidP="00156FB3">
            <w:r>
              <w:t xml:space="preserve">     * // =&gt; 3</w:t>
            </w:r>
          </w:p>
          <w:p w:rsidR="00156FB3" w:rsidRDefault="00156FB3" w:rsidP="00156FB3">
            <w:r>
              <w:t xml:space="preserve">     *</w:t>
            </w:r>
          </w:p>
          <w:p w:rsidR="00156FB3" w:rsidRDefault="00156FB3" w:rsidP="00156FB3">
            <w:r>
              <w:t xml:space="preserve">     * _.get(object, 'a.b.c', 'default');</w:t>
            </w:r>
          </w:p>
          <w:p w:rsidR="00156FB3" w:rsidRDefault="00156FB3" w:rsidP="00156FB3">
            <w:r>
              <w:t xml:space="preserve">     * // =&gt; 'default'</w:t>
            </w:r>
          </w:p>
          <w:p w:rsidR="00156FB3" w:rsidRDefault="00156FB3" w:rsidP="00156FB3">
            <w:r>
              <w:t xml:space="preserve">     */</w:t>
            </w:r>
          </w:p>
          <w:p w:rsidR="00156FB3" w:rsidRDefault="00156FB3" w:rsidP="00156FB3">
            <w:r>
              <w:t xml:space="preserve">    function get(object, path, defaultValue) {</w:t>
            </w:r>
          </w:p>
          <w:p w:rsidR="00156FB3" w:rsidRDefault="00156FB3" w:rsidP="00156FB3">
            <w:r>
              <w:t xml:space="preserve">      var result = object == null ? undefined : baseGet(object, path);</w:t>
            </w:r>
          </w:p>
          <w:p w:rsidR="00156FB3" w:rsidRDefault="00156FB3" w:rsidP="00156FB3">
            <w:r>
              <w:t xml:space="preserve">      return result === undefined ? defaultValue : result;</w:t>
            </w:r>
          </w:p>
          <w:p w:rsidR="00156FB3" w:rsidRDefault="00156FB3" w:rsidP="00156FB3">
            <w:r>
              <w:t xml:space="preserve">    }</w:t>
            </w:r>
          </w:p>
          <w:p w:rsidR="00156FB3" w:rsidRDefault="00156FB3" w:rsidP="00156FB3"/>
          <w:p w:rsidR="00156FB3" w:rsidRDefault="00156FB3" w:rsidP="00156FB3">
            <w:r>
              <w:lastRenderedPageBreak/>
              <w:t xml:space="preserve">    /**</w:t>
            </w:r>
          </w:p>
          <w:p w:rsidR="00156FB3" w:rsidRDefault="00156FB3" w:rsidP="00156FB3">
            <w:r>
              <w:t xml:space="preserve">     * Checks if `path` is a direct property of `object`.</w:t>
            </w:r>
          </w:p>
          <w:p w:rsidR="00156FB3" w:rsidRDefault="00156FB3" w:rsidP="00156FB3">
            <w:r>
              <w:t xml:space="preserve">     *</w:t>
            </w:r>
          </w:p>
          <w:p w:rsidR="00156FB3" w:rsidRDefault="00156FB3" w:rsidP="00156FB3">
            <w:r>
              <w:t xml:space="preserve">     * @static</w:t>
            </w:r>
          </w:p>
          <w:p w:rsidR="00156FB3" w:rsidRDefault="00156FB3" w:rsidP="00156FB3">
            <w:r>
              <w:t xml:space="preserve">     * @since 0.1.0</w:t>
            </w:r>
          </w:p>
          <w:p w:rsidR="00156FB3" w:rsidRDefault="00156FB3" w:rsidP="00156FB3">
            <w:r>
              <w:t xml:space="preserve">     * @memberOf _</w:t>
            </w:r>
          </w:p>
          <w:p w:rsidR="00156FB3" w:rsidRDefault="00156FB3" w:rsidP="00156FB3">
            <w:r>
              <w:t xml:space="preserve">     * @category Object</w:t>
            </w:r>
          </w:p>
          <w:p w:rsidR="00156FB3" w:rsidRDefault="00156FB3" w:rsidP="00156FB3">
            <w:r>
              <w:t xml:space="preserve">     * @param {Object} object The object to query.</w:t>
            </w:r>
          </w:p>
          <w:p w:rsidR="00156FB3" w:rsidRDefault="00156FB3" w:rsidP="00156FB3">
            <w:r>
              <w:t xml:space="preserve">     * @param {Array|string} path The path to check.</w:t>
            </w:r>
          </w:p>
          <w:p w:rsidR="00156FB3" w:rsidRDefault="00156FB3" w:rsidP="00156FB3">
            <w:r>
              <w:t xml:space="preserve">     * @returns {boolean} Returns `true` if `path` exists,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 'a': { 'b': 2 } };</w:t>
            </w:r>
          </w:p>
          <w:p w:rsidR="00156FB3" w:rsidRDefault="00156FB3" w:rsidP="00156FB3">
            <w:r>
              <w:t xml:space="preserve">     * var other = _.create({ 'a': _.create({ 'b': 2 }) });</w:t>
            </w:r>
          </w:p>
          <w:p w:rsidR="00156FB3" w:rsidRDefault="00156FB3" w:rsidP="00156FB3">
            <w:r>
              <w:t xml:space="preserve">     *</w:t>
            </w:r>
          </w:p>
          <w:p w:rsidR="00156FB3" w:rsidRDefault="00156FB3" w:rsidP="00156FB3">
            <w:r>
              <w:t xml:space="preserve">     * _.has(object, 'a');</w:t>
            </w:r>
          </w:p>
          <w:p w:rsidR="00156FB3" w:rsidRDefault="00156FB3" w:rsidP="00156FB3">
            <w:r>
              <w:t xml:space="preserve">     * // =&gt; true</w:t>
            </w:r>
          </w:p>
          <w:p w:rsidR="00156FB3" w:rsidRDefault="00156FB3" w:rsidP="00156FB3">
            <w:r>
              <w:t xml:space="preserve">     *</w:t>
            </w:r>
          </w:p>
          <w:p w:rsidR="00156FB3" w:rsidRDefault="00156FB3" w:rsidP="00156FB3">
            <w:r>
              <w:t xml:space="preserve">     * _.has(object, 'a.b');</w:t>
            </w:r>
          </w:p>
          <w:p w:rsidR="00156FB3" w:rsidRDefault="00156FB3" w:rsidP="00156FB3">
            <w:r>
              <w:t xml:space="preserve">     * // =&gt; true</w:t>
            </w:r>
          </w:p>
          <w:p w:rsidR="00156FB3" w:rsidRDefault="00156FB3" w:rsidP="00156FB3">
            <w:r>
              <w:t xml:space="preserve">     *</w:t>
            </w:r>
          </w:p>
          <w:p w:rsidR="00156FB3" w:rsidRDefault="00156FB3" w:rsidP="00156FB3">
            <w:r>
              <w:t xml:space="preserve">     * _.has(object, ['a', 'b']);</w:t>
            </w:r>
          </w:p>
          <w:p w:rsidR="00156FB3" w:rsidRDefault="00156FB3" w:rsidP="00156FB3">
            <w:r>
              <w:t xml:space="preserve">     * // =&gt; true</w:t>
            </w:r>
          </w:p>
          <w:p w:rsidR="00156FB3" w:rsidRDefault="00156FB3" w:rsidP="00156FB3">
            <w:r>
              <w:t xml:space="preserve">     *</w:t>
            </w:r>
          </w:p>
          <w:p w:rsidR="00156FB3" w:rsidRDefault="00156FB3" w:rsidP="00156FB3">
            <w:r>
              <w:t xml:space="preserve">     * _.has(other, 'a');</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has(object, path) {</w:t>
            </w:r>
          </w:p>
          <w:p w:rsidR="00156FB3" w:rsidRDefault="00156FB3" w:rsidP="00156FB3">
            <w:r>
              <w:t xml:space="preserve">      return object != null &amp;&amp; hasPath(object, path, baseHa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path` is a direct or inherited property of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Object</w:t>
            </w:r>
          </w:p>
          <w:p w:rsidR="00156FB3" w:rsidRDefault="00156FB3" w:rsidP="00156FB3">
            <w:r>
              <w:t xml:space="preserve">     * @param {Object} object The object to query.</w:t>
            </w:r>
          </w:p>
          <w:p w:rsidR="00156FB3" w:rsidRDefault="00156FB3" w:rsidP="00156FB3">
            <w:r>
              <w:t xml:space="preserve">     * @param {Array|string} path The path to check.</w:t>
            </w:r>
          </w:p>
          <w:p w:rsidR="00156FB3" w:rsidRDefault="00156FB3" w:rsidP="00156FB3">
            <w:r>
              <w:t xml:space="preserve">     * @returns {boolean} Returns `true` if `path` exists,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_.create({ 'a': _.create({ 'b': 2 }) });</w:t>
            </w:r>
          </w:p>
          <w:p w:rsidR="00156FB3" w:rsidRDefault="00156FB3" w:rsidP="00156FB3">
            <w:r>
              <w:t xml:space="preserve">     *</w:t>
            </w:r>
          </w:p>
          <w:p w:rsidR="00156FB3" w:rsidRDefault="00156FB3" w:rsidP="00156FB3">
            <w:r>
              <w:t xml:space="preserve">     * _.hasIn(object, 'a');</w:t>
            </w:r>
          </w:p>
          <w:p w:rsidR="00156FB3" w:rsidRDefault="00156FB3" w:rsidP="00156FB3">
            <w:r>
              <w:t xml:space="preserve">     * // =&gt; true</w:t>
            </w:r>
          </w:p>
          <w:p w:rsidR="00156FB3" w:rsidRDefault="00156FB3" w:rsidP="00156FB3">
            <w:r>
              <w:t xml:space="preserve">     *</w:t>
            </w:r>
          </w:p>
          <w:p w:rsidR="00156FB3" w:rsidRDefault="00156FB3" w:rsidP="00156FB3">
            <w:r>
              <w:lastRenderedPageBreak/>
              <w:t xml:space="preserve">     * _.hasIn(object, 'a.b');</w:t>
            </w:r>
          </w:p>
          <w:p w:rsidR="00156FB3" w:rsidRDefault="00156FB3" w:rsidP="00156FB3">
            <w:r>
              <w:t xml:space="preserve">     * // =&gt; true</w:t>
            </w:r>
          </w:p>
          <w:p w:rsidR="00156FB3" w:rsidRDefault="00156FB3" w:rsidP="00156FB3">
            <w:r>
              <w:t xml:space="preserve">     *</w:t>
            </w:r>
          </w:p>
          <w:p w:rsidR="00156FB3" w:rsidRDefault="00156FB3" w:rsidP="00156FB3">
            <w:r>
              <w:t xml:space="preserve">     * _.hasIn(object, ['a', 'b']);</w:t>
            </w:r>
          </w:p>
          <w:p w:rsidR="00156FB3" w:rsidRDefault="00156FB3" w:rsidP="00156FB3">
            <w:r>
              <w:t xml:space="preserve">     * // =&gt; true</w:t>
            </w:r>
          </w:p>
          <w:p w:rsidR="00156FB3" w:rsidRDefault="00156FB3" w:rsidP="00156FB3">
            <w:r>
              <w:t xml:space="preserve">     *</w:t>
            </w:r>
          </w:p>
          <w:p w:rsidR="00156FB3" w:rsidRDefault="00156FB3" w:rsidP="00156FB3">
            <w:r>
              <w:t xml:space="preserve">     * _.hasIn(object, 'b');</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hasIn(object, path) {</w:t>
            </w:r>
          </w:p>
          <w:p w:rsidR="00156FB3" w:rsidRDefault="00156FB3" w:rsidP="00156FB3">
            <w:r>
              <w:t xml:space="preserve">      return object != null &amp;&amp; hasPath(object, path, baseHasIn);</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object composed of the inverted keys and values of `object`.</w:t>
            </w:r>
          </w:p>
          <w:p w:rsidR="00156FB3" w:rsidRDefault="00156FB3" w:rsidP="00156FB3">
            <w:r>
              <w:t xml:space="preserve">     * If `object` contains duplicate values, subsequent values overwrite</w:t>
            </w:r>
          </w:p>
          <w:p w:rsidR="00156FB3" w:rsidRDefault="00156FB3" w:rsidP="00156FB3">
            <w:r>
              <w:t xml:space="preserve">     * property assignments of previous value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7.0</w:t>
            </w:r>
          </w:p>
          <w:p w:rsidR="00156FB3" w:rsidRDefault="00156FB3" w:rsidP="00156FB3">
            <w:r>
              <w:t xml:space="preserve">     * @category Object</w:t>
            </w:r>
          </w:p>
          <w:p w:rsidR="00156FB3" w:rsidRDefault="00156FB3" w:rsidP="00156FB3">
            <w:r>
              <w:t xml:space="preserve">     * @param {Object} object The object to invert.</w:t>
            </w:r>
          </w:p>
          <w:p w:rsidR="00156FB3" w:rsidRDefault="00156FB3" w:rsidP="00156FB3">
            <w:r>
              <w:t xml:space="preserve">     * @returns {Object} Returns the new inverted object.</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 'a': 1, 'b': 2, 'c': 1 };</w:t>
            </w:r>
          </w:p>
          <w:p w:rsidR="00156FB3" w:rsidRDefault="00156FB3" w:rsidP="00156FB3">
            <w:r>
              <w:t xml:space="preserve">     *</w:t>
            </w:r>
          </w:p>
          <w:p w:rsidR="00156FB3" w:rsidRDefault="00156FB3" w:rsidP="00156FB3">
            <w:r>
              <w:t xml:space="preserve">     * _.invert(object);</w:t>
            </w:r>
          </w:p>
          <w:p w:rsidR="00156FB3" w:rsidRDefault="00156FB3" w:rsidP="00156FB3">
            <w:r>
              <w:t xml:space="preserve">     * // =&gt; { '1': 'c', '2': 'b' }</w:t>
            </w:r>
          </w:p>
          <w:p w:rsidR="00156FB3" w:rsidRDefault="00156FB3" w:rsidP="00156FB3">
            <w:r>
              <w:t xml:space="preserve">     */</w:t>
            </w:r>
          </w:p>
          <w:p w:rsidR="00156FB3" w:rsidRDefault="00156FB3" w:rsidP="00156FB3">
            <w:r>
              <w:t xml:space="preserve">    var invert = createInverter(function(result, value, key) {</w:t>
            </w:r>
          </w:p>
          <w:p w:rsidR="00156FB3" w:rsidRDefault="00156FB3" w:rsidP="00156FB3">
            <w:r>
              <w:t xml:space="preserve">      if (value != null &amp;&amp;</w:t>
            </w:r>
          </w:p>
          <w:p w:rsidR="00156FB3" w:rsidRDefault="00156FB3" w:rsidP="00156FB3">
            <w:r>
              <w:t xml:space="preserve">          typeof value.toString != 'function') {</w:t>
            </w:r>
          </w:p>
          <w:p w:rsidR="00156FB3" w:rsidRDefault="00156FB3" w:rsidP="00156FB3">
            <w:r>
              <w:t xml:space="preserve">        value = nativeObjectToString.call(value);</w:t>
            </w:r>
          </w:p>
          <w:p w:rsidR="00156FB3" w:rsidRDefault="00156FB3" w:rsidP="00156FB3">
            <w:r>
              <w:t xml:space="preserve">      }</w:t>
            </w:r>
          </w:p>
          <w:p w:rsidR="00156FB3" w:rsidRDefault="00156FB3" w:rsidP="00156FB3"/>
          <w:p w:rsidR="00156FB3" w:rsidRDefault="00156FB3" w:rsidP="00156FB3">
            <w:r>
              <w:t xml:space="preserve">      result[value] = key;</w:t>
            </w:r>
          </w:p>
          <w:p w:rsidR="00156FB3" w:rsidRDefault="00156FB3" w:rsidP="00156FB3">
            <w:r>
              <w:t xml:space="preserve">    }, constant(identity));</w:t>
            </w:r>
          </w:p>
          <w:p w:rsidR="00156FB3" w:rsidRDefault="00156FB3" w:rsidP="00156FB3"/>
          <w:p w:rsidR="00156FB3" w:rsidRDefault="00156FB3" w:rsidP="00156FB3">
            <w:r>
              <w:t xml:space="preserve">    /**</w:t>
            </w:r>
          </w:p>
          <w:p w:rsidR="00156FB3" w:rsidRDefault="00156FB3" w:rsidP="00156FB3">
            <w:r>
              <w:t xml:space="preserve">     * This method is like `_.invert` except that the inverted object is generated</w:t>
            </w:r>
          </w:p>
          <w:p w:rsidR="00156FB3" w:rsidRDefault="00156FB3" w:rsidP="00156FB3">
            <w:r>
              <w:t xml:space="preserve">     * from the results of running each element of `object` thru `iteratee`. The</w:t>
            </w:r>
          </w:p>
          <w:p w:rsidR="00156FB3" w:rsidRDefault="00156FB3" w:rsidP="00156FB3">
            <w:r>
              <w:t xml:space="preserve">     * corresponding inverted value of each inverted key is an array of keys</w:t>
            </w:r>
          </w:p>
          <w:p w:rsidR="00156FB3" w:rsidRDefault="00156FB3" w:rsidP="00156FB3">
            <w:r>
              <w:t xml:space="preserve">     * responsible for generating the inverted value. The iteratee is invoked</w:t>
            </w:r>
          </w:p>
          <w:p w:rsidR="00156FB3" w:rsidRDefault="00156FB3" w:rsidP="00156FB3">
            <w:r>
              <w:t xml:space="preserve">     * with one argument: (value).</w:t>
            </w:r>
          </w:p>
          <w:p w:rsidR="00156FB3" w:rsidRDefault="00156FB3" w:rsidP="00156FB3">
            <w:r>
              <w:t xml:space="preserve">     *</w:t>
            </w:r>
          </w:p>
          <w:p w:rsidR="00156FB3" w:rsidRDefault="00156FB3" w:rsidP="00156FB3">
            <w:r>
              <w:t xml:space="preserve">     * @static</w:t>
            </w:r>
          </w:p>
          <w:p w:rsidR="00156FB3" w:rsidRDefault="00156FB3" w:rsidP="00156FB3">
            <w:r>
              <w:lastRenderedPageBreak/>
              <w:t xml:space="preserve">     * @memberOf _</w:t>
            </w:r>
          </w:p>
          <w:p w:rsidR="00156FB3" w:rsidRDefault="00156FB3" w:rsidP="00156FB3">
            <w:r>
              <w:t xml:space="preserve">     * @since 4.1.0</w:t>
            </w:r>
          </w:p>
          <w:p w:rsidR="00156FB3" w:rsidRDefault="00156FB3" w:rsidP="00156FB3">
            <w:r>
              <w:t xml:space="preserve">     * @category Object</w:t>
            </w:r>
          </w:p>
          <w:p w:rsidR="00156FB3" w:rsidRDefault="00156FB3" w:rsidP="00156FB3">
            <w:r>
              <w:t xml:space="preserve">     * @param {Object} object The object to invert.</w:t>
            </w:r>
          </w:p>
          <w:p w:rsidR="00156FB3" w:rsidRDefault="00156FB3" w:rsidP="00156FB3">
            <w:r>
              <w:t xml:space="preserve">     * @param {Function} [iteratee=_.identity] The iteratee invoked per element.</w:t>
            </w:r>
          </w:p>
          <w:p w:rsidR="00156FB3" w:rsidRDefault="00156FB3" w:rsidP="00156FB3">
            <w:r>
              <w:t xml:space="preserve">     * @returns {Object} Returns the new inverted object.</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 'a': 1, 'b': 2, 'c': 1 };</w:t>
            </w:r>
          </w:p>
          <w:p w:rsidR="00156FB3" w:rsidRDefault="00156FB3" w:rsidP="00156FB3">
            <w:r>
              <w:t xml:space="preserve">     *</w:t>
            </w:r>
          </w:p>
          <w:p w:rsidR="00156FB3" w:rsidRDefault="00156FB3" w:rsidP="00156FB3">
            <w:r>
              <w:t xml:space="preserve">     * _.invertBy(object);</w:t>
            </w:r>
          </w:p>
          <w:p w:rsidR="00156FB3" w:rsidRDefault="00156FB3" w:rsidP="00156FB3">
            <w:r>
              <w:t xml:space="preserve">     * // =&gt; { '1': ['a', 'c'], '2': ['b'] }</w:t>
            </w:r>
          </w:p>
          <w:p w:rsidR="00156FB3" w:rsidRDefault="00156FB3" w:rsidP="00156FB3">
            <w:r>
              <w:t xml:space="preserve">     *</w:t>
            </w:r>
          </w:p>
          <w:p w:rsidR="00156FB3" w:rsidRDefault="00156FB3" w:rsidP="00156FB3">
            <w:r>
              <w:t xml:space="preserve">     * _.invertBy(object, function(value) {</w:t>
            </w:r>
          </w:p>
          <w:p w:rsidR="00156FB3" w:rsidRDefault="00156FB3" w:rsidP="00156FB3">
            <w:r>
              <w:t xml:space="preserve">     *   return 'group' + value;</w:t>
            </w:r>
          </w:p>
          <w:p w:rsidR="00156FB3" w:rsidRDefault="00156FB3" w:rsidP="00156FB3">
            <w:r>
              <w:t xml:space="preserve">     * });</w:t>
            </w:r>
          </w:p>
          <w:p w:rsidR="00156FB3" w:rsidRDefault="00156FB3" w:rsidP="00156FB3">
            <w:r>
              <w:t xml:space="preserve">     * // =&gt; { 'group1': ['a', 'c'], 'group2': ['b'] }</w:t>
            </w:r>
          </w:p>
          <w:p w:rsidR="00156FB3" w:rsidRDefault="00156FB3" w:rsidP="00156FB3">
            <w:r>
              <w:t xml:space="preserve">     */</w:t>
            </w:r>
          </w:p>
          <w:p w:rsidR="00156FB3" w:rsidRDefault="00156FB3" w:rsidP="00156FB3">
            <w:r>
              <w:t xml:space="preserve">    var invertBy = createInverter(function(result, value, key) {</w:t>
            </w:r>
          </w:p>
          <w:p w:rsidR="00156FB3" w:rsidRDefault="00156FB3" w:rsidP="00156FB3">
            <w:r>
              <w:t xml:space="preserve">      if (value != null &amp;&amp;</w:t>
            </w:r>
          </w:p>
          <w:p w:rsidR="00156FB3" w:rsidRDefault="00156FB3" w:rsidP="00156FB3">
            <w:r>
              <w:t xml:space="preserve">          typeof value.toString != 'function') {</w:t>
            </w:r>
          </w:p>
          <w:p w:rsidR="00156FB3" w:rsidRDefault="00156FB3" w:rsidP="00156FB3">
            <w:r>
              <w:t xml:space="preserve">        value = nativeObjectToString.call(value);</w:t>
            </w:r>
          </w:p>
          <w:p w:rsidR="00156FB3" w:rsidRDefault="00156FB3" w:rsidP="00156FB3">
            <w:r>
              <w:t xml:space="preserve">      }</w:t>
            </w:r>
          </w:p>
          <w:p w:rsidR="00156FB3" w:rsidRDefault="00156FB3" w:rsidP="00156FB3"/>
          <w:p w:rsidR="00156FB3" w:rsidRDefault="00156FB3" w:rsidP="00156FB3">
            <w:r>
              <w:t xml:space="preserve">      if (hasOwnProperty.call(result, value)) {</w:t>
            </w:r>
          </w:p>
          <w:p w:rsidR="00156FB3" w:rsidRDefault="00156FB3" w:rsidP="00156FB3">
            <w:r>
              <w:t xml:space="preserve">        result[value].push(key);</w:t>
            </w:r>
          </w:p>
          <w:p w:rsidR="00156FB3" w:rsidRDefault="00156FB3" w:rsidP="00156FB3">
            <w:r>
              <w:t xml:space="preserve">      } else {</w:t>
            </w:r>
          </w:p>
          <w:p w:rsidR="00156FB3" w:rsidRDefault="00156FB3" w:rsidP="00156FB3">
            <w:r>
              <w:t xml:space="preserve">        result[value] = [key];</w:t>
            </w:r>
          </w:p>
          <w:p w:rsidR="00156FB3" w:rsidRDefault="00156FB3" w:rsidP="00156FB3">
            <w:r>
              <w:t xml:space="preserve">      }</w:t>
            </w:r>
          </w:p>
          <w:p w:rsidR="00156FB3" w:rsidRDefault="00156FB3" w:rsidP="00156FB3">
            <w:r>
              <w:t xml:space="preserve">    }, getIteratee);</w:t>
            </w:r>
          </w:p>
          <w:p w:rsidR="00156FB3" w:rsidRDefault="00156FB3" w:rsidP="00156FB3"/>
          <w:p w:rsidR="00156FB3" w:rsidRDefault="00156FB3" w:rsidP="00156FB3">
            <w:r>
              <w:t xml:space="preserve">    /**</w:t>
            </w:r>
          </w:p>
          <w:p w:rsidR="00156FB3" w:rsidRDefault="00156FB3" w:rsidP="00156FB3">
            <w:r>
              <w:t xml:space="preserve">     * Invokes the method at `path` of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Object</w:t>
            </w:r>
          </w:p>
          <w:p w:rsidR="00156FB3" w:rsidRDefault="00156FB3" w:rsidP="00156FB3">
            <w:r>
              <w:t xml:space="preserve">     * @param {Object} object The object to query.</w:t>
            </w:r>
          </w:p>
          <w:p w:rsidR="00156FB3" w:rsidRDefault="00156FB3" w:rsidP="00156FB3">
            <w:r>
              <w:t xml:space="preserve">     * @param {Array|string} path The path of the method to invoke.</w:t>
            </w:r>
          </w:p>
          <w:p w:rsidR="00156FB3" w:rsidRDefault="00156FB3" w:rsidP="00156FB3">
            <w:r>
              <w:t xml:space="preserve">     * @param {...*} [args] The arguments to invoke the method with.</w:t>
            </w:r>
          </w:p>
          <w:p w:rsidR="00156FB3" w:rsidRDefault="00156FB3" w:rsidP="00156FB3">
            <w:r>
              <w:t xml:space="preserve">     * @returns {*} Returns the result of the invoked method.</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 'a': [{ 'b': { 'c': [1, 2, 3, 4] } }] };</w:t>
            </w:r>
          </w:p>
          <w:p w:rsidR="00156FB3" w:rsidRDefault="00156FB3" w:rsidP="00156FB3">
            <w:r>
              <w:t xml:space="preserve">     *</w:t>
            </w:r>
          </w:p>
          <w:p w:rsidR="00156FB3" w:rsidRDefault="00156FB3" w:rsidP="00156FB3">
            <w:r>
              <w:t xml:space="preserve">     * _.invoke(object, 'a[0].b.c.slice', 1, 3);</w:t>
            </w:r>
          </w:p>
          <w:p w:rsidR="00156FB3" w:rsidRDefault="00156FB3" w:rsidP="00156FB3">
            <w:r>
              <w:t xml:space="preserve">     * // =&gt; [2, 3]</w:t>
            </w:r>
          </w:p>
          <w:p w:rsidR="00156FB3" w:rsidRDefault="00156FB3" w:rsidP="00156FB3">
            <w:r>
              <w:lastRenderedPageBreak/>
              <w:t xml:space="preserve">     */</w:t>
            </w:r>
          </w:p>
          <w:p w:rsidR="00156FB3" w:rsidRDefault="00156FB3" w:rsidP="00156FB3">
            <w:r>
              <w:t xml:space="preserve">    var invoke = baseRest(baseInvoke);</w:t>
            </w:r>
          </w:p>
          <w:p w:rsidR="00156FB3" w:rsidRDefault="00156FB3" w:rsidP="00156FB3"/>
          <w:p w:rsidR="00156FB3" w:rsidRDefault="00156FB3" w:rsidP="00156FB3">
            <w:r>
              <w:t xml:space="preserve">    /**</w:t>
            </w:r>
          </w:p>
          <w:p w:rsidR="00156FB3" w:rsidRDefault="00156FB3" w:rsidP="00156FB3">
            <w:r>
              <w:t xml:space="preserve">     * Creates an array of the own enumerable property names of `object`.</w:t>
            </w:r>
          </w:p>
          <w:p w:rsidR="00156FB3" w:rsidRDefault="00156FB3" w:rsidP="00156FB3">
            <w:r>
              <w:t xml:space="preserve">     *</w:t>
            </w:r>
          </w:p>
          <w:p w:rsidR="00156FB3" w:rsidRDefault="00156FB3" w:rsidP="00156FB3">
            <w:r>
              <w:t xml:space="preserve">     * **Note:** Non-object values are coerced to objects. See the</w:t>
            </w:r>
          </w:p>
          <w:p w:rsidR="00156FB3" w:rsidRDefault="00156FB3" w:rsidP="00156FB3">
            <w:r>
              <w:t xml:space="preserve">     * [ES spec](http://ecma-international.org/ecma-262/7.0/#sec-object.keys)</w:t>
            </w:r>
          </w:p>
          <w:p w:rsidR="00156FB3" w:rsidRDefault="00156FB3" w:rsidP="00156FB3">
            <w:r>
              <w:t xml:space="preserve">     * for more details.</w:t>
            </w:r>
          </w:p>
          <w:p w:rsidR="00156FB3" w:rsidRDefault="00156FB3" w:rsidP="00156FB3">
            <w:r>
              <w:t xml:space="preserve">     *</w:t>
            </w:r>
          </w:p>
          <w:p w:rsidR="00156FB3" w:rsidRDefault="00156FB3" w:rsidP="00156FB3">
            <w:r>
              <w:t xml:space="preserve">     * @static</w:t>
            </w:r>
          </w:p>
          <w:p w:rsidR="00156FB3" w:rsidRDefault="00156FB3" w:rsidP="00156FB3">
            <w:r>
              <w:t xml:space="preserve">     * @since 0.1.0</w:t>
            </w:r>
          </w:p>
          <w:p w:rsidR="00156FB3" w:rsidRDefault="00156FB3" w:rsidP="00156FB3">
            <w:r>
              <w:t xml:space="preserve">     * @memberOf _</w:t>
            </w:r>
          </w:p>
          <w:p w:rsidR="00156FB3" w:rsidRDefault="00156FB3" w:rsidP="00156FB3">
            <w:r>
              <w:t xml:space="preserve">     * @category Object</w:t>
            </w:r>
          </w:p>
          <w:p w:rsidR="00156FB3" w:rsidRDefault="00156FB3" w:rsidP="00156FB3">
            <w:r>
              <w:t xml:space="preserve">     * @param {Object} object The object to query.</w:t>
            </w:r>
          </w:p>
          <w:p w:rsidR="00156FB3" w:rsidRDefault="00156FB3" w:rsidP="00156FB3">
            <w:r>
              <w:t xml:space="preserve">     * @returns {Array} Returns the array of property names.</w:t>
            </w:r>
          </w:p>
          <w:p w:rsidR="00156FB3" w:rsidRDefault="00156FB3" w:rsidP="00156FB3">
            <w:r>
              <w:t xml:space="preserve">     * @example</w:t>
            </w:r>
          </w:p>
          <w:p w:rsidR="00156FB3" w:rsidRDefault="00156FB3" w:rsidP="00156FB3">
            <w:r>
              <w:t xml:space="preserve">     *</w:t>
            </w:r>
          </w:p>
          <w:p w:rsidR="00156FB3" w:rsidRDefault="00156FB3" w:rsidP="00156FB3">
            <w:r>
              <w:t xml:space="preserve">     * function Foo() {</w:t>
            </w:r>
          </w:p>
          <w:p w:rsidR="00156FB3" w:rsidRDefault="00156FB3" w:rsidP="00156FB3">
            <w:r>
              <w:t xml:space="preserve">     *   this.a = 1;</w:t>
            </w:r>
          </w:p>
          <w:p w:rsidR="00156FB3" w:rsidRDefault="00156FB3" w:rsidP="00156FB3">
            <w:r>
              <w:t xml:space="preserve">     *   this.b = 2;</w:t>
            </w:r>
          </w:p>
          <w:p w:rsidR="00156FB3" w:rsidRDefault="00156FB3" w:rsidP="00156FB3">
            <w:r>
              <w:t xml:space="preserve">     * }</w:t>
            </w:r>
          </w:p>
          <w:p w:rsidR="00156FB3" w:rsidRDefault="00156FB3" w:rsidP="00156FB3">
            <w:r>
              <w:t xml:space="preserve">     *</w:t>
            </w:r>
          </w:p>
          <w:p w:rsidR="00156FB3" w:rsidRDefault="00156FB3" w:rsidP="00156FB3">
            <w:r>
              <w:t xml:space="preserve">     * Foo.prototype.c = 3;</w:t>
            </w:r>
          </w:p>
          <w:p w:rsidR="00156FB3" w:rsidRDefault="00156FB3" w:rsidP="00156FB3">
            <w:r>
              <w:t xml:space="preserve">     *</w:t>
            </w:r>
          </w:p>
          <w:p w:rsidR="00156FB3" w:rsidRDefault="00156FB3" w:rsidP="00156FB3">
            <w:r>
              <w:t xml:space="preserve">     * _.keys(new Foo);</w:t>
            </w:r>
          </w:p>
          <w:p w:rsidR="00156FB3" w:rsidRDefault="00156FB3" w:rsidP="00156FB3">
            <w:r>
              <w:t xml:space="preserve">     * // =&gt; ['a', 'b'] (iteration order is not guaranteed)</w:t>
            </w:r>
          </w:p>
          <w:p w:rsidR="00156FB3" w:rsidRDefault="00156FB3" w:rsidP="00156FB3">
            <w:r>
              <w:t xml:space="preserve">     *</w:t>
            </w:r>
          </w:p>
          <w:p w:rsidR="00156FB3" w:rsidRDefault="00156FB3" w:rsidP="00156FB3">
            <w:r>
              <w:t xml:space="preserve">     * _.keys('hi');</w:t>
            </w:r>
          </w:p>
          <w:p w:rsidR="00156FB3" w:rsidRDefault="00156FB3" w:rsidP="00156FB3">
            <w:r>
              <w:t xml:space="preserve">     * // =&gt; ['0', '1']</w:t>
            </w:r>
          </w:p>
          <w:p w:rsidR="00156FB3" w:rsidRDefault="00156FB3" w:rsidP="00156FB3">
            <w:r>
              <w:t xml:space="preserve">     */</w:t>
            </w:r>
          </w:p>
          <w:p w:rsidR="00156FB3" w:rsidRDefault="00156FB3" w:rsidP="00156FB3">
            <w:r>
              <w:t xml:space="preserve">    function keys(object) {</w:t>
            </w:r>
          </w:p>
          <w:p w:rsidR="00156FB3" w:rsidRDefault="00156FB3" w:rsidP="00156FB3">
            <w:r>
              <w:t xml:space="preserve">      return isArrayLike(object) ? arrayLikeKeys(object) : baseKeys(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of the own and inherited enumerable property names of `object`.</w:t>
            </w:r>
          </w:p>
          <w:p w:rsidR="00156FB3" w:rsidRDefault="00156FB3" w:rsidP="00156FB3">
            <w:r>
              <w:t xml:space="preserve">     *</w:t>
            </w:r>
          </w:p>
          <w:p w:rsidR="00156FB3" w:rsidRDefault="00156FB3" w:rsidP="00156FB3">
            <w:r>
              <w:t xml:space="preserve">     * **Note:** Non-object values are coerced to object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Object</w:t>
            </w:r>
          </w:p>
          <w:p w:rsidR="00156FB3" w:rsidRDefault="00156FB3" w:rsidP="00156FB3">
            <w:r>
              <w:t xml:space="preserve">     * @param {Object} object The object to query.</w:t>
            </w:r>
          </w:p>
          <w:p w:rsidR="00156FB3" w:rsidRDefault="00156FB3" w:rsidP="00156FB3">
            <w:r>
              <w:t xml:space="preserve">     * @returns {Array} Returns the array of property names.</w:t>
            </w:r>
          </w:p>
          <w:p w:rsidR="00156FB3" w:rsidRDefault="00156FB3" w:rsidP="00156FB3">
            <w:r>
              <w:t xml:space="preserve">     * @example</w:t>
            </w:r>
          </w:p>
          <w:p w:rsidR="00156FB3" w:rsidRDefault="00156FB3" w:rsidP="00156FB3">
            <w:r>
              <w:t xml:space="preserve">     *</w:t>
            </w:r>
          </w:p>
          <w:p w:rsidR="00156FB3" w:rsidRDefault="00156FB3" w:rsidP="00156FB3">
            <w:r>
              <w:lastRenderedPageBreak/>
              <w:t xml:space="preserve">     * function Foo() {</w:t>
            </w:r>
          </w:p>
          <w:p w:rsidR="00156FB3" w:rsidRDefault="00156FB3" w:rsidP="00156FB3">
            <w:r>
              <w:t xml:space="preserve">     *   this.a = 1;</w:t>
            </w:r>
          </w:p>
          <w:p w:rsidR="00156FB3" w:rsidRDefault="00156FB3" w:rsidP="00156FB3">
            <w:r>
              <w:t xml:space="preserve">     *   this.b = 2;</w:t>
            </w:r>
          </w:p>
          <w:p w:rsidR="00156FB3" w:rsidRDefault="00156FB3" w:rsidP="00156FB3">
            <w:r>
              <w:t xml:space="preserve">     * }</w:t>
            </w:r>
          </w:p>
          <w:p w:rsidR="00156FB3" w:rsidRDefault="00156FB3" w:rsidP="00156FB3">
            <w:r>
              <w:t xml:space="preserve">     *</w:t>
            </w:r>
          </w:p>
          <w:p w:rsidR="00156FB3" w:rsidRDefault="00156FB3" w:rsidP="00156FB3">
            <w:r>
              <w:t xml:space="preserve">     * Foo.prototype.c = 3;</w:t>
            </w:r>
          </w:p>
          <w:p w:rsidR="00156FB3" w:rsidRDefault="00156FB3" w:rsidP="00156FB3">
            <w:r>
              <w:t xml:space="preserve">     *</w:t>
            </w:r>
          </w:p>
          <w:p w:rsidR="00156FB3" w:rsidRDefault="00156FB3" w:rsidP="00156FB3">
            <w:r>
              <w:t xml:space="preserve">     * _.keysIn(new Foo);</w:t>
            </w:r>
          </w:p>
          <w:p w:rsidR="00156FB3" w:rsidRDefault="00156FB3" w:rsidP="00156FB3">
            <w:r>
              <w:t xml:space="preserve">     * // =&gt; ['a', 'b', 'c'] (iteration order is not guaranteed)</w:t>
            </w:r>
          </w:p>
          <w:p w:rsidR="00156FB3" w:rsidRDefault="00156FB3" w:rsidP="00156FB3">
            <w:r>
              <w:t xml:space="preserve">     */</w:t>
            </w:r>
          </w:p>
          <w:p w:rsidR="00156FB3" w:rsidRDefault="00156FB3" w:rsidP="00156FB3">
            <w:r>
              <w:t xml:space="preserve">    function keysIn(object) {</w:t>
            </w:r>
          </w:p>
          <w:p w:rsidR="00156FB3" w:rsidRDefault="00156FB3" w:rsidP="00156FB3">
            <w:r>
              <w:t xml:space="preserve">      return isArrayLike(object) ? arrayLikeKeys(object, true) : baseKeysIn(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opposite of `_.mapValues`; this method creates an object with the</w:t>
            </w:r>
          </w:p>
          <w:p w:rsidR="00156FB3" w:rsidRDefault="00156FB3" w:rsidP="00156FB3">
            <w:r>
              <w:t xml:space="preserve">     * same values as `object` and keys generated by running each own enumerable</w:t>
            </w:r>
          </w:p>
          <w:p w:rsidR="00156FB3" w:rsidRDefault="00156FB3" w:rsidP="00156FB3">
            <w:r>
              <w:t xml:space="preserve">     * string keyed property of `object` thru `iteratee`. The iteratee is invoked</w:t>
            </w:r>
          </w:p>
          <w:p w:rsidR="00156FB3" w:rsidRDefault="00156FB3" w:rsidP="00156FB3">
            <w:r>
              <w:t xml:space="preserve">     * with three arguments: (value, key,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8.0</w:t>
            </w:r>
          </w:p>
          <w:p w:rsidR="00156FB3" w:rsidRDefault="00156FB3" w:rsidP="00156FB3">
            <w:r>
              <w:t xml:space="preserve">     * @category Object</w:t>
            </w:r>
          </w:p>
          <w:p w:rsidR="00156FB3" w:rsidRDefault="00156FB3" w:rsidP="00156FB3">
            <w:r>
              <w:t xml:space="preserve">     * @param {Object} object The object to iterate over.</w:t>
            </w:r>
          </w:p>
          <w:p w:rsidR="00156FB3" w:rsidRDefault="00156FB3" w:rsidP="00156FB3">
            <w:r>
              <w:t xml:space="preserve">     * @param {Function} [iteratee=_.identity] The function invoked per iteration.</w:t>
            </w:r>
          </w:p>
          <w:p w:rsidR="00156FB3" w:rsidRDefault="00156FB3" w:rsidP="00156FB3">
            <w:r>
              <w:t xml:space="preserve">     * @returns {Object} Returns the new mapped object.</w:t>
            </w:r>
          </w:p>
          <w:p w:rsidR="00156FB3" w:rsidRDefault="00156FB3" w:rsidP="00156FB3">
            <w:r>
              <w:t xml:space="preserve">     * @see _.mapValues</w:t>
            </w:r>
          </w:p>
          <w:p w:rsidR="00156FB3" w:rsidRDefault="00156FB3" w:rsidP="00156FB3">
            <w:r>
              <w:t xml:space="preserve">     * @example</w:t>
            </w:r>
          </w:p>
          <w:p w:rsidR="00156FB3" w:rsidRDefault="00156FB3" w:rsidP="00156FB3">
            <w:r>
              <w:t xml:space="preserve">     *</w:t>
            </w:r>
          </w:p>
          <w:p w:rsidR="00156FB3" w:rsidRDefault="00156FB3" w:rsidP="00156FB3">
            <w:r>
              <w:t xml:space="preserve">     * _.mapKeys({ 'a': 1, 'b': 2 }, function(value, key) {</w:t>
            </w:r>
          </w:p>
          <w:p w:rsidR="00156FB3" w:rsidRDefault="00156FB3" w:rsidP="00156FB3">
            <w:r>
              <w:t xml:space="preserve">     *   return key + value;</w:t>
            </w:r>
          </w:p>
          <w:p w:rsidR="00156FB3" w:rsidRDefault="00156FB3" w:rsidP="00156FB3">
            <w:r>
              <w:t xml:space="preserve">     * });</w:t>
            </w:r>
          </w:p>
          <w:p w:rsidR="00156FB3" w:rsidRDefault="00156FB3" w:rsidP="00156FB3">
            <w:r>
              <w:t xml:space="preserve">     * // =&gt; { 'a1': 1, 'b2': 2 }</w:t>
            </w:r>
          </w:p>
          <w:p w:rsidR="00156FB3" w:rsidRDefault="00156FB3" w:rsidP="00156FB3">
            <w:r>
              <w:t xml:space="preserve">     */</w:t>
            </w:r>
          </w:p>
          <w:p w:rsidR="00156FB3" w:rsidRDefault="00156FB3" w:rsidP="00156FB3">
            <w:r>
              <w:t xml:space="preserve">    function mapKeys(object, iteratee) {</w:t>
            </w:r>
          </w:p>
          <w:p w:rsidR="00156FB3" w:rsidRDefault="00156FB3" w:rsidP="00156FB3">
            <w:r>
              <w:t xml:space="preserve">      var result = {};</w:t>
            </w:r>
          </w:p>
          <w:p w:rsidR="00156FB3" w:rsidRDefault="00156FB3" w:rsidP="00156FB3">
            <w:r>
              <w:t xml:space="preserve">      iteratee = getIteratee(iteratee, 3);</w:t>
            </w:r>
          </w:p>
          <w:p w:rsidR="00156FB3" w:rsidRDefault="00156FB3" w:rsidP="00156FB3"/>
          <w:p w:rsidR="00156FB3" w:rsidRDefault="00156FB3" w:rsidP="00156FB3">
            <w:r>
              <w:t xml:space="preserve">      baseForOwn(object, function(value, key, object) {</w:t>
            </w:r>
          </w:p>
          <w:p w:rsidR="00156FB3" w:rsidRDefault="00156FB3" w:rsidP="00156FB3">
            <w:r>
              <w:t xml:space="preserve">        baseAssignValue(result, iteratee(value, key, object), value);</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object with the same keys as `object` and values generated</w:t>
            </w:r>
          </w:p>
          <w:p w:rsidR="00156FB3" w:rsidRDefault="00156FB3" w:rsidP="00156FB3">
            <w:r>
              <w:t xml:space="preserve">     * by running each own enumerable string keyed property of `object` thru</w:t>
            </w:r>
          </w:p>
          <w:p w:rsidR="00156FB3" w:rsidRDefault="00156FB3" w:rsidP="00156FB3">
            <w:r>
              <w:lastRenderedPageBreak/>
              <w:t xml:space="preserve">     * `iteratee`. The iteratee is invoked with three arguments:</w:t>
            </w:r>
          </w:p>
          <w:p w:rsidR="00156FB3" w:rsidRDefault="00156FB3" w:rsidP="00156FB3">
            <w:r>
              <w:t xml:space="preserve">     * (value, key,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2.4.0</w:t>
            </w:r>
          </w:p>
          <w:p w:rsidR="00156FB3" w:rsidRDefault="00156FB3" w:rsidP="00156FB3">
            <w:r>
              <w:t xml:space="preserve">     * @category Object</w:t>
            </w:r>
          </w:p>
          <w:p w:rsidR="00156FB3" w:rsidRDefault="00156FB3" w:rsidP="00156FB3">
            <w:r>
              <w:t xml:space="preserve">     * @param {Object} object The object to iterate over.</w:t>
            </w:r>
          </w:p>
          <w:p w:rsidR="00156FB3" w:rsidRDefault="00156FB3" w:rsidP="00156FB3">
            <w:r>
              <w:t xml:space="preserve">     * @param {Function} [iteratee=_.identity] The function invoked per iteration.</w:t>
            </w:r>
          </w:p>
          <w:p w:rsidR="00156FB3" w:rsidRDefault="00156FB3" w:rsidP="00156FB3">
            <w:r>
              <w:t xml:space="preserve">     * @returns {Object} Returns the new mapped object.</w:t>
            </w:r>
          </w:p>
          <w:p w:rsidR="00156FB3" w:rsidRDefault="00156FB3" w:rsidP="00156FB3">
            <w:r>
              <w:t xml:space="preserve">     * @see _.mapKeys</w:t>
            </w:r>
          </w:p>
          <w:p w:rsidR="00156FB3" w:rsidRDefault="00156FB3" w:rsidP="00156FB3">
            <w:r>
              <w:t xml:space="preserve">     * @example</w:t>
            </w:r>
          </w:p>
          <w:p w:rsidR="00156FB3" w:rsidRDefault="00156FB3" w:rsidP="00156FB3">
            <w:r>
              <w:t xml:space="preserve">     *</w:t>
            </w:r>
          </w:p>
          <w:p w:rsidR="00156FB3" w:rsidRDefault="00156FB3" w:rsidP="00156FB3">
            <w:r>
              <w:t xml:space="preserve">     * var users = {</w:t>
            </w:r>
          </w:p>
          <w:p w:rsidR="00156FB3" w:rsidRDefault="00156FB3" w:rsidP="00156FB3">
            <w:r>
              <w:t xml:space="preserve">     *   'fred':    { 'user': 'fred',    'age': 40 },</w:t>
            </w:r>
          </w:p>
          <w:p w:rsidR="00156FB3" w:rsidRDefault="00156FB3" w:rsidP="00156FB3">
            <w:r>
              <w:t xml:space="preserve">     *   'pebbles': { 'user': 'pebbles', 'age': 1 }</w:t>
            </w:r>
          </w:p>
          <w:p w:rsidR="00156FB3" w:rsidRDefault="00156FB3" w:rsidP="00156FB3">
            <w:r>
              <w:t xml:space="preserve">     * };</w:t>
            </w:r>
          </w:p>
          <w:p w:rsidR="00156FB3" w:rsidRDefault="00156FB3" w:rsidP="00156FB3">
            <w:r>
              <w:t xml:space="preserve">     *</w:t>
            </w:r>
          </w:p>
          <w:p w:rsidR="00156FB3" w:rsidRDefault="00156FB3" w:rsidP="00156FB3">
            <w:r>
              <w:t xml:space="preserve">     * _.mapValues(users, function(o) { return o.age; });</w:t>
            </w:r>
          </w:p>
          <w:p w:rsidR="00156FB3" w:rsidRDefault="00156FB3" w:rsidP="00156FB3">
            <w:r>
              <w:t xml:space="preserve">     * // =&gt; { 'fred': 40, 'pebbles': 1 } (iteration order is not guaranteed)</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mapValues(users, 'age');</w:t>
            </w:r>
          </w:p>
          <w:p w:rsidR="00156FB3" w:rsidRDefault="00156FB3" w:rsidP="00156FB3">
            <w:r>
              <w:t xml:space="preserve">     * // =&gt; { 'fred': 40, 'pebbles': 1 } (iteration order is not guaranteed)</w:t>
            </w:r>
          </w:p>
          <w:p w:rsidR="00156FB3" w:rsidRDefault="00156FB3" w:rsidP="00156FB3">
            <w:r>
              <w:t xml:space="preserve">     */</w:t>
            </w:r>
          </w:p>
          <w:p w:rsidR="00156FB3" w:rsidRDefault="00156FB3" w:rsidP="00156FB3">
            <w:r>
              <w:t xml:space="preserve">    function mapValues(object, iteratee) {</w:t>
            </w:r>
          </w:p>
          <w:p w:rsidR="00156FB3" w:rsidRDefault="00156FB3" w:rsidP="00156FB3">
            <w:r>
              <w:t xml:space="preserve">      var result = {};</w:t>
            </w:r>
          </w:p>
          <w:p w:rsidR="00156FB3" w:rsidRDefault="00156FB3" w:rsidP="00156FB3">
            <w:r>
              <w:t xml:space="preserve">      iteratee = getIteratee(iteratee, 3);</w:t>
            </w:r>
          </w:p>
          <w:p w:rsidR="00156FB3" w:rsidRDefault="00156FB3" w:rsidP="00156FB3"/>
          <w:p w:rsidR="00156FB3" w:rsidRDefault="00156FB3" w:rsidP="00156FB3">
            <w:r>
              <w:t xml:space="preserve">      baseForOwn(object, function(value, key, object) {</w:t>
            </w:r>
          </w:p>
          <w:p w:rsidR="00156FB3" w:rsidRDefault="00156FB3" w:rsidP="00156FB3">
            <w:r>
              <w:t xml:space="preserve">        baseAssignValue(result, key, iteratee(value, key, object));</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assign` except that it recursively merges own and</w:t>
            </w:r>
          </w:p>
          <w:p w:rsidR="00156FB3" w:rsidRDefault="00156FB3" w:rsidP="00156FB3">
            <w:r>
              <w:t xml:space="preserve">     * inherited enumerable string keyed properties of source objects into the</w:t>
            </w:r>
          </w:p>
          <w:p w:rsidR="00156FB3" w:rsidRDefault="00156FB3" w:rsidP="00156FB3">
            <w:r>
              <w:t xml:space="preserve">     * destination object. Source properties that resolve to `undefined` are</w:t>
            </w:r>
          </w:p>
          <w:p w:rsidR="00156FB3" w:rsidRDefault="00156FB3" w:rsidP="00156FB3">
            <w:r>
              <w:t xml:space="preserve">     * skipped if a destination value exists. Array and plain object properties</w:t>
            </w:r>
          </w:p>
          <w:p w:rsidR="00156FB3" w:rsidRDefault="00156FB3" w:rsidP="00156FB3">
            <w:r>
              <w:t xml:space="preserve">     * are merged recursively. Other objects and value types are overridden by</w:t>
            </w:r>
          </w:p>
          <w:p w:rsidR="00156FB3" w:rsidRDefault="00156FB3" w:rsidP="00156FB3">
            <w:r>
              <w:t xml:space="preserve">     * assignment. Source objects are applied from left to right. Subsequent</w:t>
            </w:r>
          </w:p>
          <w:p w:rsidR="00156FB3" w:rsidRDefault="00156FB3" w:rsidP="00156FB3">
            <w:r>
              <w:t xml:space="preserve">     * sources overwrite property assignments of previous sources.</w:t>
            </w:r>
          </w:p>
          <w:p w:rsidR="00156FB3" w:rsidRDefault="00156FB3" w:rsidP="00156FB3">
            <w:r>
              <w:t xml:space="preserve">     *</w:t>
            </w:r>
          </w:p>
          <w:p w:rsidR="00156FB3" w:rsidRDefault="00156FB3" w:rsidP="00156FB3">
            <w:r>
              <w:t xml:space="preserve">     * **Note:** This method mutates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lastRenderedPageBreak/>
              <w:t xml:space="preserve">     * @since 0.5.0</w:t>
            </w:r>
          </w:p>
          <w:p w:rsidR="00156FB3" w:rsidRDefault="00156FB3" w:rsidP="00156FB3">
            <w:r>
              <w:t xml:space="preserve">     * @category Object</w:t>
            </w:r>
          </w:p>
          <w:p w:rsidR="00156FB3" w:rsidRDefault="00156FB3" w:rsidP="00156FB3">
            <w:r>
              <w:t xml:space="preserve">     * @param {Object} object The destination object.</w:t>
            </w:r>
          </w:p>
          <w:p w:rsidR="00156FB3" w:rsidRDefault="00156FB3" w:rsidP="00156FB3">
            <w:r>
              <w:t xml:space="preserve">     * @param {...Object} [sources] The source objects.</w:t>
            </w:r>
          </w:p>
          <w:p w:rsidR="00156FB3" w:rsidRDefault="00156FB3" w:rsidP="00156FB3">
            <w:r>
              <w:t xml:space="preserve">     * @returns {Object} Returns `object`.</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w:t>
            </w:r>
          </w:p>
          <w:p w:rsidR="00156FB3" w:rsidRDefault="00156FB3" w:rsidP="00156FB3">
            <w:r>
              <w:t xml:space="preserve">     *   'a': [{ 'b': 2 }, { 'd': 4 }]</w:t>
            </w:r>
          </w:p>
          <w:p w:rsidR="00156FB3" w:rsidRDefault="00156FB3" w:rsidP="00156FB3">
            <w:r>
              <w:t xml:space="preserve">     * };</w:t>
            </w:r>
          </w:p>
          <w:p w:rsidR="00156FB3" w:rsidRDefault="00156FB3" w:rsidP="00156FB3">
            <w:r>
              <w:t xml:space="preserve">     *</w:t>
            </w:r>
          </w:p>
          <w:p w:rsidR="00156FB3" w:rsidRDefault="00156FB3" w:rsidP="00156FB3">
            <w:r>
              <w:t xml:space="preserve">     * var other = {</w:t>
            </w:r>
          </w:p>
          <w:p w:rsidR="00156FB3" w:rsidRDefault="00156FB3" w:rsidP="00156FB3">
            <w:r>
              <w:t xml:space="preserve">     *   'a': [{ 'c': 3 }, { 'e': 5 }]</w:t>
            </w:r>
          </w:p>
          <w:p w:rsidR="00156FB3" w:rsidRDefault="00156FB3" w:rsidP="00156FB3">
            <w:r>
              <w:t xml:space="preserve">     * };</w:t>
            </w:r>
          </w:p>
          <w:p w:rsidR="00156FB3" w:rsidRDefault="00156FB3" w:rsidP="00156FB3">
            <w:r>
              <w:t xml:space="preserve">     *</w:t>
            </w:r>
          </w:p>
          <w:p w:rsidR="00156FB3" w:rsidRDefault="00156FB3" w:rsidP="00156FB3">
            <w:r>
              <w:t xml:space="preserve">     * _.merge(object, other);</w:t>
            </w:r>
          </w:p>
          <w:p w:rsidR="00156FB3" w:rsidRDefault="00156FB3" w:rsidP="00156FB3">
            <w:r>
              <w:t xml:space="preserve">     * // =&gt; { 'a': [{ 'b': 2, 'c': 3 }, { 'd': 4, 'e': 5 }] }</w:t>
            </w:r>
          </w:p>
          <w:p w:rsidR="00156FB3" w:rsidRDefault="00156FB3" w:rsidP="00156FB3">
            <w:r>
              <w:t xml:space="preserve">     */</w:t>
            </w:r>
          </w:p>
          <w:p w:rsidR="00156FB3" w:rsidRDefault="00156FB3" w:rsidP="00156FB3">
            <w:r>
              <w:t xml:space="preserve">    var merge = createAssigner(function(object, source, srcIndex) {</w:t>
            </w:r>
          </w:p>
          <w:p w:rsidR="00156FB3" w:rsidRDefault="00156FB3" w:rsidP="00156FB3">
            <w:r>
              <w:t xml:space="preserve">      baseMerge(object, source, srcIndex);</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merge` except that it accepts `customizer` which</w:t>
            </w:r>
          </w:p>
          <w:p w:rsidR="00156FB3" w:rsidRDefault="00156FB3" w:rsidP="00156FB3">
            <w:r>
              <w:t xml:space="preserve">     * is invoked to produce the merged values of the destination and source</w:t>
            </w:r>
          </w:p>
          <w:p w:rsidR="00156FB3" w:rsidRDefault="00156FB3" w:rsidP="00156FB3">
            <w:r>
              <w:t xml:space="preserve">     * properties. If `customizer` returns `undefined`, merging is handled by the</w:t>
            </w:r>
          </w:p>
          <w:p w:rsidR="00156FB3" w:rsidRDefault="00156FB3" w:rsidP="00156FB3">
            <w:r>
              <w:t xml:space="preserve">     * method instead. The `customizer` is invoked with six arguments:</w:t>
            </w:r>
          </w:p>
          <w:p w:rsidR="00156FB3" w:rsidRDefault="00156FB3" w:rsidP="00156FB3">
            <w:r>
              <w:t xml:space="preserve">     * (objValue, srcValue, key, object, source, stack).</w:t>
            </w:r>
          </w:p>
          <w:p w:rsidR="00156FB3" w:rsidRDefault="00156FB3" w:rsidP="00156FB3">
            <w:r>
              <w:t xml:space="preserve">     *</w:t>
            </w:r>
          </w:p>
          <w:p w:rsidR="00156FB3" w:rsidRDefault="00156FB3" w:rsidP="00156FB3">
            <w:r>
              <w:t xml:space="preserve">     * **Note:** This method mutates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Object</w:t>
            </w:r>
          </w:p>
          <w:p w:rsidR="00156FB3" w:rsidRDefault="00156FB3" w:rsidP="00156FB3">
            <w:r>
              <w:t xml:space="preserve">     * @param {Object} object The destination object.</w:t>
            </w:r>
          </w:p>
          <w:p w:rsidR="00156FB3" w:rsidRDefault="00156FB3" w:rsidP="00156FB3">
            <w:r>
              <w:t xml:space="preserve">     * @param {...Object} sources The source objects.</w:t>
            </w:r>
          </w:p>
          <w:p w:rsidR="00156FB3" w:rsidRDefault="00156FB3" w:rsidP="00156FB3">
            <w:r>
              <w:t xml:space="preserve">     * @param {Function} customizer The function to customize assigned values.</w:t>
            </w:r>
          </w:p>
          <w:p w:rsidR="00156FB3" w:rsidRDefault="00156FB3" w:rsidP="00156FB3">
            <w:r>
              <w:t xml:space="preserve">     * @returns {Object} Returns `object`.</w:t>
            </w:r>
          </w:p>
          <w:p w:rsidR="00156FB3" w:rsidRDefault="00156FB3" w:rsidP="00156FB3">
            <w:r>
              <w:t xml:space="preserve">     * @example</w:t>
            </w:r>
          </w:p>
          <w:p w:rsidR="00156FB3" w:rsidRDefault="00156FB3" w:rsidP="00156FB3">
            <w:r>
              <w:t xml:space="preserve">     *</w:t>
            </w:r>
          </w:p>
          <w:p w:rsidR="00156FB3" w:rsidRDefault="00156FB3" w:rsidP="00156FB3">
            <w:r>
              <w:t xml:space="preserve">     * function customizer(objValue, srcValue) {</w:t>
            </w:r>
          </w:p>
          <w:p w:rsidR="00156FB3" w:rsidRDefault="00156FB3" w:rsidP="00156FB3">
            <w:r>
              <w:t xml:space="preserve">     *   if (_.isArray(objValue)) {</w:t>
            </w:r>
          </w:p>
          <w:p w:rsidR="00156FB3" w:rsidRDefault="00156FB3" w:rsidP="00156FB3">
            <w:r>
              <w:t xml:space="preserve">     *     return objValue.concat(srcValue);</w:t>
            </w:r>
          </w:p>
          <w:p w:rsidR="00156FB3" w:rsidRDefault="00156FB3" w:rsidP="00156FB3">
            <w:r>
              <w:t xml:space="preserve">     *   }</w:t>
            </w:r>
          </w:p>
          <w:p w:rsidR="00156FB3" w:rsidRDefault="00156FB3" w:rsidP="00156FB3">
            <w:r>
              <w:t xml:space="preserve">     * }</w:t>
            </w:r>
          </w:p>
          <w:p w:rsidR="00156FB3" w:rsidRDefault="00156FB3" w:rsidP="00156FB3">
            <w:r>
              <w:t xml:space="preserve">     *</w:t>
            </w:r>
          </w:p>
          <w:p w:rsidR="00156FB3" w:rsidRDefault="00156FB3" w:rsidP="00156FB3">
            <w:r>
              <w:t xml:space="preserve">     * var object = { 'a': [1], 'b': [2] };</w:t>
            </w:r>
          </w:p>
          <w:p w:rsidR="00156FB3" w:rsidRDefault="00156FB3" w:rsidP="00156FB3">
            <w:r>
              <w:lastRenderedPageBreak/>
              <w:t xml:space="preserve">     * var other = { 'a': [3], 'b': [4] };</w:t>
            </w:r>
          </w:p>
          <w:p w:rsidR="00156FB3" w:rsidRDefault="00156FB3" w:rsidP="00156FB3">
            <w:r>
              <w:t xml:space="preserve">     *</w:t>
            </w:r>
          </w:p>
          <w:p w:rsidR="00156FB3" w:rsidRDefault="00156FB3" w:rsidP="00156FB3">
            <w:r>
              <w:t xml:space="preserve">     * _.mergeWith(object, other, customizer);</w:t>
            </w:r>
          </w:p>
          <w:p w:rsidR="00156FB3" w:rsidRDefault="00156FB3" w:rsidP="00156FB3">
            <w:r>
              <w:t xml:space="preserve">     * // =&gt; { 'a': [1, 3], 'b': [2, 4] }</w:t>
            </w:r>
          </w:p>
          <w:p w:rsidR="00156FB3" w:rsidRDefault="00156FB3" w:rsidP="00156FB3">
            <w:r>
              <w:t xml:space="preserve">     */</w:t>
            </w:r>
          </w:p>
          <w:p w:rsidR="00156FB3" w:rsidRDefault="00156FB3" w:rsidP="00156FB3">
            <w:r>
              <w:t xml:space="preserve">    var mergeWith = createAssigner(function(object, source, srcIndex, customizer) {</w:t>
            </w:r>
          </w:p>
          <w:p w:rsidR="00156FB3" w:rsidRDefault="00156FB3" w:rsidP="00156FB3">
            <w:r>
              <w:t xml:space="preserve">      baseMerge(object, source, srcIndex, customiz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opposite of `_.pick`; this method creates an object composed of the</w:t>
            </w:r>
          </w:p>
          <w:p w:rsidR="00156FB3" w:rsidRDefault="00156FB3" w:rsidP="00156FB3">
            <w:r>
              <w:t xml:space="preserve">     * own and inherited enumerable property paths of `object` that are not omitted.</w:t>
            </w:r>
          </w:p>
          <w:p w:rsidR="00156FB3" w:rsidRDefault="00156FB3" w:rsidP="00156FB3">
            <w:r>
              <w:t xml:space="preserve">     *</w:t>
            </w:r>
          </w:p>
          <w:p w:rsidR="00156FB3" w:rsidRDefault="00156FB3" w:rsidP="00156FB3">
            <w:r>
              <w:t xml:space="preserve">     * **Note:** This method is considerably slower than `_.pick`.</w:t>
            </w:r>
          </w:p>
          <w:p w:rsidR="00156FB3" w:rsidRDefault="00156FB3" w:rsidP="00156FB3">
            <w:r>
              <w:t xml:space="preserve">     *</w:t>
            </w:r>
          </w:p>
          <w:p w:rsidR="00156FB3" w:rsidRDefault="00156FB3" w:rsidP="00156FB3">
            <w:r>
              <w:t xml:space="preserve">     * @static</w:t>
            </w:r>
          </w:p>
          <w:p w:rsidR="00156FB3" w:rsidRDefault="00156FB3" w:rsidP="00156FB3">
            <w:r>
              <w:t xml:space="preserve">     * @since 0.1.0</w:t>
            </w:r>
          </w:p>
          <w:p w:rsidR="00156FB3" w:rsidRDefault="00156FB3" w:rsidP="00156FB3">
            <w:r>
              <w:t xml:space="preserve">     * @memberOf _</w:t>
            </w:r>
          </w:p>
          <w:p w:rsidR="00156FB3" w:rsidRDefault="00156FB3" w:rsidP="00156FB3">
            <w:r>
              <w:t xml:space="preserve">     * @category Object</w:t>
            </w:r>
          </w:p>
          <w:p w:rsidR="00156FB3" w:rsidRDefault="00156FB3" w:rsidP="00156FB3">
            <w:r>
              <w:t xml:space="preserve">     * @param {Object} object The source object.</w:t>
            </w:r>
          </w:p>
          <w:p w:rsidR="00156FB3" w:rsidRDefault="00156FB3" w:rsidP="00156FB3">
            <w:r>
              <w:t xml:space="preserve">     * @param {...(string|string[])} [paths] The property paths to omit.</w:t>
            </w:r>
          </w:p>
          <w:p w:rsidR="00156FB3" w:rsidRDefault="00156FB3" w:rsidP="00156FB3">
            <w:r>
              <w:t xml:space="preserve">     * @returns {Object} Returns the new object.</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 'a': 1, 'b': '2', 'c': 3 };</w:t>
            </w:r>
          </w:p>
          <w:p w:rsidR="00156FB3" w:rsidRDefault="00156FB3" w:rsidP="00156FB3">
            <w:r>
              <w:t xml:space="preserve">     *</w:t>
            </w:r>
          </w:p>
          <w:p w:rsidR="00156FB3" w:rsidRDefault="00156FB3" w:rsidP="00156FB3">
            <w:r>
              <w:t xml:space="preserve">     * _.omit(object, ['a', 'c']);</w:t>
            </w:r>
          </w:p>
          <w:p w:rsidR="00156FB3" w:rsidRDefault="00156FB3" w:rsidP="00156FB3">
            <w:r>
              <w:t xml:space="preserve">     * // =&gt; { 'b': '2' }</w:t>
            </w:r>
          </w:p>
          <w:p w:rsidR="00156FB3" w:rsidRDefault="00156FB3" w:rsidP="00156FB3">
            <w:r>
              <w:t xml:space="preserve">     */</w:t>
            </w:r>
          </w:p>
          <w:p w:rsidR="00156FB3" w:rsidRDefault="00156FB3" w:rsidP="00156FB3">
            <w:r>
              <w:t xml:space="preserve">    var omit = flatRest(function(object, paths) {</w:t>
            </w:r>
          </w:p>
          <w:p w:rsidR="00156FB3" w:rsidRDefault="00156FB3" w:rsidP="00156FB3">
            <w:r>
              <w:t xml:space="preserve">      var result = {};</w:t>
            </w:r>
          </w:p>
          <w:p w:rsidR="00156FB3" w:rsidRDefault="00156FB3" w:rsidP="00156FB3">
            <w:r>
              <w:t xml:space="preserve">      if (object == null) {</w:t>
            </w:r>
          </w:p>
          <w:p w:rsidR="00156FB3" w:rsidRDefault="00156FB3" w:rsidP="00156FB3">
            <w:r>
              <w:t xml:space="preserve">        return result;</w:t>
            </w:r>
          </w:p>
          <w:p w:rsidR="00156FB3" w:rsidRDefault="00156FB3" w:rsidP="00156FB3">
            <w:r>
              <w:t xml:space="preserve">      }</w:t>
            </w:r>
          </w:p>
          <w:p w:rsidR="00156FB3" w:rsidRDefault="00156FB3" w:rsidP="00156FB3">
            <w:r>
              <w:t xml:space="preserve">      var isDeep = false;</w:t>
            </w:r>
          </w:p>
          <w:p w:rsidR="00156FB3" w:rsidRDefault="00156FB3" w:rsidP="00156FB3">
            <w:r>
              <w:t xml:space="preserve">      paths = arrayMap(paths, function(path) {</w:t>
            </w:r>
          </w:p>
          <w:p w:rsidR="00156FB3" w:rsidRDefault="00156FB3" w:rsidP="00156FB3">
            <w:r>
              <w:t xml:space="preserve">        path = castPath(path, object);</w:t>
            </w:r>
          </w:p>
          <w:p w:rsidR="00156FB3" w:rsidRDefault="00156FB3" w:rsidP="00156FB3">
            <w:r>
              <w:t xml:space="preserve">        isDeep || (isDeep = path.length &gt; 1);</w:t>
            </w:r>
          </w:p>
          <w:p w:rsidR="00156FB3" w:rsidRDefault="00156FB3" w:rsidP="00156FB3">
            <w:r>
              <w:t xml:space="preserve">        return path;</w:t>
            </w:r>
          </w:p>
          <w:p w:rsidR="00156FB3" w:rsidRDefault="00156FB3" w:rsidP="00156FB3">
            <w:r>
              <w:t xml:space="preserve">      });</w:t>
            </w:r>
          </w:p>
          <w:p w:rsidR="00156FB3" w:rsidRDefault="00156FB3" w:rsidP="00156FB3">
            <w:r>
              <w:t xml:space="preserve">      copyObject(object, getAllKeysIn(object), result);</w:t>
            </w:r>
          </w:p>
          <w:p w:rsidR="00156FB3" w:rsidRDefault="00156FB3" w:rsidP="00156FB3">
            <w:r>
              <w:t xml:space="preserve">      if (isDeep) {</w:t>
            </w:r>
          </w:p>
          <w:p w:rsidR="00156FB3" w:rsidRDefault="00156FB3" w:rsidP="00156FB3">
            <w:r>
              <w:t xml:space="preserve">        result = baseClone(result, CLONE_DEEP_FLAG | CLONE_FLAT_FLAG | CLONE_SYMBOLS_FLAG, customOmitClone);</w:t>
            </w:r>
          </w:p>
          <w:p w:rsidR="00156FB3" w:rsidRDefault="00156FB3" w:rsidP="00156FB3">
            <w:r>
              <w:t xml:space="preserve">      }</w:t>
            </w:r>
          </w:p>
          <w:p w:rsidR="00156FB3" w:rsidRDefault="00156FB3" w:rsidP="00156FB3">
            <w:r>
              <w:t xml:space="preserve">      var length = paths.length;</w:t>
            </w:r>
          </w:p>
          <w:p w:rsidR="00156FB3" w:rsidRDefault="00156FB3" w:rsidP="00156FB3">
            <w:r>
              <w:t xml:space="preserve">      while (length--) {</w:t>
            </w:r>
          </w:p>
          <w:p w:rsidR="00156FB3" w:rsidRDefault="00156FB3" w:rsidP="00156FB3">
            <w:r>
              <w:t xml:space="preserve">        baseUnset(result, paths[length]);</w:t>
            </w:r>
          </w:p>
          <w:p w:rsidR="00156FB3" w:rsidRDefault="00156FB3" w:rsidP="00156FB3">
            <w:r>
              <w:lastRenderedPageBreak/>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opposite of `_.pickBy`; this method creates an object composed of</w:t>
            </w:r>
          </w:p>
          <w:p w:rsidR="00156FB3" w:rsidRDefault="00156FB3" w:rsidP="00156FB3">
            <w:r>
              <w:t xml:space="preserve">     * the own and inherited enumerable string keyed properties of `object` that</w:t>
            </w:r>
          </w:p>
          <w:p w:rsidR="00156FB3" w:rsidRDefault="00156FB3" w:rsidP="00156FB3">
            <w:r>
              <w:t xml:space="preserve">     * `predicate` doesn't return truthy for. The predicate is invoked with two</w:t>
            </w:r>
          </w:p>
          <w:p w:rsidR="00156FB3" w:rsidRDefault="00156FB3" w:rsidP="00156FB3">
            <w:r>
              <w:t xml:space="preserve">     * arguments: (value, ke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Object</w:t>
            </w:r>
          </w:p>
          <w:p w:rsidR="00156FB3" w:rsidRDefault="00156FB3" w:rsidP="00156FB3">
            <w:r>
              <w:t xml:space="preserve">     * @param {Object} object The source object.</w:t>
            </w:r>
          </w:p>
          <w:p w:rsidR="00156FB3" w:rsidRDefault="00156FB3" w:rsidP="00156FB3">
            <w:r>
              <w:t xml:space="preserve">     * @param {Function} [predicate=_.identity] The function invoked per property.</w:t>
            </w:r>
          </w:p>
          <w:p w:rsidR="00156FB3" w:rsidRDefault="00156FB3" w:rsidP="00156FB3">
            <w:r>
              <w:t xml:space="preserve">     * @returns {Object} Returns the new object.</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 'a': 1, 'b': '2', 'c': 3 };</w:t>
            </w:r>
          </w:p>
          <w:p w:rsidR="00156FB3" w:rsidRDefault="00156FB3" w:rsidP="00156FB3">
            <w:r>
              <w:t xml:space="preserve">     *</w:t>
            </w:r>
          </w:p>
          <w:p w:rsidR="00156FB3" w:rsidRDefault="00156FB3" w:rsidP="00156FB3">
            <w:r>
              <w:t xml:space="preserve">     * _.omitBy(object, _.isNumber);</w:t>
            </w:r>
          </w:p>
          <w:p w:rsidR="00156FB3" w:rsidRDefault="00156FB3" w:rsidP="00156FB3">
            <w:r>
              <w:t xml:space="preserve">     * // =&gt; { 'b': '2' }</w:t>
            </w:r>
          </w:p>
          <w:p w:rsidR="00156FB3" w:rsidRDefault="00156FB3" w:rsidP="00156FB3">
            <w:r>
              <w:t xml:space="preserve">     */</w:t>
            </w:r>
          </w:p>
          <w:p w:rsidR="00156FB3" w:rsidRDefault="00156FB3" w:rsidP="00156FB3">
            <w:r>
              <w:t xml:space="preserve">    function omitBy(object, predicate) {</w:t>
            </w:r>
          </w:p>
          <w:p w:rsidR="00156FB3" w:rsidRDefault="00156FB3" w:rsidP="00156FB3">
            <w:r>
              <w:t xml:space="preserve">      return pickBy(object, negate(getIteratee(predicat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object composed of the picked `object` properties.</w:t>
            </w:r>
          </w:p>
          <w:p w:rsidR="00156FB3" w:rsidRDefault="00156FB3" w:rsidP="00156FB3">
            <w:r>
              <w:t xml:space="preserve">     *</w:t>
            </w:r>
          </w:p>
          <w:p w:rsidR="00156FB3" w:rsidRDefault="00156FB3" w:rsidP="00156FB3">
            <w:r>
              <w:t xml:space="preserve">     * @static</w:t>
            </w:r>
          </w:p>
          <w:p w:rsidR="00156FB3" w:rsidRDefault="00156FB3" w:rsidP="00156FB3">
            <w:r>
              <w:t xml:space="preserve">     * @since 0.1.0</w:t>
            </w:r>
          </w:p>
          <w:p w:rsidR="00156FB3" w:rsidRDefault="00156FB3" w:rsidP="00156FB3">
            <w:r>
              <w:t xml:space="preserve">     * @memberOf _</w:t>
            </w:r>
          </w:p>
          <w:p w:rsidR="00156FB3" w:rsidRDefault="00156FB3" w:rsidP="00156FB3">
            <w:r>
              <w:t xml:space="preserve">     * @category Object</w:t>
            </w:r>
          </w:p>
          <w:p w:rsidR="00156FB3" w:rsidRDefault="00156FB3" w:rsidP="00156FB3">
            <w:r>
              <w:t xml:space="preserve">     * @param {Object} object The source object.</w:t>
            </w:r>
          </w:p>
          <w:p w:rsidR="00156FB3" w:rsidRDefault="00156FB3" w:rsidP="00156FB3">
            <w:r>
              <w:t xml:space="preserve">     * @param {...(string|string[])} [paths] The property paths to pick.</w:t>
            </w:r>
          </w:p>
          <w:p w:rsidR="00156FB3" w:rsidRDefault="00156FB3" w:rsidP="00156FB3">
            <w:r>
              <w:t xml:space="preserve">     * @returns {Object} Returns the new object.</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 'a': 1, 'b': '2', 'c': 3 };</w:t>
            </w:r>
          </w:p>
          <w:p w:rsidR="00156FB3" w:rsidRDefault="00156FB3" w:rsidP="00156FB3">
            <w:r>
              <w:t xml:space="preserve">     *</w:t>
            </w:r>
          </w:p>
          <w:p w:rsidR="00156FB3" w:rsidRDefault="00156FB3" w:rsidP="00156FB3">
            <w:r>
              <w:t xml:space="preserve">     * _.pick(object, ['a', 'c']);</w:t>
            </w:r>
          </w:p>
          <w:p w:rsidR="00156FB3" w:rsidRDefault="00156FB3" w:rsidP="00156FB3">
            <w:r>
              <w:t xml:space="preserve">     * // =&gt; { 'a': 1, 'c': 3 }</w:t>
            </w:r>
          </w:p>
          <w:p w:rsidR="00156FB3" w:rsidRDefault="00156FB3" w:rsidP="00156FB3">
            <w:r>
              <w:t xml:space="preserve">     */</w:t>
            </w:r>
          </w:p>
          <w:p w:rsidR="00156FB3" w:rsidRDefault="00156FB3" w:rsidP="00156FB3">
            <w:r>
              <w:t xml:space="preserve">    var pick = flatRest(function(object, paths) {</w:t>
            </w:r>
          </w:p>
          <w:p w:rsidR="00156FB3" w:rsidRDefault="00156FB3" w:rsidP="00156FB3">
            <w:r>
              <w:t xml:space="preserve">      return object == null ? {} : basePick(object, path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object composed of the `object` properties `predicate` returns</w:t>
            </w:r>
          </w:p>
          <w:p w:rsidR="00156FB3" w:rsidRDefault="00156FB3" w:rsidP="00156FB3">
            <w:r>
              <w:t xml:space="preserve">     * truthy for. The predicate is invoked with two arguments: (value, ke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Object</w:t>
            </w:r>
          </w:p>
          <w:p w:rsidR="00156FB3" w:rsidRDefault="00156FB3" w:rsidP="00156FB3">
            <w:r>
              <w:t xml:space="preserve">     * @param {Object} object The source object.</w:t>
            </w:r>
          </w:p>
          <w:p w:rsidR="00156FB3" w:rsidRDefault="00156FB3" w:rsidP="00156FB3">
            <w:r>
              <w:t xml:space="preserve">     * @param {Function} [predicate=_.identity] The function invoked per property.</w:t>
            </w:r>
          </w:p>
          <w:p w:rsidR="00156FB3" w:rsidRDefault="00156FB3" w:rsidP="00156FB3">
            <w:r>
              <w:t xml:space="preserve">     * @returns {Object} Returns the new object.</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 'a': 1, 'b': '2', 'c': 3 };</w:t>
            </w:r>
          </w:p>
          <w:p w:rsidR="00156FB3" w:rsidRDefault="00156FB3" w:rsidP="00156FB3">
            <w:r>
              <w:t xml:space="preserve">     *</w:t>
            </w:r>
          </w:p>
          <w:p w:rsidR="00156FB3" w:rsidRDefault="00156FB3" w:rsidP="00156FB3">
            <w:r>
              <w:t xml:space="preserve">     * _.pickBy(object, _.isNumber);</w:t>
            </w:r>
          </w:p>
          <w:p w:rsidR="00156FB3" w:rsidRDefault="00156FB3" w:rsidP="00156FB3">
            <w:r>
              <w:t xml:space="preserve">     * // =&gt; { 'a': 1, 'c': 3 }</w:t>
            </w:r>
          </w:p>
          <w:p w:rsidR="00156FB3" w:rsidRDefault="00156FB3" w:rsidP="00156FB3">
            <w:r>
              <w:t xml:space="preserve">     */</w:t>
            </w:r>
          </w:p>
          <w:p w:rsidR="00156FB3" w:rsidRDefault="00156FB3" w:rsidP="00156FB3">
            <w:r>
              <w:t xml:space="preserve">    function pickBy(object, predicate) {</w:t>
            </w:r>
          </w:p>
          <w:p w:rsidR="00156FB3" w:rsidRDefault="00156FB3" w:rsidP="00156FB3">
            <w:r>
              <w:t xml:space="preserve">      if (object == null) {</w:t>
            </w:r>
          </w:p>
          <w:p w:rsidR="00156FB3" w:rsidRDefault="00156FB3" w:rsidP="00156FB3">
            <w:r>
              <w:t xml:space="preserve">        return {};</w:t>
            </w:r>
          </w:p>
          <w:p w:rsidR="00156FB3" w:rsidRDefault="00156FB3" w:rsidP="00156FB3">
            <w:r>
              <w:t xml:space="preserve">      }</w:t>
            </w:r>
          </w:p>
          <w:p w:rsidR="00156FB3" w:rsidRDefault="00156FB3" w:rsidP="00156FB3">
            <w:r>
              <w:t xml:space="preserve">      var props = arrayMap(getAllKeysIn(object), function(prop) {</w:t>
            </w:r>
          </w:p>
          <w:p w:rsidR="00156FB3" w:rsidRDefault="00156FB3" w:rsidP="00156FB3">
            <w:r>
              <w:t xml:space="preserve">        return [prop];</w:t>
            </w:r>
          </w:p>
          <w:p w:rsidR="00156FB3" w:rsidRDefault="00156FB3" w:rsidP="00156FB3">
            <w:r>
              <w:t xml:space="preserve">      });</w:t>
            </w:r>
          </w:p>
          <w:p w:rsidR="00156FB3" w:rsidRDefault="00156FB3" w:rsidP="00156FB3">
            <w:r>
              <w:t xml:space="preserve">      predicate = getIteratee(predicate);</w:t>
            </w:r>
          </w:p>
          <w:p w:rsidR="00156FB3" w:rsidRDefault="00156FB3" w:rsidP="00156FB3">
            <w:r>
              <w:t xml:space="preserve">      return basePickBy(object, props, function(value, path) {</w:t>
            </w:r>
          </w:p>
          <w:p w:rsidR="00156FB3" w:rsidRDefault="00156FB3" w:rsidP="00156FB3">
            <w:r>
              <w:t xml:space="preserve">        return predicate(value, path[0]);</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get` except that if the resolved value is a</w:t>
            </w:r>
          </w:p>
          <w:p w:rsidR="00156FB3" w:rsidRDefault="00156FB3" w:rsidP="00156FB3">
            <w:r>
              <w:t xml:space="preserve">     * function it's invoked with the `this` binding of its parent object and</w:t>
            </w:r>
          </w:p>
          <w:p w:rsidR="00156FB3" w:rsidRDefault="00156FB3" w:rsidP="00156FB3">
            <w:r>
              <w:t xml:space="preserve">     * its result is returned.</w:t>
            </w:r>
          </w:p>
          <w:p w:rsidR="00156FB3" w:rsidRDefault="00156FB3" w:rsidP="00156FB3">
            <w:r>
              <w:t xml:space="preserve">     *</w:t>
            </w:r>
          </w:p>
          <w:p w:rsidR="00156FB3" w:rsidRDefault="00156FB3" w:rsidP="00156FB3">
            <w:r>
              <w:t xml:space="preserve">     * @static</w:t>
            </w:r>
          </w:p>
          <w:p w:rsidR="00156FB3" w:rsidRDefault="00156FB3" w:rsidP="00156FB3">
            <w:r>
              <w:t xml:space="preserve">     * @since 0.1.0</w:t>
            </w:r>
          </w:p>
          <w:p w:rsidR="00156FB3" w:rsidRDefault="00156FB3" w:rsidP="00156FB3">
            <w:r>
              <w:t xml:space="preserve">     * @memberOf _</w:t>
            </w:r>
          </w:p>
          <w:p w:rsidR="00156FB3" w:rsidRDefault="00156FB3" w:rsidP="00156FB3">
            <w:r>
              <w:t xml:space="preserve">     * @category Object</w:t>
            </w:r>
          </w:p>
          <w:p w:rsidR="00156FB3" w:rsidRDefault="00156FB3" w:rsidP="00156FB3">
            <w:r>
              <w:t xml:space="preserve">     * @param {Object} object The object to query.</w:t>
            </w:r>
          </w:p>
          <w:p w:rsidR="00156FB3" w:rsidRDefault="00156FB3" w:rsidP="00156FB3">
            <w:r>
              <w:t xml:space="preserve">     * @param {Array|string} path The path of the property to resolve.</w:t>
            </w:r>
          </w:p>
          <w:p w:rsidR="00156FB3" w:rsidRDefault="00156FB3" w:rsidP="00156FB3">
            <w:r>
              <w:t xml:space="preserve">     * @param {*} [defaultValue] The value returned for `undefined` resolved values.</w:t>
            </w:r>
          </w:p>
          <w:p w:rsidR="00156FB3" w:rsidRDefault="00156FB3" w:rsidP="00156FB3">
            <w:r>
              <w:t xml:space="preserve">     * @returns {*} Returns the resolved value.</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 'a': [{ 'b': { 'c1': 3, 'c2': _.constant(4) } }] };</w:t>
            </w:r>
          </w:p>
          <w:p w:rsidR="00156FB3" w:rsidRDefault="00156FB3" w:rsidP="00156FB3">
            <w:r>
              <w:lastRenderedPageBreak/>
              <w:t xml:space="preserve">     *</w:t>
            </w:r>
          </w:p>
          <w:p w:rsidR="00156FB3" w:rsidRDefault="00156FB3" w:rsidP="00156FB3">
            <w:r>
              <w:t xml:space="preserve">     * _.result(object, 'a[0].b.c1');</w:t>
            </w:r>
          </w:p>
          <w:p w:rsidR="00156FB3" w:rsidRDefault="00156FB3" w:rsidP="00156FB3">
            <w:r>
              <w:t xml:space="preserve">     * // =&gt; 3</w:t>
            </w:r>
          </w:p>
          <w:p w:rsidR="00156FB3" w:rsidRDefault="00156FB3" w:rsidP="00156FB3">
            <w:r>
              <w:t xml:space="preserve">     *</w:t>
            </w:r>
          </w:p>
          <w:p w:rsidR="00156FB3" w:rsidRDefault="00156FB3" w:rsidP="00156FB3">
            <w:r>
              <w:t xml:space="preserve">     * _.result(object, 'a[0].b.c2');</w:t>
            </w:r>
          </w:p>
          <w:p w:rsidR="00156FB3" w:rsidRDefault="00156FB3" w:rsidP="00156FB3">
            <w:r>
              <w:t xml:space="preserve">     * // =&gt; 4</w:t>
            </w:r>
          </w:p>
          <w:p w:rsidR="00156FB3" w:rsidRDefault="00156FB3" w:rsidP="00156FB3">
            <w:r>
              <w:t xml:space="preserve">     *</w:t>
            </w:r>
          </w:p>
          <w:p w:rsidR="00156FB3" w:rsidRDefault="00156FB3" w:rsidP="00156FB3">
            <w:r>
              <w:t xml:space="preserve">     * _.result(object, 'a[0].b.c3', 'default');</w:t>
            </w:r>
          </w:p>
          <w:p w:rsidR="00156FB3" w:rsidRDefault="00156FB3" w:rsidP="00156FB3">
            <w:r>
              <w:t xml:space="preserve">     * // =&gt; 'default'</w:t>
            </w:r>
          </w:p>
          <w:p w:rsidR="00156FB3" w:rsidRDefault="00156FB3" w:rsidP="00156FB3">
            <w:r>
              <w:t xml:space="preserve">     *</w:t>
            </w:r>
          </w:p>
          <w:p w:rsidR="00156FB3" w:rsidRDefault="00156FB3" w:rsidP="00156FB3">
            <w:r>
              <w:t xml:space="preserve">     * _.result(object, 'a[0].b.c3', _.constant('default'));</w:t>
            </w:r>
          </w:p>
          <w:p w:rsidR="00156FB3" w:rsidRDefault="00156FB3" w:rsidP="00156FB3">
            <w:r>
              <w:t xml:space="preserve">     * // =&gt; 'default'</w:t>
            </w:r>
          </w:p>
          <w:p w:rsidR="00156FB3" w:rsidRDefault="00156FB3" w:rsidP="00156FB3">
            <w:r>
              <w:t xml:space="preserve">     */</w:t>
            </w:r>
          </w:p>
          <w:p w:rsidR="00156FB3" w:rsidRDefault="00156FB3" w:rsidP="00156FB3">
            <w:r>
              <w:t xml:space="preserve">    function result(object, path, defaultValue) {</w:t>
            </w:r>
          </w:p>
          <w:p w:rsidR="00156FB3" w:rsidRDefault="00156FB3" w:rsidP="00156FB3">
            <w:r>
              <w:t xml:space="preserve">      path = castPath(path, object);</w:t>
            </w:r>
          </w:p>
          <w:p w:rsidR="00156FB3" w:rsidRDefault="00156FB3" w:rsidP="00156FB3"/>
          <w:p w:rsidR="00156FB3" w:rsidRDefault="00156FB3" w:rsidP="00156FB3">
            <w:r>
              <w:t xml:space="preserve">      var index = -1,</w:t>
            </w:r>
          </w:p>
          <w:p w:rsidR="00156FB3" w:rsidRDefault="00156FB3" w:rsidP="00156FB3">
            <w:r>
              <w:t xml:space="preserve">          length = path.length;</w:t>
            </w:r>
          </w:p>
          <w:p w:rsidR="00156FB3" w:rsidRDefault="00156FB3" w:rsidP="00156FB3"/>
          <w:p w:rsidR="00156FB3" w:rsidRDefault="00156FB3" w:rsidP="00156FB3">
            <w:r>
              <w:t xml:space="preserve">      // Ensure the loop is entered when path is empty.</w:t>
            </w:r>
          </w:p>
          <w:p w:rsidR="00156FB3" w:rsidRDefault="00156FB3" w:rsidP="00156FB3">
            <w:r>
              <w:t xml:space="preserve">      if (!length) {</w:t>
            </w:r>
          </w:p>
          <w:p w:rsidR="00156FB3" w:rsidRDefault="00156FB3" w:rsidP="00156FB3">
            <w:r>
              <w:t xml:space="preserve">        length = 1;</w:t>
            </w:r>
          </w:p>
          <w:p w:rsidR="00156FB3" w:rsidRDefault="00156FB3" w:rsidP="00156FB3">
            <w:r>
              <w:t xml:space="preserve">        object = undefined;</w:t>
            </w:r>
          </w:p>
          <w:p w:rsidR="00156FB3" w:rsidRDefault="00156FB3" w:rsidP="00156FB3">
            <w:r>
              <w:t xml:space="preserve">      }</w:t>
            </w:r>
          </w:p>
          <w:p w:rsidR="00156FB3" w:rsidRDefault="00156FB3" w:rsidP="00156FB3">
            <w:r>
              <w:t xml:space="preserve">      while (++index &lt; length) {</w:t>
            </w:r>
          </w:p>
          <w:p w:rsidR="00156FB3" w:rsidRDefault="00156FB3" w:rsidP="00156FB3">
            <w:r>
              <w:t xml:space="preserve">        var value = object == null ? undefined : object[toKey(path[index])];</w:t>
            </w:r>
          </w:p>
          <w:p w:rsidR="00156FB3" w:rsidRDefault="00156FB3" w:rsidP="00156FB3">
            <w:r>
              <w:t xml:space="preserve">        if (value === undefined) {</w:t>
            </w:r>
          </w:p>
          <w:p w:rsidR="00156FB3" w:rsidRDefault="00156FB3" w:rsidP="00156FB3">
            <w:r>
              <w:t xml:space="preserve">          index = length;</w:t>
            </w:r>
          </w:p>
          <w:p w:rsidR="00156FB3" w:rsidRDefault="00156FB3" w:rsidP="00156FB3">
            <w:r>
              <w:t xml:space="preserve">          value = defaultValue;</w:t>
            </w:r>
          </w:p>
          <w:p w:rsidR="00156FB3" w:rsidRDefault="00156FB3" w:rsidP="00156FB3">
            <w:r>
              <w:t xml:space="preserve">        }</w:t>
            </w:r>
          </w:p>
          <w:p w:rsidR="00156FB3" w:rsidRDefault="00156FB3" w:rsidP="00156FB3">
            <w:r>
              <w:t xml:space="preserve">        object = isFunction(value) ? value.call(object) : value;</w:t>
            </w:r>
          </w:p>
          <w:p w:rsidR="00156FB3" w:rsidRDefault="00156FB3" w:rsidP="00156FB3">
            <w:r>
              <w:t xml:space="preserve">      }</w:t>
            </w:r>
          </w:p>
          <w:p w:rsidR="00156FB3" w:rsidRDefault="00156FB3" w:rsidP="00156FB3">
            <w:r>
              <w:t xml:space="preserve">      return 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Sets the value at `path` of `object`. If a portion of `path` doesn't exist,</w:t>
            </w:r>
          </w:p>
          <w:p w:rsidR="00156FB3" w:rsidRDefault="00156FB3" w:rsidP="00156FB3">
            <w:r>
              <w:t xml:space="preserve">     * it's created. Arrays are created for missing index properties while objects</w:t>
            </w:r>
          </w:p>
          <w:p w:rsidR="00156FB3" w:rsidRDefault="00156FB3" w:rsidP="00156FB3">
            <w:r>
              <w:t xml:space="preserve">     * are created for all other missing properties. Use `_.setWith` to customize</w:t>
            </w:r>
          </w:p>
          <w:p w:rsidR="00156FB3" w:rsidRDefault="00156FB3" w:rsidP="00156FB3">
            <w:r>
              <w:t xml:space="preserve">     * `path` creation.</w:t>
            </w:r>
          </w:p>
          <w:p w:rsidR="00156FB3" w:rsidRDefault="00156FB3" w:rsidP="00156FB3">
            <w:r>
              <w:t xml:space="preserve">     *</w:t>
            </w:r>
          </w:p>
          <w:p w:rsidR="00156FB3" w:rsidRDefault="00156FB3" w:rsidP="00156FB3">
            <w:r>
              <w:t xml:space="preserve">     * **Note:** This method mutates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7.0</w:t>
            </w:r>
          </w:p>
          <w:p w:rsidR="00156FB3" w:rsidRDefault="00156FB3" w:rsidP="00156FB3">
            <w:r>
              <w:t xml:space="preserve">     * @category Object</w:t>
            </w:r>
          </w:p>
          <w:p w:rsidR="00156FB3" w:rsidRDefault="00156FB3" w:rsidP="00156FB3">
            <w:r>
              <w:t xml:space="preserve">     * @param {Object} object The object to modify.</w:t>
            </w:r>
          </w:p>
          <w:p w:rsidR="00156FB3" w:rsidRDefault="00156FB3" w:rsidP="00156FB3">
            <w:r>
              <w:lastRenderedPageBreak/>
              <w:t xml:space="preserve">     * @param {Array|string} path The path of the property to set.</w:t>
            </w:r>
          </w:p>
          <w:p w:rsidR="00156FB3" w:rsidRDefault="00156FB3" w:rsidP="00156FB3">
            <w:r>
              <w:t xml:space="preserve">     * @param {*} value The value to set.</w:t>
            </w:r>
          </w:p>
          <w:p w:rsidR="00156FB3" w:rsidRDefault="00156FB3" w:rsidP="00156FB3">
            <w:r>
              <w:t xml:space="preserve">     * @returns {Object} Returns `object`.</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 'a': [{ 'b': { 'c': 3 } }] };</w:t>
            </w:r>
          </w:p>
          <w:p w:rsidR="00156FB3" w:rsidRDefault="00156FB3" w:rsidP="00156FB3">
            <w:r>
              <w:t xml:space="preserve">     *</w:t>
            </w:r>
          </w:p>
          <w:p w:rsidR="00156FB3" w:rsidRDefault="00156FB3" w:rsidP="00156FB3">
            <w:r>
              <w:t xml:space="preserve">     * _.set(object, 'a[0].b.c', 4);</w:t>
            </w:r>
          </w:p>
          <w:p w:rsidR="00156FB3" w:rsidRDefault="00156FB3" w:rsidP="00156FB3">
            <w:r>
              <w:t xml:space="preserve">     * console.log(object.a[0].b.c);</w:t>
            </w:r>
          </w:p>
          <w:p w:rsidR="00156FB3" w:rsidRDefault="00156FB3" w:rsidP="00156FB3">
            <w:r>
              <w:t xml:space="preserve">     * // =&gt; 4</w:t>
            </w:r>
          </w:p>
          <w:p w:rsidR="00156FB3" w:rsidRDefault="00156FB3" w:rsidP="00156FB3">
            <w:r>
              <w:t xml:space="preserve">     *</w:t>
            </w:r>
          </w:p>
          <w:p w:rsidR="00156FB3" w:rsidRDefault="00156FB3" w:rsidP="00156FB3">
            <w:r>
              <w:t xml:space="preserve">     * _.set(object, ['x', '0', 'y', 'z'], 5);</w:t>
            </w:r>
          </w:p>
          <w:p w:rsidR="00156FB3" w:rsidRDefault="00156FB3" w:rsidP="00156FB3">
            <w:r>
              <w:t xml:space="preserve">     * console.log(object.x[0].y.z);</w:t>
            </w:r>
          </w:p>
          <w:p w:rsidR="00156FB3" w:rsidRDefault="00156FB3" w:rsidP="00156FB3">
            <w:r>
              <w:t xml:space="preserve">     * // =&gt; 5</w:t>
            </w:r>
          </w:p>
          <w:p w:rsidR="00156FB3" w:rsidRDefault="00156FB3" w:rsidP="00156FB3">
            <w:r>
              <w:t xml:space="preserve">     */</w:t>
            </w:r>
          </w:p>
          <w:p w:rsidR="00156FB3" w:rsidRDefault="00156FB3" w:rsidP="00156FB3">
            <w:r>
              <w:t xml:space="preserve">    function set(object, path, value) {</w:t>
            </w:r>
          </w:p>
          <w:p w:rsidR="00156FB3" w:rsidRDefault="00156FB3" w:rsidP="00156FB3">
            <w:r>
              <w:t xml:space="preserve">      return object == null ? object : baseSet(object, path, 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set` except that it accepts `customizer` which is</w:t>
            </w:r>
          </w:p>
          <w:p w:rsidR="00156FB3" w:rsidRDefault="00156FB3" w:rsidP="00156FB3">
            <w:r>
              <w:t xml:space="preserve">     * invoked to produce the objects of `path`.  If `customizer` returns `undefined`</w:t>
            </w:r>
          </w:p>
          <w:p w:rsidR="00156FB3" w:rsidRDefault="00156FB3" w:rsidP="00156FB3">
            <w:r>
              <w:t xml:space="preserve">     * path creation is handled by the method instead. The `customizer` is invoked</w:t>
            </w:r>
          </w:p>
          <w:p w:rsidR="00156FB3" w:rsidRDefault="00156FB3" w:rsidP="00156FB3">
            <w:r>
              <w:t xml:space="preserve">     * with three arguments: (nsValue, key, nsObject).</w:t>
            </w:r>
          </w:p>
          <w:p w:rsidR="00156FB3" w:rsidRDefault="00156FB3" w:rsidP="00156FB3">
            <w:r>
              <w:t xml:space="preserve">     *</w:t>
            </w:r>
          </w:p>
          <w:p w:rsidR="00156FB3" w:rsidRDefault="00156FB3" w:rsidP="00156FB3">
            <w:r>
              <w:t xml:space="preserve">     * **Note:** This method mutates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Object</w:t>
            </w:r>
          </w:p>
          <w:p w:rsidR="00156FB3" w:rsidRDefault="00156FB3" w:rsidP="00156FB3">
            <w:r>
              <w:t xml:space="preserve">     * @param {Object} object The object to modify.</w:t>
            </w:r>
          </w:p>
          <w:p w:rsidR="00156FB3" w:rsidRDefault="00156FB3" w:rsidP="00156FB3">
            <w:r>
              <w:t xml:space="preserve">     * @param {Array|string} path The path of the property to set.</w:t>
            </w:r>
          </w:p>
          <w:p w:rsidR="00156FB3" w:rsidRDefault="00156FB3" w:rsidP="00156FB3">
            <w:r>
              <w:t xml:space="preserve">     * @param {*} value The value to set.</w:t>
            </w:r>
          </w:p>
          <w:p w:rsidR="00156FB3" w:rsidRDefault="00156FB3" w:rsidP="00156FB3">
            <w:r>
              <w:t xml:space="preserve">     * @param {Function} [customizer] The function to customize assigned values.</w:t>
            </w:r>
          </w:p>
          <w:p w:rsidR="00156FB3" w:rsidRDefault="00156FB3" w:rsidP="00156FB3">
            <w:r>
              <w:t xml:space="preserve">     * @returns {Object} Returns `object`.</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w:t>
            </w:r>
          </w:p>
          <w:p w:rsidR="00156FB3" w:rsidRDefault="00156FB3" w:rsidP="00156FB3">
            <w:r>
              <w:t xml:space="preserve">     *</w:t>
            </w:r>
          </w:p>
          <w:p w:rsidR="00156FB3" w:rsidRDefault="00156FB3" w:rsidP="00156FB3">
            <w:r>
              <w:t xml:space="preserve">     * _.setWith(object, '[0][1]', 'a', Object);</w:t>
            </w:r>
          </w:p>
          <w:p w:rsidR="00156FB3" w:rsidRDefault="00156FB3" w:rsidP="00156FB3">
            <w:r>
              <w:t xml:space="preserve">     * // =&gt; { '0': { '1': 'a' } }</w:t>
            </w:r>
          </w:p>
          <w:p w:rsidR="00156FB3" w:rsidRDefault="00156FB3" w:rsidP="00156FB3">
            <w:r>
              <w:t xml:space="preserve">     */</w:t>
            </w:r>
          </w:p>
          <w:p w:rsidR="00156FB3" w:rsidRDefault="00156FB3" w:rsidP="00156FB3">
            <w:r>
              <w:t xml:space="preserve">    function setWith(object, path, value, customizer) {</w:t>
            </w:r>
          </w:p>
          <w:p w:rsidR="00156FB3" w:rsidRDefault="00156FB3" w:rsidP="00156FB3">
            <w:r>
              <w:t xml:space="preserve">      customizer = typeof customizer == 'function' ? customizer : undefined;</w:t>
            </w:r>
          </w:p>
          <w:p w:rsidR="00156FB3" w:rsidRDefault="00156FB3" w:rsidP="00156FB3">
            <w:r>
              <w:t xml:space="preserve">      return object == null ? object : baseSet(object, path, value, customizer);</w:t>
            </w:r>
          </w:p>
          <w:p w:rsidR="00156FB3" w:rsidRDefault="00156FB3" w:rsidP="00156FB3">
            <w:r>
              <w:t xml:space="preserve">    }</w:t>
            </w:r>
          </w:p>
          <w:p w:rsidR="00156FB3" w:rsidRDefault="00156FB3" w:rsidP="00156FB3"/>
          <w:p w:rsidR="00156FB3" w:rsidRDefault="00156FB3" w:rsidP="00156FB3">
            <w:r>
              <w:lastRenderedPageBreak/>
              <w:t xml:space="preserve">    /**</w:t>
            </w:r>
          </w:p>
          <w:p w:rsidR="00156FB3" w:rsidRDefault="00156FB3" w:rsidP="00156FB3">
            <w:r>
              <w:t xml:space="preserve">     * Creates an array of own enumerable string keyed-value pairs for `object`</w:t>
            </w:r>
          </w:p>
          <w:p w:rsidR="00156FB3" w:rsidRDefault="00156FB3" w:rsidP="00156FB3">
            <w:r>
              <w:t xml:space="preserve">     * which can be consumed by `_.fromPairs`. If `object` is a map or set, its</w:t>
            </w:r>
          </w:p>
          <w:p w:rsidR="00156FB3" w:rsidRDefault="00156FB3" w:rsidP="00156FB3">
            <w:r>
              <w:t xml:space="preserve">     * entries are returned.</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alias entries</w:t>
            </w:r>
          </w:p>
          <w:p w:rsidR="00156FB3" w:rsidRDefault="00156FB3" w:rsidP="00156FB3">
            <w:r>
              <w:t xml:space="preserve">     * @category Object</w:t>
            </w:r>
          </w:p>
          <w:p w:rsidR="00156FB3" w:rsidRDefault="00156FB3" w:rsidP="00156FB3">
            <w:r>
              <w:t xml:space="preserve">     * @param {Object} object The object to query.</w:t>
            </w:r>
          </w:p>
          <w:p w:rsidR="00156FB3" w:rsidRDefault="00156FB3" w:rsidP="00156FB3">
            <w:r>
              <w:t xml:space="preserve">     * @returns {Array} Returns the key-value pairs.</w:t>
            </w:r>
          </w:p>
          <w:p w:rsidR="00156FB3" w:rsidRDefault="00156FB3" w:rsidP="00156FB3">
            <w:r>
              <w:t xml:space="preserve">     * @example</w:t>
            </w:r>
          </w:p>
          <w:p w:rsidR="00156FB3" w:rsidRDefault="00156FB3" w:rsidP="00156FB3">
            <w:r>
              <w:t xml:space="preserve">     *</w:t>
            </w:r>
          </w:p>
          <w:p w:rsidR="00156FB3" w:rsidRDefault="00156FB3" w:rsidP="00156FB3">
            <w:r>
              <w:t xml:space="preserve">     * function Foo() {</w:t>
            </w:r>
          </w:p>
          <w:p w:rsidR="00156FB3" w:rsidRDefault="00156FB3" w:rsidP="00156FB3">
            <w:r>
              <w:t xml:space="preserve">     *   this.a = 1;</w:t>
            </w:r>
          </w:p>
          <w:p w:rsidR="00156FB3" w:rsidRDefault="00156FB3" w:rsidP="00156FB3">
            <w:r>
              <w:t xml:space="preserve">     *   this.b = 2;</w:t>
            </w:r>
          </w:p>
          <w:p w:rsidR="00156FB3" w:rsidRDefault="00156FB3" w:rsidP="00156FB3">
            <w:r>
              <w:t xml:space="preserve">     * }</w:t>
            </w:r>
          </w:p>
          <w:p w:rsidR="00156FB3" w:rsidRDefault="00156FB3" w:rsidP="00156FB3">
            <w:r>
              <w:t xml:space="preserve">     *</w:t>
            </w:r>
          </w:p>
          <w:p w:rsidR="00156FB3" w:rsidRDefault="00156FB3" w:rsidP="00156FB3">
            <w:r>
              <w:t xml:space="preserve">     * Foo.prototype.c = 3;</w:t>
            </w:r>
          </w:p>
          <w:p w:rsidR="00156FB3" w:rsidRDefault="00156FB3" w:rsidP="00156FB3">
            <w:r>
              <w:t xml:space="preserve">     *</w:t>
            </w:r>
          </w:p>
          <w:p w:rsidR="00156FB3" w:rsidRDefault="00156FB3" w:rsidP="00156FB3">
            <w:r>
              <w:t xml:space="preserve">     * _.toPairs(new Foo);</w:t>
            </w:r>
          </w:p>
          <w:p w:rsidR="00156FB3" w:rsidRDefault="00156FB3" w:rsidP="00156FB3">
            <w:r>
              <w:t xml:space="preserve">     * // =&gt; [['a', 1], ['b', 2]] (iteration order is not guaranteed)</w:t>
            </w:r>
          </w:p>
          <w:p w:rsidR="00156FB3" w:rsidRDefault="00156FB3" w:rsidP="00156FB3">
            <w:r>
              <w:t xml:space="preserve">     */</w:t>
            </w:r>
          </w:p>
          <w:p w:rsidR="00156FB3" w:rsidRDefault="00156FB3" w:rsidP="00156FB3">
            <w:r>
              <w:t xml:space="preserve">    var toPairs = createToPairs(keys);</w:t>
            </w:r>
          </w:p>
          <w:p w:rsidR="00156FB3" w:rsidRDefault="00156FB3" w:rsidP="00156FB3"/>
          <w:p w:rsidR="00156FB3" w:rsidRDefault="00156FB3" w:rsidP="00156FB3">
            <w:r>
              <w:t xml:space="preserve">    /**</w:t>
            </w:r>
          </w:p>
          <w:p w:rsidR="00156FB3" w:rsidRDefault="00156FB3" w:rsidP="00156FB3">
            <w:r>
              <w:t xml:space="preserve">     * Creates an array of own and inherited enumerable string keyed-value pairs</w:t>
            </w:r>
          </w:p>
          <w:p w:rsidR="00156FB3" w:rsidRDefault="00156FB3" w:rsidP="00156FB3">
            <w:r>
              <w:t xml:space="preserve">     * for `object` which can be consumed by `_.fromPairs`. If `object` is a map</w:t>
            </w:r>
          </w:p>
          <w:p w:rsidR="00156FB3" w:rsidRDefault="00156FB3" w:rsidP="00156FB3">
            <w:r>
              <w:t xml:space="preserve">     * or set, its entries are returned.</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alias entriesIn</w:t>
            </w:r>
          </w:p>
          <w:p w:rsidR="00156FB3" w:rsidRDefault="00156FB3" w:rsidP="00156FB3">
            <w:r>
              <w:t xml:space="preserve">     * @category Object</w:t>
            </w:r>
          </w:p>
          <w:p w:rsidR="00156FB3" w:rsidRDefault="00156FB3" w:rsidP="00156FB3">
            <w:r>
              <w:t xml:space="preserve">     * @param {Object} object The object to query.</w:t>
            </w:r>
          </w:p>
          <w:p w:rsidR="00156FB3" w:rsidRDefault="00156FB3" w:rsidP="00156FB3">
            <w:r>
              <w:t xml:space="preserve">     * @returns {Array} Returns the key-value pairs.</w:t>
            </w:r>
          </w:p>
          <w:p w:rsidR="00156FB3" w:rsidRDefault="00156FB3" w:rsidP="00156FB3">
            <w:r>
              <w:t xml:space="preserve">     * @example</w:t>
            </w:r>
          </w:p>
          <w:p w:rsidR="00156FB3" w:rsidRDefault="00156FB3" w:rsidP="00156FB3">
            <w:r>
              <w:t xml:space="preserve">     *</w:t>
            </w:r>
          </w:p>
          <w:p w:rsidR="00156FB3" w:rsidRDefault="00156FB3" w:rsidP="00156FB3">
            <w:r>
              <w:t xml:space="preserve">     * function Foo() {</w:t>
            </w:r>
          </w:p>
          <w:p w:rsidR="00156FB3" w:rsidRDefault="00156FB3" w:rsidP="00156FB3">
            <w:r>
              <w:t xml:space="preserve">     *   this.a = 1;</w:t>
            </w:r>
          </w:p>
          <w:p w:rsidR="00156FB3" w:rsidRDefault="00156FB3" w:rsidP="00156FB3">
            <w:r>
              <w:t xml:space="preserve">     *   this.b = 2;</w:t>
            </w:r>
          </w:p>
          <w:p w:rsidR="00156FB3" w:rsidRDefault="00156FB3" w:rsidP="00156FB3">
            <w:r>
              <w:t xml:space="preserve">     * }</w:t>
            </w:r>
          </w:p>
          <w:p w:rsidR="00156FB3" w:rsidRDefault="00156FB3" w:rsidP="00156FB3">
            <w:r>
              <w:t xml:space="preserve">     *</w:t>
            </w:r>
          </w:p>
          <w:p w:rsidR="00156FB3" w:rsidRDefault="00156FB3" w:rsidP="00156FB3">
            <w:r>
              <w:t xml:space="preserve">     * Foo.prototype.c = 3;</w:t>
            </w:r>
          </w:p>
          <w:p w:rsidR="00156FB3" w:rsidRDefault="00156FB3" w:rsidP="00156FB3">
            <w:r>
              <w:t xml:space="preserve">     *</w:t>
            </w:r>
          </w:p>
          <w:p w:rsidR="00156FB3" w:rsidRDefault="00156FB3" w:rsidP="00156FB3">
            <w:r>
              <w:t xml:space="preserve">     * _.toPairsIn(new Foo);</w:t>
            </w:r>
          </w:p>
          <w:p w:rsidR="00156FB3" w:rsidRDefault="00156FB3" w:rsidP="00156FB3">
            <w:r>
              <w:lastRenderedPageBreak/>
              <w:t xml:space="preserve">     * // =&gt; [['a', 1], ['b', 2], ['c', 3]] (iteration order is not guaranteed)</w:t>
            </w:r>
          </w:p>
          <w:p w:rsidR="00156FB3" w:rsidRDefault="00156FB3" w:rsidP="00156FB3">
            <w:r>
              <w:t xml:space="preserve">     */</w:t>
            </w:r>
          </w:p>
          <w:p w:rsidR="00156FB3" w:rsidRDefault="00156FB3" w:rsidP="00156FB3">
            <w:r>
              <w:t xml:space="preserve">    var toPairsIn = createToPairs(keysIn);</w:t>
            </w:r>
          </w:p>
          <w:p w:rsidR="00156FB3" w:rsidRDefault="00156FB3" w:rsidP="00156FB3"/>
          <w:p w:rsidR="00156FB3" w:rsidRDefault="00156FB3" w:rsidP="00156FB3">
            <w:r>
              <w:t xml:space="preserve">    /**</w:t>
            </w:r>
          </w:p>
          <w:p w:rsidR="00156FB3" w:rsidRDefault="00156FB3" w:rsidP="00156FB3">
            <w:r>
              <w:t xml:space="preserve">     * An alternative to `_.reduce`; this method transforms `object` to a new</w:t>
            </w:r>
          </w:p>
          <w:p w:rsidR="00156FB3" w:rsidRDefault="00156FB3" w:rsidP="00156FB3">
            <w:r>
              <w:t xml:space="preserve">     * `accumulator` object which is the result of running each of its own</w:t>
            </w:r>
          </w:p>
          <w:p w:rsidR="00156FB3" w:rsidRDefault="00156FB3" w:rsidP="00156FB3">
            <w:r>
              <w:t xml:space="preserve">     * enumerable string keyed properties thru `iteratee`, with each invocation</w:t>
            </w:r>
          </w:p>
          <w:p w:rsidR="00156FB3" w:rsidRDefault="00156FB3" w:rsidP="00156FB3">
            <w:r>
              <w:t xml:space="preserve">     * potentially mutating the `accumulator` object. If `accumulator` is not</w:t>
            </w:r>
          </w:p>
          <w:p w:rsidR="00156FB3" w:rsidRDefault="00156FB3" w:rsidP="00156FB3">
            <w:r>
              <w:t xml:space="preserve">     * provided, a new object with the same `[[Prototype]]` will be used. The</w:t>
            </w:r>
          </w:p>
          <w:p w:rsidR="00156FB3" w:rsidRDefault="00156FB3" w:rsidP="00156FB3">
            <w:r>
              <w:t xml:space="preserve">     * iteratee is invoked with four arguments: (accumulator, value, key, object).</w:t>
            </w:r>
          </w:p>
          <w:p w:rsidR="00156FB3" w:rsidRDefault="00156FB3" w:rsidP="00156FB3">
            <w:r>
              <w:t xml:space="preserve">     * Iteratee functions may exit iteration early by explicitly returning `fals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1.3.0</w:t>
            </w:r>
          </w:p>
          <w:p w:rsidR="00156FB3" w:rsidRDefault="00156FB3" w:rsidP="00156FB3">
            <w:r>
              <w:t xml:space="preserve">     * @category Object</w:t>
            </w:r>
          </w:p>
          <w:p w:rsidR="00156FB3" w:rsidRDefault="00156FB3" w:rsidP="00156FB3">
            <w:r>
              <w:t xml:space="preserve">     * @param {Object} object The object to iterate over.</w:t>
            </w:r>
          </w:p>
          <w:p w:rsidR="00156FB3" w:rsidRDefault="00156FB3" w:rsidP="00156FB3">
            <w:r>
              <w:t xml:space="preserve">     * @param {Function} [iteratee=_.identity] The function invoked per iteration.</w:t>
            </w:r>
          </w:p>
          <w:p w:rsidR="00156FB3" w:rsidRDefault="00156FB3" w:rsidP="00156FB3">
            <w:r>
              <w:t xml:space="preserve">     * @param {*} [accumulator] The custom accumulator value.</w:t>
            </w:r>
          </w:p>
          <w:p w:rsidR="00156FB3" w:rsidRDefault="00156FB3" w:rsidP="00156FB3">
            <w:r>
              <w:t xml:space="preserve">     * @returns {*} Returns the accumulated value.</w:t>
            </w:r>
          </w:p>
          <w:p w:rsidR="00156FB3" w:rsidRDefault="00156FB3" w:rsidP="00156FB3">
            <w:r>
              <w:t xml:space="preserve">     * @example</w:t>
            </w:r>
          </w:p>
          <w:p w:rsidR="00156FB3" w:rsidRDefault="00156FB3" w:rsidP="00156FB3">
            <w:r>
              <w:t xml:space="preserve">     *</w:t>
            </w:r>
          </w:p>
          <w:p w:rsidR="00156FB3" w:rsidRDefault="00156FB3" w:rsidP="00156FB3">
            <w:r>
              <w:t xml:space="preserve">     * _.transform([2, 3, 4], function(result, n) {</w:t>
            </w:r>
          </w:p>
          <w:p w:rsidR="00156FB3" w:rsidRDefault="00156FB3" w:rsidP="00156FB3">
            <w:r>
              <w:t xml:space="preserve">     *   result.push(n *= n);</w:t>
            </w:r>
          </w:p>
          <w:p w:rsidR="00156FB3" w:rsidRDefault="00156FB3" w:rsidP="00156FB3">
            <w:r>
              <w:t xml:space="preserve">     *   return n % 2 == 0;</w:t>
            </w:r>
          </w:p>
          <w:p w:rsidR="00156FB3" w:rsidRDefault="00156FB3" w:rsidP="00156FB3">
            <w:r>
              <w:t xml:space="preserve">     * }, []);</w:t>
            </w:r>
          </w:p>
          <w:p w:rsidR="00156FB3" w:rsidRDefault="00156FB3" w:rsidP="00156FB3">
            <w:r>
              <w:t xml:space="preserve">     * // =&gt; [4, 9]</w:t>
            </w:r>
          </w:p>
          <w:p w:rsidR="00156FB3" w:rsidRDefault="00156FB3" w:rsidP="00156FB3">
            <w:r>
              <w:t xml:space="preserve">     *</w:t>
            </w:r>
          </w:p>
          <w:p w:rsidR="00156FB3" w:rsidRDefault="00156FB3" w:rsidP="00156FB3">
            <w:r>
              <w:t xml:space="preserve">     * _.transform({ 'a': 1, 'b': 2, 'c': 1 }, function(result, value, key) {</w:t>
            </w:r>
          </w:p>
          <w:p w:rsidR="00156FB3" w:rsidRDefault="00156FB3" w:rsidP="00156FB3">
            <w:r>
              <w:t xml:space="preserve">     *   (result[value] || (result[value] = [])).push(key);</w:t>
            </w:r>
          </w:p>
          <w:p w:rsidR="00156FB3" w:rsidRDefault="00156FB3" w:rsidP="00156FB3">
            <w:r>
              <w:t xml:space="preserve">     * }, {});</w:t>
            </w:r>
          </w:p>
          <w:p w:rsidR="00156FB3" w:rsidRDefault="00156FB3" w:rsidP="00156FB3">
            <w:r>
              <w:t xml:space="preserve">     * // =&gt; { '1': ['a', 'c'], '2': ['b'] }</w:t>
            </w:r>
          </w:p>
          <w:p w:rsidR="00156FB3" w:rsidRDefault="00156FB3" w:rsidP="00156FB3">
            <w:r>
              <w:t xml:space="preserve">     */</w:t>
            </w:r>
          </w:p>
          <w:p w:rsidR="00156FB3" w:rsidRDefault="00156FB3" w:rsidP="00156FB3">
            <w:r>
              <w:t xml:space="preserve">    function transform(object, iteratee, accumulator) {</w:t>
            </w:r>
          </w:p>
          <w:p w:rsidR="00156FB3" w:rsidRDefault="00156FB3" w:rsidP="00156FB3">
            <w:r>
              <w:t xml:space="preserve">      var isArr = isArray(object),</w:t>
            </w:r>
          </w:p>
          <w:p w:rsidR="00156FB3" w:rsidRDefault="00156FB3" w:rsidP="00156FB3">
            <w:r>
              <w:t xml:space="preserve">          isArrLike = isArr || isBuffer(object) || isTypedArray(object);</w:t>
            </w:r>
          </w:p>
          <w:p w:rsidR="00156FB3" w:rsidRDefault="00156FB3" w:rsidP="00156FB3"/>
          <w:p w:rsidR="00156FB3" w:rsidRDefault="00156FB3" w:rsidP="00156FB3">
            <w:r>
              <w:t xml:space="preserve">      iteratee = getIteratee(iteratee, 4);</w:t>
            </w:r>
          </w:p>
          <w:p w:rsidR="00156FB3" w:rsidRDefault="00156FB3" w:rsidP="00156FB3">
            <w:r>
              <w:t xml:space="preserve">      if (accumulator == null) {</w:t>
            </w:r>
          </w:p>
          <w:p w:rsidR="00156FB3" w:rsidRDefault="00156FB3" w:rsidP="00156FB3">
            <w:r>
              <w:t xml:space="preserve">        var Ctor = object &amp;&amp; object.constructor;</w:t>
            </w:r>
          </w:p>
          <w:p w:rsidR="00156FB3" w:rsidRDefault="00156FB3" w:rsidP="00156FB3">
            <w:r>
              <w:t xml:space="preserve">        if (isArrLike) {</w:t>
            </w:r>
          </w:p>
          <w:p w:rsidR="00156FB3" w:rsidRDefault="00156FB3" w:rsidP="00156FB3">
            <w:r>
              <w:t xml:space="preserve">          accumulator = isArr ? new Ctor : [];</w:t>
            </w:r>
          </w:p>
          <w:p w:rsidR="00156FB3" w:rsidRDefault="00156FB3" w:rsidP="00156FB3">
            <w:r>
              <w:t xml:space="preserve">        }</w:t>
            </w:r>
          </w:p>
          <w:p w:rsidR="00156FB3" w:rsidRDefault="00156FB3" w:rsidP="00156FB3">
            <w:r>
              <w:t xml:space="preserve">        else if (isObject(object)) {</w:t>
            </w:r>
          </w:p>
          <w:p w:rsidR="00156FB3" w:rsidRDefault="00156FB3" w:rsidP="00156FB3">
            <w:r>
              <w:t xml:space="preserve">          accumulator = isFunction(Ctor) ? baseCreate(getPrototype(object)) : {};</w:t>
            </w:r>
          </w:p>
          <w:p w:rsidR="00156FB3" w:rsidRDefault="00156FB3" w:rsidP="00156FB3">
            <w:r>
              <w:t xml:space="preserve">        }</w:t>
            </w:r>
          </w:p>
          <w:p w:rsidR="00156FB3" w:rsidRDefault="00156FB3" w:rsidP="00156FB3">
            <w:r>
              <w:t xml:space="preserve">        else {</w:t>
            </w:r>
          </w:p>
          <w:p w:rsidR="00156FB3" w:rsidRDefault="00156FB3" w:rsidP="00156FB3">
            <w:r>
              <w:lastRenderedPageBreak/>
              <w:t xml:space="preserve">          accumulator = {};</w:t>
            </w:r>
          </w:p>
          <w:p w:rsidR="00156FB3" w:rsidRDefault="00156FB3" w:rsidP="00156FB3">
            <w:r>
              <w:t xml:space="preserve">        }</w:t>
            </w:r>
          </w:p>
          <w:p w:rsidR="00156FB3" w:rsidRDefault="00156FB3" w:rsidP="00156FB3">
            <w:r>
              <w:t xml:space="preserve">      }</w:t>
            </w:r>
          </w:p>
          <w:p w:rsidR="00156FB3" w:rsidRDefault="00156FB3" w:rsidP="00156FB3">
            <w:r>
              <w:t xml:space="preserve">      (isArrLike ? arrayEach : baseForOwn)(object, function(value, index, object) {</w:t>
            </w:r>
          </w:p>
          <w:p w:rsidR="00156FB3" w:rsidRDefault="00156FB3" w:rsidP="00156FB3">
            <w:r>
              <w:t xml:space="preserve">        return iteratee(accumulator, value, index, object);</w:t>
            </w:r>
          </w:p>
          <w:p w:rsidR="00156FB3" w:rsidRDefault="00156FB3" w:rsidP="00156FB3">
            <w:r>
              <w:t xml:space="preserve">      });</w:t>
            </w:r>
          </w:p>
          <w:p w:rsidR="00156FB3" w:rsidRDefault="00156FB3" w:rsidP="00156FB3">
            <w:r>
              <w:t xml:space="preserve">      return accumulato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moves the property at `path` of `object`.</w:t>
            </w:r>
          </w:p>
          <w:p w:rsidR="00156FB3" w:rsidRDefault="00156FB3" w:rsidP="00156FB3">
            <w:r>
              <w:t xml:space="preserve">     *</w:t>
            </w:r>
          </w:p>
          <w:p w:rsidR="00156FB3" w:rsidRDefault="00156FB3" w:rsidP="00156FB3">
            <w:r>
              <w:t xml:space="preserve">     * **Note:** This method mutates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Object</w:t>
            </w:r>
          </w:p>
          <w:p w:rsidR="00156FB3" w:rsidRDefault="00156FB3" w:rsidP="00156FB3">
            <w:r>
              <w:t xml:space="preserve">     * @param {Object} object The object to modify.</w:t>
            </w:r>
          </w:p>
          <w:p w:rsidR="00156FB3" w:rsidRDefault="00156FB3" w:rsidP="00156FB3">
            <w:r>
              <w:t xml:space="preserve">     * @param {Array|string} path The path of the property to unset.</w:t>
            </w:r>
          </w:p>
          <w:p w:rsidR="00156FB3" w:rsidRDefault="00156FB3" w:rsidP="00156FB3">
            <w:r>
              <w:t xml:space="preserve">     * @returns {boolean} Returns `true` if the property is deleted,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 'a': [{ 'b': { 'c': 7 } }] };</w:t>
            </w:r>
          </w:p>
          <w:p w:rsidR="00156FB3" w:rsidRDefault="00156FB3" w:rsidP="00156FB3">
            <w:r>
              <w:t xml:space="preserve">     * _.unset(object, 'a[0].b.c');</w:t>
            </w:r>
          </w:p>
          <w:p w:rsidR="00156FB3" w:rsidRDefault="00156FB3" w:rsidP="00156FB3">
            <w:r>
              <w:t xml:space="preserve">     * // =&gt; true</w:t>
            </w:r>
          </w:p>
          <w:p w:rsidR="00156FB3" w:rsidRDefault="00156FB3" w:rsidP="00156FB3">
            <w:r>
              <w:t xml:space="preserve">     *</w:t>
            </w:r>
          </w:p>
          <w:p w:rsidR="00156FB3" w:rsidRDefault="00156FB3" w:rsidP="00156FB3">
            <w:r>
              <w:t xml:space="preserve">     * console.log(object);</w:t>
            </w:r>
          </w:p>
          <w:p w:rsidR="00156FB3" w:rsidRDefault="00156FB3" w:rsidP="00156FB3">
            <w:r>
              <w:t xml:space="preserve">     * // =&gt; { 'a': [{ 'b': {} }] };</w:t>
            </w:r>
          </w:p>
          <w:p w:rsidR="00156FB3" w:rsidRDefault="00156FB3" w:rsidP="00156FB3">
            <w:r>
              <w:t xml:space="preserve">     *</w:t>
            </w:r>
          </w:p>
          <w:p w:rsidR="00156FB3" w:rsidRDefault="00156FB3" w:rsidP="00156FB3">
            <w:r>
              <w:t xml:space="preserve">     * _.unset(object, ['a', '0', 'b', 'c']);</w:t>
            </w:r>
          </w:p>
          <w:p w:rsidR="00156FB3" w:rsidRDefault="00156FB3" w:rsidP="00156FB3">
            <w:r>
              <w:t xml:space="preserve">     * // =&gt; true</w:t>
            </w:r>
          </w:p>
          <w:p w:rsidR="00156FB3" w:rsidRDefault="00156FB3" w:rsidP="00156FB3">
            <w:r>
              <w:t xml:space="preserve">     *</w:t>
            </w:r>
          </w:p>
          <w:p w:rsidR="00156FB3" w:rsidRDefault="00156FB3" w:rsidP="00156FB3">
            <w:r>
              <w:t xml:space="preserve">     * console.log(object);</w:t>
            </w:r>
          </w:p>
          <w:p w:rsidR="00156FB3" w:rsidRDefault="00156FB3" w:rsidP="00156FB3">
            <w:r>
              <w:t xml:space="preserve">     * // =&gt; { 'a': [{ 'b': {} }] };</w:t>
            </w:r>
          </w:p>
          <w:p w:rsidR="00156FB3" w:rsidRDefault="00156FB3" w:rsidP="00156FB3">
            <w:r>
              <w:t xml:space="preserve">     */</w:t>
            </w:r>
          </w:p>
          <w:p w:rsidR="00156FB3" w:rsidRDefault="00156FB3" w:rsidP="00156FB3">
            <w:r>
              <w:t xml:space="preserve">    function unset(object, path) {</w:t>
            </w:r>
          </w:p>
          <w:p w:rsidR="00156FB3" w:rsidRDefault="00156FB3" w:rsidP="00156FB3">
            <w:r>
              <w:t xml:space="preserve">      return object == null ? true : baseUnset(object, path);</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set` except that accepts `updater` to produce the</w:t>
            </w:r>
          </w:p>
          <w:p w:rsidR="00156FB3" w:rsidRDefault="00156FB3" w:rsidP="00156FB3">
            <w:r>
              <w:t xml:space="preserve">     * value to set. Use `_.updateWith` to customize `path` creation. The `updater`</w:t>
            </w:r>
          </w:p>
          <w:p w:rsidR="00156FB3" w:rsidRDefault="00156FB3" w:rsidP="00156FB3">
            <w:r>
              <w:t xml:space="preserve">     * is invoked with one argument: (value).</w:t>
            </w:r>
          </w:p>
          <w:p w:rsidR="00156FB3" w:rsidRDefault="00156FB3" w:rsidP="00156FB3">
            <w:r>
              <w:t xml:space="preserve">     *</w:t>
            </w:r>
          </w:p>
          <w:p w:rsidR="00156FB3" w:rsidRDefault="00156FB3" w:rsidP="00156FB3">
            <w:r>
              <w:t xml:space="preserve">     * **Note:** This method mutates `object`.</w:t>
            </w:r>
          </w:p>
          <w:p w:rsidR="00156FB3" w:rsidRDefault="00156FB3" w:rsidP="00156FB3">
            <w:r>
              <w:t xml:space="preserve">     *</w:t>
            </w:r>
          </w:p>
          <w:p w:rsidR="00156FB3" w:rsidRDefault="00156FB3" w:rsidP="00156FB3">
            <w:r>
              <w:t xml:space="preserve">     * @static</w:t>
            </w:r>
          </w:p>
          <w:p w:rsidR="00156FB3" w:rsidRDefault="00156FB3" w:rsidP="00156FB3">
            <w:r>
              <w:lastRenderedPageBreak/>
              <w:t xml:space="preserve">     * @memberOf _</w:t>
            </w:r>
          </w:p>
          <w:p w:rsidR="00156FB3" w:rsidRDefault="00156FB3" w:rsidP="00156FB3">
            <w:r>
              <w:t xml:space="preserve">     * @since 4.6.0</w:t>
            </w:r>
          </w:p>
          <w:p w:rsidR="00156FB3" w:rsidRDefault="00156FB3" w:rsidP="00156FB3">
            <w:r>
              <w:t xml:space="preserve">     * @category Object</w:t>
            </w:r>
          </w:p>
          <w:p w:rsidR="00156FB3" w:rsidRDefault="00156FB3" w:rsidP="00156FB3">
            <w:r>
              <w:t xml:space="preserve">     * @param {Object} object The object to modify.</w:t>
            </w:r>
          </w:p>
          <w:p w:rsidR="00156FB3" w:rsidRDefault="00156FB3" w:rsidP="00156FB3">
            <w:r>
              <w:t xml:space="preserve">     * @param {Array|string} path The path of the property to set.</w:t>
            </w:r>
          </w:p>
          <w:p w:rsidR="00156FB3" w:rsidRDefault="00156FB3" w:rsidP="00156FB3">
            <w:r>
              <w:t xml:space="preserve">     * @param {Function} updater The function to produce the updated value.</w:t>
            </w:r>
          </w:p>
          <w:p w:rsidR="00156FB3" w:rsidRDefault="00156FB3" w:rsidP="00156FB3">
            <w:r>
              <w:t xml:space="preserve">     * @returns {Object} Returns `object`.</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 'a': [{ 'b': { 'c': 3 } }] };</w:t>
            </w:r>
          </w:p>
          <w:p w:rsidR="00156FB3" w:rsidRDefault="00156FB3" w:rsidP="00156FB3">
            <w:r>
              <w:t xml:space="preserve">     *</w:t>
            </w:r>
          </w:p>
          <w:p w:rsidR="00156FB3" w:rsidRDefault="00156FB3" w:rsidP="00156FB3">
            <w:r>
              <w:t xml:space="preserve">     * _.update(object, 'a[0].b.c', function(n) { return n * n; });</w:t>
            </w:r>
          </w:p>
          <w:p w:rsidR="00156FB3" w:rsidRDefault="00156FB3" w:rsidP="00156FB3">
            <w:r>
              <w:t xml:space="preserve">     * console.log(object.a[0].b.c);</w:t>
            </w:r>
          </w:p>
          <w:p w:rsidR="00156FB3" w:rsidRDefault="00156FB3" w:rsidP="00156FB3">
            <w:r>
              <w:t xml:space="preserve">     * // =&gt; 9</w:t>
            </w:r>
          </w:p>
          <w:p w:rsidR="00156FB3" w:rsidRDefault="00156FB3" w:rsidP="00156FB3">
            <w:r>
              <w:t xml:space="preserve">     *</w:t>
            </w:r>
          </w:p>
          <w:p w:rsidR="00156FB3" w:rsidRDefault="00156FB3" w:rsidP="00156FB3">
            <w:r>
              <w:t xml:space="preserve">     * _.update(object, 'x[0].y.z', function(n) { return n ? n + 1 : 0; });</w:t>
            </w:r>
          </w:p>
          <w:p w:rsidR="00156FB3" w:rsidRDefault="00156FB3" w:rsidP="00156FB3">
            <w:r>
              <w:t xml:space="preserve">     * console.log(object.x[0].y.z);</w:t>
            </w:r>
          </w:p>
          <w:p w:rsidR="00156FB3" w:rsidRDefault="00156FB3" w:rsidP="00156FB3">
            <w:r>
              <w:t xml:space="preserve">     * // =&gt; 0</w:t>
            </w:r>
          </w:p>
          <w:p w:rsidR="00156FB3" w:rsidRDefault="00156FB3" w:rsidP="00156FB3">
            <w:r>
              <w:t xml:space="preserve">     */</w:t>
            </w:r>
          </w:p>
          <w:p w:rsidR="00156FB3" w:rsidRDefault="00156FB3" w:rsidP="00156FB3">
            <w:r>
              <w:t xml:space="preserve">    function update(object, path, updater) {</w:t>
            </w:r>
          </w:p>
          <w:p w:rsidR="00156FB3" w:rsidRDefault="00156FB3" w:rsidP="00156FB3">
            <w:r>
              <w:t xml:space="preserve">      return object == null ? object : baseUpdate(object, path, castFunction(updat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update` except that it accepts `customizer` which is</w:t>
            </w:r>
          </w:p>
          <w:p w:rsidR="00156FB3" w:rsidRDefault="00156FB3" w:rsidP="00156FB3">
            <w:r>
              <w:t xml:space="preserve">     * invoked to produce the objects of `path`.  If `customizer` returns `undefined`</w:t>
            </w:r>
          </w:p>
          <w:p w:rsidR="00156FB3" w:rsidRDefault="00156FB3" w:rsidP="00156FB3">
            <w:r>
              <w:t xml:space="preserve">     * path creation is handled by the method instead. The `customizer` is invoked</w:t>
            </w:r>
          </w:p>
          <w:p w:rsidR="00156FB3" w:rsidRDefault="00156FB3" w:rsidP="00156FB3">
            <w:r>
              <w:t xml:space="preserve">     * with three arguments: (nsValue, key, nsObject).</w:t>
            </w:r>
          </w:p>
          <w:p w:rsidR="00156FB3" w:rsidRDefault="00156FB3" w:rsidP="00156FB3">
            <w:r>
              <w:t xml:space="preserve">     *</w:t>
            </w:r>
          </w:p>
          <w:p w:rsidR="00156FB3" w:rsidRDefault="00156FB3" w:rsidP="00156FB3">
            <w:r>
              <w:t xml:space="preserve">     * **Note:** This method mutates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6.0</w:t>
            </w:r>
          </w:p>
          <w:p w:rsidR="00156FB3" w:rsidRDefault="00156FB3" w:rsidP="00156FB3">
            <w:r>
              <w:t xml:space="preserve">     * @category Object</w:t>
            </w:r>
          </w:p>
          <w:p w:rsidR="00156FB3" w:rsidRDefault="00156FB3" w:rsidP="00156FB3">
            <w:r>
              <w:t xml:space="preserve">     * @param {Object} object The object to modify.</w:t>
            </w:r>
          </w:p>
          <w:p w:rsidR="00156FB3" w:rsidRDefault="00156FB3" w:rsidP="00156FB3">
            <w:r>
              <w:t xml:space="preserve">     * @param {Array|string} path The path of the property to set.</w:t>
            </w:r>
          </w:p>
          <w:p w:rsidR="00156FB3" w:rsidRDefault="00156FB3" w:rsidP="00156FB3">
            <w:r>
              <w:t xml:space="preserve">     * @param {Function} updater The function to produce the updated value.</w:t>
            </w:r>
          </w:p>
          <w:p w:rsidR="00156FB3" w:rsidRDefault="00156FB3" w:rsidP="00156FB3">
            <w:r>
              <w:t xml:space="preserve">     * @param {Function} [customizer] The function to customize assigned values.</w:t>
            </w:r>
          </w:p>
          <w:p w:rsidR="00156FB3" w:rsidRDefault="00156FB3" w:rsidP="00156FB3">
            <w:r>
              <w:t xml:space="preserve">     * @returns {Object} Returns `object`.</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w:t>
            </w:r>
          </w:p>
          <w:p w:rsidR="00156FB3" w:rsidRDefault="00156FB3" w:rsidP="00156FB3">
            <w:r>
              <w:t xml:space="preserve">     *</w:t>
            </w:r>
          </w:p>
          <w:p w:rsidR="00156FB3" w:rsidRDefault="00156FB3" w:rsidP="00156FB3">
            <w:r>
              <w:t xml:space="preserve">     * _.updateWith(object, '[0][1]', _.constant('a'), Object);</w:t>
            </w:r>
          </w:p>
          <w:p w:rsidR="00156FB3" w:rsidRDefault="00156FB3" w:rsidP="00156FB3">
            <w:r>
              <w:t xml:space="preserve">     * // =&gt; { '0': { '1': 'a' } }</w:t>
            </w:r>
          </w:p>
          <w:p w:rsidR="00156FB3" w:rsidRDefault="00156FB3" w:rsidP="00156FB3">
            <w:r>
              <w:t xml:space="preserve">     */</w:t>
            </w:r>
          </w:p>
          <w:p w:rsidR="00156FB3" w:rsidRDefault="00156FB3" w:rsidP="00156FB3">
            <w:r>
              <w:t xml:space="preserve">    function updateWith(object, path, updater, customizer) {</w:t>
            </w:r>
          </w:p>
          <w:p w:rsidR="00156FB3" w:rsidRDefault="00156FB3" w:rsidP="00156FB3">
            <w:r>
              <w:lastRenderedPageBreak/>
              <w:t xml:space="preserve">      customizer = typeof customizer == 'function' ? customizer : undefined;</w:t>
            </w:r>
          </w:p>
          <w:p w:rsidR="00156FB3" w:rsidRDefault="00156FB3" w:rsidP="00156FB3">
            <w:r>
              <w:t xml:space="preserve">      return object == null ? object : baseUpdate(object, path, castFunction(updater), customiz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of the own enumerable string keyed property values of `object`.</w:t>
            </w:r>
          </w:p>
          <w:p w:rsidR="00156FB3" w:rsidRDefault="00156FB3" w:rsidP="00156FB3">
            <w:r>
              <w:t xml:space="preserve">     *</w:t>
            </w:r>
          </w:p>
          <w:p w:rsidR="00156FB3" w:rsidRDefault="00156FB3" w:rsidP="00156FB3">
            <w:r>
              <w:t xml:space="preserve">     * **Note:** Non-object values are coerced to objects.</w:t>
            </w:r>
          </w:p>
          <w:p w:rsidR="00156FB3" w:rsidRDefault="00156FB3" w:rsidP="00156FB3">
            <w:r>
              <w:t xml:space="preserve">     *</w:t>
            </w:r>
          </w:p>
          <w:p w:rsidR="00156FB3" w:rsidRDefault="00156FB3" w:rsidP="00156FB3">
            <w:r>
              <w:t xml:space="preserve">     * @static</w:t>
            </w:r>
          </w:p>
          <w:p w:rsidR="00156FB3" w:rsidRDefault="00156FB3" w:rsidP="00156FB3">
            <w:r>
              <w:t xml:space="preserve">     * @since 0.1.0</w:t>
            </w:r>
          </w:p>
          <w:p w:rsidR="00156FB3" w:rsidRDefault="00156FB3" w:rsidP="00156FB3">
            <w:r>
              <w:t xml:space="preserve">     * @memberOf _</w:t>
            </w:r>
          </w:p>
          <w:p w:rsidR="00156FB3" w:rsidRDefault="00156FB3" w:rsidP="00156FB3">
            <w:r>
              <w:t xml:space="preserve">     * @category Object</w:t>
            </w:r>
          </w:p>
          <w:p w:rsidR="00156FB3" w:rsidRDefault="00156FB3" w:rsidP="00156FB3">
            <w:r>
              <w:t xml:space="preserve">     * @param {Object} object The object to query.</w:t>
            </w:r>
          </w:p>
          <w:p w:rsidR="00156FB3" w:rsidRDefault="00156FB3" w:rsidP="00156FB3">
            <w:r>
              <w:t xml:space="preserve">     * @returns {Array} Returns the array of property values.</w:t>
            </w:r>
          </w:p>
          <w:p w:rsidR="00156FB3" w:rsidRDefault="00156FB3" w:rsidP="00156FB3">
            <w:r>
              <w:t xml:space="preserve">     * @example</w:t>
            </w:r>
          </w:p>
          <w:p w:rsidR="00156FB3" w:rsidRDefault="00156FB3" w:rsidP="00156FB3">
            <w:r>
              <w:t xml:space="preserve">     *</w:t>
            </w:r>
          </w:p>
          <w:p w:rsidR="00156FB3" w:rsidRDefault="00156FB3" w:rsidP="00156FB3">
            <w:r>
              <w:t xml:space="preserve">     * function Foo() {</w:t>
            </w:r>
          </w:p>
          <w:p w:rsidR="00156FB3" w:rsidRDefault="00156FB3" w:rsidP="00156FB3">
            <w:r>
              <w:t xml:space="preserve">     *   this.a = 1;</w:t>
            </w:r>
          </w:p>
          <w:p w:rsidR="00156FB3" w:rsidRDefault="00156FB3" w:rsidP="00156FB3">
            <w:r>
              <w:t xml:space="preserve">     *   this.b = 2;</w:t>
            </w:r>
          </w:p>
          <w:p w:rsidR="00156FB3" w:rsidRDefault="00156FB3" w:rsidP="00156FB3">
            <w:r>
              <w:t xml:space="preserve">     * }</w:t>
            </w:r>
          </w:p>
          <w:p w:rsidR="00156FB3" w:rsidRDefault="00156FB3" w:rsidP="00156FB3">
            <w:r>
              <w:t xml:space="preserve">     *</w:t>
            </w:r>
          </w:p>
          <w:p w:rsidR="00156FB3" w:rsidRDefault="00156FB3" w:rsidP="00156FB3">
            <w:r>
              <w:t xml:space="preserve">     * Foo.prototype.c = 3;</w:t>
            </w:r>
          </w:p>
          <w:p w:rsidR="00156FB3" w:rsidRDefault="00156FB3" w:rsidP="00156FB3">
            <w:r>
              <w:t xml:space="preserve">     *</w:t>
            </w:r>
          </w:p>
          <w:p w:rsidR="00156FB3" w:rsidRDefault="00156FB3" w:rsidP="00156FB3">
            <w:r>
              <w:t xml:space="preserve">     * _.values(new Foo);</w:t>
            </w:r>
          </w:p>
          <w:p w:rsidR="00156FB3" w:rsidRDefault="00156FB3" w:rsidP="00156FB3">
            <w:r>
              <w:t xml:space="preserve">     * // =&gt; [1, 2] (iteration order is not guaranteed)</w:t>
            </w:r>
          </w:p>
          <w:p w:rsidR="00156FB3" w:rsidRDefault="00156FB3" w:rsidP="00156FB3">
            <w:r>
              <w:t xml:space="preserve">     *</w:t>
            </w:r>
          </w:p>
          <w:p w:rsidR="00156FB3" w:rsidRDefault="00156FB3" w:rsidP="00156FB3">
            <w:r>
              <w:t xml:space="preserve">     * _.values('hi');</w:t>
            </w:r>
          </w:p>
          <w:p w:rsidR="00156FB3" w:rsidRDefault="00156FB3" w:rsidP="00156FB3">
            <w:r>
              <w:t xml:space="preserve">     * // =&gt; ['h', 'i']</w:t>
            </w:r>
          </w:p>
          <w:p w:rsidR="00156FB3" w:rsidRDefault="00156FB3" w:rsidP="00156FB3">
            <w:r>
              <w:t xml:space="preserve">     */</w:t>
            </w:r>
          </w:p>
          <w:p w:rsidR="00156FB3" w:rsidRDefault="00156FB3" w:rsidP="00156FB3">
            <w:r>
              <w:t xml:space="preserve">    function values(object) {</w:t>
            </w:r>
          </w:p>
          <w:p w:rsidR="00156FB3" w:rsidRDefault="00156FB3" w:rsidP="00156FB3">
            <w:r>
              <w:t xml:space="preserve">      return object == null ? [] : baseValues(object, keys(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of the own and inherited enumerable string keyed property</w:t>
            </w:r>
          </w:p>
          <w:p w:rsidR="00156FB3" w:rsidRDefault="00156FB3" w:rsidP="00156FB3">
            <w:r>
              <w:t xml:space="preserve">     * values of `object`.</w:t>
            </w:r>
          </w:p>
          <w:p w:rsidR="00156FB3" w:rsidRDefault="00156FB3" w:rsidP="00156FB3">
            <w:r>
              <w:t xml:space="preserve">     *</w:t>
            </w:r>
          </w:p>
          <w:p w:rsidR="00156FB3" w:rsidRDefault="00156FB3" w:rsidP="00156FB3">
            <w:r>
              <w:t xml:space="preserve">     * **Note:** Non-object values are coerced to object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Object</w:t>
            </w:r>
          </w:p>
          <w:p w:rsidR="00156FB3" w:rsidRDefault="00156FB3" w:rsidP="00156FB3">
            <w:r>
              <w:t xml:space="preserve">     * @param {Object} object The object to query.</w:t>
            </w:r>
          </w:p>
          <w:p w:rsidR="00156FB3" w:rsidRDefault="00156FB3" w:rsidP="00156FB3">
            <w:r>
              <w:t xml:space="preserve">     * @returns {Array} Returns the array of property values.</w:t>
            </w:r>
          </w:p>
          <w:p w:rsidR="00156FB3" w:rsidRDefault="00156FB3" w:rsidP="00156FB3">
            <w:r>
              <w:t xml:space="preserve">     * @example</w:t>
            </w:r>
          </w:p>
          <w:p w:rsidR="00156FB3" w:rsidRDefault="00156FB3" w:rsidP="00156FB3">
            <w:r>
              <w:t xml:space="preserve">     *</w:t>
            </w:r>
          </w:p>
          <w:p w:rsidR="00156FB3" w:rsidRDefault="00156FB3" w:rsidP="00156FB3">
            <w:r>
              <w:lastRenderedPageBreak/>
              <w:t xml:space="preserve">     * function Foo() {</w:t>
            </w:r>
          </w:p>
          <w:p w:rsidR="00156FB3" w:rsidRDefault="00156FB3" w:rsidP="00156FB3">
            <w:r>
              <w:t xml:space="preserve">     *   this.a = 1;</w:t>
            </w:r>
          </w:p>
          <w:p w:rsidR="00156FB3" w:rsidRDefault="00156FB3" w:rsidP="00156FB3">
            <w:r>
              <w:t xml:space="preserve">     *   this.b = 2;</w:t>
            </w:r>
          </w:p>
          <w:p w:rsidR="00156FB3" w:rsidRDefault="00156FB3" w:rsidP="00156FB3">
            <w:r>
              <w:t xml:space="preserve">     * }</w:t>
            </w:r>
          </w:p>
          <w:p w:rsidR="00156FB3" w:rsidRDefault="00156FB3" w:rsidP="00156FB3">
            <w:r>
              <w:t xml:space="preserve">     *</w:t>
            </w:r>
          </w:p>
          <w:p w:rsidR="00156FB3" w:rsidRDefault="00156FB3" w:rsidP="00156FB3">
            <w:r>
              <w:t xml:space="preserve">     * Foo.prototype.c = 3;</w:t>
            </w:r>
          </w:p>
          <w:p w:rsidR="00156FB3" w:rsidRDefault="00156FB3" w:rsidP="00156FB3">
            <w:r>
              <w:t xml:space="preserve">     *</w:t>
            </w:r>
          </w:p>
          <w:p w:rsidR="00156FB3" w:rsidRDefault="00156FB3" w:rsidP="00156FB3">
            <w:r>
              <w:t xml:space="preserve">     * _.valuesIn(new Foo);</w:t>
            </w:r>
          </w:p>
          <w:p w:rsidR="00156FB3" w:rsidRDefault="00156FB3" w:rsidP="00156FB3">
            <w:r>
              <w:t xml:space="preserve">     * // =&gt; [1, 2, 3] (iteration order is not guaranteed)</w:t>
            </w:r>
          </w:p>
          <w:p w:rsidR="00156FB3" w:rsidRDefault="00156FB3" w:rsidP="00156FB3">
            <w:r>
              <w:t xml:space="preserve">     */</w:t>
            </w:r>
          </w:p>
          <w:p w:rsidR="00156FB3" w:rsidRDefault="00156FB3" w:rsidP="00156FB3">
            <w:r>
              <w:t xml:space="preserve">    function valuesIn(object) {</w:t>
            </w:r>
          </w:p>
          <w:p w:rsidR="00156FB3" w:rsidRDefault="00156FB3" w:rsidP="00156FB3">
            <w:r>
              <w:t xml:space="preserve">      return object == null ? [] : baseValues(object, keysIn(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lamps `number` within the inclusive `lower` and `upper` bound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Number</w:t>
            </w:r>
          </w:p>
          <w:p w:rsidR="00156FB3" w:rsidRDefault="00156FB3" w:rsidP="00156FB3">
            <w:r>
              <w:t xml:space="preserve">     * @param {number} number The number to clamp.</w:t>
            </w:r>
          </w:p>
          <w:p w:rsidR="00156FB3" w:rsidRDefault="00156FB3" w:rsidP="00156FB3">
            <w:r>
              <w:t xml:space="preserve">     * @param {number} [lower] The lower bound.</w:t>
            </w:r>
          </w:p>
          <w:p w:rsidR="00156FB3" w:rsidRDefault="00156FB3" w:rsidP="00156FB3">
            <w:r>
              <w:t xml:space="preserve">     * @param {number} upper The upper bound.</w:t>
            </w:r>
          </w:p>
          <w:p w:rsidR="00156FB3" w:rsidRDefault="00156FB3" w:rsidP="00156FB3">
            <w:r>
              <w:t xml:space="preserve">     * @returns {number} Returns the clamped number.</w:t>
            </w:r>
          </w:p>
          <w:p w:rsidR="00156FB3" w:rsidRDefault="00156FB3" w:rsidP="00156FB3">
            <w:r>
              <w:t xml:space="preserve">     * @example</w:t>
            </w:r>
          </w:p>
          <w:p w:rsidR="00156FB3" w:rsidRDefault="00156FB3" w:rsidP="00156FB3">
            <w:r>
              <w:t xml:space="preserve">     *</w:t>
            </w:r>
          </w:p>
          <w:p w:rsidR="00156FB3" w:rsidRDefault="00156FB3" w:rsidP="00156FB3">
            <w:r>
              <w:t xml:space="preserve">     * _.clamp(-10, -5, 5);</w:t>
            </w:r>
          </w:p>
          <w:p w:rsidR="00156FB3" w:rsidRDefault="00156FB3" w:rsidP="00156FB3">
            <w:r>
              <w:t xml:space="preserve">     * // =&gt; -5</w:t>
            </w:r>
          </w:p>
          <w:p w:rsidR="00156FB3" w:rsidRDefault="00156FB3" w:rsidP="00156FB3">
            <w:r>
              <w:t xml:space="preserve">     *</w:t>
            </w:r>
          </w:p>
          <w:p w:rsidR="00156FB3" w:rsidRDefault="00156FB3" w:rsidP="00156FB3">
            <w:r>
              <w:t xml:space="preserve">     * _.clamp(10, -5, 5);</w:t>
            </w:r>
          </w:p>
          <w:p w:rsidR="00156FB3" w:rsidRDefault="00156FB3" w:rsidP="00156FB3">
            <w:r>
              <w:t xml:space="preserve">     * // =&gt; 5</w:t>
            </w:r>
          </w:p>
          <w:p w:rsidR="00156FB3" w:rsidRDefault="00156FB3" w:rsidP="00156FB3">
            <w:r>
              <w:t xml:space="preserve">     */</w:t>
            </w:r>
          </w:p>
          <w:p w:rsidR="00156FB3" w:rsidRDefault="00156FB3" w:rsidP="00156FB3">
            <w:r>
              <w:t xml:space="preserve">    function clamp(number, lower, upper) {</w:t>
            </w:r>
          </w:p>
          <w:p w:rsidR="00156FB3" w:rsidRDefault="00156FB3" w:rsidP="00156FB3">
            <w:r>
              <w:t xml:space="preserve">      if (upper === undefined) {</w:t>
            </w:r>
          </w:p>
          <w:p w:rsidR="00156FB3" w:rsidRDefault="00156FB3" w:rsidP="00156FB3">
            <w:r>
              <w:t xml:space="preserve">        upper = lower;</w:t>
            </w:r>
          </w:p>
          <w:p w:rsidR="00156FB3" w:rsidRDefault="00156FB3" w:rsidP="00156FB3">
            <w:r>
              <w:t xml:space="preserve">        lower = undefined;</w:t>
            </w:r>
          </w:p>
          <w:p w:rsidR="00156FB3" w:rsidRDefault="00156FB3" w:rsidP="00156FB3">
            <w:r>
              <w:t xml:space="preserve">      }</w:t>
            </w:r>
          </w:p>
          <w:p w:rsidR="00156FB3" w:rsidRDefault="00156FB3" w:rsidP="00156FB3">
            <w:r>
              <w:t xml:space="preserve">      if (upper !== undefined) {</w:t>
            </w:r>
          </w:p>
          <w:p w:rsidR="00156FB3" w:rsidRDefault="00156FB3" w:rsidP="00156FB3">
            <w:r>
              <w:t xml:space="preserve">        upper = toNumber(upper);</w:t>
            </w:r>
          </w:p>
          <w:p w:rsidR="00156FB3" w:rsidRDefault="00156FB3" w:rsidP="00156FB3">
            <w:r>
              <w:t xml:space="preserve">        upper = upper === upper ? upper : 0;</w:t>
            </w:r>
          </w:p>
          <w:p w:rsidR="00156FB3" w:rsidRDefault="00156FB3" w:rsidP="00156FB3">
            <w:r>
              <w:t xml:space="preserve">      }</w:t>
            </w:r>
          </w:p>
          <w:p w:rsidR="00156FB3" w:rsidRDefault="00156FB3" w:rsidP="00156FB3">
            <w:r>
              <w:t xml:space="preserve">      if (lower !== undefined) {</w:t>
            </w:r>
          </w:p>
          <w:p w:rsidR="00156FB3" w:rsidRDefault="00156FB3" w:rsidP="00156FB3">
            <w:r>
              <w:t xml:space="preserve">        lower = toNumber(lower);</w:t>
            </w:r>
          </w:p>
          <w:p w:rsidR="00156FB3" w:rsidRDefault="00156FB3" w:rsidP="00156FB3">
            <w:r>
              <w:t xml:space="preserve">        lower = lower === lower ? lower : 0;</w:t>
            </w:r>
          </w:p>
          <w:p w:rsidR="00156FB3" w:rsidRDefault="00156FB3" w:rsidP="00156FB3">
            <w:r>
              <w:t xml:space="preserve">      }</w:t>
            </w:r>
          </w:p>
          <w:p w:rsidR="00156FB3" w:rsidRDefault="00156FB3" w:rsidP="00156FB3">
            <w:r>
              <w:lastRenderedPageBreak/>
              <w:t xml:space="preserve">      return baseClamp(toNumber(number), lower, upp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n` is between `start` and up to, but not including, `end`. If</w:t>
            </w:r>
          </w:p>
          <w:p w:rsidR="00156FB3" w:rsidRDefault="00156FB3" w:rsidP="00156FB3">
            <w:r>
              <w:t xml:space="preserve">     * `end` is not specified, it's set to `start` with `start` then set to `0`.</w:t>
            </w:r>
          </w:p>
          <w:p w:rsidR="00156FB3" w:rsidRDefault="00156FB3" w:rsidP="00156FB3">
            <w:r>
              <w:t xml:space="preserve">     * If `start` is greater than `end` the params are swapped to support</w:t>
            </w:r>
          </w:p>
          <w:p w:rsidR="00156FB3" w:rsidRDefault="00156FB3" w:rsidP="00156FB3">
            <w:r>
              <w:t xml:space="preserve">     * negative range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3.0</w:t>
            </w:r>
          </w:p>
          <w:p w:rsidR="00156FB3" w:rsidRDefault="00156FB3" w:rsidP="00156FB3">
            <w:r>
              <w:t xml:space="preserve">     * @category Number</w:t>
            </w:r>
          </w:p>
          <w:p w:rsidR="00156FB3" w:rsidRDefault="00156FB3" w:rsidP="00156FB3">
            <w:r>
              <w:t xml:space="preserve">     * @param {number} number The number to check.</w:t>
            </w:r>
          </w:p>
          <w:p w:rsidR="00156FB3" w:rsidRDefault="00156FB3" w:rsidP="00156FB3">
            <w:r>
              <w:t xml:space="preserve">     * @param {number} [start=0] The start of the range.</w:t>
            </w:r>
          </w:p>
          <w:p w:rsidR="00156FB3" w:rsidRDefault="00156FB3" w:rsidP="00156FB3">
            <w:r>
              <w:t xml:space="preserve">     * @param {number} end The end of the range.</w:t>
            </w:r>
          </w:p>
          <w:p w:rsidR="00156FB3" w:rsidRDefault="00156FB3" w:rsidP="00156FB3">
            <w:r>
              <w:t xml:space="preserve">     * @returns {boolean} Returns `true` if `number` is in the range, else `false`.</w:t>
            </w:r>
          </w:p>
          <w:p w:rsidR="00156FB3" w:rsidRDefault="00156FB3" w:rsidP="00156FB3">
            <w:r>
              <w:t xml:space="preserve">     * @see _.range, _.rangeRight</w:t>
            </w:r>
          </w:p>
          <w:p w:rsidR="00156FB3" w:rsidRDefault="00156FB3" w:rsidP="00156FB3">
            <w:r>
              <w:t xml:space="preserve">     * @example</w:t>
            </w:r>
          </w:p>
          <w:p w:rsidR="00156FB3" w:rsidRDefault="00156FB3" w:rsidP="00156FB3">
            <w:r>
              <w:t xml:space="preserve">     *</w:t>
            </w:r>
          </w:p>
          <w:p w:rsidR="00156FB3" w:rsidRDefault="00156FB3" w:rsidP="00156FB3">
            <w:r>
              <w:t xml:space="preserve">     * _.inRange(3, 2, 4);</w:t>
            </w:r>
          </w:p>
          <w:p w:rsidR="00156FB3" w:rsidRDefault="00156FB3" w:rsidP="00156FB3">
            <w:r>
              <w:t xml:space="preserve">     * // =&gt; true</w:t>
            </w:r>
          </w:p>
          <w:p w:rsidR="00156FB3" w:rsidRDefault="00156FB3" w:rsidP="00156FB3">
            <w:r>
              <w:t xml:space="preserve">     *</w:t>
            </w:r>
          </w:p>
          <w:p w:rsidR="00156FB3" w:rsidRDefault="00156FB3" w:rsidP="00156FB3">
            <w:r>
              <w:t xml:space="preserve">     * _.inRange(4, 8);</w:t>
            </w:r>
          </w:p>
          <w:p w:rsidR="00156FB3" w:rsidRDefault="00156FB3" w:rsidP="00156FB3">
            <w:r>
              <w:t xml:space="preserve">     * // =&gt; true</w:t>
            </w:r>
          </w:p>
          <w:p w:rsidR="00156FB3" w:rsidRDefault="00156FB3" w:rsidP="00156FB3">
            <w:r>
              <w:t xml:space="preserve">     *</w:t>
            </w:r>
          </w:p>
          <w:p w:rsidR="00156FB3" w:rsidRDefault="00156FB3" w:rsidP="00156FB3">
            <w:r>
              <w:t xml:space="preserve">     * _.inRange(4, 2);</w:t>
            </w:r>
          </w:p>
          <w:p w:rsidR="00156FB3" w:rsidRDefault="00156FB3" w:rsidP="00156FB3">
            <w:r>
              <w:t xml:space="preserve">     * // =&gt; false</w:t>
            </w:r>
          </w:p>
          <w:p w:rsidR="00156FB3" w:rsidRDefault="00156FB3" w:rsidP="00156FB3">
            <w:r>
              <w:t xml:space="preserve">     *</w:t>
            </w:r>
          </w:p>
          <w:p w:rsidR="00156FB3" w:rsidRDefault="00156FB3" w:rsidP="00156FB3">
            <w:r>
              <w:t xml:space="preserve">     * _.inRange(2, 2);</w:t>
            </w:r>
          </w:p>
          <w:p w:rsidR="00156FB3" w:rsidRDefault="00156FB3" w:rsidP="00156FB3">
            <w:r>
              <w:t xml:space="preserve">     * // =&gt; false</w:t>
            </w:r>
          </w:p>
          <w:p w:rsidR="00156FB3" w:rsidRDefault="00156FB3" w:rsidP="00156FB3">
            <w:r>
              <w:t xml:space="preserve">     *</w:t>
            </w:r>
          </w:p>
          <w:p w:rsidR="00156FB3" w:rsidRDefault="00156FB3" w:rsidP="00156FB3">
            <w:r>
              <w:t xml:space="preserve">     * _.inRange(1.2, 2);</w:t>
            </w:r>
          </w:p>
          <w:p w:rsidR="00156FB3" w:rsidRDefault="00156FB3" w:rsidP="00156FB3">
            <w:r>
              <w:t xml:space="preserve">     * // =&gt; true</w:t>
            </w:r>
          </w:p>
          <w:p w:rsidR="00156FB3" w:rsidRDefault="00156FB3" w:rsidP="00156FB3">
            <w:r>
              <w:t xml:space="preserve">     *</w:t>
            </w:r>
          </w:p>
          <w:p w:rsidR="00156FB3" w:rsidRDefault="00156FB3" w:rsidP="00156FB3">
            <w:r>
              <w:t xml:space="preserve">     * _.inRange(5.2, 4);</w:t>
            </w:r>
          </w:p>
          <w:p w:rsidR="00156FB3" w:rsidRDefault="00156FB3" w:rsidP="00156FB3">
            <w:r>
              <w:t xml:space="preserve">     * // =&gt; false</w:t>
            </w:r>
          </w:p>
          <w:p w:rsidR="00156FB3" w:rsidRDefault="00156FB3" w:rsidP="00156FB3">
            <w:r>
              <w:t xml:space="preserve">     *</w:t>
            </w:r>
          </w:p>
          <w:p w:rsidR="00156FB3" w:rsidRDefault="00156FB3" w:rsidP="00156FB3">
            <w:r>
              <w:t xml:space="preserve">     * _.inRange(-3, -2, -6);</w:t>
            </w:r>
          </w:p>
          <w:p w:rsidR="00156FB3" w:rsidRDefault="00156FB3" w:rsidP="00156FB3">
            <w:r>
              <w:t xml:space="preserve">     * // =&gt; true</w:t>
            </w:r>
          </w:p>
          <w:p w:rsidR="00156FB3" w:rsidRDefault="00156FB3" w:rsidP="00156FB3">
            <w:r>
              <w:t xml:space="preserve">     */</w:t>
            </w:r>
          </w:p>
          <w:p w:rsidR="00156FB3" w:rsidRDefault="00156FB3" w:rsidP="00156FB3">
            <w:r>
              <w:t xml:space="preserve">    function inRange(number, start, end) {</w:t>
            </w:r>
          </w:p>
          <w:p w:rsidR="00156FB3" w:rsidRDefault="00156FB3" w:rsidP="00156FB3">
            <w:r>
              <w:t xml:space="preserve">      start = toFinite(start);</w:t>
            </w:r>
          </w:p>
          <w:p w:rsidR="00156FB3" w:rsidRDefault="00156FB3" w:rsidP="00156FB3">
            <w:r>
              <w:t xml:space="preserve">      if (end === undefined) {</w:t>
            </w:r>
          </w:p>
          <w:p w:rsidR="00156FB3" w:rsidRDefault="00156FB3" w:rsidP="00156FB3">
            <w:r>
              <w:t xml:space="preserve">        end = start;</w:t>
            </w:r>
          </w:p>
          <w:p w:rsidR="00156FB3" w:rsidRDefault="00156FB3" w:rsidP="00156FB3">
            <w:r>
              <w:t xml:space="preserve">        start = 0;</w:t>
            </w:r>
          </w:p>
          <w:p w:rsidR="00156FB3" w:rsidRDefault="00156FB3" w:rsidP="00156FB3">
            <w:r>
              <w:t xml:space="preserve">      } else {</w:t>
            </w:r>
          </w:p>
          <w:p w:rsidR="00156FB3" w:rsidRDefault="00156FB3" w:rsidP="00156FB3">
            <w:r>
              <w:t xml:space="preserve">        end = toFinite(end);</w:t>
            </w:r>
          </w:p>
          <w:p w:rsidR="00156FB3" w:rsidRDefault="00156FB3" w:rsidP="00156FB3">
            <w:r>
              <w:lastRenderedPageBreak/>
              <w:t xml:space="preserve">      }</w:t>
            </w:r>
          </w:p>
          <w:p w:rsidR="00156FB3" w:rsidRDefault="00156FB3" w:rsidP="00156FB3">
            <w:r>
              <w:t xml:space="preserve">      number = toNumber(number);</w:t>
            </w:r>
          </w:p>
          <w:p w:rsidR="00156FB3" w:rsidRDefault="00156FB3" w:rsidP="00156FB3">
            <w:r>
              <w:t xml:space="preserve">      return baseInRange(number, start, en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Produces a random number between the inclusive `lower` and `upper` bounds.</w:t>
            </w:r>
          </w:p>
          <w:p w:rsidR="00156FB3" w:rsidRDefault="00156FB3" w:rsidP="00156FB3">
            <w:r>
              <w:t xml:space="preserve">     * If only one argument is provided a number between `0` and the given number</w:t>
            </w:r>
          </w:p>
          <w:p w:rsidR="00156FB3" w:rsidRDefault="00156FB3" w:rsidP="00156FB3">
            <w:r>
              <w:t xml:space="preserve">     * is returned. If `floating` is `true`, or either `lower` or `upper` are</w:t>
            </w:r>
          </w:p>
          <w:p w:rsidR="00156FB3" w:rsidRDefault="00156FB3" w:rsidP="00156FB3">
            <w:r>
              <w:t xml:space="preserve">     * floats, a floating-point number is returned instead of an integer.</w:t>
            </w:r>
          </w:p>
          <w:p w:rsidR="00156FB3" w:rsidRDefault="00156FB3" w:rsidP="00156FB3">
            <w:r>
              <w:t xml:space="preserve">     *</w:t>
            </w:r>
          </w:p>
          <w:p w:rsidR="00156FB3" w:rsidRDefault="00156FB3" w:rsidP="00156FB3">
            <w:r>
              <w:t xml:space="preserve">     * **Note:** JavaScript follows the IEEE-754 standard for resolving</w:t>
            </w:r>
          </w:p>
          <w:p w:rsidR="00156FB3" w:rsidRDefault="00156FB3" w:rsidP="00156FB3">
            <w:r>
              <w:t xml:space="preserve">     * floating-point values which can produce unexpected result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7.0</w:t>
            </w:r>
          </w:p>
          <w:p w:rsidR="00156FB3" w:rsidRDefault="00156FB3" w:rsidP="00156FB3">
            <w:r>
              <w:t xml:space="preserve">     * @category Number</w:t>
            </w:r>
          </w:p>
          <w:p w:rsidR="00156FB3" w:rsidRDefault="00156FB3" w:rsidP="00156FB3">
            <w:r>
              <w:t xml:space="preserve">     * @param {number} [lower=0] The lower bound.</w:t>
            </w:r>
          </w:p>
          <w:p w:rsidR="00156FB3" w:rsidRDefault="00156FB3" w:rsidP="00156FB3">
            <w:r>
              <w:t xml:space="preserve">     * @param {number} [upper=1] The upper bound.</w:t>
            </w:r>
          </w:p>
          <w:p w:rsidR="00156FB3" w:rsidRDefault="00156FB3" w:rsidP="00156FB3">
            <w:r>
              <w:t xml:space="preserve">     * @param {boolean} [floating] Specify returning a floating-point number.</w:t>
            </w:r>
          </w:p>
          <w:p w:rsidR="00156FB3" w:rsidRDefault="00156FB3" w:rsidP="00156FB3">
            <w:r>
              <w:t xml:space="preserve">     * @returns {number} Returns the random number.</w:t>
            </w:r>
          </w:p>
          <w:p w:rsidR="00156FB3" w:rsidRDefault="00156FB3" w:rsidP="00156FB3">
            <w:r>
              <w:t xml:space="preserve">     * @example</w:t>
            </w:r>
          </w:p>
          <w:p w:rsidR="00156FB3" w:rsidRDefault="00156FB3" w:rsidP="00156FB3">
            <w:r>
              <w:t xml:space="preserve">     *</w:t>
            </w:r>
          </w:p>
          <w:p w:rsidR="00156FB3" w:rsidRDefault="00156FB3" w:rsidP="00156FB3">
            <w:r>
              <w:t xml:space="preserve">     * _.random(0, 5);</w:t>
            </w:r>
          </w:p>
          <w:p w:rsidR="00156FB3" w:rsidRDefault="00156FB3" w:rsidP="00156FB3">
            <w:r>
              <w:t xml:space="preserve">     * // =&gt; an integer between 0 and 5</w:t>
            </w:r>
          </w:p>
          <w:p w:rsidR="00156FB3" w:rsidRDefault="00156FB3" w:rsidP="00156FB3">
            <w:r>
              <w:t xml:space="preserve">     *</w:t>
            </w:r>
          </w:p>
          <w:p w:rsidR="00156FB3" w:rsidRDefault="00156FB3" w:rsidP="00156FB3">
            <w:r>
              <w:t xml:space="preserve">     * _.random(5);</w:t>
            </w:r>
          </w:p>
          <w:p w:rsidR="00156FB3" w:rsidRDefault="00156FB3" w:rsidP="00156FB3">
            <w:r>
              <w:t xml:space="preserve">     * // =&gt; also an integer between 0 and 5</w:t>
            </w:r>
          </w:p>
          <w:p w:rsidR="00156FB3" w:rsidRDefault="00156FB3" w:rsidP="00156FB3">
            <w:r>
              <w:t xml:space="preserve">     *</w:t>
            </w:r>
          </w:p>
          <w:p w:rsidR="00156FB3" w:rsidRDefault="00156FB3" w:rsidP="00156FB3">
            <w:r>
              <w:t xml:space="preserve">     * _.random(5, true);</w:t>
            </w:r>
          </w:p>
          <w:p w:rsidR="00156FB3" w:rsidRDefault="00156FB3" w:rsidP="00156FB3">
            <w:r>
              <w:t xml:space="preserve">     * // =&gt; a floating-point number between 0 and 5</w:t>
            </w:r>
          </w:p>
          <w:p w:rsidR="00156FB3" w:rsidRDefault="00156FB3" w:rsidP="00156FB3">
            <w:r>
              <w:t xml:space="preserve">     *</w:t>
            </w:r>
          </w:p>
          <w:p w:rsidR="00156FB3" w:rsidRDefault="00156FB3" w:rsidP="00156FB3">
            <w:r>
              <w:t xml:space="preserve">     * _.random(1.2, 5.2);</w:t>
            </w:r>
          </w:p>
          <w:p w:rsidR="00156FB3" w:rsidRDefault="00156FB3" w:rsidP="00156FB3">
            <w:r>
              <w:t xml:space="preserve">     * // =&gt; a floating-point number between 1.2 and 5.2</w:t>
            </w:r>
          </w:p>
          <w:p w:rsidR="00156FB3" w:rsidRDefault="00156FB3" w:rsidP="00156FB3">
            <w:r>
              <w:t xml:space="preserve">     */</w:t>
            </w:r>
          </w:p>
          <w:p w:rsidR="00156FB3" w:rsidRDefault="00156FB3" w:rsidP="00156FB3">
            <w:r>
              <w:t xml:space="preserve">    function random(lower, upper, floating) {</w:t>
            </w:r>
          </w:p>
          <w:p w:rsidR="00156FB3" w:rsidRDefault="00156FB3" w:rsidP="00156FB3">
            <w:r>
              <w:t xml:space="preserve">      if (floating &amp;&amp; typeof floating != 'boolean' &amp;&amp; isIterateeCall(lower, upper, floating)) {</w:t>
            </w:r>
          </w:p>
          <w:p w:rsidR="00156FB3" w:rsidRDefault="00156FB3" w:rsidP="00156FB3">
            <w:r>
              <w:t xml:space="preserve">        upper = floating = undefined;</w:t>
            </w:r>
          </w:p>
          <w:p w:rsidR="00156FB3" w:rsidRDefault="00156FB3" w:rsidP="00156FB3">
            <w:r>
              <w:t xml:space="preserve">      }</w:t>
            </w:r>
          </w:p>
          <w:p w:rsidR="00156FB3" w:rsidRDefault="00156FB3" w:rsidP="00156FB3">
            <w:r>
              <w:t xml:space="preserve">      if (floating === undefined) {</w:t>
            </w:r>
          </w:p>
          <w:p w:rsidR="00156FB3" w:rsidRDefault="00156FB3" w:rsidP="00156FB3">
            <w:r>
              <w:t xml:space="preserve">        if (typeof upper == 'boolean') {</w:t>
            </w:r>
          </w:p>
          <w:p w:rsidR="00156FB3" w:rsidRDefault="00156FB3" w:rsidP="00156FB3">
            <w:r>
              <w:t xml:space="preserve">          floating = upper;</w:t>
            </w:r>
          </w:p>
          <w:p w:rsidR="00156FB3" w:rsidRDefault="00156FB3" w:rsidP="00156FB3">
            <w:r>
              <w:t xml:space="preserve">          upper = undefined;</w:t>
            </w:r>
          </w:p>
          <w:p w:rsidR="00156FB3" w:rsidRDefault="00156FB3" w:rsidP="00156FB3">
            <w:r>
              <w:t xml:space="preserve">        }</w:t>
            </w:r>
          </w:p>
          <w:p w:rsidR="00156FB3" w:rsidRDefault="00156FB3" w:rsidP="00156FB3">
            <w:r>
              <w:t xml:space="preserve">        else if (typeof lower == 'boolean') {</w:t>
            </w:r>
          </w:p>
          <w:p w:rsidR="00156FB3" w:rsidRDefault="00156FB3" w:rsidP="00156FB3">
            <w:r>
              <w:t xml:space="preserve">          floating = lower;</w:t>
            </w:r>
          </w:p>
          <w:p w:rsidR="00156FB3" w:rsidRDefault="00156FB3" w:rsidP="00156FB3">
            <w:r>
              <w:t xml:space="preserve">          lower = undefined;</w:t>
            </w:r>
          </w:p>
          <w:p w:rsidR="00156FB3" w:rsidRDefault="00156FB3" w:rsidP="00156FB3">
            <w:r>
              <w:lastRenderedPageBreak/>
              <w:t xml:space="preserve">        }</w:t>
            </w:r>
          </w:p>
          <w:p w:rsidR="00156FB3" w:rsidRDefault="00156FB3" w:rsidP="00156FB3">
            <w:r>
              <w:t xml:space="preserve">      }</w:t>
            </w:r>
          </w:p>
          <w:p w:rsidR="00156FB3" w:rsidRDefault="00156FB3" w:rsidP="00156FB3">
            <w:r>
              <w:t xml:space="preserve">      if (lower === undefined &amp;&amp; upper === undefined) {</w:t>
            </w:r>
          </w:p>
          <w:p w:rsidR="00156FB3" w:rsidRDefault="00156FB3" w:rsidP="00156FB3">
            <w:r>
              <w:t xml:space="preserve">        lower = 0;</w:t>
            </w:r>
          </w:p>
          <w:p w:rsidR="00156FB3" w:rsidRDefault="00156FB3" w:rsidP="00156FB3">
            <w:r>
              <w:t xml:space="preserve">        upper = 1;</w:t>
            </w:r>
          </w:p>
          <w:p w:rsidR="00156FB3" w:rsidRDefault="00156FB3" w:rsidP="00156FB3">
            <w:r>
              <w:t xml:space="preserve">      }</w:t>
            </w:r>
          </w:p>
          <w:p w:rsidR="00156FB3" w:rsidRDefault="00156FB3" w:rsidP="00156FB3">
            <w:r>
              <w:t xml:space="preserve">      else {</w:t>
            </w:r>
          </w:p>
          <w:p w:rsidR="00156FB3" w:rsidRDefault="00156FB3" w:rsidP="00156FB3">
            <w:r>
              <w:t xml:space="preserve">        lower = toFinite(lower);</w:t>
            </w:r>
          </w:p>
          <w:p w:rsidR="00156FB3" w:rsidRDefault="00156FB3" w:rsidP="00156FB3">
            <w:r>
              <w:t xml:space="preserve">        if (upper === undefined) {</w:t>
            </w:r>
          </w:p>
          <w:p w:rsidR="00156FB3" w:rsidRDefault="00156FB3" w:rsidP="00156FB3">
            <w:r>
              <w:t xml:space="preserve">          upper = lower;</w:t>
            </w:r>
          </w:p>
          <w:p w:rsidR="00156FB3" w:rsidRDefault="00156FB3" w:rsidP="00156FB3">
            <w:r>
              <w:t xml:space="preserve">          lower = 0;</w:t>
            </w:r>
          </w:p>
          <w:p w:rsidR="00156FB3" w:rsidRDefault="00156FB3" w:rsidP="00156FB3">
            <w:r>
              <w:t xml:space="preserve">        } else {</w:t>
            </w:r>
          </w:p>
          <w:p w:rsidR="00156FB3" w:rsidRDefault="00156FB3" w:rsidP="00156FB3">
            <w:r>
              <w:t xml:space="preserve">          upper = toFinite(upper);</w:t>
            </w:r>
          </w:p>
          <w:p w:rsidR="00156FB3" w:rsidRDefault="00156FB3" w:rsidP="00156FB3">
            <w:r>
              <w:t xml:space="preserve">        }</w:t>
            </w:r>
          </w:p>
          <w:p w:rsidR="00156FB3" w:rsidRDefault="00156FB3" w:rsidP="00156FB3">
            <w:r>
              <w:t xml:space="preserve">      }</w:t>
            </w:r>
          </w:p>
          <w:p w:rsidR="00156FB3" w:rsidRDefault="00156FB3" w:rsidP="00156FB3">
            <w:r>
              <w:t xml:space="preserve">      if (lower &gt; upper) {</w:t>
            </w:r>
          </w:p>
          <w:p w:rsidR="00156FB3" w:rsidRDefault="00156FB3" w:rsidP="00156FB3">
            <w:r>
              <w:t xml:space="preserve">        var temp = lower;</w:t>
            </w:r>
          </w:p>
          <w:p w:rsidR="00156FB3" w:rsidRDefault="00156FB3" w:rsidP="00156FB3">
            <w:r>
              <w:t xml:space="preserve">        lower = upper;</w:t>
            </w:r>
          </w:p>
          <w:p w:rsidR="00156FB3" w:rsidRDefault="00156FB3" w:rsidP="00156FB3">
            <w:r>
              <w:t xml:space="preserve">        upper = temp;</w:t>
            </w:r>
          </w:p>
          <w:p w:rsidR="00156FB3" w:rsidRDefault="00156FB3" w:rsidP="00156FB3">
            <w:r>
              <w:t xml:space="preserve">      }</w:t>
            </w:r>
          </w:p>
          <w:p w:rsidR="00156FB3" w:rsidRDefault="00156FB3" w:rsidP="00156FB3">
            <w:r>
              <w:t xml:space="preserve">      if (floating || lower % 1 || upper % 1) {</w:t>
            </w:r>
          </w:p>
          <w:p w:rsidR="00156FB3" w:rsidRDefault="00156FB3" w:rsidP="00156FB3">
            <w:r>
              <w:t xml:space="preserve">        var rand = nativeRandom();</w:t>
            </w:r>
          </w:p>
          <w:p w:rsidR="00156FB3" w:rsidRDefault="00156FB3" w:rsidP="00156FB3">
            <w:r>
              <w:t xml:space="preserve">        return nativeMin(lower + (rand * (upper - lower + freeParseFloat('1e-' + ((rand + '').length - 1)))), upper);</w:t>
            </w:r>
          </w:p>
          <w:p w:rsidR="00156FB3" w:rsidRDefault="00156FB3" w:rsidP="00156FB3">
            <w:r>
              <w:t xml:space="preserve">      }</w:t>
            </w:r>
          </w:p>
          <w:p w:rsidR="00156FB3" w:rsidRDefault="00156FB3" w:rsidP="00156FB3">
            <w:r>
              <w:t xml:space="preserve">      return baseRandom(lower, upp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string` to [camel case](https://en.wikipedia.org/wiki/CamelCas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String</w:t>
            </w:r>
          </w:p>
          <w:p w:rsidR="00156FB3" w:rsidRDefault="00156FB3" w:rsidP="00156FB3">
            <w:r>
              <w:t xml:space="preserve">     * @param {string} [string=''] The string to convert.</w:t>
            </w:r>
          </w:p>
          <w:p w:rsidR="00156FB3" w:rsidRDefault="00156FB3" w:rsidP="00156FB3">
            <w:r>
              <w:t xml:space="preserve">     * @returns {string} Returns the camel cas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camelCase('Foo Bar');</w:t>
            </w:r>
          </w:p>
          <w:p w:rsidR="00156FB3" w:rsidRDefault="00156FB3" w:rsidP="00156FB3">
            <w:r>
              <w:t xml:space="preserve">     * // =&gt; 'fooBar'</w:t>
            </w:r>
          </w:p>
          <w:p w:rsidR="00156FB3" w:rsidRDefault="00156FB3" w:rsidP="00156FB3">
            <w:r>
              <w:t xml:space="preserve">     *</w:t>
            </w:r>
          </w:p>
          <w:p w:rsidR="00156FB3" w:rsidRDefault="00156FB3" w:rsidP="00156FB3">
            <w:r>
              <w:t xml:space="preserve">     * _.camelCase('--foo-bar--');</w:t>
            </w:r>
          </w:p>
          <w:p w:rsidR="00156FB3" w:rsidRDefault="00156FB3" w:rsidP="00156FB3">
            <w:r>
              <w:t xml:space="preserve">     * // =&gt; 'fooBar'</w:t>
            </w:r>
          </w:p>
          <w:p w:rsidR="00156FB3" w:rsidRDefault="00156FB3" w:rsidP="00156FB3">
            <w:r>
              <w:t xml:space="preserve">     *</w:t>
            </w:r>
          </w:p>
          <w:p w:rsidR="00156FB3" w:rsidRDefault="00156FB3" w:rsidP="00156FB3">
            <w:r>
              <w:t xml:space="preserve">     * _.camelCase('__FOO_BAR__');</w:t>
            </w:r>
          </w:p>
          <w:p w:rsidR="00156FB3" w:rsidRDefault="00156FB3" w:rsidP="00156FB3">
            <w:r>
              <w:lastRenderedPageBreak/>
              <w:t xml:space="preserve">     * // =&gt; 'fooBar'</w:t>
            </w:r>
          </w:p>
          <w:p w:rsidR="00156FB3" w:rsidRDefault="00156FB3" w:rsidP="00156FB3">
            <w:r>
              <w:t xml:space="preserve">     */</w:t>
            </w:r>
          </w:p>
          <w:p w:rsidR="00156FB3" w:rsidRDefault="00156FB3" w:rsidP="00156FB3">
            <w:r>
              <w:t xml:space="preserve">    var camelCase = createCompounder(function(result, word, index) {</w:t>
            </w:r>
          </w:p>
          <w:p w:rsidR="00156FB3" w:rsidRDefault="00156FB3" w:rsidP="00156FB3">
            <w:r>
              <w:t xml:space="preserve">      word = word.toLowerCase();</w:t>
            </w:r>
          </w:p>
          <w:p w:rsidR="00156FB3" w:rsidRDefault="00156FB3" w:rsidP="00156FB3">
            <w:r>
              <w:t xml:space="preserve">      return result + (index ? capitalize(word) : wor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the first character of `string` to upper case and the remaining</w:t>
            </w:r>
          </w:p>
          <w:p w:rsidR="00156FB3" w:rsidRDefault="00156FB3" w:rsidP="00156FB3">
            <w:r>
              <w:t xml:space="preserve">     * to lower cas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String</w:t>
            </w:r>
          </w:p>
          <w:p w:rsidR="00156FB3" w:rsidRDefault="00156FB3" w:rsidP="00156FB3">
            <w:r>
              <w:t xml:space="preserve">     * @param {string} [string=''] The string to capitalize.</w:t>
            </w:r>
          </w:p>
          <w:p w:rsidR="00156FB3" w:rsidRDefault="00156FB3" w:rsidP="00156FB3">
            <w:r>
              <w:t xml:space="preserve">     * @returns {string} Returns the capitaliz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capitalize('FRED');</w:t>
            </w:r>
          </w:p>
          <w:p w:rsidR="00156FB3" w:rsidRDefault="00156FB3" w:rsidP="00156FB3">
            <w:r>
              <w:t xml:space="preserve">     * // =&gt; 'Fred'</w:t>
            </w:r>
          </w:p>
          <w:p w:rsidR="00156FB3" w:rsidRDefault="00156FB3" w:rsidP="00156FB3">
            <w:r>
              <w:t xml:space="preserve">     */</w:t>
            </w:r>
          </w:p>
          <w:p w:rsidR="00156FB3" w:rsidRDefault="00156FB3" w:rsidP="00156FB3">
            <w:r>
              <w:t xml:space="preserve">    function capitalize(string) {</w:t>
            </w:r>
          </w:p>
          <w:p w:rsidR="00156FB3" w:rsidRDefault="00156FB3" w:rsidP="00156FB3">
            <w:r>
              <w:t xml:space="preserve">      return upperFirst(toString(string).toLowerCas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Deburrs `string` by converting</w:t>
            </w:r>
          </w:p>
          <w:p w:rsidR="00156FB3" w:rsidRDefault="00156FB3" w:rsidP="00156FB3">
            <w:r>
              <w:t xml:space="preserve">     * [Latin-1 Supplement](https://en.wikipedia.org/wiki/Latin-1_Supplement_(Unicode_block)#Character_table)</w:t>
            </w:r>
          </w:p>
          <w:p w:rsidR="00156FB3" w:rsidRDefault="00156FB3" w:rsidP="00156FB3">
            <w:r>
              <w:t xml:space="preserve">     * and [Latin Extended-A](https://en.wikipedia.org/wiki/Latin_Extended-A)</w:t>
            </w:r>
          </w:p>
          <w:p w:rsidR="00156FB3" w:rsidRDefault="00156FB3" w:rsidP="00156FB3">
            <w:r>
              <w:t xml:space="preserve">     * letters to basic Latin letters and removing</w:t>
            </w:r>
          </w:p>
          <w:p w:rsidR="00156FB3" w:rsidRDefault="00156FB3" w:rsidP="00156FB3">
            <w:r>
              <w:t xml:space="preserve">     * [combining diacritical marks](https://en.wikipedia.org/wiki/Combining_Diacritical_Mark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String</w:t>
            </w:r>
          </w:p>
          <w:p w:rsidR="00156FB3" w:rsidRDefault="00156FB3" w:rsidP="00156FB3">
            <w:r>
              <w:t xml:space="preserve">     * @param {string} [string=''] The string to deburr.</w:t>
            </w:r>
          </w:p>
          <w:p w:rsidR="00156FB3" w:rsidRDefault="00156FB3" w:rsidP="00156FB3">
            <w:r>
              <w:t xml:space="preserve">     * @returns {string} Returns the deburr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deburr('déjà vu');</w:t>
            </w:r>
          </w:p>
          <w:p w:rsidR="00156FB3" w:rsidRDefault="00156FB3" w:rsidP="00156FB3">
            <w:r>
              <w:t xml:space="preserve">     * // =&gt; 'deja vu'</w:t>
            </w:r>
          </w:p>
          <w:p w:rsidR="00156FB3" w:rsidRDefault="00156FB3" w:rsidP="00156FB3">
            <w:r>
              <w:t xml:space="preserve">     */</w:t>
            </w:r>
          </w:p>
          <w:p w:rsidR="00156FB3" w:rsidRDefault="00156FB3" w:rsidP="00156FB3">
            <w:r>
              <w:t xml:space="preserve">    function deburr(string) {</w:t>
            </w:r>
          </w:p>
          <w:p w:rsidR="00156FB3" w:rsidRDefault="00156FB3" w:rsidP="00156FB3">
            <w:r>
              <w:t xml:space="preserve">      string = toString(string);</w:t>
            </w:r>
          </w:p>
          <w:p w:rsidR="00156FB3" w:rsidRDefault="00156FB3" w:rsidP="00156FB3">
            <w:r>
              <w:t xml:space="preserve">      return string &amp;&amp; string.replace(reLatin, deburrLetter).replace(reComboMark, '');</w:t>
            </w:r>
          </w:p>
          <w:p w:rsidR="00156FB3" w:rsidRDefault="00156FB3" w:rsidP="00156FB3">
            <w:r>
              <w:lastRenderedPageBreak/>
              <w:t xml:space="preserve">    }</w:t>
            </w:r>
          </w:p>
          <w:p w:rsidR="00156FB3" w:rsidRDefault="00156FB3" w:rsidP="00156FB3"/>
          <w:p w:rsidR="00156FB3" w:rsidRDefault="00156FB3" w:rsidP="00156FB3">
            <w:r>
              <w:t xml:space="preserve">    /**</w:t>
            </w:r>
          </w:p>
          <w:p w:rsidR="00156FB3" w:rsidRDefault="00156FB3" w:rsidP="00156FB3">
            <w:r>
              <w:t xml:space="preserve">     * Checks if `string` ends with the given target string.</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String</w:t>
            </w:r>
          </w:p>
          <w:p w:rsidR="00156FB3" w:rsidRDefault="00156FB3" w:rsidP="00156FB3">
            <w:r>
              <w:t xml:space="preserve">     * @param {string} [string=''] The string to inspect.</w:t>
            </w:r>
          </w:p>
          <w:p w:rsidR="00156FB3" w:rsidRDefault="00156FB3" w:rsidP="00156FB3">
            <w:r>
              <w:t xml:space="preserve">     * @param {string} [target] The string to search for.</w:t>
            </w:r>
          </w:p>
          <w:p w:rsidR="00156FB3" w:rsidRDefault="00156FB3" w:rsidP="00156FB3">
            <w:r>
              <w:t xml:space="preserve">     * @param {number} [position=string.length] The position to search up to.</w:t>
            </w:r>
          </w:p>
          <w:p w:rsidR="00156FB3" w:rsidRDefault="00156FB3" w:rsidP="00156FB3">
            <w:r>
              <w:t xml:space="preserve">     * @returns {boolean} Returns `true` if `string` ends with `target`,</w:t>
            </w:r>
          </w:p>
          <w:p w:rsidR="00156FB3" w:rsidRDefault="00156FB3" w:rsidP="00156FB3">
            <w:r>
              <w:t xml:space="preserve">     *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endsWith('abc', 'c');</w:t>
            </w:r>
          </w:p>
          <w:p w:rsidR="00156FB3" w:rsidRDefault="00156FB3" w:rsidP="00156FB3">
            <w:r>
              <w:t xml:space="preserve">     * // =&gt; true</w:t>
            </w:r>
          </w:p>
          <w:p w:rsidR="00156FB3" w:rsidRDefault="00156FB3" w:rsidP="00156FB3">
            <w:r>
              <w:t xml:space="preserve">     *</w:t>
            </w:r>
          </w:p>
          <w:p w:rsidR="00156FB3" w:rsidRDefault="00156FB3" w:rsidP="00156FB3">
            <w:r>
              <w:t xml:space="preserve">     * _.endsWith('abc', 'b');</w:t>
            </w:r>
          </w:p>
          <w:p w:rsidR="00156FB3" w:rsidRDefault="00156FB3" w:rsidP="00156FB3">
            <w:r>
              <w:t xml:space="preserve">     * // =&gt; false</w:t>
            </w:r>
          </w:p>
          <w:p w:rsidR="00156FB3" w:rsidRDefault="00156FB3" w:rsidP="00156FB3">
            <w:r>
              <w:t xml:space="preserve">     *</w:t>
            </w:r>
          </w:p>
          <w:p w:rsidR="00156FB3" w:rsidRDefault="00156FB3" w:rsidP="00156FB3">
            <w:r>
              <w:t xml:space="preserve">     * _.endsWith('abc', 'b', 2);</w:t>
            </w:r>
          </w:p>
          <w:p w:rsidR="00156FB3" w:rsidRDefault="00156FB3" w:rsidP="00156FB3">
            <w:r>
              <w:t xml:space="preserve">     * // =&gt; true</w:t>
            </w:r>
          </w:p>
          <w:p w:rsidR="00156FB3" w:rsidRDefault="00156FB3" w:rsidP="00156FB3">
            <w:r>
              <w:t xml:space="preserve">     */</w:t>
            </w:r>
          </w:p>
          <w:p w:rsidR="00156FB3" w:rsidRDefault="00156FB3" w:rsidP="00156FB3">
            <w:r>
              <w:t xml:space="preserve">    function endsWith(string, target, position) {</w:t>
            </w:r>
          </w:p>
          <w:p w:rsidR="00156FB3" w:rsidRDefault="00156FB3" w:rsidP="00156FB3">
            <w:r>
              <w:t xml:space="preserve">      string = toString(string);</w:t>
            </w:r>
          </w:p>
          <w:p w:rsidR="00156FB3" w:rsidRDefault="00156FB3" w:rsidP="00156FB3">
            <w:r>
              <w:t xml:space="preserve">      target = baseToString(target);</w:t>
            </w:r>
          </w:p>
          <w:p w:rsidR="00156FB3" w:rsidRDefault="00156FB3" w:rsidP="00156FB3"/>
          <w:p w:rsidR="00156FB3" w:rsidRDefault="00156FB3" w:rsidP="00156FB3">
            <w:r>
              <w:t xml:space="preserve">      var length = string.length;</w:t>
            </w:r>
          </w:p>
          <w:p w:rsidR="00156FB3" w:rsidRDefault="00156FB3" w:rsidP="00156FB3">
            <w:r>
              <w:t xml:space="preserve">      position = position === undefined</w:t>
            </w:r>
          </w:p>
          <w:p w:rsidR="00156FB3" w:rsidRDefault="00156FB3" w:rsidP="00156FB3">
            <w:r>
              <w:t xml:space="preserve">        ? length</w:t>
            </w:r>
          </w:p>
          <w:p w:rsidR="00156FB3" w:rsidRDefault="00156FB3" w:rsidP="00156FB3">
            <w:r>
              <w:t xml:space="preserve">        : baseClamp(toInteger(position), 0, length);</w:t>
            </w:r>
          </w:p>
          <w:p w:rsidR="00156FB3" w:rsidRDefault="00156FB3" w:rsidP="00156FB3"/>
          <w:p w:rsidR="00156FB3" w:rsidRDefault="00156FB3" w:rsidP="00156FB3">
            <w:r>
              <w:t xml:space="preserve">      var end = position;</w:t>
            </w:r>
          </w:p>
          <w:p w:rsidR="00156FB3" w:rsidRDefault="00156FB3" w:rsidP="00156FB3">
            <w:r>
              <w:t xml:space="preserve">      position -= target.length;</w:t>
            </w:r>
          </w:p>
          <w:p w:rsidR="00156FB3" w:rsidRDefault="00156FB3" w:rsidP="00156FB3">
            <w:r>
              <w:t xml:space="preserve">      return position &gt;= 0 &amp;&amp; string.slice(position, end) == targe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the characters "&amp;", "&lt;", "&gt;", '"', and "'" in `string` to their</w:t>
            </w:r>
          </w:p>
          <w:p w:rsidR="00156FB3" w:rsidRDefault="00156FB3" w:rsidP="00156FB3">
            <w:r>
              <w:t xml:space="preserve">     * corresponding HTML entities.</w:t>
            </w:r>
          </w:p>
          <w:p w:rsidR="00156FB3" w:rsidRDefault="00156FB3" w:rsidP="00156FB3">
            <w:r>
              <w:t xml:space="preserve">     *</w:t>
            </w:r>
          </w:p>
          <w:p w:rsidR="00156FB3" w:rsidRDefault="00156FB3" w:rsidP="00156FB3">
            <w:r>
              <w:t xml:space="preserve">     * **Note:** No other characters are escaped. To escape additional</w:t>
            </w:r>
          </w:p>
          <w:p w:rsidR="00156FB3" w:rsidRDefault="00156FB3" w:rsidP="00156FB3">
            <w:r>
              <w:t xml:space="preserve">     * characters use a third-party library like [_he_](https://mths.be/he).</w:t>
            </w:r>
          </w:p>
          <w:p w:rsidR="00156FB3" w:rsidRDefault="00156FB3" w:rsidP="00156FB3">
            <w:r>
              <w:t xml:space="preserve">     *</w:t>
            </w:r>
          </w:p>
          <w:p w:rsidR="00156FB3" w:rsidRDefault="00156FB3" w:rsidP="00156FB3">
            <w:r>
              <w:t xml:space="preserve">     * Though the "&gt;" character is escaped for symmetry, characters like</w:t>
            </w:r>
          </w:p>
          <w:p w:rsidR="00156FB3" w:rsidRDefault="00156FB3" w:rsidP="00156FB3">
            <w:r>
              <w:t xml:space="preserve">     * "&gt;" and "/" don't need escaping in HTML and have no special meaning</w:t>
            </w:r>
          </w:p>
          <w:p w:rsidR="00156FB3" w:rsidRDefault="00156FB3" w:rsidP="00156FB3">
            <w:r>
              <w:lastRenderedPageBreak/>
              <w:t xml:space="preserve">     * unless they're part of a tag or unquoted attribute value. See</w:t>
            </w:r>
          </w:p>
          <w:p w:rsidR="00156FB3" w:rsidRDefault="00156FB3" w:rsidP="00156FB3">
            <w:r>
              <w:t xml:space="preserve">     * [Mathias Bynens's article](https://mathiasbynens.be/notes/ambiguous-ampersands)</w:t>
            </w:r>
          </w:p>
          <w:p w:rsidR="00156FB3" w:rsidRDefault="00156FB3" w:rsidP="00156FB3">
            <w:r>
              <w:t xml:space="preserve">     * (under "semi-related fun fact") for more details.</w:t>
            </w:r>
          </w:p>
          <w:p w:rsidR="00156FB3" w:rsidRDefault="00156FB3" w:rsidP="00156FB3">
            <w:r>
              <w:t xml:space="preserve">     *</w:t>
            </w:r>
          </w:p>
          <w:p w:rsidR="00156FB3" w:rsidRDefault="00156FB3" w:rsidP="00156FB3">
            <w:r>
              <w:t xml:space="preserve">     * When working with HTML you should always</w:t>
            </w:r>
          </w:p>
          <w:p w:rsidR="00156FB3" w:rsidRDefault="00156FB3" w:rsidP="00156FB3">
            <w:r>
              <w:t xml:space="preserve">     * [quote attribute values](http://wonko.com/post/html-escaping) to reduce</w:t>
            </w:r>
          </w:p>
          <w:p w:rsidR="00156FB3" w:rsidRDefault="00156FB3" w:rsidP="00156FB3">
            <w:r>
              <w:t xml:space="preserve">     * XSS vectors.</w:t>
            </w:r>
          </w:p>
          <w:p w:rsidR="00156FB3" w:rsidRDefault="00156FB3" w:rsidP="00156FB3">
            <w:r>
              <w:t xml:space="preserve">     *</w:t>
            </w:r>
          </w:p>
          <w:p w:rsidR="00156FB3" w:rsidRDefault="00156FB3" w:rsidP="00156FB3">
            <w:r>
              <w:t xml:space="preserve">     * @static</w:t>
            </w:r>
          </w:p>
          <w:p w:rsidR="00156FB3" w:rsidRDefault="00156FB3" w:rsidP="00156FB3">
            <w:r>
              <w:t xml:space="preserve">     * @since 0.1.0</w:t>
            </w:r>
          </w:p>
          <w:p w:rsidR="00156FB3" w:rsidRDefault="00156FB3" w:rsidP="00156FB3">
            <w:r>
              <w:t xml:space="preserve">     * @memberOf _</w:t>
            </w:r>
          </w:p>
          <w:p w:rsidR="00156FB3" w:rsidRDefault="00156FB3" w:rsidP="00156FB3">
            <w:r>
              <w:t xml:space="preserve">     * @category String</w:t>
            </w:r>
          </w:p>
          <w:p w:rsidR="00156FB3" w:rsidRDefault="00156FB3" w:rsidP="00156FB3">
            <w:r>
              <w:t xml:space="preserve">     * @param {string} [string=''] The string to escape.</w:t>
            </w:r>
          </w:p>
          <w:p w:rsidR="00156FB3" w:rsidRDefault="00156FB3" w:rsidP="00156FB3">
            <w:r>
              <w:t xml:space="preserve">     * @returns {string} Returns the escap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escape('fred, barney, &amp; pebbles');</w:t>
            </w:r>
          </w:p>
          <w:p w:rsidR="00156FB3" w:rsidRDefault="00156FB3" w:rsidP="00156FB3">
            <w:r>
              <w:t xml:space="preserve">     * // =&gt; 'fred, barney, &amp;amp; pebbles'</w:t>
            </w:r>
          </w:p>
          <w:p w:rsidR="00156FB3" w:rsidRDefault="00156FB3" w:rsidP="00156FB3">
            <w:r>
              <w:t xml:space="preserve">     */</w:t>
            </w:r>
          </w:p>
          <w:p w:rsidR="00156FB3" w:rsidRDefault="00156FB3" w:rsidP="00156FB3">
            <w:r>
              <w:t xml:space="preserve">    function escape(string) {</w:t>
            </w:r>
          </w:p>
          <w:p w:rsidR="00156FB3" w:rsidRDefault="00156FB3" w:rsidP="00156FB3">
            <w:r>
              <w:t xml:space="preserve">      string = toString(string);</w:t>
            </w:r>
          </w:p>
          <w:p w:rsidR="00156FB3" w:rsidRDefault="00156FB3" w:rsidP="00156FB3">
            <w:r>
              <w:t xml:space="preserve">      return (string &amp;&amp; reHasUnescapedHtml.test(string))</w:t>
            </w:r>
          </w:p>
          <w:p w:rsidR="00156FB3" w:rsidRDefault="00156FB3" w:rsidP="00156FB3">
            <w:r>
              <w:t xml:space="preserve">        ? string.replace(reUnescapedHtml, escapeHtmlChar)</w:t>
            </w:r>
          </w:p>
          <w:p w:rsidR="00156FB3" w:rsidRDefault="00156FB3" w:rsidP="00156FB3">
            <w:r>
              <w:t xml:space="preserve">        : strin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Escapes the `RegExp` special characters "^", "$", "\", ".", "*", "+",</w:t>
            </w:r>
          </w:p>
          <w:p w:rsidR="00156FB3" w:rsidRDefault="00156FB3" w:rsidP="00156FB3">
            <w:r>
              <w:t xml:space="preserve">     * "?", "(", ")", "[", "]", "{", "}", and "|" in `string`.</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String</w:t>
            </w:r>
          </w:p>
          <w:p w:rsidR="00156FB3" w:rsidRDefault="00156FB3" w:rsidP="00156FB3">
            <w:r>
              <w:t xml:space="preserve">     * @param {string} [string=''] The string to escape.</w:t>
            </w:r>
          </w:p>
          <w:p w:rsidR="00156FB3" w:rsidRDefault="00156FB3" w:rsidP="00156FB3">
            <w:r>
              <w:t xml:space="preserve">     * @returns {string} Returns the escap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escapeRegExp('[lodash](https://lodash.com/)');</w:t>
            </w:r>
          </w:p>
          <w:p w:rsidR="00156FB3" w:rsidRDefault="00156FB3" w:rsidP="00156FB3">
            <w:r>
              <w:t xml:space="preserve">     * // =&gt; '\[lodash\]\(https://lodash\.com/\)'</w:t>
            </w:r>
          </w:p>
          <w:p w:rsidR="00156FB3" w:rsidRDefault="00156FB3" w:rsidP="00156FB3">
            <w:r>
              <w:t xml:space="preserve">     */</w:t>
            </w:r>
          </w:p>
          <w:p w:rsidR="00156FB3" w:rsidRDefault="00156FB3" w:rsidP="00156FB3">
            <w:r>
              <w:t xml:space="preserve">    function escapeRegExp(string) {</w:t>
            </w:r>
          </w:p>
          <w:p w:rsidR="00156FB3" w:rsidRDefault="00156FB3" w:rsidP="00156FB3">
            <w:r>
              <w:t xml:space="preserve">      string = toString(string);</w:t>
            </w:r>
          </w:p>
          <w:p w:rsidR="00156FB3" w:rsidRDefault="00156FB3" w:rsidP="00156FB3">
            <w:r>
              <w:t xml:space="preserve">      return (string &amp;&amp; reHasRegExpChar.test(string))</w:t>
            </w:r>
          </w:p>
          <w:p w:rsidR="00156FB3" w:rsidRDefault="00156FB3" w:rsidP="00156FB3">
            <w:r>
              <w:t xml:space="preserve">        ? string.replace(reRegExpChar, '\\$&amp;')</w:t>
            </w:r>
          </w:p>
          <w:p w:rsidR="00156FB3" w:rsidRDefault="00156FB3" w:rsidP="00156FB3">
            <w:r>
              <w:t xml:space="preserve">        : string;</w:t>
            </w:r>
          </w:p>
          <w:p w:rsidR="00156FB3" w:rsidRDefault="00156FB3" w:rsidP="00156FB3">
            <w:r>
              <w:t xml:space="preserve">    }</w:t>
            </w:r>
          </w:p>
          <w:p w:rsidR="00156FB3" w:rsidRDefault="00156FB3" w:rsidP="00156FB3"/>
          <w:p w:rsidR="00156FB3" w:rsidRDefault="00156FB3" w:rsidP="00156FB3">
            <w:r>
              <w:lastRenderedPageBreak/>
              <w:t xml:space="preserve">    /**</w:t>
            </w:r>
          </w:p>
          <w:p w:rsidR="00156FB3" w:rsidRDefault="00156FB3" w:rsidP="00156FB3">
            <w:r>
              <w:t xml:space="preserve">     * Converts `string` to</w:t>
            </w:r>
          </w:p>
          <w:p w:rsidR="00156FB3" w:rsidRDefault="00156FB3" w:rsidP="00156FB3">
            <w:r>
              <w:t xml:space="preserve">     * [kebab case](https://en.wikipedia.org/wiki/Letter_case#Special_case_style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String</w:t>
            </w:r>
          </w:p>
          <w:p w:rsidR="00156FB3" w:rsidRDefault="00156FB3" w:rsidP="00156FB3">
            <w:r>
              <w:t xml:space="preserve">     * @param {string} [string=''] The string to convert.</w:t>
            </w:r>
          </w:p>
          <w:p w:rsidR="00156FB3" w:rsidRDefault="00156FB3" w:rsidP="00156FB3">
            <w:r>
              <w:t xml:space="preserve">     * @returns {string} Returns the kebab cas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kebabCase('Foo Bar');</w:t>
            </w:r>
          </w:p>
          <w:p w:rsidR="00156FB3" w:rsidRDefault="00156FB3" w:rsidP="00156FB3">
            <w:r>
              <w:t xml:space="preserve">     * // =&gt; 'foo-bar'</w:t>
            </w:r>
          </w:p>
          <w:p w:rsidR="00156FB3" w:rsidRDefault="00156FB3" w:rsidP="00156FB3">
            <w:r>
              <w:t xml:space="preserve">     *</w:t>
            </w:r>
          </w:p>
          <w:p w:rsidR="00156FB3" w:rsidRDefault="00156FB3" w:rsidP="00156FB3">
            <w:r>
              <w:t xml:space="preserve">     * _.kebabCase('fooBar');</w:t>
            </w:r>
          </w:p>
          <w:p w:rsidR="00156FB3" w:rsidRDefault="00156FB3" w:rsidP="00156FB3">
            <w:r>
              <w:t xml:space="preserve">     * // =&gt; 'foo-bar'</w:t>
            </w:r>
          </w:p>
          <w:p w:rsidR="00156FB3" w:rsidRDefault="00156FB3" w:rsidP="00156FB3">
            <w:r>
              <w:t xml:space="preserve">     *</w:t>
            </w:r>
          </w:p>
          <w:p w:rsidR="00156FB3" w:rsidRDefault="00156FB3" w:rsidP="00156FB3">
            <w:r>
              <w:t xml:space="preserve">     * _.kebabCase('__FOO_BAR__');</w:t>
            </w:r>
          </w:p>
          <w:p w:rsidR="00156FB3" w:rsidRDefault="00156FB3" w:rsidP="00156FB3">
            <w:r>
              <w:t xml:space="preserve">     * // =&gt; 'foo-bar'</w:t>
            </w:r>
          </w:p>
          <w:p w:rsidR="00156FB3" w:rsidRDefault="00156FB3" w:rsidP="00156FB3">
            <w:r>
              <w:t xml:space="preserve">     */</w:t>
            </w:r>
          </w:p>
          <w:p w:rsidR="00156FB3" w:rsidRDefault="00156FB3" w:rsidP="00156FB3">
            <w:r>
              <w:t xml:space="preserve">    var kebabCase = createCompounder(function(result, word, index) {</w:t>
            </w:r>
          </w:p>
          <w:p w:rsidR="00156FB3" w:rsidRDefault="00156FB3" w:rsidP="00156FB3">
            <w:r>
              <w:t xml:space="preserve">      return result + (index ? '-' : '') + word.toLowerCas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string`, as space separated words, to lower cas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String</w:t>
            </w:r>
          </w:p>
          <w:p w:rsidR="00156FB3" w:rsidRDefault="00156FB3" w:rsidP="00156FB3">
            <w:r>
              <w:t xml:space="preserve">     * @param {string} [string=''] The string to convert.</w:t>
            </w:r>
          </w:p>
          <w:p w:rsidR="00156FB3" w:rsidRDefault="00156FB3" w:rsidP="00156FB3">
            <w:r>
              <w:t xml:space="preserve">     * @returns {string} Returns the lower cas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lowerCase('--Foo-Bar--');</w:t>
            </w:r>
          </w:p>
          <w:p w:rsidR="00156FB3" w:rsidRDefault="00156FB3" w:rsidP="00156FB3">
            <w:r>
              <w:t xml:space="preserve">     * // =&gt; 'foo bar'</w:t>
            </w:r>
          </w:p>
          <w:p w:rsidR="00156FB3" w:rsidRDefault="00156FB3" w:rsidP="00156FB3">
            <w:r>
              <w:t xml:space="preserve">     *</w:t>
            </w:r>
          </w:p>
          <w:p w:rsidR="00156FB3" w:rsidRDefault="00156FB3" w:rsidP="00156FB3">
            <w:r>
              <w:t xml:space="preserve">     * _.lowerCase('fooBar');</w:t>
            </w:r>
          </w:p>
          <w:p w:rsidR="00156FB3" w:rsidRDefault="00156FB3" w:rsidP="00156FB3">
            <w:r>
              <w:t xml:space="preserve">     * // =&gt; 'foo bar'</w:t>
            </w:r>
          </w:p>
          <w:p w:rsidR="00156FB3" w:rsidRDefault="00156FB3" w:rsidP="00156FB3">
            <w:r>
              <w:t xml:space="preserve">     *</w:t>
            </w:r>
          </w:p>
          <w:p w:rsidR="00156FB3" w:rsidRDefault="00156FB3" w:rsidP="00156FB3">
            <w:r>
              <w:t xml:space="preserve">     * _.lowerCase('__FOO_BAR__');</w:t>
            </w:r>
          </w:p>
          <w:p w:rsidR="00156FB3" w:rsidRDefault="00156FB3" w:rsidP="00156FB3">
            <w:r>
              <w:t xml:space="preserve">     * // =&gt; 'foo bar'</w:t>
            </w:r>
          </w:p>
          <w:p w:rsidR="00156FB3" w:rsidRDefault="00156FB3" w:rsidP="00156FB3">
            <w:r>
              <w:t xml:space="preserve">     */</w:t>
            </w:r>
          </w:p>
          <w:p w:rsidR="00156FB3" w:rsidRDefault="00156FB3" w:rsidP="00156FB3">
            <w:r>
              <w:t xml:space="preserve">    var lowerCase = createCompounder(function(result, word, index) {</w:t>
            </w:r>
          </w:p>
          <w:p w:rsidR="00156FB3" w:rsidRDefault="00156FB3" w:rsidP="00156FB3">
            <w:r>
              <w:t xml:space="preserve">      return result + (index ? ' ' : '') + word.toLowerCas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the first character of `string` to lower cas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String</w:t>
            </w:r>
          </w:p>
          <w:p w:rsidR="00156FB3" w:rsidRDefault="00156FB3" w:rsidP="00156FB3">
            <w:r>
              <w:t xml:space="preserve">     * @param {string} [string=''] The string to convert.</w:t>
            </w:r>
          </w:p>
          <w:p w:rsidR="00156FB3" w:rsidRDefault="00156FB3" w:rsidP="00156FB3">
            <w:r>
              <w:t xml:space="preserve">     * @returns {string} Returns the convert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lowerFirst('Fred');</w:t>
            </w:r>
          </w:p>
          <w:p w:rsidR="00156FB3" w:rsidRDefault="00156FB3" w:rsidP="00156FB3">
            <w:r>
              <w:t xml:space="preserve">     * // =&gt; 'fred'</w:t>
            </w:r>
          </w:p>
          <w:p w:rsidR="00156FB3" w:rsidRDefault="00156FB3" w:rsidP="00156FB3">
            <w:r>
              <w:t xml:space="preserve">     *</w:t>
            </w:r>
          </w:p>
          <w:p w:rsidR="00156FB3" w:rsidRDefault="00156FB3" w:rsidP="00156FB3">
            <w:r>
              <w:t xml:space="preserve">     * _.lowerFirst('FRED');</w:t>
            </w:r>
          </w:p>
          <w:p w:rsidR="00156FB3" w:rsidRDefault="00156FB3" w:rsidP="00156FB3">
            <w:r>
              <w:t xml:space="preserve">     * // =&gt; 'fRED'</w:t>
            </w:r>
          </w:p>
          <w:p w:rsidR="00156FB3" w:rsidRDefault="00156FB3" w:rsidP="00156FB3">
            <w:r>
              <w:t xml:space="preserve">     */</w:t>
            </w:r>
          </w:p>
          <w:p w:rsidR="00156FB3" w:rsidRDefault="00156FB3" w:rsidP="00156FB3">
            <w:r>
              <w:t xml:space="preserve">    var lowerFirst = createCaseFirst('toLowerCase');</w:t>
            </w:r>
          </w:p>
          <w:p w:rsidR="00156FB3" w:rsidRDefault="00156FB3" w:rsidP="00156FB3"/>
          <w:p w:rsidR="00156FB3" w:rsidRDefault="00156FB3" w:rsidP="00156FB3">
            <w:r>
              <w:t xml:space="preserve">    /**</w:t>
            </w:r>
          </w:p>
          <w:p w:rsidR="00156FB3" w:rsidRDefault="00156FB3" w:rsidP="00156FB3">
            <w:r>
              <w:t xml:space="preserve">     * Pads `string` on the left and right sides if it's shorter than `length`.</w:t>
            </w:r>
          </w:p>
          <w:p w:rsidR="00156FB3" w:rsidRDefault="00156FB3" w:rsidP="00156FB3">
            <w:r>
              <w:t xml:space="preserve">     * Padding characters are truncated if they can't be evenly divided by `length`.</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String</w:t>
            </w:r>
          </w:p>
          <w:p w:rsidR="00156FB3" w:rsidRDefault="00156FB3" w:rsidP="00156FB3">
            <w:r>
              <w:t xml:space="preserve">     * @param {string} [string=''] The string to pad.</w:t>
            </w:r>
          </w:p>
          <w:p w:rsidR="00156FB3" w:rsidRDefault="00156FB3" w:rsidP="00156FB3">
            <w:r>
              <w:t xml:space="preserve">     * @param {number} [length=0] The padding length.</w:t>
            </w:r>
          </w:p>
          <w:p w:rsidR="00156FB3" w:rsidRDefault="00156FB3" w:rsidP="00156FB3">
            <w:r>
              <w:t xml:space="preserve">     * @param {string} [chars=' '] The string used as padding.</w:t>
            </w:r>
          </w:p>
          <w:p w:rsidR="00156FB3" w:rsidRDefault="00156FB3" w:rsidP="00156FB3">
            <w:r>
              <w:t xml:space="preserve">     * @returns {string} Returns the padd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pad('abc', 8);</w:t>
            </w:r>
          </w:p>
          <w:p w:rsidR="00156FB3" w:rsidRDefault="00156FB3" w:rsidP="00156FB3">
            <w:r>
              <w:t xml:space="preserve">     * // =&gt; '  abc   '</w:t>
            </w:r>
          </w:p>
          <w:p w:rsidR="00156FB3" w:rsidRDefault="00156FB3" w:rsidP="00156FB3">
            <w:r>
              <w:t xml:space="preserve">     *</w:t>
            </w:r>
          </w:p>
          <w:p w:rsidR="00156FB3" w:rsidRDefault="00156FB3" w:rsidP="00156FB3">
            <w:r>
              <w:t xml:space="preserve">     * _.pad('abc', 8, '_-');</w:t>
            </w:r>
          </w:p>
          <w:p w:rsidR="00156FB3" w:rsidRDefault="00156FB3" w:rsidP="00156FB3">
            <w:r>
              <w:t xml:space="preserve">     * // =&gt; '_-abc_-_'</w:t>
            </w:r>
          </w:p>
          <w:p w:rsidR="00156FB3" w:rsidRDefault="00156FB3" w:rsidP="00156FB3">
            <w:r>
              <w:t xml:space="preserve">     *</w:t>
            </w:r>
          </w:p>
          <w:p w:rsidR="00156FB3" w:rsidRDefault="00156FB3" w:rsidP="00156FB3">
            <w:r>
              <w:t xml:space="preserve">     * _.pad('abc', 3);</w:t>
            </w:r>
          </w:p>
          <w:p w:rsidR="00156FB3" w:rsidRDefault="00156FB3" w:rsidP="00156FB3">
            <w:r>
              <w:t xml:space="preserve">     * // =&gt; 'abc'</w:t>
            </w:r>
          </w:p>
          <w:p w:rsidR="00156FB3" w:rsidRDefault="00156FB3" w:rsidP="00156FB3">
            <w:r>
              <w:t xml:space="preserve">     */</w:t>
            </w:r>
          </w:p>
          <w:p w:rsidR="00156FB3" w:rsidRDefault="00156FB3" w:rsidP="00156FB3">
            <w:r>
              <w:t xml:space="preserve">    function pad(string, length, chars) {</w:t>
            </w:r>
          </w:p>
          <w:p w:rsidR="00156FB3" w:rsidRDefault="00156FB3" w:rsidP="00156FB3">
            <w:r>
              <w:t xml:space="preserve">      string = toString(string);</w:t>
            </w:r>
          </w:p>
          <w:p w:rsidR="00156FB3" w:rsidRDefault="00156FB3" w:rsidP="00156FB3">
            <w:r>
              <w:t xml:space="preserve">      length = toInteger(length);</w:t>
            </w:r>
          </w:p>
          <w:p w:rsidR="00156FB3" w:rsidRDefault="00156FB3" w:rsidP="00156FB3"/>
          <w:p w:rsidR="00156FB3" w:rsidRDefault="00156FB3" w:rsidP="00156FB3">
            <w:r>
              <w:t xml:space="preserve">      var strLength = length ? stringSize(string) : 0;</w:t>
            </w:r>
          </w:p>
          <w:p w:rsidR="00156FB3" w:rsidRDefault="00156FB3" w:rsidP="00156FB3">
            <w:r>
              <w:lastRenderedPageBreak/>
              <w:t xml:space="preserve">      if (!length || strLength &gt;= length) {</w:t>
            </w:r>
          </w:p>
          <w:p w:rsidR="00156FB3" w:rsidRDefault="00156FB3" w:rsidP="00156FB3">
            <w:r>
              <w:t xml:space="preserve">        return string;</w:t>
            </w:r>
          </w:p>
          <w:p w:rsidR="00156FB3" w:rsidRDefault="00156FB3" w:rsidP="00156FB3">
            <w:r>
              <w:t xml:space="preserve">      }</w:t>
            </w:r>
          </w:p>
          <w:p w:rsidR="00156FB3" w:rsidRDefault="00156FB3" w:rsidP="00156FB3">
            <w:r>
              <w:t xml:space="preserve">      var mid = (length - strLength) / 2;</w:t>
            </w:r>
          </w:p>
          <w:p w:rsidR="00156FB3" w:rsidRDefault="00156FB3" w:rsidP="00156FB3">
            <w:r>
              <w:t xml:space="preserve">      return (</w:t>
            </w:r>
          </w:p>
          <w:p w:rsidR="00156FB3" w:rsidRDefault="00156FB3" w:rsidP="00156FB3">
            <w:r>
              <w:t xml:space="preserve">        createPadding(nativeFloor(mid), chars) +</w:t>
            </w:r>
          </w:p>
          <w:p w:rsidR="00156FB3" w:rsidRDefault="00156FB3" w:rsidP="00156FB3">
            <w:r>
              <w:t xml:space="preserve">        string +</w:t>
            </w:r>
          </w:p>
          <w:p w:rsidR="00156FB3" w:rsidRDefault="00156FB3" w:rsidP="00156FB3">
            <w:r>
              <w:t xml:space="preserve">        createPadding(nativeCeil(mid), char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Pads `string` on the right side if it's shorter than `length`. Padding</w:t>
            </w:r>
          </w:p>
          <w:p w:rsidR="00156FB3" w:rsidRDefault="00156FB3" w:rsidP="00156FB3">
            <w:r>
              <w:t xml:space="preserve">     * characters are truncated if they exceed `length`.</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String</w:t>
            </w:r>
          </w:p>
          <w:p w:rsidR="00156FB3" w:rsidRDefault="00156FB3" w:rsidP="00156FB3">
            <w:r>
              <w:t xml:space="preserve">     * @param {string} [string=''] The string to pad.</w:t>
            </w:r>
          </w:p>
          <w:p w:rsidR="00156FB3" w:rsidRDefault="00156FB3" w:rsidP="00156FB3">
            <w:r>
              <w:t xml:space="preserve">     * @param {number} [length=0] The padding length.</w:t>
            </w:r>
          </w:p>
          <w:p w:rsidR="00156FB3" w:rsidRDefault="00156FB3" w:rsidP="00156FB3">
            <w:r>
              <w:t xml:space="preserve">     * @param {string} [chars=' '] The string used as padding.</w:t>
            </w:r>
          </w:p>
          <w:p w:rsidR="00156FB3" w:rsidRDefault="00156FB3" w:rsidP="00156FB3">
            <w:r>
              <w:t xml:space="preserve">     * @returns {string} Returns the padd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padEnd('abc', 6);</w:t>
            </w:r>
          </w:p>
          <w:p w:rsidR="00156FB3" w:rsidRDefault="00156FB3" w:rsidP="00156FB3">
            <w:r>
              <w:t xml:space="preserve">     * // =&gt; 'abc   '</w:t>
            </w:r>
          </w:p>
          <w:p w:rsidR="00156FB3" w:rsidRDefault="00156FB3" w:rsidP="00156FB3">
            <w:r>
              <w:t xml:space="preserve">     *</w:t>
            </w:r>
          </w:p>
          <w:p w:rsidR="00156FB3" w:rsidRDefault="00156FB3" w:rsidP="00156FB3">
            <w:r>
              <w:t xml:space="preserve">     * _.padEnd('abc', 6, '_-');</w:t>
            </w:r>
          </w:p>
          <w:p w:rsidR="00156FB3" w:rsidRDefault="00156FB3" w:rsidP="00156FB3">
            <w:r>
              <w:t xml:space="preserve">     * // =&gt; 'abc_-_'</w:t>
            </w:r>
          </w:p>
          <w:p w:rsidR="00156FB3" w:rsidRDefault="00156FB3" w:rsidP="00156FB3">
            <w:r>
              <w:t xml:space="preserve">     *</w:t>
            </w:r>
          </w:p>
          <w:p w:rsidR="00156FB3" w:rsidRDefault="00156FB3" w:rsidP="00156FB3">
            <w:r>
              <w:t xml:space="preserve">     * _.padEnd('abc', 3);</w:t>
            </w:r>
          </w:p>
          <w:p w:rsidR="00156FB3" w:rsidRDefault="00156FB3" w:rsidP="00156FB3">
            <w:r>
              <w:t xml:space="preserve">     * // =&gt; 'abc'</w:t>
            </w:r>
          </w:p>
          <w:p w:rsidR="00156FB3" w:rsidRDefault="00156FB3" w:rsidP="00156FB3">
            <w:r>
              <w:t xml:space="preserve">     */</w:t>
            </w:r>
          </w:p>
          <w:p w:rsidR="00156FB3" w:rsidRDefault="00156FB3" w:rsidP="00156FB3">
            <w:r>
              <w:t xml:space="preserve">    function padEnd(string, length, chars) {</w:t>
            </w:r>
          </w:p>
          <w:p w:rsidR="00156FB3" w:rsidRDefault="00156FB3" w:rsidP="00156FB3">
            <w:r>
              <w:t xml:space="preserve">      string = toString(string);</w:t>
            </w:r>
          </w:p>
          <w:p w:rsidR="00156FB3" w:rsidRDefault="00156FB3" w:rsidP="00156FB3">
            <w:r>
              <w:t xml:space="preserve">      length = toInteger(length);</w:t>
            </w:r>
          </w:p>
          <w:p w:rsidR="00156FB3" w:rsidRDefault="00156FB3" w:rsidP="00156FB3"/>
          <w:p w:rsidR="00156FB3" w:rsidRDefault="00156FB3" w:rsidP="00156FB3">
            <w:r>
              <w:t xml:space="preserve">      var strLength = length ? stringSize(string) : 0;</w:t>
            </w:r>
          </w:p>
          <w:p w:rsidR="00156FB3" w:rsidRDefault="00156FB3" w:rsidP="00156FB3">
            <w:r>
              <w:t xml:space="preserve">      return (length &amp;&amp; strLength &lt; length)</w:t>
            </w:r>
          </w:p>
          <w:p w:rsidR="00156FB3" w:rsidRDefault="00156FB3" w:rsidP="00156FB3">
            <w:r>
              <w:t xml:space="preserve">        ? (string + createPadding(length - strLength, chars))</w:t>
            </w:r>
          </w:p>
          <w:p w:rsidR="00156FB3" w:rsidRDefault="00156FB3" w:rsidP="00156FB3">
            <w:r>
              <w:t xml:space="preserve">        : strin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Pads `string` on the left side if it's shorter than `length`. Padding</w:t>
            </w:r>
          </w:p>
          <w:p w:rsidR="00156FB3" w:rsidRDefault="00156FB3" w:rsidP="00156FB3">
            <w:r>
              <w:t xml:space="preserve">     * characters are truncated if they exceed `length`.</w:t>
            </w:r>
          </w:p>
          <w:p w:rsidR="00156FB3" w:rsidRDefault="00156FB3" w:rsidP="00156FB3">
            <w:r>
              <w:t xml:space="preserve">     *</w:t>
            </w:r>
          </w:p>
          <w:p w:rsidR="00156FB3" w:rsidRDefault="00156FB3" w:rsidP="00156FB3">
            <w:r>
              <w:lastRenderedPageBreak/>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String</w:t>
            </w:r>
          </w:p>
          <w:p w:rsidR="00156FB3" w:rsidRDefault="00156FB3" w:rsidP="00156FB3">
            <w:r>
              <w:t xml:space="preserve">     * @param {string} [string=''] The string to pad.</w:t>
            </w:r>
          </w:p>
          <w:p w:rsidR="00156FB3" w:rsidRDefault="00156FB3" w:rsidP="00156FB3">
            <w:r>
              <w:t xml:space="preserve">     * @param {number} [length=0] The padding length.</w:t>
            </w:r>
          </w:p>
          <w:p w:rsidR="00156FB3" w:rsidRDefault="00156FB3" w:rsidP="00156FB3">
            <w:r>
              <w:t xml:space="preserve">     * @param {string} [chars=' '] The string used as padding.</w:t>
            </w:r>
          </w:p>
          <w:p w:rsidR="00156FB3" w:rsidRDefault="00156FB3" w:rsidP="00156FB3">
            <w:r>
              <w:t xml:space="preserve">     * @returns {string} Returns the padd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padStart('abc', 6);</w:t>
            </w:r>
          </w:p>
          <w:p w:rsidR="00156FB3" w:rsidRDefault="00156FB3" w:rsidP="00156FB3">
            <w:r>
              <w:t xml:space="preserve">     * // =&gt; '   abc'</w:t>
            </w:r>
          </w:p>
          <w:p w:rsidR="00156FB3" w:rsidRDefault="00156FB3" w:rsidP="00156FB3">
            <w:r>
              <w:t xml:space="preserve">     *</w:t>
            </w:r>
          </w:p>
          <w:p w:rsidR="00156FB3" w:rsidRDefault="00156FB3" w:rsidP="00156FB3">
            <w:r>
              <w:t xml:space="preserve">     * _.padStart('abc', 6, '_-');</w:t>
            </w:r>
          </w:p>
          <w:p w:rsidR="00156FB3" w:rsidRDefault="00156FB3" w:rsidP="00156FB3">
            <w:r>
              <w:t xml:space="preserve">     * // =&gt; '_-_abc'</w:t>
            </w:r>
          </w:p>
          <w:p w:rsidR="00156FB3" w:rsidRDefault="00156FB3" w:rsidP="00156FB3">
            <w:r>
              <w:t xml:space="preserve">     *</w:t>
            </w:r>
          </w:p>
          <w:p w:rsidR="00156FB3" w:rsidRDefault="00156FB3" w:rsidP="00156FB3">
            <w:r>
              <w:t xml:space="preserve">     * _.padStart('abc', 3);</w:t>
            </w:r>
          </w:p>
          <w:p w:rsidR="00156FB3" w:rsidRDefault="00156FB3" w:rsidP="00156FB3">
            <w:r>
              <w:t xml:space="preserve">     * // =&gt; 'abc'</w:t>
            </w:r>
          </w:p>
          <w:p w:rsidR="00156FB3" w:rsidRDefault="00156FB3" w:rsidP="00156FB3">
            <w:r>
              <w:t xml:space="preserve">     */</w:t>
            </w:r>
          </w:p>
          <w:p w:rsidR="00156FB3" w:rsidRDefault="00156FB3" w:rsidP="00156FB3">
            <w:r>
              <w:t xml:space="preserve">    function padStart(string, length, chars) {</w:t>
            </w:r>
          </w:p>
          <w:p w:rsidR="00156FB3" w:rsidRDefault="00156FB3" w:rsidP="00156FB3">
            <w:r>
              <w:t xml:space="preserve">      string = toString(string);</w:t>
            </w:r>
          </w:p>
          <w:p w:rsidR="00156FB3" w:rsidRDefault="00156FB3" w:rsidP="00156FB3">
            <w:r>
              <w:t xml:space="preserve">      length = toInteger(length);</w:t>
            </w:r>
          </w:p>
          <w:p w:rsidR="00156FB3" w:rsidRDefault="00156FB3" w:rsidP="00156FB3"/>
          <w:p w:rsidR="00156FB3" w:rsidRDefault="00156FB3" w:rsidP="00156FB3">
            <w:r>
              <w:t xml:space="preserve">      var strLength = length ? stringSize(string) : 0;</w:t>
            </w:r>
          </w:p>
          <w:p w:rsidR="00156FB3" w:rsidRDefault="00156FB3" w:rsidP="00156FB3">
            <w:r>
              <w:t xml:space="preserve">      return (length &amp;&amp; strLength &lt; length)</w:t>
            </w:r>
          </w:p>
          <w:p w:rsidR="00156FB3" w:rsidRDefault="00156FB3" w:rsidP="00156FB3">
            <w:r>
              <w:t xml:space="preserve">        ? (createPadding(length - strLength, chars) + string)</w:t>
            </w:r>
          </w:p>
          <w:p w:rsidR="00156FB3" w:rsidRDefault="00156FB3" w:rsidP="00156FB3">
            <w:r>
              <w:t xml:space="preserve">        : strin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string` to an integer of the specified radix. If `radix` is</w:t>
            </w:r>
          </w:p>
          <w:p w:rsidR="00156FB3" w:rsidRDefault="00156FB3" w:rsidP="00156FB3">
            <w:r>
              <w:t xml:space="preserve">     * `undefined` or `0`, a `radix` of `10` is used unless `value` is a</w:t>
            </w:r>
          </w:p>
          <w:p w:rsidR="00156FB3" w:rsidRDefault="00156FB3" w:rsidP="00156FB3">
            <w:r>
              <w:t xml:space="preserve">     * hexadecimal, in which case a `radix` of `16` is used.</w:t>
            </w:r>
          </w:p>
          <w:p w:rsidR="00156FB3" w:rsidRDefault="00156FB3" w:rsidP="00156FB3">
            <w:r>
              <w:t xml:space="preserve">     *</w:t>
            </w:r>
          </w:p>
          <w:p w:rsidR="00156FB3" w:rsidRDefault="00156FB3" w:rsidP="00156FB3">
            <w:r>
              <w:t xml:space="preserve">     * **Note:** This method aligns with the</w:t>
            </w:r>
          </w:p>
          <w:p w:rsidR="00156FB3" w:rsidRDefault="00156FB3" w:rsidP="00156FB3">
            <w:r>
              <w:t xml:space="preserve">     * [ES5 implementation](https://es5.github.io/#x15.1.2.2) of `parseIn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1.1.0</w:t>
            </w:r>
          </w:p>
          <w:p w:rsidR="00156FB3" w:rsidRDefault="00156FB3" w:rsidP="00156FB3">
            <w:r>
              <w:t xml:space="preserve">     * @category String</w:t>
            </w:r>
          </w:p>
          <w:p w:rsidR="00156FB3" w:rsidRDefault="00156FB3" w:rsidP="00156FB3">
            <w:r>
              <w:t xml:space="preserve">     * @param {string} string The string to convert.</w:t>
            </w:r>
          </w:p>
          <w:p w:rsidR="00156FB3" w:rsidRDefault="00156FB3" w:rsidP="00156FB3">
            <w:r>
              <w:t xml:space="preserve">     * @param {number} [radix=10] The radix to interpret `value` by.</w:t>
            </w:r>
          </w:p>
          <w:p w:rsidR="00156FB3" w:rsidRDefault="00156FB3" w:rsidP="00156FB3">
            <w:r>
              <w:t xml:space="preserve">     * @param- {Object} [guard] Enables use as an iteratee for methods like `_.map`.</w:t>
            </w:r>
          </w:p>
          <w:p w:rsidR="00156FB3" w:rsidRDefault="00156FB3" w:rsidP="00156FB3">
            <w:r>
              <w:t xml:space="preserve">     * @returns {number} Returns the converted integer.</w:t>
            </w:r>
          </w:p>
          <w:p w:rsidR="00156FB3" w:rsidRDefault="00156FB3" w:rsidP="00156FB3">
            <w:r>
              <w:t xml:space="preserve">     * @example</w:t>
            </w:r>
          </w:p>
          <w:p w:rsidR="00156FB3" w:rsidRDefault="00156FB3" w:rsidP="00156FB3">
            <w:r>
              <w:t xml:space="preserve">     *</w:t>
            </w:r>
          </w:p>
          <w:p w:rsidR="00156FB3" w:rsidRDefault="00156FB3" w:rsidP="00156FB3">
            <w:r>
              <w:t xml:space="preserve">     * _.parseInt('08');</w:t>
            </w:r>
          </w:p>
          <w:p w:rsidR="00156FB3" w:rsidRDefault="00156FB3" w:rsidP="00156FB3">
            <w:r>
              <w:lastRenderedPageBreak/>
              <w:t xml:space="preserve">     * // =&gt; 8</w:t>
            </w:r>
          </w:p>
          <w:p w:rsidR="00156FB3" w:rsidRDefault="00156FB3" w:rsidP="00156FB3">
            <w:r>
              <w:t xml:space="preserve">     *</w:t>
            </w:r>
          </w:p>
          <w:p w:rsidR="00156FB3" w:rsidRDefault="00156FB3" w:rsidP="00156FB3">
            <w:r>
              <w:t xml:space="preserve">     * _.map(['6', '08', '10'], _.parseInt);</w:t>
            </w:r>
          </w:p>
          <w:p w:rsidR="00156FB3" w:rsidRDefault="00156FB3" w:rsidP="00156FB3">
            <w:r>
              <w:t xml:space="preserve">     * // =&gt; [6, 8, 10]</w:t>
            </w:r>
          </w:p>
          <w:p w:rsidR="00156FB3" w:rsidRDefault="00156FB3" w:rsidP="00156FB3">
            <w:r>
              <w:t xml:space="preserve">     */</w:t>
            </w:r>
          </w:p>
          <w:p w:rsidR="00156FB3" w:rsidRDefault="00156FB3" w:rsidP="00156FB3">
            <w:r>
              <w:t xml:space="preserve">    function parseInt(string, radix, guard) {</w:t>
            </w:r>
          </w:p>
          <w:p w:rsidR="00156FB3" w:rsidRDefault="00156FB3" w:rsidP="00156FB3">
            <w:r>
              <w:t xml:space="preserve">      if (guard || radix == null) {</w:t>
            </w:r>
          </w:p>
          <w:p w:rsidR="00156FB3" w:rsidRDefault="00156FB3" w:rsidP="00156FB3">
            <w:r>
              <w:t xml:space="preserve">        radix = 0;</w:t>
            </w:r>
          </w:p>
          <w:p w:rsidR="00156FB3" w:rsidRDefault="00156FB3" w:rsidP="00156FB3">
            <w:r>
              <w:t xml:space="preserve">      } else if (radix) {</w:t>
            </w:r>
          </w:p>
          <w:p w:rsidR="00156FB3" w:rsidRDefault="00156FB3" w:rsidP="00156FB3">
            <w:r>
              <w:t xml:space="preserve">        radix = +radix;</w:t>
            </w:r>
          </w:p>
          <w:p w:rsidR="00156FB3" w:rsidRDefault="00156FB3" w:rsidP="00156FB3">
            <w:r>
              <w:t xml:space="preserve">      }</w:t>
            </w:r>
          </w:p>
          <w:p w:rsidR="00156FB3" w:rsidRDefault="00156FB3" w:rsidP="00156FB3">
            <w:r>
              <w:t xml:space="preserve">      return nativeParseInt(toString(string).replace(reTrimStart, ''), radix || 0);</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peats the given string `n` time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String</w:t>
            </w:r>
          </w:p>
          <w:p w:rsidR="00156FB3" w:rsidRDefault="00156FB3" w:rsidP="00156FB3">
            <w:r>
              <w:t xml:space="preserve">     * @param {string} [string=''] The string to repeat.</w:t>
            </w:r>
          </w:p>
          <w:p w:rsidR="00156FB3" w:rsidRDefault="00156FB3" w:rsidP="00156FB3">
            <w:r>
              <w:t xml:space="preserve">     * @param {number} [n=1] The number of times to repeat the string.</w:t>
            </w:r>
          </w:p>
          <w:p w:rsidR="00156FB3" w:rsidRDefault="00156FB3" w:rsidP="00156FB3">
            <w:r>
              <w:t xml:space="preserve">     * @param- {Object} [guard] Enables use as an iteratee for methods like `_.map`.</w:t>
            </w:r>
          </w:p>
          <w:p w:rsidR="00156FB3" w:rsidRDefault="00156FB3" w:rsidP="00156FB3">
            <w:r>
              <w:t xml:space="preserve">     * @returns {string} Returns the repeat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repeat('*', 3);</w:t>
            </w:r>
          </w:p>
          <w:p w:rsidR="00156FB3" w:rsidRDefault="00156FB3" w:rsidP="00156FB3">
            <w:r>
              <w:t xml:space="preserve">     * // =&gt; '***'</w:t>
            </w:r>
          </w:p>
          <w:p w:rsidR="00156FB3" w:rsidRDefault="00156FB3" w:rsidP="00156FB3">
            <w:r>
              <w:t xml:space="preserve">     *</w:t>
            </w:r>
          </w:p>
          <w:p w:rsidR="00156FB3" w:rsidRDefault="00156FB3" w:rsidP="00156FB3">
            <w:r>
              <w:t xml:space="preserve">     * _.repeat('abc', 2);</w:t>
            </w:r>
          </w:p>
          <w:p w:rsidR="00156FB3" w:rsidRDefault="00156FB3" w:rsidP="00156FB3">
            <w:r>
              <w:t xml:space="preserve">     * // =&gt; 'abcabc'</w:t>
            </w:r>
          </w:p>
          <w:p w:rsidR="00156FB3" w:rsidRDefault="00156FB3" w:rsidP="00156FB3">
            <w:r>
              <w:t xml:space="preserve">     *</w:t>
            </w:r>
          </w:p>
          <w:p w:rsidR="00156FB3" w:rsidRDefault="00156FB3" w:rsidP="00156FB3">
            <w:r>
              <w:t xml:space="preserve">     * _.repeat('abc', 0);</w:t>
            </w:r>
          </w:p>
          <w:p w:rsidR="00156FB3" w:rsidRDefault="00156FB3" w:rsidP="00156FB3">
            <w:r>
              <w:t xml:space="preserve">     * // =&gt; ''</w:t>
            </w:r>
          </w:p>
          <w:p w:rsidR="00156FB3" w:rsidRDefault="00156FB3" w:rsidP="00156FB3">
            <w:r>
              <w:t xml:space="preserve">     */</w:t>
            </w:r>
          </w:p>
          <w:p w:rsidR="00156FB3" w:rsidRDefault="00156FB3" w:rsidP="00156FB3">
            <w:r>
              <w:t xml:space="preserve">    function repeat(string, n, guard) {</w:t>
            </w:r>
          </w:p>
          <w:p w:rsidR="00156FB3" w:rsidRDefault="00156FB3" w:rsidP="00156FB3">
            <w:r>
              <w:t xml:space="preserve">      if ((guard ? isIterateeCall(string, n, guard) : n === undefined)) {</w:t>
            </w:r>
          </w:p>
          <w:p w:rsidR="00156FB3" w:rsidRDefault="00156FB3" w:rsidP="00156FB3">
            <w:r>
              <w:t xml:space="preserve">        n = 1;</w:t>
            </w:r>
          </w:p>
          <w:p w:rsidR="00156FB3" w:rsidRDefault="00156FB3" w:rsidP="00156FB3">
            <w:r>
              <w:t xml:space="preserve">      } else {</w:t>
            </w:r>
          </w:p>
          <w:p w:rsidR="00156FB3" w:rsidRDefault="00156FB3" w:rsidP="00156FB3">
            <w:r>
              <w:t xml:space="preserve">        n = toInteger(n);</w:t>
            </w:r>
          </w:p>
          <w:p w:rsidR="00156FB3" w:rsidRDefault="00156FB3" w:rsidP="00156FB3">
            <w:r>
              <w:t xml:space="preserve">      }</w:t>
            </w:r>
          </w:p>
          <w:p w:rsidR="00156FB3" w:rsidRDefault="00156FB3" w:rsidP="00156FB3">
            <w:r>
              <w:t xml:space="preserve">      return baseRepeat(toString(string), n);</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places matches for `pattern` in `string` with `replacement`.</w:t>
            </w:r>
          </w:p>
          <w:p w:rsidR="00156FB3" w:rsidRDefault="00156FB3" w:rsidP="00156FB3">
            <w:r>
              <w:t xml:space="preserve">     *</w:t>
            </w:r>
          </w:p>
          <w:p w:rsidR="00156FB3" w:rsidRDefault="00156FB3" w:rsidP="00156FB3">
            <w:r>
              <w:lastRenderedPageBreak/>
              <w:t xml:space="preserve">     * **Note:** This method is based on</w:t>
            </w:r>
          </w:p>
          <w:p w:rsidR="00156FB3" w:rsidRDefault="00156FB3" w:rsidP="00156FB3">
            <w:r>
              <w:t xml:space="preserve">     * [`String#replace`](https://mdn.io/String/replac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String</w:t>
            </w:r>
          </w:p>
          <w:p w:rsidR="00156FB3" w:rsidRDefault="00156FB3" w:rsidP="00156FB3">
            <w:r>
              <w:t xml:space="preserve">     * @param {string} [string=''] The string to modify.</w:t>
            </w:r>
          </w:p>
          <w:p w:rsidR="00156FB3" w:rsidRDefault="00156FB3" w:rsidP="00156FB3">
            <w:r>
              <w:t xml:space="preserve">     * @param {RegExp|string} pattern The pattern to replace.</w:t>
            </w:r>
          </w:p>
          <w:p w:rsidR="00156FB3" w:rsidRDefault="00156FB3" w:rsidP="00156FB3">
            <w:r>
              <w:t xml:space="preserve">     * @param {Function|string} replacement The match replacement.</w:t>
            </w:r>
          </w:p>
          <w:p w:rsidR="00156FB3" w:rsidRDefault="00156FB3" w:rsidP="00156FB3">
            <w:r>
              <w:t xml:space="preserve">     * @returns {string} Returns the modifi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replace('Hi Fred', 'Fred', 'Barney');</w:t>
            </w:r>
          </w:p>
          <w:p w:rsidR="00156FB3" w:rsidRDefault="00156FB3" w:rsidP="00156FB3">
            <w:r>
              <w:t xml:space="preserve">     * // =&gt; 'Hi Barney'</w:t>
            </w:r>
          </w:p>
          <w:p w:rsidR="00156FB3" w:rsidRDefault="00156FB3" w:rsidP="00156FB3">
            <w:r>
              <w:t xml:space="preserve">     */</w:t>
            </w:r>
          </w:p>
          <w:p w:rsidR="00156FB3" w:rsidRDefault="00156FB3" w:rsidP="00156FB3">
            <w:r>
              <w:t xml:space="preserve">    function replace() {</w:t>
            </w:r>
          </w:p>
          <w:p w:rsidR="00156FB3" w:rsidRDefault="00156FB3" w:rsidP="00156FB3">
            <w:r>
              <w:t xml:space="preserve">      var args = arguments,</w:t>
            </w:r>
          </w:p>
          <w:p w:rsidR="00156FB3" w:rsidRDefault="00156FB3" w:rsidP="00156FB3">
            <w:r>
              <w:t xml:space="preserve">          string = toString(args[0]);</w:t>
            </w:r>
          </w:p>
          <w:p w:rsidR="00156FB3" w:rsidRDefault="00156FB3" w:rsidP="00156FB3"/>
          <w:p w:rsidR="00156FB3" w:rsidRDefault="00156FB3" w:rsidP="00156FB3">
            <w:r>
              <w:t xml:space="preserve">      return args.length &lt; 3 ? string : string.replace(args[1], args[2]);</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string` to</w:t>
            </w:r>
          </w:p>
          <w:p w:rsidR="00156FB3" w:rsidRDefault="00156FB3" w:rsidP="00156FB3">
            <w:r>
              <w:t xml:space="preserve">     * [snake case](https://en.wikipedia.org/wiki/Snake_cas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String</w:t>
            </w:r>
          </w:p>
          <w:p w:rsidR="00156FB3" w:rsidRDefault="00156FB3" w:rsidP="00156FB3">
            <w:r>
              <w:t xml:space="preserve">     * @param {string} [string=''] The string to convert.</w:t>
            </w:r>
          </w:p>
          <w:p w:rsidR="00156FB3" w:rsidRDefault="00156FB3" w:rsidP="00156FB3">
            <w:r>
              <w:t xml:space="preserve">     * @returns {string} Returns the snake cas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snakeCase('Foo Bar');</w:t>
            </w:r>
          </w:p>
          <w:p w:rsidR="00156FB3" w:rsidRDefault="00156FB3" w:rsidP="00156FB3">
            <w:r>
              <w:t xml:space="preserve">     * // =&gt; 'foo_bar'</w:t>
            </w:r>
          </w:p>
          <w:p w:rsidR="00156FB3" w:rsidRDefault="00156FB3" w:rsidP="00156FB3">
            <w:r>
              <w:t xml:space="preserve">     *</w:t>
            </w:r>
          </w:p>
          <w:p w:rsidR="00156FB3" w:rsidRDefault="00156FB3" w:rsidP="00156FB3">
            <w:r>
              <w:t xml:space="preserve">     * _.snakeCase('fooBar');</w:t>
            </w:r>
          </w:p>
          <w:p w:rsidR="00156FB3" w:rsidRDefault="00156FB3" w:rsidP="00156FB3">
            <w:r>
              <w:t xml:space="preserve">     * // =&gt; 'foo_bar'</w:t>
            </w:r>
          </w:p>
          <w:p w:rsidR="00156FB3" w:rsidRDefault="00156FB3" w:rsidP="00156FB3">
            <w:r>
              <w:t xml:space="preserve">     *</w:t>
            </w:r>
          </w:p>
          <w:p w:rsidR="00156FB3" w:rsidRDefault="00156FB3" w:rsidP="00156FB3">
            <w:r>
              <w:t xml:space="preserve">     * _.snakeCase('--FOO-BAR--');</w:t>
            </w:r>
          </w:p>
          <w:p w:rsidR="00156FB3" w:rsidRDefault="00156FB3" w:rsidP="00156FB3">
            <w:r>
              <w:t xml:space="preserve">     * // =&gt; 'foo_bar'</w:t>
            </w:r>
          </w:p>
          <w:p w:rsidR="00156FB3" w:rsidRDefault="00156FB3" w:rsidP="00156FB3">
            <w:r>
              <w:t xml:space="preserve">     */</w:t>
            </w:r>
          </w:p>
          <w:p w:rsidR="00156FB3" w:rsidRDefault="00156FB3" w:rsidP="00156FB3">
            <w:r>
              <w:t xml:space="preserve">    var snakeCase = createCompounder(function(result, word, index) {</w:t>
            </w:r>
          </w:p>
          <w:p w:rsidR="00156FB3" w:rsidRDefault="00156FB3" w:rsidP="00156FB3">
            <w:r>
              <w:t xml:space="preserve">      return result + (index ? '_' : '') + word.toLowerCase();</w:t>
            </w:r>
          </w:p>
          <w:p w:rsidR="00156FB3" w:rsidRDefault="00156FB3" w:rsidP="00156FB3">
            <w:r>
              <w:t xml:space="preserve">    });</w:t>
            </w:r>
          </w:p>
          <w:p w:rsidR="00156FB3" w:rsidRDefault="00156FB3" w:rsidP="00156FB3"/>
          <w:p w:rsidR="00156FB3" w:rsidRDefault="00156FB3" w:rsidP="00156FB3">
            <w:r>
              <w:lastRenderedPageBreak/>
              <w:t xml:space="preserve">    /**</w:t>
            </w:r>
          </w:p>
          <w:p w:rsidR="00156FB3" w:rsidRDefault="00156FB3" w:rsidP="00156FB3">
            <w:r>
              <w:t xml:space="preserve">     * Splits `string` by `separator`.</w:t>
            </w:r>
          </w:p>
          <w:p w:rsidR="00156FB3" w:rsidRDefault="00156FB3" w:rsidP="00156FB3">
            <w:r>
              <w:t xml:space="preserve">     *</w:t>
            </w:r>
          </w:p>
          <w:p w:rsidR="00156FB3" w:rsidRDefault="00156FB3" w:rsidP="00156FB3">
            <w:r>
              <w:t xml:space="preserve">     * **Note:** This method is based on</w:t>
            </w:r>
          </w:p>
          <w:p w:rsidR="00156FB3" w:rsidRDefault="00156FB3" w:rsidP="00156FB3">
            <w:r>
              <w:t xml:space="preserve">     * [`String#split`](https://mdn.io/String/spli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String</w:t>
            </w:r>
          </w:p>
          <w:p w:rsidR="00156FB3" w:rsidRDefault="00156FB3" w:rsidP="00156FB3">
            <w:r>
              <w:t xml:space="preserve">     * @param {string} [string=''] The string to split.</w:t>
            </w:r>
          </w:p>
          <w:p w:rsidR="00156FB3" w:rsidRDefault="00156FB3" w:rsidP="00156FB3">
            <w:r>
              <w:t xml:space="preserve">     * @param {RegExp|string} separator The separator pattern to split by.</w:t>
            </w:r>
          </w:p>
          <w:p w:rsidR="00156FB3" w:rsidRDefault="00156FB3" w:rsidP="00156FB3">
            <w:r>
              <w:t xml:space="preserve">     * @param {number} [limit] The length to truncate results to.</w:t>
            </w:r>
          </w:p>
          <w:p w:rsidR="00156FB3" w:rsidRDefault="00156FB3" w:rsidP="00156FB3">
            <w:r>
              <w:t xml:space="preserve">     * @returns {Array} Returns the string segments.</w:t>
            </w:r>
          </w:p>
          <w:p w:rsidR="00156FB3" w:rsidRDefault="00156FB3" w:rsidP="00156FB3">
            <w:r>
              <w:t xml:space="preserve">     * @example</w:t>
            </w:r>
          </w:p>
          <w:p w:rsidR="00156FB3" w:rsidRDefault="00156FB3" w:rsidP="00156FB3">
            <w:r>
              <w:t xml:space="preserve">     *</w:t>
            </w:r>
          </w:p>
          <w:p w:rsidR="00156FB3" w:rsidRDefault="00156FB3" w:rsidP="00156FB3">
            <w:r>
              <w:t xml:space="preserve">     * _.split('a-b-c', '-', 2);</w:t>
            </w:r>
          </w:p>
          <w:p w:rsidR="00156FB3" w:rsidRDefault="00156FB3" w:rsidP="00156FB3">
            <w:r>
              <w:t xml:space="preserve">     * // =&gt; ['a', 'b']</w:t>
            </w:r>
          </w:p>
          <w:p w:rsidR="00156FB3" w:rsidRDefault="00156FB3" w:rsidP="00156FB3">
            <w:r>
              <w:t xml:space="preserve">     */</w:t>
            </w:r>
          </w:p>
          <w:p w:rsidR="00156FB3" w:rsidRDefault="00156FB3" w:rsidP="00156FB3">
            <w:r>
              <w:t xml:space="preserve">    function split(string, separator, limit) {</w:t>
            </w:r>
          </w:p>
          <w:p w:rsidR="00156FB3" w:rsidRDefault="00156FB3" w:rsidP="00156FB3">
            <w:r>
              <w:t xml:space="preserve">      if (limit &amp;&amp; typeof limit != 'number' &amp;&amp; isIterateeCall(string, separator, limit)) {</w:t>
            </w:r>
          </w:p>
          <w:p w:rsidR="00156FB3" w:rsidRDefault="00156FB3" w:rsidP="00156FB3">
            <w:r>
              <w:t xml:space="preserve">        separator = limit = undefined;</w:t>
            </w:r>
          </w:p>
          <w:p w:rsidR="00156FB3" w:rsidRDefault="00156FB3" w:rsidP="00156FB3">
            <w:r>
              <w:t xml:space="preserve">      }</w:t>
            </w:r>
          </w:p>
          <w:p w:rsidR="00156FB3" w:rsidRDefault="00156FB3" w:rsidP="00156FB3">
            <w:r>
              <w:t xml:space="preserve">      limit = limit === undefined ? MAX_ARRAY_LENGTH : limit &gt;&gt;&gt; 0;</w:t>
            </w:r>
          </w:p>
          <w:p w:rsidR="00156FB3" w:rsidRDefault="00156FB3" w:rsidP="00156FB3">
            <w:r>
              <w:t xml:space="preserve">      if (!limit) {</w:t>
            </w:r>
          </w:p>
          <w:p w:rsidR="00156FB3" w:rsidRDefault="00156FB3" w:rsidP="00156FB3">
            <w:r>
              <w:t xml:space="preserve">        return [];</w:t>
            </w:r>
          </w:p>
          <w:p w:rsidR="00156FB3" w:rsidRDefault="00156FB3" w:rsidP="00156FB3">
            <w:r>
              <w:t xml:space="preserve">      }</w:t>
            </w:r>
          </w:p>
          <w:p w:rsidR="00156FB3" w:rsidRDefault="00156FB3" w:rsidP="00156FB3">
            <w:r>
              <w:t xml:space="preserve">      string = toString(string);</w:t>
            </w:r>
          </w:p>
          <w:p w:rsidR="00156FB3" w:rsidRDefault="00156FB3" w:rsidP="00156FB3">
            <w:r>
              <w:t xml:space="preserve">      if (string &amp;&amp; (</w:t>
            </w:r>
          </w:p>
          <w:p w:rsidR="00156FB3" w:rsidRDefault="00156FB3" w:rsidP="00156FB3">
            <w:r>
              <w:t xml:space="preserve">            typeof separator == 'string' ||</w:t>
            </w:r>
          </w:p>
          <w:p w:rsidR="00156FB3" w:rsidRDefault="00156FB3" w:rsidP="00156FB3">
            <w:r>
              <w:t xml:space="preserve">            (separator != null &amp;&amp; !isRegExp(separator))</w:t>
            </w:r>
          </w:p>
          <w:p w:rsidR="00156FB3" w:rsidRDefault="00156FB3" w:rsidP="00156FB3">
            <w:r>
              <w:t xml:space="preserve">          )) {</w:t>
            </w:r>
          </w:p>
          <w:p w:rsidR="00156FB3" w:rsidRDefault="00156FB3" w:rsidP="00156FB3">
            <w:r>
              <w:t xml:space="preserve">        separator = baseToString(separator);</w:t>
            </w:r>
          </w:p>
          <w:p w:rsidR="00156FB3" w:rsidRDefault="00156FB3" w:rsidP="00156FB3">
            <w:r>
              <w:t xml:space="preserve">        if (!separator &amp;&amp; hasUnicode(string)) {</w:t>
            </w:r>
          </w:p>
          <w:p w:rsidR="00156FB3" w:rsidRDefault="00156FB3" w:rsidP="00156FB3">
            <w:r>
              <w:t xml:space="preserve">          return castSlice(stringToArray(string), 0, limit);</w:t>
            </w:r>
          </w:p>
          <w:p w:rsidR="00156FB3" w:rsidRDefault="00156FB3" w:rsidP="00156FB3">
            <w:r>
              <w:t xml:space="preserve">        }</w:t>
            </w:r>
          </w:p>
          <w:p w:rsidR="00156FB3" w:rsidRDefault="00156FB3" w:rsidP="00156FB3">
            <w:r>
              <w:t xml:space="preserve">      }</w:t>
            </w:r>
          </w:p>
          <w:p w:rsidR="00156FB3" w:rsidRDefault="00156FB3" w:rsidP="00156FB3">
            <w:r>
              <w:t xml:space="preserve">      return string.split(separator, limi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string` to</w:t>
            </w:r>
          </w:p>
          <w:p w:rsidR="00156FB3" w:rsidRDefault="00156FB3" w:rsidP="00156FB3">
            <w:r>
              <w:t xml:space="preserve">     * [start case](https://en.wikipedia.org/wiki/Letter_case#Stylistic_or_specialised_usag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1.0</w:t>
            </w:r>
          </w:p>
          <w:p w:rsidR="00156FB3" w:rsidRDefault="00156FB3" w:rsidP="00156FB3">
            <w:r>
              <w:t xml:space="preserve">     * @category String</w:t>
            </w:r>
          </w:p>
          <w:p w:rsidR="00156FB3" w:rsidRDefault="00156FB3" w:rsidP="00156FB3">
            <w:r>
              <w:lastRenderedPageBreak/>
              <w:t xml:space="preserve">     * @param {string} [string=''] The string to convert.</w:t>
            </w:r>
          </w:p>
          <w:p w:rsidR="00156FB3" w:rsidRDefault="00156FB3" w:rsidP="00156FB3">
            <w:r>
              <w:t xml:space="preserve">     * @returns {string} Returns the start cas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startCase('--foo-bar--');</w:t>
            </w:r>
          </w:p>
          <w:p w:rsidR="00156FB3" w:rsidRDefault="00156FB3" w:rsidP="00156FB3">
            <w:r>
              <w:t xml:space="preserve">     * // =&gt; 'Foo Bar'</w:t>
            </w:r>
          </w:p>
          <w:p w:rsidR="00156FB3" w:rsidRDefault="00156FB3" w:rsidP="00156FB3">
            <w:r>
              <w:t xml:space="preserve">     *</w:t>
            </w:r>
          </w:p>
          <w:p w:rsidR="00156FB3" w:rsidRDefault="00156FB3" w:rsidP="00156FB3">
            <w:r>
              <w:t xml:space="preserve">     * _.startCase('fooBar');</w:t>
            </w:r>
          </w:p>
          <w:p w:rsidR="00156FB3" w:rsidRDefault="00156FB3" w:rsidP="00156FB3">
            <w:r>
              <w:t xml:space="preserve">     * // =&gt; 'Foo Bar'</w:t>
            </w:r>
          </w:p>
          <w:p w:rsidR="00156FB3" w:rsidRDefault="00156FB3" w:rsidP="00156FB3">
            <w:r>
              <w:t xml:space="preserve">     *</w:t>
            </w:r>
          </w:p>
          <w:p w:rsidR="00156FB3" w:rsidRDefault="00156FB3" w:rsidP="00156FB3">
            <w:r>
              <w:t xml:space="preserve">     * _.startCase('__FOO_BAR__');</w:t>
            </w:r>
          </w:p>
          <w:p w:rsidR="00156FB3" w:rsidRDefault="00156FB3" w:rsidP="00156FB3">
            <w:r>
              <w:t xml:space="preserve">     * // =&gt; 'FOO BAR'</w:t>
            </w:r>
          </w:p>
          <w:p w:rsidR="00156FB3" w:rsidRDefault="00156FB3" w:rsidP="00156FB3">
            <w:r>
              <w:t xml:space="preserve">     */</w:t>
            </w:r>
          </w:p>
          <w:p w:rsidR="00156FB3" w:rsidRDefault="00156FB3" w:rsidP="00156FB3">
            <w:r>
              <w:t xml:space="preserve">    var startCase = createCompounder(function(result, word, index) {</w:t>
            </w:r>
          </w:p>
          <w:p w:rsidR="00156FB3" w:rsidRDefault="00156FB3" w:rsidP="00156FB3">
            <w:r>
              <w:t xml:space="preserve">      return result + (index ? ' ' : '') + upperFirst(wor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if `string` starts with the given target string.</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String</w:t>
            </w:r>
          </w:p>
          <w:p w:rsidR="00156FB3" w:rsidRDefault="00156FB3" w:rsidP="00156FB3">
            <w:r>
              <w:t xml:space="preserve">     * @param {string} [string=''] The string to inspect.</w:t>
            </w:r>
          </w:p>
          <w:p w:rsidR="00156FB3" w:rsidRDefault="00156FB3" w:rsidP="00156FB3">
            <w:r>
              <w:t xml:space="preserve">     * @param {string} [target] The string to search for.</w:t>
            </w:r>
          </w:p>
          <w:p w:rsidR="00156FB3" w:rsidRDefault="00156FB3" w:rsidP="00156FB3">
            <w:r>
              <w:t xml:space="preserve">     * @param {number} [position=0] The position to search from.</w:t>
            </w:r>
          </w:p>
          <w:p w:rsidR="00156FB3" w:rsidRDefault="00156FB3" w:rsidP="00156FB3">
            <w:r>
              <w:t xml:space="preserve">     * @returns {boolean} Returns `true` if `string` starts with `target`,</w:t>
            </w:r>
          </w:p>
          <w:p w:rsidR="00156FB3" w:rsidRDefault="00156FB3" w:rsidP="00156FB3">
            <w:r>
              <w:t xml:space="preserve">     *  else `false`.</w:t>
            </w:r>
          </w:p>
          <w:p w:rsidR="00156FB3" w:rsidRDefault="00156FB3" w:rsidP="00156FB3">
            <w:r>
              <w:t xml:space="preserve">     * @example</w:t>
            </w:r>
          </w:p>
          <w:p w:rsidR="00156FB3" w:rsidRDefault="00156FB3" w:rsidP="00156FB3">
            <w:r>
              <w:t xml:space="preserve">     *</w:t>
            </w:r>
          </w:p>
          <w:p w:rsidR="00156FB3" w:rsidRDefault="00156FB3" w:rsidP="00156FB3">
            <w:r>
              <w:t xml:space="preserve">     * _.startsWith('abc', 'a');</w:t>
            </w:r>
          </w:p>
          <w:p w:rsidR="00156FB3" w:rsidRDefault="00156FB3" w:rsidP="00156FB3">
            <w:r>
              <w:t xml:space="preserve">     * // =&gt; true</w:t>
            </w:r>
          </w:p>
          <w:p w:rsidR="00156FB3" w:rsidRDefault="00156FB3" w:rsidP="00156FB3">
            <w:r>
              <w:t xml:space="preserve">     *</w:t>
            </w:r>
          </w:p>
          <w:p w:rsidR="00156FB3" w:rsidRDefault="00156FB3" w:rsidP="00156FB3">
            <w:r>
              <w:t xml:space="preserve">     * _.startsWith('abc', 'b');</w:t>
            </w:r>
          </w:p>
          <w:p w:rsidR="00156FB3" w:rsidRDefault="00156FB3" w:rsidP="00156FB3">
            <w:r>
              <w:t xml:space="preserve">     * // =&gt; false</w:t>
            </w:r>
          </w:p>
          <w:p w:rsidR="00156FB3" w:rsidRDefault="00156FB3" w:rsidP="00156FB3">
            <w:r>
              <w:t xml:space="preserve">     *</w:t>
            </w:r>
          </w:p>
          <w:p w:rsidR="00156FB3" w:rsidRDefault="00156FB3" w:rsidP="00156FB3">
            <w:r>
              <w:t xml:space="preserve">     * _.startsWith('abc', 'b', 1);</w:t>
            </w:r>
          </w:p>
          <w:p w:rsidR="00156FB3" w:rsidRDefault="00156FB3" w:rsidP="00156FB3">
            <w:r>
              <w:t xml:space="preserve">     * // =&gt; true</w:t>
            </w:r>
          </w:p>
          <w:p w:rsidR="00156FB3" w:rsidRDefault="00156FB3" w:rsidP="00156FB3">
            <w:r>
              <w:t xml:space="preserve">     */</w:t>
            </w:r>
          </w:p>
          <w:p w:rsidR="00156FB3" w:rsidRDefault="00156FB3" w:rsidP="00156FB3">
            <w:r>
              <w:t xml:space="preserve">    function startsWith(string, target, position) {</w:t>
            </w:r>
          </w:p>
          <w:p w:rsidR="00156FB3" w:rsidRDefault="00156FB3" w:rsidP="00156FB3">
            <w:r>
              <w:t xml:space="preserve">      string = toString(string);</w:t>
            </w:r>
          </w:p>
          <w:p w:rsidR="00156FB3" w:rsidRDefault="00156FB3" w:rsidP="00156FB3">
            <w:r>
              <w:t xml:space="preserve">      position = position == null</w:t>
            </w:r>
          </w:p>
          <w:p w:rsidR="00156FB3" w:rsidRDefault="00156FB3" w:rsidP="00156FB3">
            <w:r>
              <w:t xml:space="preserve">        ? 0</w:t>
            </w:r>
          </w:p>
          <w:p w:rsidR="00156FB3" w:rsidRDefault="00156FB3" w:rsidP="00156FB3">
            <w:r>
              <w:t xml:space="preserve">        : baseClamp(toInteger(position), 0, string.length);</w:t>
            </w:r>
          </w:p>
          <w:p w:rsidR="00156FB3" w:rsidRDefault="00156FB3" w:rsidP="00156FB3"/>
          <w:p w:rsidR="00156FB3" w:rsidRDefault="00156FB3" w:rsidP="00156FB3">
            <w:r>
              <w:t xml:space="preserve">      target = baseToString(target);</w:t>
            </w:r>
          </w:p>
          <w:p w:rsidR="00156FB3" w:rsidRDefault="00156FB3" w:rsidP="00156FB3">
            <w:r>
              <w:t xml:space="preserve">      return string.slice(position, position + target.length) == target;</w:t>
            </w:r>
          </w:p>
          <w:p w:rsidR="00156FB3" w:rsidRDefault="00156FB3" w:rsidP="00156FB3">
            <w:r>
              <w:lastRenderedPageBreak/>
              <w:t xml:space="preserve">    }</w:t>
            </w:r>
          </w:p>
          <w:p w:rsidR="00156FB3" w:rsidRDefault="00156FB3" w:rsidP="00156FB3"/>
          <w:p w:rsidR="00156FB3" w:rsidRDefault="00156FB3" w:rsidP="00156FB3">
            <w:r>
              <w:t xml:space="preserve">    /**</w:t>
            </w:r>
          </w:p>
          <w:p w:rsidR="00156FB3" w:rsidRDefault="00156FB3" w:rsidP="00156FB3">
            <w:r>
              <w:t xml:space="preserve">     * Creates a compiled template function that can interpolate data properties</w:t>
            </w:r>
          </w:p>
          <w:p w:rsidR="00156FB3" w:rsidRDefault="00156FB3" w:rsidP="00156FB3">
            <w:r>
              <w:t xml:space="preserve">     * in "interpolate" delimiters, HTML-escape interpolated data properties in</w:t>
            </w:r>
          </w:p>
          <w:p w:rsidR="00156FB3" w:rsidRDefault="00156FB3" w:rsidP="00156FB3">
            <w:r>
              <w:t xml:space="preserve">     * "escape" delimiters, and execute JavaScript in "evaluate" delimiters. Data</w:t>
            </w:r>
          </w:p>
          <w:p w:rsidR="00156FB3" w:rsidRDefault="00156FB3" w:rsidP="00156FB3">
            <w:r>
              <w:t xml:space="preserve">     * properties may be accessed as free variables in the template. If a setting</w:t>
            </w:r>
          </w:p>
          <w:p w:rsidR="00156FB3" w:rsidRDefault="00156FB3" w:rsidP="00156FB3">
            <w:r>
              <w:t xml:space="preserve">     * object is given, it takes precedence over `_.templateSettings` values.</w:t>
            </w:r>
          </w:p>
          <w:p w:rsidR="00156FB3" w:rsidRDefault="00156FB3" w:rsidP="00156FB3">
            <w:r>
              <w:t xml:space="preserve">     *</w:t>
            </w:r>
          </w:p>
          <w:p w:rsidR="00156FB3" w:rsidRDefault="00156FB3" w:rsidP="00156FB3">
            <w:r>
              <w:t xml:space="preserve">     * **Note:** In the development build `_.template` utilizes</w:t>
            </w:r>
          </w:p>
          <w:p w:rsidR="00156FB3" w:rsidRDefault="00156FB3" w:rsidP="00156FB3">
            <w:r>
              <w:t xml:space="preserve">     * [sourceURLs](http://www.html5rocks.com/en/tutorials/developertools/sourcemaps/#toc-sourceurl)</w:t>
            </w:r>
          </w:p>
          <w:p w:rsidR="00156FB3" w:rsidRDefault="00156FB3" w:rsidP="00156FB3">
            <w:r>
              <w:t xml:space="preserve">     * for easier debugging.</w:t>
            </w:r>
          </w:p>
          <w:p w:rsidR="00156FB3" w:rsidRDefault="00156FB3" w:rsidP="00156FB3">
            <w:r>
              <w:t xml:space="preserve">     *</w:t>
            </w:r>
          </w:p>
          <w:p w:rsidR="00156FB3" w:rsidRDefault="00156FB3" w:rsidP="00156FB3">
            <w:r>
              <w:t xml:space="preserve">     * For more information on precompiling templates see</w:t>
            </w:r>
          </w:p>
          <w:p w:rsidR="00156FB3" w:rsidRDefault="00156FB3" w:rsidP="00156FB3">
            <w:r>
              <w:t xml:space="preserve">     * [lodash's custom builds documentation](https://lodash.com/custom-builds).</w:t>
            </w:r>
          </w:p>
          <w:p w:rsidR="00156FB3" w:rsidRDefault="00156FB3" w:rsidP="00156FB3">
            <w:r>
              <w:t xml:space="preserve">     *</w:t>
            </w:r>
          </w:p>
          <w:p w:rsidR="00156FB3" w:rsidRDefault="00156FB3" w:rsidP="00156FB3">
            <w:r>
              <w:t xml:space="preserve">     * For more information on Chrome extension sandboxes see</w:t>
            </w:r>
          </w:p>
          <w:p w:rsidR="00156FB3" w:rsidRDefault="00156FB3" w:rsidP="00156FB3">
            <w:r>
              <w:t xml:space="preserve">     * [Chrome's extensions documentation](https://developer.chrome.com/extensions/sandboxingEval).</w:t>
            </w:r>
          </w:p>
          <w:p w:rsidR="00156FB3" w:rsidRDefault="00156FB3" w:rsidP="00156FB3">
            <w:r>
              <w:t xml:space="preserve">     *</w:t>
            </w:r>
          </w:p>
          <w:p w:rsidR="00156FB3" w:rsidRDefault="00156FB3" w:rsidP="00156FB3">
            <w:r>
              <w:t xml:space="preserve">     * @static</w:t>
            </w:r>
          </w:p>
          <w:p w:rsidR="00156FB3" w:rsidRDefault="00156FB3" w:rsidP="00156FB3">
            <w:r>
              <w:t xml:space="preserve">     * @since 0.1.0</w:t>
            </w:r>
          </w:p>
          <w:p w:rsidR="00156FB3" w:rsidRDefault="00156FB3" w:rsidP="00156FB3">
            <w:r>
              <w:t xml:space="preserve">     * @memberOf _</w:t>
            </w:r>
          </w:p>
          <w:p w:rsidR="00156FB3" w:rsidRDefault="00156FB3" w:rsidP="00156FB3">
            <w:r>
              <w:t xml:space="preserve">     * @category String</w:t>
            </w:r>
          </w:p>
          <w:p w:rsidR="00156FB3" w:rsidRDefault="00156FB3" w:rsidP="00156FB3">
            <w:r>
              <w:t xml:space="preserve">     * @param {string} [string=''] The template string.</w:t>
            </w:r>
          </w:p>
          <w:p w:rsidR="00156FB3" w:rsidRDefault="00156FB3" w:rsidP="00156FB3">
            <w:r>
              <w:t xml:space="preserve">     * @param {Object} [options={}] The options object.</w:t>
            </w:r>
          </w:p>
          <w:p w:rsidR="00156FB3" w:rsidRDefault="00156FB3" w:rsidP="00156FB3">
            <w:r>
              <w:t xml:space="preserve">     * @param {RegExp} [options.escape=_.templateSettings.escape]</w:t>
            </w:r>
          </w:p>
          <w:p w:rsidR="00156FB3" w:rsidRDefault="00156FB3" w:rsidP="00156FB3">
            <w:r>
              <w:t xml:space="preserve">     *  The HTML "escape" delimiter.</w:t>
            </w:r>
          </w:p>
          <w:p w:rsidR="00156FB3" w:rsidRDefault="00156FB3" w:rsidP="00156FB3">
            <w:r>
              <w:t xml:space="preserve">     * @param {RegExp} [options.evaluate=_.templateSettings.evaluate]</w:t>
            </w:r>
          </w:p>
          <w:p w:rsidR="00156FB3" w:rsidRDefault="00156FB3" w:rsidP="00156FB3">
            <w:r>
              <w:t xml:space="preserve">     *  The "evaluate" delimiter.</w:t>
            </w:r>
          </w:p>
          <w:p w:rsidR="00156FB3" w:rsidRDefault="00156FB3" w:rsidP="00156FB3">
            <w:r>
              <w:t xml:space="preserve">     * @param {Object} [options.imports=_.templateSettings.imports]</w:t>
            </w:r>
          </w:p>
          <w:p w:rsidR="00156FB3" w:rsidRDefault="00156FB3" w:rsidP="00156FB3">
            <w:r>
              <w:t xml:space="preserve">     *  An object to import into the template as free variables.</w:t>
            </w:r>
          </w:p>
          <w:p w:rsidR="00156FB3" w:rsidRDefault="00156FB3" w:rsidP="00156FB3">
            <w:r>
              <w:t xml:space="preserve">     * @param {RegExp} [options.interpolate=_.templateSettings.interpolate]</w:t>
            </w:r>
          </w:p>
          <w:p w:rsidR="00156FB3" w:rsidRDefault="00156FB3" w:rsidP="00156FB3">
            <w:r>
              <w:t xml:space="preserve">     *  The "interpolate" delimiter.</w:t>
            </w:r>
          </w:p>
          <w:p w:rsidR="00156FB3" w:rsidRDefault="00156FB3" w:rsidP="00156FB3">
            <w:r>
              <w:t xml:space="preserve">     * @param {string} [options.sourceURL='lodash.templateSources[n]']</w:t>
            </w:r>
          </w:p>
          <w:p w:rsidR="00156FB3" w:rsidRDefault="00156FB3" w:rsidP="00156FB3">
            <w:r>
              <w:t xml:space="preserve">     *  The sourceURL of the compiled template.</w:t>
            </w:r>
          </w:p>
          <w:p w:rsidR="00156FB3" w:rsidRDefault="00156FB3" w:rsidP="00156FB3">
            <w:r>
              <w:t xml:space="preserve">     * @param {string} [options.variable='obj']</w:t>
            </w:r>
          </w:p>
          <w:p w:rsidR="00156FB3" w:rsidRDefault="00156FB3" w:rsidP="00156FB3">
            <w:r>
              <w:t xml:space="preserve">     *  The data object variable name.</w:t>
            </w:r>
          </w:p>
          <w:p w:rsidR="00156FB3" w:rsidRDefault="00156FB3" w:rsidP="00156FB3">
            <w:r>
              <w:t xml:space="preserve">     * @param- {Object} [guard] Enables use as an iteratee for methods like `_.map`.</w:t>
            </w:r>
          </w:p>
          <w:p w:rsidR="00156FB3" w:rsidRDefault="00156FB3" w:rsidP="00156FB3">
            <w:r>
              <w:t xml:space="preserve">     * @returns {Function} Returns the compiled template function.</w:t>
            </w:r>
          </w:p>
          <w:p w:rsidR="00156FB3" w:rsidRDefault="00156FB3" w:rsidP="00156FB3">
            <w:r>
              <w:t xml:space="preserve">     * @example</w:t>
            </w:r>
          </w:p>
          <w:p w:rsidR="00156FB3" w:rsidRDefault="00156FB3" w:rsidP="00156FB3">
            <w:r>
              <w:t xml:space="preserve">     *</w:t>
            </w:r>
          </w:p>
          <w:p w:rsidR="00156FB3" w:rsidRDefault="00156FB3" w:rsidP="00156FB3">
            <w:r>
              <w:t xml:space="preserve">     * // Use the "interpolate" delimiter to create a compiled template.</w:t>
            </w:r>
          </w:p>
          <w:p w:rsidR="00156FB3" w:rsidRDefault="00156FB3" w:rsidP="00156FB3">
            <w:r>
              <w:t xml:space="preserve">     * var compiled = _.template('hello &lt;%= user %&gt;!');</w:t>
            </w:r>
          </w:p>
          <w:p w:rsidR="00156FB3" w:rsidRDefault="00156FB3" w:rsidP="00156FB3">
            <w:r>
              <w:t xml:space="preserve">     * compiled({ 'user': 'fred' });</w:t>
            </w:r>
          </w:p>
          <w:p w:rsidR="00156FB3" w:rsidRDefault="00156FB3" w:rsidP="00156FB3">
            <w:r>
              <w:t xml:space="preserve">     * // =&gt; 'hello fred!'</w:t>
            </w:r>
          </w:p>
          <w:p w:rsidR="00156FB3" w:rsidRDefault="00156FB3" w:rsidP="00156FB3">
            <w:r>
              <w:t xml:space="preserve">     *</w:t>
            </w:r>
          </w:p>
          <w:p w:rsidR="00156FB3" w:rsidRDefault="00156FB3" w:rsidP="00156FB3">
            <w:r>
              <w:t xml:space="preserve">     * // Use the HTML "escape" delimiter to escape data property values.</w:t>
            </w:r>
          </w:p>
          <w:p w:rsidR="00156FB3" w:rsidRDefault="00156FB3" w:rsidP="00156FB3">
            <w:r>
              <w:lastRenderedPageBreak/>
              <w:t xml:space="preserve">     * var compiled = _.template('&lt;b&gt;&lt;%- value %&gt;&lt;/b&gt;');</w:t>
            </w:r>
          </w:p>
          <w:p w:rsidR="00156FB3" w:rsidRDefault="00156FB3" w:rsidP="00156FB3">
            <w:r>
              <w:t xml:space="preserve">     * compiled({ 'value': '&lt;script&gt;' });</w:t>
            </w:r>
          </w:p>
          <w:p w:rsidR="00156FB3" w:rsidRDefault="00156FB3" w:rsidP="00156FB3">
            <w:r>
              <w:t xml:space="preserve">     * // =&gt; '&lt;b&gt;&amp;lt;script&amp;gt;&lt;/b&gt;'</w:t>
            </w:r>
          </w:p>
          <w:p w:rsidR="00156FB3" w:rsidRDefault="00156FB3" w:rsidP="00156FB3">
            <w:r>
              <w:t xml:space="preserve">     *</w:t>
            </w:r>
          </w:p>
          <w:p w:rsidR="00156FB3" w:rsidRDefault="00156FB3" w:rsidP="00156FB3">
            <w:r>
              <w:t xml:space="preserve">     * // Use the "evaluate" delimiter to execute JavaScript and generate HTML.</w:t>
            </w:r>
          </w:p>
          <w:p w:rsidR="00156FB3" w:rsidRDefault="00156FB3" w:rsidP="00156FB3">
            <w:r>
              <w:t xml:space="preserve">     * var compiled = _.template('&lt;% _.forEach(users, function(user) { %&gt;&lt;li&gt;&lt;%- user %&gt;&lt;/li&gt;&lt;% }); %&gt;');</w:t>
            </w:r>
          </w:p>
          <w:p w:rsidR="00156FB3" w:rsidRDefault="00156FB3" w:rsidP="00156FB3">
            <w:r>
              <w:t xml:space="preserve">     * compiled({ 'users': ['fred', 'barney'] });</w:t>
            </w:r>
          </w:p>
          <w:p w:rsidR="00156FB3" w:rsidRDefault="00156FB3" w:rsidP="00156FB3">
            <w:r>
              <w:t xml:space="preserve">     * // =&gt; '&lt;li&gt;fred&lt;/li&gt;&lt;li&gt;barney&lt;/li&gt;'</w:t>
            </w:r>
          </w:p>
          <w:p w:rsidR="00156FB3" w:rsidRDefault="00156FB3" w:rsidP="00156FB3">
            <w:r>
              <w:t xml:space="preserve">     *</w:t>
            </w:r>
          </w:p>
          <w:p w:rsidR="00156FB3" w:rsidRDefault="00156FB3" w:rsidP="00156FB3">
            <w:r>
              <w:t xml:space="preserve">     * // Use the internal `print` function in "evaluate" delimiters.</w:t>
            </w:r>
          </w:p>
          <w:p w:rsidR="00156FB3" w:rsidRDefault="00156FB3" w:rsidP="00156FB3">
            <w:r>
              <w:t xml:space="preserve">     * var compiled = _.template('&lt;% print("hello " + user); %&gt;!');</w:t>
            </w:r>
          </w:p>
          <w:p w:rsidR="00156FB3" w:rsidRDefault="00156FB3" w:rsidP="00156FB3">
            <w:r>
              <w:t xml:space="preserve">     * compiled({ 'user': 'barney' });</w:t>
            </w:r>
          </w:p>
          <w:p w:rsidR="00156FB3" w:rsidRDefault="00156FB3" w:rsidP="00156FB3">
            <w:r>
              <w:t xml:space="preserve">     * // =&gt; 'hello barney!'</w:t>
            </w:r>
          </w:p>
          <w:p w:rsidR="00156FB3" w:rsidRDefault="00156FB3" w:rsidP="00156FB3">
            <w:r>
              <w:t xml:space="preserve">     *</w:t>
            </w:r>
          </w:p>
          <w:p w:rsidR="00156FB3" w:rsidRDefault="00156FB3" w:rsidP="00156FB3">
            <w:r>
              <w:t xml:space="preserve">     * // Use the ES template literal delimiter as an "interpolate" delimiter.</w:t>
            </w:r>
          </w:p>
          <w:p w:rsidR="00156FB3" w:rsidRDefault="00156FB3" w:rsidP="00156FB3">
            <w:r>
              <w:t xml:space="preserve">     * // Disable support by replacing the "interpolate" delimiter.</w:t>
            </w:r>
          </w:p>
          <w:p w:rsidR="00156FB3" w:rsidRDefault="00156FB3" w:rsidP="00156FB3">
            <w:r>
              <w:t xml:space="preserve">     * var compiled = _.template('hello ${ user }!');</w:t>
            </w:r>
          </w:p>
          <w:p w:rsidR="00156FB3" w:rsidRDefault="00156FB3" w:rsidP="00156FB3">
            <w:r>
              <w:t xml:space="preserve">     * compiled({ 'user': 'pebbles' });</w:t>
            </w:r>
          </w:p>
          <w:p w:rsidR="00156FB3" w:rsidRDefault="00156FB3" w:rsidP="00156FB3">
            <w:r>
              <w:t xml:space="preserve">     * // =&gt; 'hello pebbles!'</w:t>
            </w:r>
          </w:p>
          <w:p w:rsidR="00156FB3" w:rsidRDefault="00156FB3" w:rsidP="00156FB3">
            <w:r>
              <w:t xml:space="preserve">     *</w:t>
            </w:r>
          </w:p>
          <w:p w:rsidR="00156FB3" w:rsidRDefault="00156FB3" w:rsidP="00156FB3">
            <w:r>
              <w:t xml:space="preserve">     * // Use backslashes to treat delimiters as plain text.</w:t>
            </w:r>
          </w:p>
          <w:p w:rsidR="00156FB3" w:rsidRDefault="00156FB3" w:rsidP="00156FB3">
            <w:r>
              <w:t xml:space="preserve">     * var compiled = _.template('&lt;%= "\\&lt;%- value %\\&gt;" %&gt;');</w:t>
            </w:r>
          </w:p>
          <w:p w:rsidR="00156FB3" w:rsidRDefault="00156FB3" w:rsidP="00156FB3">
            <w:r>
              <w:t xml:space="preserve">     * compiled({ 'value': 'ignored' });</w:t>
            </w:r>
          </w:p>
          <w:p w:rsidR="00156FB3" w:rsidRDefault="00156FB3" w:rsidP="00156FB3">
            <w:r>
              <w:t xml:space="preserve">     * // =&gt; '&lt;%- value %&gt;'</w:t>
            </w:r>
          </w:p>
          <w:p w:rsidR="00156FB3" w:rsidRDefault="00156FB3" w:rsidP="00156FB3">
            <w:r>
              <w:t xml:space="preserve">     *</w:t>
            </w:r>
          </w:p>
          <w:p w:rsidR="00156FB3" w:rsidRDefault="00156FB3" w:rsidP="00156FB3">
            <w:r>
              <w:t xml:space="preserve">     * // Use the `imports` option to import `jQuery` as `jq`.</w:t>
            </w:r>
          </w:p>
          <w:p w:rsidR="00156FB3" w:rsidRDefault="00156FB3" w:rsidP="00156FB3">
            <w:r>
              <w:t xml:space="preserve">     * var text = '&lt;% jq.each(users, function(user) { %&gt;&lt;li&gt;&lt;%- user %&gt;&lt;/li&gt;&lt;% }); %&gt;';</w:t>
            </w:r>
          </w:p>
          <w:p w:rsidR="00156FB3" w:rsidRDefault="00156FB3" w:rsidP="00156FB3">
            <w:r>
              <w:t xml:space="preserve">     * var compiled = _.template(text, { 'imports': { 'jq': jQuery } });</w:t>
            </w:r>
          </w:p>
          <w:p w:rsidR="00156FB3" w:rsidRDefault="00156FB3" w:rsidP="00156FB3">
            <w:r>
              <w:t xml:space="preserve">     * compiled({ 'users': ['fred', 'barney'] });</w:t>
            </w:r>
          </w:p>
          <w:p w:rsidR="00156FB3" w:rsidRDefault="00156FB3" w:rsidP="00156FB3">
            <w:r>
              <w:t xml:space="preserve">     * // =&gt; '&lt;li&gt;fred&lt;/li&gt;&lt;li&gt;barney&lt;/li&gt;'</w:t>
            </w:r>
          </w:p>
          <w:p w:rsidR="00156FB3" w:rsidRDefault="00156FB3" w:rsidP="00156FB3">
            <w:r>
              <w:t xml:space="preserve">     *</w:t>
            </w:r>
          </w:p>
          <w:p w:rsidR="00156FB3" w:rsidRDefault="00156FB3" w:rsidP="00156FB3">
            <w:r>
              <w:t xml:space="preserve">     * // Use the `sourceURL` option to specify a custom sourceURL for the template.</w:t>
            </w:r>
          </w:p>
          <w:p w:rsidR="00156FB3" w:rsidRDefault="00156FB3" w:rsidP="00156FB3">
            <w:r>
              <w:t xml:space="preserve">     * var compiled = _.template('hello &lt;%= user %&gt;!', { 'sourceURL': '/basic/greeting.jst' });</w:t>
            </w:r>
          </w:p>
          <w:p w:rsidR="00156FB3" w:rsidRDefault="00156FB3" w:rsidP="00156FB3">
            <w:r>
              <w:t xml:space="preserve">     * compiled(data);</w:t>
            </w:r>
          </w:p>
          <w:p w:rsidR="00156FB3" w:rsidRDefault="00156FB3" w:rsidP="00156FB3">
            <w:r>
              <w:t xml:space="preserve">     * // =&gt; Find the source of "greeting.jst" under the Sources tab or Resources panel of the web inspector.</w:t>
            </w:r>
          </w:p>
          <w:p w:rsidR="00156FB3" w:rsidRDefault="00156FB3" w:rsidP="00156FB3">
            <w:r>
              <w:t xml:space="preserve">     *</w:t>
            </w:r>
          </w:p>
          <w:p w:rsidR="00156FB3" w:rsidRDefault="00156FB3" w:rsidP="00156FB3">
            <w:r>
              <w:t xml:space="preserve">     * // Use the `variable` option to ensure a with-statement isn't used in the compiled template.</w:t>
            </w:r>
          </w:p>
          <w:p w:rsidR="00156FB3" w:rsidRDefault="00156FB3" w:rsidP="00156FB3">
            <w:r>
              <w:t xml:space="preserve">     * var compiled = _.template('hi &lt;%= data.user %&gt;!', { 'variable': 'data' });</w:t>
            </w:r>
          </w:p>
          <w:p w:rsidR="00156FB3" w:rsidRDefault="00156FB3" w:rsidP="00156FB3">
            <w:r>
              <w:t xml:space="preserve">     * compiled.source;</w:t>
            </w:r>
          </w:p>
          <w:p w:rsidR="00156FB3" w:rsidRDefault="00156FB3" w:rsidP="00156FB3">
            <w:r>
              <w:t xml:space="preserve">     * // =&gt; function(data) {</w:t>
            </w:r>
          </w:p>
          <w:p w:rsidR="00156FB3" w:rsidRDefault="00156FB3" w:rsidP="00156FB3">
            <w:r>
              <w:t xml:space="preserve">     * //   var __t, __p = '';</w:t>
            </w:r>
          </w:p>
          <w:p w:rsidR="00156FB3" w:rsidRDefault="00156FB3" w:rsidP="00156FB3">
            <w:r>
              <w:t xml:space="preserve">     * //   __p += 'hi ' + ((__t = ( data.user )) == null ? '' : __t) + '!';</w:t>
            </w:r>
          </w:p>
          <w:p w:rsidR="00156FB3" w:rsidRDefault="00156FB3" w:rsidP="00156FB3">
            <w:r>
              <w:t xml:space="preserve">     * //   return __p;</w:t>
            </w:r>
          </w:p>
          <w:p w:rsidR="00156FB3" w:rsidRDefault="00156FB3" w:rsidP="00156FB3">
            <w:r>
              <w:t xml:space="preserve">     * // }</w:t>
            </w:r>
          </w:p>
          <w:p w:rsidR="00156FB3" w:rsidRDefault="00156FB3" w:rsidP="00156FB3">
            <w:r>
              <w:t xml:space="preserve">     *</w:t>
            </w:r>
          </w:p>
          <w:p w:rsidR="00156FB3" w:rsidRDefault="00156FB3" w:rsidP="00156FB3">
            <w:r>
              <w:t xml:space="preserve">     * // Use custom template delimiters.</w:t>
            </w:r>
          </w:p>
          <w:p w:rsidR="00156FB3" w:rsidRDefault="00156FB3" w:rsidP="00156FB3">
            <w:r>
              <w:t xml:space="preserve">     * _.templateSettings.interpolate = /{{([\s\S]+?)}}/g;</w:t>
            </w:r>
          </w:p>
          <w:p w:rsidR="00156FB3" w:rsidRDefault="00156FB3" w:rsidP="00156FB3">
            <w:r>
              <w:lastRenderedPageBreak/>
              <w:t xml:space="preserve">     * var compiled = _.template('hello {{ user }}!');</w:t>
            </w:r>
          </w:p>
          <w:p w:rsidR="00156FB3" w:rsidRDefault="00156FB3" w:rsidP="00156FB3">
            <w:r>
              <w:t xml:space="preserve">     * compiled({ 'user': 'mustache' });</w:t>
            </w:r>
          </w:p>
          <w:p w:rsidR="00156FB3" w:rsidRDefault="00156FB3" w:rsidP="00156FB3">
            <w:r>
              <w:t xml:space="preserve">     * // =&gt; 'hello mustache!'</w:t>
            </w:r>
          </w:p>
          <w:p w:rsidR="00156FB3" w:rsidRDefault="00156FB3" w:rsidP="00156FB3">
            <w:r>
              <w:t xml:space="preserve">     *</w:t>
            </w:r>
          </w:p>
          <w:p w:rsidR="00156FB3" w:rsidRDefault="00156FB3" w:rsidP="00156FB3">
            <w:r>
              <w:t xml:space="preserve">     * // Use the `source` property to inline compiled templates for meaningful</w:t>
            </w:r>
          </w:p>
          <w:p w:rsidR="00156FB3" w:rsidRDefault="00156FB3" w:rsidP="00156FB3">
            <w:r>
              <w:t xml:space="preserve">     * // line numbers in error messages and stack traces.</w:t>
            </w:r>
          </w:p>
          <w:p w:rsidR="00156FB3" w:rsidRDefault="00156FB3" w:rsidP="00156FB3">
            <w:r>
              <w:t xml:space="preserve">     * fs.writeFileSync(path.join(process.cwd(), 'jst.js'), '\</w:t>
            </w:r>
          </w:p>
          <w:p w:rsidR="00156FB3" w:rsidRDefault="00156FB3" w:rsidP="00156FB3">
            <w:r>
              <w:t xml:space="preserve">     *   var JST = {\</w:t>
            </w:r>
          </w:p>
          <w:p w:rsidR="00156FB3" w:rsidRDefault="00156FB3" w:rsidP="00156FB3">
            <w:r>
              <w:t xml:space="preserve">     *     "main": ' + _.template(mainText).source + '\</w:t>
            </w:r>
          </w:p>
          <w:p w:rsidR="00156FB3" w:rsidRDefault="00156FB3" w:rsidP="00156FB3">
            <w:r>
              <w:t xml:space="preserve">     *   };\</w:t>
            </w:r>
          </w:p>
          <w:p w:rsidR="00156FB3" w:rsidRDefault="00156FB3" w:rsidP="00156FB3">
            <w:r>
              <w:t xml:space="preserve">     * ');</w:t>
            </w:r>
          </w:p>
          <w:p w:rsidR="00156FB3" w:rsidRDefault="00156FB3" w:rsidP="00156FB3">
            <w:r>
              <w:t xml:space="preserve">     */</w:t>
            </w:r>
          </w:p>
          <w:p w:rsidR="00156FB3" w:rsidRDefault="00156FB3" w:rsidP="00156FB3">
            <w:r>
              <w:t xml:space="preserve">    function template(string, options, guard) {</w:t>
            </w:r>
          </w:p>
          <w:p w:rsidR="00156FB3" w:rsidRDefault="00156FB3" w:rsidP="00156FB3">
            <w:r>
              <w:t xml:space="preserve">      // Based on John Resig's `tmpl` implementation</w:t>
            </w:r>
          </w:p>
          <w:p w:rsidR="00156FB3" w:rsidRDefault="00156FB3" w:rsidP="00156FB3">
            <w:r>
              <w:t xml:space="preserve">      // (http://ejohn.org/blog/javascript-micro-templating/)</w:t>
            </w:r>
          </w:p>
          <w:p w:rsidR="00156FB3" w:rsidRDefault="00156FB3" w:rsidP="00156FB3">
            <w:r>
              <w:t xml:space="preserve">      // and Laura Doktorova's doT.js (https://github.com/olado/doT).</w:t>
            </w:r>
          </w:p>
          <w:p w:rsidR="00156FB3" w:rsidRDefault="00156FB3" w:rsidP="00156FB3">
            <w:r>
              <w:t xml:space="preserve">      var settings = lodash.templateSettings;</w:t>
            </w:r>
          </w:p>
          <w:p w:rsidR="00156FB3" w:rsidRDefault="00156FB3" w:rsidP="00156FB3"/>
          <w:p w:rsidR="00156FB3" w:rsidRDefault="00156FB3" w:rsidP="00156FB3">
            <w:r>
              <w:t xml:space="preserve">      if (guard &amp;&amp; isIterateeCall(string, options, guard)) {</w:t>
            </w:r>
          </w:p>
          <w:p w:rsidR="00156FB3" w:rsidRDefault="00156FB3" w:rsidP="00156FB3">
            <w:r>
              <w:t xml:space="preserve">        options = undefined;</w:t>
            </w:r>
          </w:p>
          <w:p w:rsidR="00156FB3" w:rsidRDefault="00156FB3" w:rsidP="00156FB3">
            <w:r>
              <w:t xml:space="preserve">      }</w:t>
            </w:r>
          </w:p>
          <w:p w:rsidR="00156FB3" w:rsidRDefault="00156FB3" w:rsidP="00156FB3">
            <w:r>
              <w:t xml:space="preserve">      string = toString(string);</w:t>
            </w:r>
          </w:p>
          <w:p w:rsidR="00156FB3" w:rsidRDefault="00156FB3" w:rsidP="00156FB3">
            <w:r>
              <w:t xml:space="preserve">      options = assignInWith({}, options, settings, customDefaultsAssignIn);</w:t>
            </w:r>
          </w:p>
          <w:p w:rsidR="00156FB3" w:rsidRDefault="00156FB3" w:rsidP="00156FB3"/>
          <w:p w:rsidR="00156FB3" w:rsidRDefault="00156FB3" w:rsidP="00156FB3">
            <w:r>
              <w:t xml:space="preserve">      var imports = assignInWith({}, options.imports, settings.imports, customDefaultsAssignIn),</w:t>
            </w:r>
          </w:p>
          <w:p w:rsidR="00156FB3" w:rsidRDefault="00156FB3" w:rsidP="00156FB3">
            <w:r>
              <w:t xml:space="preserve">          importsKeys = keys(imports),</w:t>
            </w:r>
          </w:p>
          <w:p w:rsidR="00156FB3" w:rsidRDefault="00156FB3" w:rsidP="00156FB3">
            <w:r>
              <w:t xml:space="preserve">          importsValues = baseValues(imports, importsKeys);</w:t>
            </w:r>
          </w:p>
          <w:p w:rsidR="00156FB3" w:rsidRDefault="00156FB3" w:rsidP="00156FB3"/>
          <w:p w:rsidR="00156FB3" w:rsidRDefault="00156FB3" w:rsidP="00156FB3">
            <w:r>
              <w:t xml:space="preserve">      var isEscaping,</w:t>
            </w:r>
          </w:p>
          <w:p w:rsidR="00156FB3" w:rsidRDefault="00156FB3" w:rsidP="00156FB3">
            <w:r>
              <w:t xml:space="preserve">          isEvaluating,</w:t>
            </w:r>
          </w:p>
          <w:p w:rsidR="00156FB3" w:rsidRDefault="00156FB3" w:rsidP="00156FB3">
            <w:r>
              <w:t xml:space="preserve">          index = 0,</w:t>
            </w:r>
          </w:p>
          <w:p w:rsidR="00156FB3" w:rsidRDefault="00156FB3" w:rsidP="00156FB3">
            <w:r>
              <w:t xml:space="preserve">          interpolate = options.interpolate || reNoMatch,</w:t>
            </w:r>
          </w:p>
          <w:p w:rsidR="00156FB3" w:rsidRDefault="00156FB3" w:rsidP="00156FB3">
            <w:r>
              <w:t xml:space="preserve">          source = "__p += '";</w:t>
            </w:r>
          </w:p>
          <w:p w:rsidR="00156FB3" w:rsidRDefault="00156FB3" w:rsidP="00156FB3"/>
          <w:p w:rsidR="00156FB3" w:rsidRDefault="00156FB3" w:rsidP="00156FB3">
            <w:r>
              <w:t xml:space="preserve">      // Compile the regexp to match each delimiter.</w:t>
            </w:r>
          </w:p>
          <w:p w:rsidR="00156FB3" w:rsidRDefault="00156FB3" w:rsidP="00156FB3">
            <w:r>
              <w:t xml:space="preserve">      var reDelimiters = RegExp(</w:t>
            </w:r>
          </w:p>
          <w:p w:rsidR="00156FB3" w:rsidRDefault="00156FB3" w:rsidP="00156FB3">
            <w:r>
              <w:t xml:space="preserve">        (options.escape || reNoMatch).source + '|' +</w:t>
            </w:r>
          </w:p>
          <w:p w:rsidR="00156FB3" w:rsidRDefault="00156FB3" w:rsidP="00156FB3">
            <w:r>
              <w:t xml:space="preserve">        interpolate.source + '|' +</w:t>
            </w:r>
          </w:p>
          <w:p w:rsidR="00156FB3" w:rsidRDefault="00156FB3" w:rsidP="00156FB3">
            <w:r>
              <w:t xml:space="preserve">        (interpolate === reInterpolate ? reEsTemplate : reNoMatch).source + '|' +</w:t>
            </w:r>
          </w:p>
          <w:p w:rsidR="00156FB3" w:rsidRDefault="00156FB3" w:rsidP="00156FB3">
            <w:r>
              <w:t xml:space="preserve">        (options.evaluate || reNoMatch).source + '|$'</w:t>
            </w:r>
          </w:p>
          <w:p w:rsidR="00156FB3" w:rsidRDefault="00156FB3" w:rsidP="00156FB3">
            <w:r>
              <w:t xml:space="preserve">      , 'g');</w:t>
            </w:r>
          </w:p>
          <w:p w:rsidR="00156FB3" w:rsidRDefault="00156FB3" w:rsidP="00156FB3"/>
          <w:p w:rsidR="00156FB3" w:rsidRDefault="00156FB3" w:rsidP="00156FB3">
            <w:r>
              <w:t xml:space="preserve">      // Use a sourceURL for easier debugging.</w:t>
            </w:r>
          </w:p>
          <w:p w:rsidR="00156FB3" w:rsidRDefault="00156FB3" w:rsidP="00156FB3">
            <w:r>
              <w:t xml:space="preserve">      // The sourceURL gets injected into the source that's eval-ed, so be careful</w:t>
            </w:r>
          </w:p>
          <w:p w:rsidR="00156FB3" w:rsidRDefault="00156FB3" w:rsidP="00156FB3">
            <w:r>
              <w:t xml:space="preserve">      // with lookup (in case of e.g. prototype pollution), and strip newlines if any.</w:t>
            </w:r>
          </w:p>
          <w:p w:rsidR="00156FB3" w:rsidRDefault="00156FB3" w:rsidP="00156FB3">
            <w:r>
              <w:t xml:space="preserve">      // A newline wouldn't be a valid sourceURL anyway, and it'd enable code injection.</w:t>
            </w:r>
          </w:p>
          <w:p w:rsidR="00156FB3" w:rsidRDefault="00156FB3" w:rsidP="00156FB3">
            <w:r>
              <w:t xml:space="preserve">      var sourceURL = '//# sourceURL=' +</w:t>
            </w:r>
          </w:p>
          <w:p w:rsidR="00156FB3" w:rsidRDefault="00156FB3" w:rsidP="00156FB3">
            <w:r>
              <w:t xml:space="preserve">        (hasOwnProperty.call(options, 'sourceURL')</w:t>
            </w:r>
          </w:p>
          <w:p w:rsidR="00156FB3" w:rsidRDefault="00156FB3" w:rsidP="00156FB3">
            <w:r>
              <w:lastRenderedPageBreak/>
              <w:t xml:space="preserve">          ? (options.sourceURL + '').replace(/[\r\n]/g, ' ')</w:t>
            </w:r>
          </w:p>
          <w:p w:rsidR="00156FB3" w:rsidRDefault="00156FB3" w:rsidP="00156FB3">
            <w:r>
              <w:t xml:space="preserve">          : ('lodash.templateSources[' + (++templateCounter) + ']')</w:t>
            </w:r>
          </w:p>
          <w:p w:rsidR="00156FB3" w:rsidRDefault="00156FB3" w:rsidP="00156FB3">
            <w:r>
              <w:t xml:space="preserve">        ) + '\n';</w:t>
            </w:r>
          </w:p>
          <w:p w:rsidR="00156FB3" w:rsidRDefault="00156FB3" w:rsidP="00156FB3"/>
          <w:p w:rsidR="00156FB3" w:rsidRDefault="00156FB3" w:rsidP="00156FB3">
            <w:r>
              <w:t xml:space="preserve">      string.replace(reDelimiters, function(match, escapeValue, interpolateValue, esTemplateValue, evaluateValue, offset) {</w:t>
            </w:r>
          </w:p>
          <w:p w:rsidR="00156FB3" w:rsidRDefault="00156FB3" w:rsidP="00156FB3">
            <w:r>
              <w:t xml:space="preserve">        interpolateValue || (interpolateValue = esTemplateValue);</w:t>
            </w:r>
          </w:p>
          <w:p w:rsidR="00156FB3" w:rsidRDefault="00156FB3" w:rsidP="00156FB3"/>
          <w:p w:rsidR="00156FB3" w:rsidRDefault="00156FB3" w:rsidP="00156FB3">
            <w:r>
              <w:t xml:space="preserve">        // Escape characters that can't be included in string literals.</w:t>
            </w:r>
          </w:p>
          <w:p w:rsidR="00156FB3" w:rsidRDefault="00156FB3" w:rsidP="00156FB3">
            <w:r>
              <w:t xml:space="preserve">        source += string.slice(index, offset).replace(reUnescapedString, escapeStringChar);</w:t>
            </w:r>
          </w:p>
          <w:p w:rsidR="00156FB3" w:rsidRDefault="00156FB3" w:rsidP="00156FB3"/>
          <w:p w:rsidR="00156FB3" w:rsidRDefault="00156FB3" w:rsidP="00156FB3">
            <w:r>
              <w:t xml:space="preserve">        // Replace delimiters with snippets.</w:t>
            </w:r>
          </w:p>
          <w:p w:rsidR="00156FB3" w:rsidRDefault="00156FB3" w:rsidP="00156FB3">
            <w:r>
              <w:t xml:space="preserve">        if (escapeValue) {</w:t>
            </w:r>
          </w:p>
          <w:p w:rsidR="00156FB3" w:rsidRDefault="00156FB3" w:rsidP="00156FB3">
            <w:r>
              <w:t xml:space="preserve">          isEscaping = true;</w:t>
            </w:r>
          </w:p>
          <w:p w:rsidR="00156FB3" w:rsidRDefault="00156FB3" w:rsidP="00156FB3">
            <w:r>
              <w:t xml:space="preserve">          source += "' +\n__e(" + escapeValue + ") +\n'";</w:t>
            </w:r>
          </w:p>
          <w:p w:rsidR="00156FB3" w:rsidRDefault="00156FB3" w:rsidP="00156FB3">
            <w:r>
              <w:t xml:space="preserve">        }</w:t>
            </w:r>
          </w:p>
          <w:p w:rsidR="00156FB3" w:rsidRDefault="00156FB3" w:rsidP="00156FB3">
            <w:r>
              <w:t xml:space="preserve">        if (evaluateValue) {</w:t>
            </w:r>
          </w:p>
          <w:p w:rsidR="00156FB3" w:rsidRDefault="00156FB3" w:rsidP="00156FB3">
            <w:r>
              <w:t xml:space="preserve">          isEvaluating = true;</w:t>
            </w:r>
          </w:p>
          <w:p w:rsidR="00156FB3" w:rsidRDefault="00156FB3" w:rsidP="00156FB3">
            <w:r>
              <w:t xml:space="preserve">          source += "';\n" + evaluateValue + ";\n__p += '";</w:t>
            </w:r>
          </w:p>
          <w:p w:rsidR="00156FB3" w:rsidRDefault="00156FB3" w:rsidP="00156FB3">
            <w:r>
              <w:t xml:space="preserve">        }</w:t>
            </w:r>
          </w:p>
          <w:p w:rsidR="00156FB3" w:rsidRDefault="00156FB3" w:rsidP="00156FB3">
            <w:r>
              <w:t xml:space="preserve">        if (interpolateValue) {</w:t>
            </w:r>
          </w:p>
          <w:p w:rsidR="00156FB3" w:rsidRDefault="00156FB3" w:rsidP="00156FB3">
            <w:r>
              <w:t xml:space="preserve">          source += "' +\n((__t = (" + interpolateValue + ")) == null ? '' : __t) +\n'";</w:t>
            </w:r>
          </w:p>
          <w:p w:rsidR="00156FB3" w:rsidRDefault="00156FB3" w:rsidP="00156FB3">
            <w:r>
              <w:t xml:space="preserve">        }</w:t>
            </w:r>
          </w:p>
          <w:p w:rsidR="00156FB3" w:rsidRDefault="00156FB3" w:rsidP="00156FB3">
            <w:r>
              <w:t xml:space="preserve">        index = offset + match.length;</w:t>
            </w:r>
          </w:p>
          <w:p w:rsidR="00156FB3" w:rsidRDefault="00156FB3" w:rsidP="00156FB3"/>
          <w:p w:rsidR="00156FB3" w:rsidRDefault="00156FB3" w:rsidP="00156FB3">
            <w:r>
              <w:t xml:space="preserve">        // The JS engine embedded in Adobe products needs `match` returned in</w:t>
            </w:r>
          </w:p>
          <w:p w:rsidR="00156FB3" w:rsidRDefault="00156FB3" w:rsidP="00156FB3">
            <w:r>
              <w:t xml:space="preserve">        // order to produce the correct `offset` value.</w:t>
            </w:r>
          </w:p>
          <w:p w:rsidR="00156FB3" w:rsidRDefault="00156FB3" w:rsidP="00156FB3">
            <w:r>
              <w:t xml:space="preserve">        return match;</w:t>
            </w:r>
          </w:p>
          <w:p w:rsidR="00156FB3" w:rsidRDefault="00156FB3" w:rsidP="00156FB3">
            <w:r>
              <w:t xml:space="preserve">      });</w:t>
            </w:r>
          </w:p>
          <w:p w:rsidR="00156FB3" w:rsidRDefault="00156FB3" w:rsidP="00156FB3"/>
          <w:p w:rsidR="00156FB3" w:rsidRDefault="00156FB3" w:rsidP="00156FB3">
            <w:r>
              <w:t xml:space="preserve">      source += "';\n";</w:t>
            </w:r>
          </w:p>
          <w:p w:rsidR="00156FB3" w:rsidRDefault="00156FB3" w:rsidP="00156FB3"/>
          <w:p w:rsidR="00156FB3" w:rsidRDefault="00156FB3" w:rsidP="00156FB3">
            <w:r>
              <w:t xml:space="preserve">      // If `variable` is not specified wrap a with-statement around the generated</w:t>
            </w:r>
          </w:p>
          <w:p w:rsidR="00156FB3" w:rsidRDefault="00156FB3" w:rsidP="00156FB3">
            <w:r>
              <w:t xml:space="preserve">      // code to add the data object to the top of the scope chain.</w:t>
            </w:r>
          </w:p>
          <w:p w:rsidR="00156FB3" w:rsidRDefault="00156FB3" w:rsidP="00156FB3">
            <w:r>
              <w:t xml:space="preserve">      // Like with sourceURL, we take care to not check the option's prototype,</w:t>
            </w:r>
          </w:p>
          <w:p w:rsidR="00156FB3" w:rsidRDefault="00156FB3" w:rsidP="00156FB3">
            <w:r>
              <w:t xml:space="preserve">      // as this configuration is a code injection vector.</w:t>
            </w:r>
          </w:p>
          <w:p w:rsidR="00156FB3" w:rsidRDefault="00156FB3" w:rsidP="00156FB3">
            <w:r>
              <w:t xml:space="preserve">      var variable = hasOwnProperty.call(options, 'variable') &amp;&amp; options.variable;</w:t>
            </w:r>
          </w:p>
          <w:p w:rsidR="00156FB3" w:rsidRDefault="00156FB3" w:rsidP="00156FB3">
            <w:r>
              <w:t xml:space="preserve">      if (!variable) {</w:t>
            </w:r>
          </w:p>
          <w:p w:rsidR="00156FB3" w:rsidRDefault="00156FB3" w:rsidP="00156FB3">
            <w:r>
              <w:t xml:space="preserve">        source = 'with (obj) {\n' + source + '\n}\n';</w:t>
            </w:r>
          </w:p>
          <w:p w:rsidR="00156FB3" w:rsidRDefault="00156FB3" w:rsidP="00156FB3">
            <w:r>
              <w:t xml:space="preserve">      }</w:t>
            </w:r>
          </w:p>
          <w:p w:rsidR="00156FB3" w:rsidRDefault="00156FB3" w:rsidP="00156FB3">
            <w:r>
              <w:t xml:space="preserve">      // Cleanup code by stripping empty strings.</w:t>
            </w:r>
          </w:p>
          <w:p w:rsidR="00156FB3" w:rsidRDefault="00156FB3" w:rsidP="00156FB3">
            <w:r>
              <w:t xml:space="preserve">      source = (isEvaluating ? source.replace(reEmptyStringLeading, '') : source)</w:t>
            </w:r>
          </w:p>
          <w:p w:rsidR="00156FB3" w:rsidRDefault="00156FB3" w:rsidP="00156FB3">
            <w:r>
              <w:t xml:space="preserve">        .replace(reEmptyStringMiddle, '$1')</w:t>
            </w:r>
          </w:p>
          <w:p w:rsidR="00156FB3" w:rsidRDefault="00156FB3" w:rsidP="00156FB3">
            <w:r>
              <w:t xml:space="preserve">        .replace(reEmptyStringTrailing, '$1;');</w:t>
            </w:r>
          </w:p>
          <w:p w:rsidR="00156FB3" w:rsidRDefault="00156FB3" w:rsidP="00156FB3"/>
          <w:p w:rsidR="00156FB3" w:rsidRDefault="00156FB3" w:rsidP="00156FB3">
            <w:r>
              <w:t xml:space="preserve">      // Frame code as the function body.</w:t>
            </w:r>
          </w:p>
          <w:p w:rsidR="00156FB3" w:rsidRDefault="00156FB3" w:rsidP="00156FB3">
            <w:r>
              <w:t xml:space="preserve">      source = 'function(' + (variable || 'obj') + ') {\n' +</w:t>
            </w:r>
          </w:p>
          <w:p w:rsidR="00156FB3" w:rsidRDefault="00156FB3" w:rsidP="00156FB3">
            <w:r>
              <w:t xml:space="preserve">        (variable</w:t>
            </w:r>
          </w:p>
          <w:p w:rsidR="00156FB3" w:rsidRDefault="00156FB3" w:rsidP="00156FB3">
            <w:r>
              <w:lastRenderedPageBreak/>
              <w:t xml:space="preserve">          ? ''</w:t>
            </w:r>
          </w:p>
          <w:p w:rsidR="00156FB3" w:rsidRDefault="00156FB3" w:rsidP="00156FB3">
            <w:r>
              <w:t xml:space="preserve">          : 'obj || (obj = {});\n'</w:t>
            </w:r>
          </w:p>
          <w:p w:rsidR="00156FB3" w:rsidRDefault="00156FB3" w:rsidP="00156FB3">
            <w:r>
              <w:t xml:space="preserve">        ) +</w:t>
            </w:r>
          </w:p>
          <w:p w:rsidR="00156FB3" w:rsidRDefault="00156FB3" w:rsidP="00156FB3">
            <w:r>
              <w:t xml:space="preserve">        "var __t, __p = ''" +</w:t>
            </w:r>
          </w:p>
          <w:p w:rsidR="00156FB3" w:rsidRDefault="00156FB3" w:rsidP="00156FB3">
            <w:r>
              <w:t xml:space="preserve">        (isEscaping</w:t>
            </w:r>
          </w:p>
          <w:p w:rsidR="00156FB3" w:rsidRDefault="00156FB3" w:rsidP="00156FB3">
            <w:r>
              <w:t xml:space="preserve">           ? ', __e = _.escape'</w:t>
            </w:r>
          </w:p>
          <w:p w:rsidR="00156FB3" w:rsidRDefault="00156FB3" w:rsidP="00156FB3">
            <w:r>
              <w:t xml:space="preserve">           : ''</w:t>
            </w:r>
          </w:p>
          <w:p w:rsidR="00156FB3" w:rsidRDefault="00156FB3" w:rsidP="00156FB3">
            <w:r>
              <w:t xml:space="preserve">        ) +</w:t>
            </w:r>
          </w:p>
          <w:p w:rsidR="00156FB3" w:rsidRDefault="00156FB3" w:rsidP="00156FB3">
            <w:r>
              <w:t xml:space="preserve">        (isEvaluating</w:t>
            </w:r>
          </w:p>
          <w:p w:rsidR="00156FB3" w:rsidRDefault="00156FB3" w:rsidP="00156FB3">
            <w:r>
              <w:t xml:space="preserve">          ? ', __j = Array.prototype.join;\n' +</w:t>
            </w:r>
          </w:p>
          <w:p w:rsidR="00156FB3" w:rsidRDefault="00156FB3" w:rsidP="00156FB3">
            <w:r>
              <w:t xml:space="preserve">            "function print() { __p += __j.call(arguments, '') }\n"</w:t>
            </w:r>
          </w:p>
          <w:p w:rsidR="00156FB3" w:rsidRDefault="00156FB3" w:rsidP="00156FB3">
            <w:r>
              <w:t xml:space="preserve">          : ';\n'</w:t>
            </w:r>
          </w:p>
          <w:p w:rsidR="00156FB3" w:rsidRDefault="00156FB3" w:rsidP="00156FB3">
            <w:r>
              <w:t xml:space="preserve">        ) +</w:t>
            </w:r>
          </w:p>
          <w:p w:rsidR="00156FB3" w:rsidRDefault="00156FB3" w:rsidP="00156FB3">
            <w:r>
              <w:t xml:space="preserve">        source +</w:t>
            </w:r>
          </w:p>
          <w:p w:rsidR="00156FB3" w:rsidRDefault="00156FB3" w:rsidP="00156FB3">
            <w:r>
              <w:t xml:space="preserve">        'return __p\n}';</w:t>
            </w:r>
          </w:p>
          <w:p w:rsidR="00156FB3" w:rsidRDefault="00156FB3" w:rsidP="00156FB3"/>
          <w:p w:rsidR="00156FB3" w:rsidRDefault="00156FB3" w:rsidP="00156FB3">
            <w:r>
              <w:t xml:space="preserve">      var result = attempt(function() {</w:t>
            </w:r>
          </w:p>
          <w:p w:rsidR="00156FB3" w:rsidRDefault="00156FB3" w:rsidP="00156FB3">
            <w:r>
              <w:t xml:space="preserve">        return Function(importsKeys, sourceURL + 'return ' + source)</w:t>
            </w:r>
          </w:p>
          <w:p w:rsidR="00156FB3" w:rsidRDefault="00156FB3" w:rsidP="00156FB3">
            <w:r>
              <w:t xml:space="preserve">          .apply(undefined, importsValues);</w:t>
            </w:r>
          </w:p>
          <w:p w:rsidR="00156FB3" w:rsidRDefault="00156FB3" w:rsidP="00156FB3">
            <w:r>
              <w:t xml:space="preserve">      });</w:t>
            </w:r>
          </w:p>
          <w:p w:rsidR="00156FB3" w:rsidRDefault="00156FB3" w:rsidP="00156FB3"/>
          <w:p w:rsidR="00156FB3" w:rsidRDefault="00156FB3" w:rsidP="00156FB3">
            <w:r>
              <w:t xml:space="preserve">      // Provide the compiled function's source by its `toString` method or</w:t>
            </w:r>
          </w:p>
          <w:p w:rsidR="00156FB3" w:rsidRDefault="00156FB3" w:rsidP="00156FB3">
            <w:r>
              <w:t xml:space="preserve">      // the `source` property as a convenience for inlining compiled templates.</w:t>
            </w:r>
          </w:p>
          <w:p w:rsidR="00156FB3" w:rsidRDefault="00156FB3" w:rsidP="00156FB3">
            <w:r>
              <w:t xml:space="preserve">      result.source = source;</w:t>
            </w:r>
          </w:p>
          <w:p w:rsidR="00156FB3" w:rsidRDefault="00156FB3" w:rsidP="00156FB3">
            <w:r>
              <w:t xml:space="preserve">      if (isError(result)) {</w:t>
            </w:r>
          </w:p>
          <w:p w:rsidR="00156FB3" w:rsidRDefault="00156FB3" w:rsidP="00156FB3">
            <w:r>
              <w:t xml:space="preserve">        throw result;</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string`, as a whole, to lower case just like</w:t>
            </w:r>
          </w:p>
          <w:p w:rsidR="00156FB3" w:rsidRDefault="00156FB3" w:rsidP="00156FB3">
            <w:r>
              <w:t xml:space="preserve">     * [String#toLowerCase](https://mdn.io/toLowerCas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String</w:t>
            </w:r>
          </w:p>
          <w:p w:rsidR="00156FB3" w:rsidRDefault="00156FB3" w:rsidP="00156FB3">
            <w:r>
              <w:t xml:space="preserve">     * @param {string} [string=''] The string to convert.</w:t>
            </w:r>
          </w:p>
          <w:p w:rsidR="00156FB3" w:rsidRDefault="00156FB3" w:rsidP="00156FB3">
            <w:r>
              <w:t xml:space="preserve">     * @returns {string} Returns the lower cas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toLower('--Foo-Bar--');</w:t>
            </w:r>
          </w:p>
          <w:p w:rsidR="00156FB3" w:rsidRDefault="00156FB3" w:rsidP="00156FB3">
            <w:r>
              <w:t xml:space="preserve">     * // =&gt; '--foo-bar--'</w:t>
            </w:r>
          </w:p>
          <w:p w:rsidR="00156FB3" w:rsidRDefault="00156FB3" w:rsidP="00156FB3">
            <w:r>
              <w:t xml:space="preserve">     *</w:t>
            </w:r>
          </w:p>
          <w:p w:rsidR="00156FB3" w:rsidRDefault="00156FB3" w:rsidP="00156FB3">
            <w:r>
              <w:t xml:space="preserve">     * _.toLower('fooBar');</w:t>
            </w:r>
          </w:p>
          <w:p w:rsidR="00156FB3" w:rsidRDefault="00156FB3" w:rsidP="00156FB3">
            <w:r>
              <w:t xml:space="preserve">     * // =&gt; 'foobar'</w:t>
            </w:r>
          </w:p>
          <w:p w:rsidR="00156FB3" w:rsidRDefault="00156FB3" w:rsidP="00156FB3">
            <w:r>
              <w:t xml:space="preserve">     *</w:t>
            </w:r>
          </w:p>
          <w:p w:rsidR="00156FB3" w:rsidRDefault="00156FB3" w:rsidP="00156FB3">
            <w:r>
              <w:lastRenderedPageBreak/>
              <w:t xml:space="preserve">     * _.toLower('__FOO_BAR__');</w:t>
            </w:r>
          </w:p>
          <w:p w:rsidR="00156FB3" w:rsidRDefault="00156FB3" w:rsidP="00156FB3">
            <w:r>
              <w:t xml:space="preserve">     * // =&gt; '__foo_bar__'</w:t>
            </w:r>
          </w:p>
          <w:p w:rsidR="00156FB3" w:rsidRDefault="00156FB3" w:rsidP="00156FB3">
            <w:r>
              <w:t xml:space="preserve">     */</w:t>
            </w:r>
          </w:p>
          <w:p w:rsidR="00156FB3" w:rsidRDefault="00156FB3" w:rsidP="00156FB3">
            <w:r>
              <w:t xml:space="preserve">    function toLower(value) {</w:t>
            </w:r>
          </w:p>
          <w:p w:rsidR="00156FB3" w:rsidRDefault="00156FB3" w:rsidP="00156FB3">
            <w:r>
              <w:t xml:space="preserve">      return toString(value).toLowerCas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string`, as a whole, to upper case just like</w:t>
            </w:r>
          </w:p>
          <w:p w:rsidR="00156FB3" w:rsidRDefault="00156FB3" w:rsidP="00156FB3">
            <w:r>
              <w:t xml:space="preserve">     * [String#toUpperCase](https://mdn.io/toUpperCas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String</w:t>
            </w:r>
          </w:p>
          <w:p w:rsidR="00156FB3" w:rsidRDefault="00156FB3" w:rsidP="00156FB3">
            <w:r>
              <w:t xml:space="preserve">     * @param {string} [string=''] The string to convert.</w:t>
            </w:r>
          </w:p>
          <w:p w:rsidR="00156FB3" w:rsidRDefault="00156FB3" w:rsidP="00156FB3">
            <w:r>
              <w:t xml:space="preserve">     * @returns {string} Returns the upper cas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toUpper('--foo-bar--');</w:t>
            </w:r>
          </w:p>
          <w:p w:rsidR="00156FB3" w:rsidRDefault="00156FB3" w:rsidP="00156FB3">
            <w:r>
              <w:t xml:space="preserve">     * // =&gt; '--FOO-BAR--'</w:t>
            </w:r>
          </w:p>
          <w:p w:rsidR="00156FB3" w:rsidRDefault="00156FB3" w:rsidP="00156FB3">
            <w:r>
              <w:t xml:space="preserve">     *</w:t>
            </w:r>
          </w:p>
          <w:p w:rsidR="00156FB3" w:rsidRDefault="00156FB3" w:rsidP="00156FB3">
            <w:r>
              <w:t xml:space="preserve">     * _.toUpper('fooBar');</w:t>
            </w:r>
          </w:p>
          <w:p w:rsidR="00156FB3" w:rsidRDefault="00156FB3" w:rsidP="00156FB3">
            <w:r>
              <w:t xml:space="preserve">     * // =&gt; 'FOOBAR'</w:t>
            </w:r>
          </w:p>
          <w:p w:rsidR="00156FB3" w:rsidRDefault="00156FB3" w:rsidP="00156FB3">
            <w:r>
              <w:t xml:space="preserve">     *</w:t>
            </w:r>
          </w:p>
          <w:p w:rsidR="00156FB3" w:rsidRDefault="00156FB3" w:rsidP="00156FB3">
            <w:r>
              <w:t xml:space="preserve">     * _.toUpper('__foo_bar__');</w:t>
            </w:r>
          </w:p>
          <w:p w:rsidR="00156FB3" w:rsidRDefault="00156FB3" w:rsidP="00156FB3">
            <w:r>
              <w:t xml:space="preserve">     * // =&gt; '__FOO_BAR__'</w:t>
            </w:r>
          </w:p>
          <w:p w:rsidR="00156FB3" w:rsidRDefault="00156FB3" w:rsidP="00156FB3">
            <w:r>
              <w:t xml:space="preserve">     */</w:t>
            </w:r>
          </w:p>
          <w:p w:rsidR="00156FB3" w:rsidRDefault="00156FB3" w:rsidP="00156FB3">
            <w:r>
              <w:t xml:space="preserve">    function toUpper(value) {</w:t>
            </w:r>
          </w:p>
          <w:p w:rsidR="00156FB3" w:rsidRDefault="00156FB3" w:rsidP="00156FB3">
            <w:r>
              <w:t xml:space="preserve">      return toString(value).toUpperCas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moves leading and trailing whitespace or specified characters from `string`.</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String</w:t>
            </w:r>
          </w:p>
          <w:p w:rsidR="00156FB3" w:rsidRDefault="00156FB3" w:rsidP="00156FB3">
            <w:r>
              <w:t xml:space="preserve">     * @param {string} [string=''] The string to trim.</w:t>
            </w:r>
          </w:p>
          <w:p w:rsidR="00156FB3" w:rsidRDefault="00156FB3" w:rsidP="00156FB3">
            <w:r>
              <w:t xml:space="preserve">     * @param {string} [chars=whitespace] The characters to trim.</w:t>
            </w:r>
          </w:p>
          <w:p w:rsidR="00156FB3" w:rsidRDefault="00156FB3" w:rsidP="00156FB3">
            <w:r>
              <w:t xml:space="preserve">     * @param- {Object} [guard] Enables use as an iteratee for methods like `_.map`.</w:t>
            </w:r>
          </w:p>
          <w:p w:rsidR="00156FB3" w:rsidRDefault="00156FB3" w:rsidP="00156FB3">
            <w:r>
              <w:t xml:space="preserve">     * @returns {string} Returns the trimm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trim('  abc  ');</w:t>
            </w:r>
          </w:p>
          <w:p w:rsidR="00156FB3" w:rsidRDefault="00156FB3" w:rsidP="00156FB3">
            <w:r>
              <w:t xml:space="preserve">     * // =&gt; 'abc'</w:t>
            </w:r>
          </w:p>
          <w:p w:rsidR="00156FB3" w:rsidRDefault="00156FB3" w:rsidP="00156FB3">
            <w:r>
              <w:t xml:space="preserve">     *</w:t>
            </w:r>
          </w:p>
          <w:p w:rsidR="00156FB3" w:rsidRDefault="00156FB3" w:rsidP="00156FB3">
            <w:r>
              <w:lastRenderedPageBreak/>
              <w:t xml:space="preserve">     * _.trim('-_-abc-_-', '_-');</w:t>
            </w:r>
          </w:p>
          <w:p w:rsidR="00156FB3" w:rsidRDefault="00156FB3" w:rsidP="00156FB3">
            <w:r>
              <w:t xml:space="preserve">     * // =&gt; 'abc'</w:t>
            </w:r>
          </w:p>
          <w:p w:rsidR="00156FB3" w:rsidRDefault="00156FB3" w:rsidP="00156FB3">
            <w:r>
              <w:t xml:space="preserve">     *</w:t>
            </w:r>
          </w:p>
          <w:p w:rsidR="00156FB3" w:rsidRDefault="00156FB3" w:rsidP="00156FB3">
            <w:r>
              <w:t xml:space="preserve">     * _.map(['  foo  ', '  bar  '], _.trim);</w:t>
            </w:r>
          </w:p>
          <w:p w:rsidR="00156FB3" w:rsidRDefault="00156FB3" w:rsidP="00156FB3">
            <w:r>
              <w:t xml:space="preserve">     * // =&gt; ['foo', 'bar']</w:t>
            </w:r>
          </w:p>
          <w:p w:rsidR="00156FB3" w:rsidRDefault="00156FB3" w:rsidP="00156FB3">
            <w:r>
              <w:t xml:space="preserve">     */</w:t>
            </w:r>
          </w:p>
          <w:p w:rsidR="00156FB3" w:rsidRDefault="00156FB3" w:rsidP="00156FB3">
            <w:r>
              <w:t xml:space="preserve">    function trim(string, chars, guard) {</w:t>
            </w:r>
          </w:p>
          <w:p w:rsidR="00156FB3" w:rsidRDefault="00156FB3" w:rsidP="00156FB3">
            <w:r>
              <w:t xml:space="preserve">      string = toString(string);</w:t>
            </w:r>
          </w:p>
          <w:p w:rsidR="00156FB3" w:rsidRDefault="00156FB3" w:rsidP="00156FB3">
            <w:r>
              <w:t xml:space="preserve">      if (string &amp;&amp; (guard || chars === undefined)) {</w:t>
            </w:r>
          </w:p>
          <w:p w:rsidR="00156FB3" w:rsidRDefault="00156FB3" w:rsidP="00156FB3">
            <w:r>
              <w:t xml:space="preserve">        return string.replace(reTrim, '');</w:t>
            </w:r>
          </w:p>
          <w:p w:rsidR="00156FB3" w:rsidRDefault="00156FB3" w:rsidP="00156FB3">
            <w:r>
              <w:t xml:space="preserve">      }</w:t>
            </w:r>
          </w:p>
          <w:p w:rsidR="00156FB3" w:rsidRDefault="00156FB3" w:rsidP="00156FB3">
            <w:r>
              <w:t xml:space="preserve">      if (!string || !(chars = baseToString(chars))) {</w:t>
            </w:r>
          </w:p>
          <w:p w:rsidR="00156FB3" w:rsidRDefault="00156FB3" w:rsidP="00156FB3">
            <w:r>
              <w:t xml:space="preserve">        return string;</w:t>
            </w:r>
          </w:p>
          <w:p w:rsidR="00156FB3" w:rsidRDefault="00156FB3" w:rsidP="00156FB3">
            <w:r>
              <w:t xml:space="preserve">      }</w:t>
            </w:r>
          </w:p>
          <w:p w:rsidR="00156FB3" w:rsidRDefault="00156FB3" w:rsidP="00156FB3">
            <w:r>
              <w:t xml:space="preserve">      var strSymbols = stringToArray(string),</w:t>
            </w:r>
          </w:p>
          <w:p w:rsidR="00156FB3" w:rsidRDefault="00156FB3" w:rsidP="00156FB3">
            <w:r>
              <w:t xml:space="preserve">          chrSymbols = stringToArray(chars),</w:t>
            </w:r>
          </w:p>
          <w:p w:rsidR="00156FB3" w:rsidRDefault="00156FB3" w:rsidP="00156FB3">
            <w:r>
              <w:t xml:space="preserve">          start = charsStartIndex(strSymbols, chrSymbols),</w:t>
            </w:r>
          </w:p>
          <w:p w:rsidR="00156FB3" w:rsidRDefault="00156FB3" w:rsidP="00156FB3">
            <w:r>
              <w:t xml:space="preserve">          end = charsEndIndex(strSymbols, chrSymbols) + 1;</w:t>
            </w:r>
          </w:p>
          <w:p w:rsidR="00156FB3" w:rsidRDefault="00156FB3" w:rsidP="00156FB3"/>
          <w:p w:rsidR="00156FB3" w:rsidRDefault="00156FB3" w:rsidP="00156FB3">
            <w:r>
              <w:t xml:space="preserve">      return castSlice(strSymbols, start, end).join('');</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moves trailing whitespace or specified characters from `string`.</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String</w:t>
            </w:r>
          </w:p>
          <w:p w:rsidR="00156FB3" w:rsidRDefault="00156FB3" w:rsidP="00156FB3">
            <w:r>
              <w:t xml:space="preserve">     * @param {string} [string=''] The string to trim.</w:t>
            </w:r>
          </w:p>
          <w:p w:rsidR="00156FB3" w:rsidRDefault="00156FB3" w:rsidP="00156FB3">
            <w:r>
              <w:t xml:space="preserve">     * @param {string} [chars=whitespace] The characters to trim.</w:t>
            </w:r>
          </w:p>
          <w:p w:rsidR="00156FB3" w:rsidRDefault="00156FB3" w:rsidP="00156FB3">
            <w:r>
              <w:t xml:space="preserve">     * @param- {Object} [guard] Enables use as an iteratee for methods like `_.map`.</w:t>
            </w:r>
          </w:p>
          <w:p w:rsidR="00156FB3" w:rsidRDefault="00156FB3" w:rsidP="00156FB3">
            <w:r>
              <w:t xml:space="preserve">     * @returns {string} Returns the trimm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trimEnd('  abc  ');</w:t>
            </w:r>
          </w:p>
          <w:p w:rsidR="00156FB3" w:rsidRDefault="00156FB3" w:rsidP="00156FB3">
            <w:r>
              <w:t xml:space="preserve">     * // =&gt; '  abc'</w:t>
            </w:r>
          </w:p>
          <w:p w:rsidR="00156FB3" w:rsidRDefault="00156FB3" w:rsidP="00156FB3">
            <w:r>
              <w:t xml:space="preserve">     *</w:t>
            </w:r>
          </w:p>
          <w:p w:rsidR="00156FB3" w:rsidRDefault="00156FB3" w:rsidP="00156FB3">
            <w:r>
              <w:t xml:space="preserve">     * _.trimEnd('-_-abc-_-', '_-');</w:t>
            </w:r>
          </w:p>
          <w:p w:rsidR="00156FB3" w:rsidRDefault="00156FB3" w:rsidP="00156FB3">
            <w:r>
              <w:t xml:space="preserve">     * // =&gt; '-_-abc'</w:t>
            </w:r>
          </w:p>
          <w:p w:rsidR="00156FB3" w:rsidRDefault="00156FB3" w:rsidP="00156FB3">
            <w:r>
              <w:t xml:space="preserve">     */</w:t>
            </w:r>
          </w:p>
          <w:p w:rsidR="00156FB3" w:rsidRDefault="00156FB3" w:rsidP="00156FB3">
            <w:r>
              <w:t xml:space="preserve">    function trimEnd(string, chars, guard) {</w:t>
            </w:r>
          </w:p>
          <w:p w:rsidR="00156FB3" w:rsidRDefault="00156FB3" w:rsidP="00156FB3">
            <w:r>
              <w:t xml:space="preserve">      string = toString(string);</w:t>
            </w:r>
          </w:p>
          <w:p w:rsidR="00156FB3" w:rsidRDefault="00156FB3" w:rsidP="00156FB3">
            <w:r>
              <w:t xml:space="preserve">      if (string &amp;&amp; (guard || chars === undefined)) {</w:t>
            </w:r>
          </w:p>
          <w:p w:rsidR="00156FB3" w:rsidRDefault="00156FB3" w:rsidP="00156FB3">
            <w:r>
              <w:t xml:space="preserve">        return string.replace(reTrimEnd, '');</w:t>
            </w:r>
          </w:p>
          <w:p w:rsidR="00156FB3" w:rsidRDefault="00156FB3" w:rsidP="00156FB3">
            <w:r>
              <w:t xml:space="preserve">      }</w:t>
            </w:r>
          </w:p>
          <w:p w:rsidR="00156FB3" w:rsidRDefault="00156FB3" w:rsidP="00156FB3">
            <w:r>
              <w:t xml:space="preserve">      if (!string || !(chars = baseToString(chars))) {</w:t>
            </w:r>
          </w:p>
          <w:p w:rsidR="00156FB3" w:rsidRDefault="00156FB3" w:rsidP="00156FB3">
            <w:r>
              <w:t xml:space="preserve">        return string;</w:t>
            </w:r>
          </w:p>
          <w:p w:rsidR="00156FB3" w:rsidRDefault="00156FB3" w:rsidP="00156FB3">
            <w:r>
              <w:lastRenderedPageBreak/>
              <w:t xml:space="preserve">      }</w:t>
            </w:r>
          </w:p>
          <w:p w:rsidR="00156FB3" w:rsidRDefault="00156FB3" w:rsidP="00156FB3">
            <w:r>
              <w:t xml:space="preserve">      var strSymbols = stringToArray(string),</w:t>
            </w:r>
          </w:p>
          <w:p w:rsidR="00156FB3" w:rsidRDefault="00156FB3" w:rsidP="00156FB3">
            <w:r>
              <w:t xml:space="preserve">          end = charsEndIndex(strSymbols, stringToArray(chars)) + 1;</w:t>
            </w:r>
          </w:p>
          <w:p w:rsidR="00156FB3" w:rsidRDefault="00156FB3" w:rsidP="00156FB3"/>
          <w:p w:rsidR="00156FB3" w:rsidRDefault="00156FB3" w:rsidP="00156FB3">
            <w:r>
              <w:t xml:space="preserve">      return castSlice(strSymbols, 0, end).join('');</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moves leading whitespace or specified characters from `string`.</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String</w:t>
            </w:r>
          </w:p>
          <w:p w:rsidR="00156FB3" w:rsidRDefault="00156FB3" w:rsidP="00156FB3">
            <w:r>
              <w:t xml:space="preserve">     * @param {string} [string=''] The string to trim.</w:t>
            </w:r>
          </w:p>
          <w:p w:rsidR="00156FB3" w:rsidRDefault="00156FB3" w:rsidP="00156FB3">
            <w:r>
              <w:t xml:space="preserve">     * @param {string} [chars=whitespace] The characters to trim.</w:t>
            </w:r>
          </w:p>
          <w:p w:rsidR="00156FB3" w:rsidRDefault="00156FB3" w:rsidP="00156FB3">
            <w:r>
              <w:t xml:space="preserve">     * @param- {Object} [guard] Enables use as an iteratee for methods like `_.map`.</w:t>
            </w:r>
          </w:p>
          <w:p w:rsidR="00156FB3" w:rsidRDefault="00156FB3" w:rsidP="00156FB3">
            <w:r>
              <w:t xml:space="preserve">     * @returns {string} Returns the trimm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trimStart('  abc  ');</w:t>
            </w:r>
          </w:p>
          <w:p w:rsidR="00156FB3" w:rsidRDefault="00156FB3" w:rsidP="00156FB3">
            <w:r>
              <w:t xml:space="preserve">     * // =&gt; 'abc  '</w:t>
            </w:r>
          </w:p>
          <w:p w:rsidR="00156FB3" w:rsidRDefault="00156FB3" w:rsidP="00156FB3">
            <w:r>
              <w:t xml:space="preserve">     *</w:t>
            </w:r>
          </w:p>
          <w:p w:rsidR="00156FB3" w:rsidRDefault="00156FB3" w:rsidP="00156FB3">
            <w:r>
              <w:t xml:space="preserve">     * _.trimStart('-_-abc-_-', '_-');</w:t>
            </w:r>
          </w:p>
          <w:p w:rsidR="00156FB3" w:rsidRDefault="00156FB3" w:rsidP="00156FB3">
            <w:r>
              <w:t xml:space="preserve">     * // =&gt; 'abc-_-'</w:t>
            </w:r>
          </w:p>
          <w:p w:rsidR="00156FB3" w:rsidRDefault="00156FB3" w:rsidP="00156FB3">
            <w:r>
              <w:t xml:space="preserve">     */</w:t>
            </w:r>
          </w:p>
          <w:p w:rsidR="00156FB3" w:rsidRDefault="00156FB3" w:rsidP="00156FB3">
            <w:r>
              <w:t xml:space="preserve">    function trimStart(string, chars, guard) {</w:t>
            </w:r>
          </w:p>
          <w:p w:rsidR="00156FB3" w:rsidRDefault="00156FB3" w:rsidP="00156FB3">
            <w:r>
              <w:t xml:space="preserve">      string = toString(string);</w:t>
            </w:r>
          </w:p>
          <w:p w:rsidR="00156FB3" w:rsidRDefault="00156FB3" w:rsidP="00156FB3">
            <w:r>
              <w:t xml:space="preserve">      if (string &amp;&amp; (guard || chars === undefined)) {</w:t>
            </w:r>
          </w:p>
          <w:p w:rsidR="00156FB3" w:rsidRDefault="00156FB3" w:rsidP="00156FB3">
            <w:r>
              <w:t xml:space="preserve">        return string.replace(reTrimStart, '');</w:t>
            </w:r>
          </w:p>
          <w:p w:rsidR="00156FB3" w:rsidRDefault="00156FB3" w:rsidP="00156FB3">
            <w:r>
              <w:t xml:space="preserve">      }</w:t>
            </w:r>
          </w:p>
          <w:p w:rsidR="00156FB3" w:rsidRDefault="00156FB3" w:rsidP="00156FB3">
            <w:r>
              <w:t xml:space="preserve">      if (!string || !(chars = baseToString(chars))) {</w:t>
            </w:r>
          </w:p>
          <w:p w:rsidR="00156FB3" w:rsidRDefault="00156FB3" w:rsidP="00156FB3">
            <w:r>
              <w:t xml:space="preserve">        return string;</w:t>
            </w:r>
          </w:p>
          <w:p w:rsidR="00156FB3" w:rsidRDefault="00156FB3" w:rsidP="00156FB3">
            <w:r>
              <w:t xml:space="preserve">      }</w:t>
            </w:r>
          </w:p>
          <w:p w:rsidR="00156FB3" w:rsidRDefault="00156FB3" w:rsidP="00156FB3">
            <w:r>
              <w:t xml:space="preserve">      var strSymbols = stringToArray(string),</w:t>
            </w:r>
          </w:p>
          <w:p w:rsidR="00156FB3" w:rsidRDefault="00156FB3" w:rsidP="00156FB3">
            <w:r>
              <w:t xml:space="preserve">          start = charsStartIndex(strSymbols, stringToArray(chars));</w:t>
            </w:r>
          </w:p>
          <w:p w:rsidR="00156FB3" w:rsidRDefault="00156FB3" w:rsidP="00156FB3"/>
          <w:p w:rsidR="00156FB3" w:rsidRDefault="00156FB3" w:rsidP="00156FB3">
            <w:r>
              <w:t xml:space="preserve">      return castSlice(strSymbols, start).join('');</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runcates `string` if it's longer than the given maximum string length.</w:t>
            </w:r>
          </w:p>
          <w:p w:rsidR="00156FB3" w:rsidRDefault="00156FB3" w:rsidP="00156FB3">
            <w:r>
              <w:t xml:space="preserve">     * The last characters of the truncated string are replaced with the omission</w:t>
            </w:r>
          </w:p>
          <w:p w:rsidR="00156FB3" w:rsidRDefault="00156FB3" w:rsidP="00156FB3">
            <w:r>
              <w:t xml:space="preserve">     * string which defaults to "...".</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lastRenderedPageBreak/>
              <w:t xml:space="preserve">     * @category String</w:t>
            </w:r>
          </w:p>
          <w:p w:rsidR="00156FB3" w:rsidRDefault="00156FB3" w:rsidP="00156FB3">
            <w:r>
              <w:t xml:space="preserve">     * @param {string} [string=''] The string to truncate.</w:t>
            </w:r>
          </w:p>
          <w:p w:rsidR="00156FB3" w:rsidRDefault="00156FB3" w:rsidP="00156FB3">
            <w:r>
              <w:t xml:space="preserve">     * @param {Object} [options={}] The options object.</w:t>
            </w:r>
          </w:p>
          <w:p w:rsidR="00156FB3" w:rsidRDefault="00156FB3" w:rsidP="00156FB3">
            <w:r>
              <w:t xml:space="preserve">     * @param {number} [options.length=30] The maximum string length.</w:t>
            </w:r>
          </w:p>
          <w:p w:rsidR="00156FB3" w:rsidRDefault="00156FB3" w:rsidP="00156FB3">
            <w:r>
              <w:t xml:space="preserve">     * @param {string} [options.omission='...'] The string to indicate text is omitted.</w:t>
            </w:r>
          </w:p>
          <w:p w:rsidR="00156FB3" w:rsidRDefault="00156FB3" w:rsidP="00156FB3">
            <w:r>
              <w:t xml:space="preserve">     * @param {RegExp|string} [options.separator] The separator pattern to truncate to.</w:t>
            </w:r>
          </w:p>
          <w:p w:rsidR="00156FB3" w:rsidRDefault="00156FB3" w:rsidP="00156FB3">
            <w:r>
              <w:t xml:space="preserve">     * @returns {string} Returns the truncat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truncate('hi-diddly-ho there, neighborino');</w:t>
            </w:r>
          </w:p>
          <w:p w:rsidR="00156FB3" w:rsidRDefault="00156FB3" w:rsidP="00156FB3">
            <w:r>
              <w:t xml:space="preserve">     * // =&gt; 'hi-diddly-ho there, neighbo...'</w:t>
            </w:r>
          </w:p>
          <w:p w:rsidR="00156FB3" w:rsidRDefault="00156FB3" w:rsidP="00156FB3">
            <w:r>
              <w:t xml:space="preserve">     *</w:t>
            </w:r>
          </w:p>
          <w:p w:rsidR="00156FB3" w:rsidRDefault="00156FB3" w:rsidP="00156FB3">
            <w:r>
              <w:t xml:space="preserve">     * _.truncate('hi-diddly-ho there, neighborino', {</w:t>
            </w:r>
          </w:p>
          <w:p w:rsidR="00156FB3" w:rsidRDefault="00156FB3" w:rsidP="00156FB3">
            <w:r>
              <w:t xml:space="preserve">     *   'length': 24,</w:t>
            </w:r>
          </w:p>
          <w:p w:rsidR="00156FB3" w:rsidRDefault="00156FB3" w:rsidP="00156FB3">
            <w:r>
              <w:t xml:space="preserve">     *   'separator': ' '</w:t>
            </w:r>
          </w:p>
          <w:p w:rsidR="00156FB3" w:rsidRDefault="00156FB3" w:rsidP="00156FB3">
            <w:r>
              <w:t xml:space="preserve">     * });</w:t>
            </w:r>
          </w:p>
          <w:p w:rsidR="00156FB3" w:rsidRDefault="00156FB3" w:rsidP="00156FB3">
            <w:r>
              <w:t xml:space="preserve">     * // =&gt; 'hi-diddly-ho there,...'</w:t>
            </w:r>
          </w:p>
          <w:p w:rsidR="00156FB3" w:rsidRDefault="00156FB3" w:rsidP="00156FB3">
            <w:r>
              <w:t xml:space="preserve">     *</w:t>
            </w:r>
          </w:p>
          <w:p w:rsidR="00156FB3" w:rsidRDefault="00156FB3" w:rsidP="00156FB3">
            <w:r>
              <w:t xml:space="preserve">     * _.truncate('hi-diddly-ho there, neighborino', {</w:t>
            </w:r>
          </w:p>
          <w:p w:rsidR="00156FB3" w:rsidRDefault="00156FB3" w:rsidP="00156FB3">
            <w:r>
              <w:t xml:space="preserve">     *   'length': 24,</w:t>
            </w:r>
          </w:p>
          <w:p w:rsidR="00156FB3" w:rsidRDefault="00156FB3" w:rsidP="00156FB3">
            <w:r>
              <w:t xml:space="preserve">     *   'separator': /,? +/</w:t>
            </w:r>
          </w:p>
          <w:p w:rsidR="00156FB3" w:rsidRDefault="00156FB3" w:rsidP="00156FB3">
            <w:r>
              <w:t xml:space="preserve">     * });</w:t>
            </w:r>
          </w:p>
          <w:p w:rsidR="00156FB3" w:rsidRDefault="00156FB3" w:rsidP="00156FB3">
            <w:r>
              <w:t xml:space="preserve">     * // =&gt; 'hi-diddly-ho there...'</w:t>
            </w:r>
          </w:p>
          <w:p w:rsidR="00156FB3" w:rsidRDefault="00156FB3" w:rsidP="00156FB3">
            <w:r>
              <w:t xml:space="preserve">     *</w:t>
            </w:r>
          </w:p>
          <w:p w:rsidR="00156FB3" w:rsidRDefault="00156FB3" w:rsidP="00156FB3">
            <w:r>
              <w:t xml:space="preserve">     * _.truncate('hi-diddly-ho there, neighborino', {</w:t>
            </w:r>
          </w:p>
          <w:p w:rsidR="00156FB3" w:rsidRDefault="00156FB3" w:rsidP="00156FB3">
            <w:r>
              <w:t xml:space="preserve">     *   'omission': ' [...]'</w:t>
            </w:r>
          </w:p>
          <w:p w:rsidR="00156FB3" w:rsidRDefault="00156FB3" w:rsidP="00156FB3">
            <w:r>
              <w:t xml:space="preserve">     * });</w:t>
            </w:r>
          </w:p>
          <w:p w:rsidR="00156FB3" w:rsidRDefault="00156FB3" w:rsidP="00156FB3">
            <w:r>
              <w:t xml:space="preserve">     * // =&gt; 'hi-diddly-ho there, neig [...]'</w:t>
            </w:r>
          </w:p>
          <w:p w:rsidR="00156FB3" w:rsidRDefault="00156FB3" w:rsidP="00156FB3">
            <w:r>
              <w:t xml:space="preserve">     */</w:t>
            </w:r>
          </w:p>
          <w:p w:rsidR="00156FB3" w:rsidRDefault="00156FB3" w:rsidP="00156FB3">
            <w:r>
              <w:t xml:space="preserve">    function truncate(string, options) {</w:t>
            </w:r>
          </w:p>
          <w:p w:rsidR="00156FB3" w:rsidRDefault="00156FB3" w:rsidP="00156FB3">
            <w:r>
              <w:t xml:space="preserve">      var length = DEFAULT_TRUNC_LENGTH,</w:t>
            </w:r>
          </w:p>
          <w:p w:rsidR="00156FB3" w:rsidRDefault="00156FB3" w:rsidP="00156FB3">
            <w:r>
              <w:t xml:space="preserve">          omission = DEFAULT_TRUNC_OMISSION;</w:t>
            </w:r>
          </w:p>
          <w:p w:rsidR="00156FB3" w:rsidRDefault="00156FB3" w:rsidP="00156FB3"/>
          <w:p w:rsidR="00156FB3" w:rsidRDefault="00156FB3" w:rsidP="00156FB3">
            <w:r>
              <w:t xml:space="preserve">      if (isObject(options)) {</w:t>
            </w:r>
          </w:p>
          <w:p w:rsidR="00156FB3" w:rsidRDefault="00156FB3" w:rsidP="00156FB3">
            <w:r>
              <w:t xml:space="preserve">        var separator = 'separator' in options ? options.separator : separator;</w:t>
            </w:r>
          </w:p>
          <w:p w:rsidR="00156FB3" w:rsidRDefault="00156FB3" w:rsidP="00156FB3">
            <w:r>
              <w:t xml:space="preserve">        length = 'length' in options ? toInteger(options.length) : length;</w:t>
            </w:r>
          </w:p>
          <w:p w:rsidR="00156FB3" w:rsidRDefault="00156FB3" w:rsidP="00156FB3">
            <w:r>
              <w:t xml:space="preserve">        omission = 'omission' in options ? baseToString(options.omission) : omission;</w:t>
            </w:r>
          </w:p>
          <w:p w:rsidR="00156FB3" w:rsidRDefault="00156FB3" w:rsidP="00156FB3">
            <w:r>
              <w:t xml:space="preserve">      }</w:t>
            </w:r>
          </w:p>
          <w:p w:rsidR="00156FB3" w:rsidRDefault="00156FB3" w:rsidP="00156FB3">
            <w:r>
              <w:t xml:space="preserve">      string = toString(string);</w:t>
            </w:r>
          </w:p>
          <w:p w:rsidR="00156FB3" w:rsidRDefault="00156FB3" w:rsidP="00156FB3"/>
          <w:p w:rsidR="00156FB3" w:rsidRDefault="00156FB3" w:rsidP="00156FB3">
            <w:r>
              <w:t xml:space="preserve">      var strLength = string.length;</w:t>
            </w:r>
          </w:p>
          <w:p w:rsidR="00156FB3" w:rsidRDefault="00156FB3" w:rsidP="00156FB3">
            <w:r>
              <w:t xml:space="preserve">      if (hasUnicode(string)) {</w:t>
            </w:r>
          </w:p>
          <w:p w:rsidR="00156FB3" w:rsidRDefault="00156FB3" w:rsidP="00156FB3">
            <w:r>
              <w:t xml:space="preserve">        var strSymbols = stringToArray(string);</w:t>
            </w:r>
          </w:p>
          <w:p w:rsidR="00156FB3" w:rsidRDefault="00156FB3" w:rsidP="00156FB3">
            <w:r>
              <w:t xml:space="preserve">        strLength = strSymbols.length;</w:t>
            </w:r>
          </w:p>
          <w:p w:rsidR="00156FB3" w:rsidRDefault="00156FB3" w:rsidP="00156FB3">
            <w:r>
              <w:t xml:space="preserve">      }</w:t>
            </w:r>
          </w:p>
          <w:p w:rsidR="00156FB3" w:rsidRDefault="00156FB3" w:rsidP="00156FB3">
            <w:r>
              <w:t xml:space="preserve">      if (length &gt;= strLength) {</w:t>
            </w:r>
          </w:p>
          <w:p w:rsidR="00156FB3" w:rsidRDefault="00156FB3" w:rsidP="00156FB3">
            <w:r>
              <w:t xml:space="preserve">        return string;</w:t>
            </w:r>
          </w:p>
          <w:p w:rsidR="00156FB3" w:rsidRDefault="00156FB3" w:rsidP="00156FB3">
            <w:r>
              <w:t xml:space="preserve">      }</w:t>
            </w:r>
          </w:p>
          <w:p w:rsidR="00156FB3" w:rsidRDefault="00156FB3" w:rsidP="00156FB3">
            <w:r>
              <w:lastRenderedPageBreak/>
              <w:t xml:space="preserve">      var end = length - stringSize(omission);</w:t>
            </w:r>
          </w:p>
          <w:p w:rsidR="00156FB3" w:rsidRDefault="00156FB3" w:rsidP="00156FB3">
            <w:r>
              <w:t xml:space="preserve">      if (end &lt; 1) {</w:t>
            </w:r>
          </w:p>
          <w:p w:rsidR="00156FB3" w:rsidRDefault="00156FB3" w:rsidP="00156FB3">
            <w:r>
              <w:t xml:space="preserve">        return omission;</w:t>
            </w:r>
          </w:p>
          <w:p w:rsidR="00156FB3" w:rsidRDefault="00156FB3" w:rsidP="00156FB3">
            <w:r>
              <w:t xml:space="preserve">      }</w:t>
            </w:r>
          </w:p>
          <w:p w:rsidR="00156FB3" w:rsidRDefault="00156FB3" w:rsidP="00156FB3">
            <w:r>
              <w:t xml:space="preserve">      var result = strSymbols</w:t>
            </w:r>
          </w:p>
          <w:p w:rsidR="00156FB3" w:rsidRDefault="00156FB3" w:rsidP="00156FB3">
            <w:r>
              <w:t xml:space="preserve">        ? castSlice(strSymbols, 0, end).join('')</w:t>
            </w:r>
          </w:p>
          <w:p w:rsidR="00156FB3" w:rsidRDefault="00156FB3" w:rsidP="00156FB3">
            <w:r>
              <w:t xml:space="preserve">        : string.slice(0, end);</w:t>
            </w:r>
          </w:p>
          <w:p w:rsidR="00156FB3" w:rsidRDefault="00156FB3" w:rsidP="00156FB3"/>
          <w:p w:rsidR="00156FB3" w:rsidRDefault="00156FB3" w:rsidP="00156FB3">
            <w:r>
              <w:t xml:space="preserve">      if (separator === undefined) {</w:t>
            </w:r>
          </w:p>
          <w:p w:rsidR="00156FB3" w:rsidRDefault="00156FB3" w:rsidP="00156FB3">
            <w:r>
              <w:t xml:space="preserve">        return result + omission;</w:t>
            </w:r>
          </w:p>
          <w:p w:rsidR="00156FB3" w:rsidRDefault="00156FB3" w:rsidP="00156FB3">
            <w:r>
              <w:t xml:space="preserve">      }</w:t>
            </w:r>
          </w:p>
          <w:p w:rsidR="00156FB3" w:rsidRDefault="00156FB3" w:rsidP="00156FB3">
            <w:r>
              <w:t xml:space="preserve">      if (strSymbols) {</w:t>
            </w:r>
          </w:p>
          <w:p w:rsidR="00156FB3" w:rsidRDefault="00156FB3" w:rsidP="00156FB3">
            <w:r>
              <w:t xml:space="preserve">        end += (result.length - end);</w:t>
            </w:r>
          </w:p>
          <w:p w:rsidR="00156FB3" w:rsidRDefault="00156FB3" w:rsidP="00156FB3">
            <w:r>
              <w:t xml:space="preserve">      }</w:t>
            </w:r>
          </w:p>
          <w:p w:rsidR="00156FB3" w:rsidRDefault="00156FB3" w:rsidP="00156FB3">
            <w:r>
              <w:t xml:space="preserve">      if (isRegExp(separator)) {</w:t>
            </w:r>
          </w:p>
          <w:p w:rsidR="00156FB3" w:rsidRDefault="00156FB3" w:rsidP="00156FB3">
            <w:r>
              <w:t xml:space="preserve">        if (string.slice(end).search(separator)) {</w:t>
            </w:r>
          </w:p>
          <w:p w:rsidR="00156FB3" w:rsidRDefault="00156FB3" w:rsidP="00156FB3">
            <w:r>
              <w:t xml:space="preserve">          var match,</w:t>
            </w:r>
          </w:p>
          <w:p w:rsidR="00156FB3" w:rsidRDefault="00156FB3" w:rsidP="00156FB3">
            <w:r>
              <w:t xml:space="preserve">              substring = result;</w:t>
            </w:r>
          </w:p>
          <w:p w:rsidR="00156FB3" w:rsidRDefault="00156FB3" w:rsidP="00156FB3"/>
          <w:p w:rsidR="00156FB3" w:rsidRDefault="00156FB3" w:rsidP="00156FB3">
            <w:r>
              <w:t xml:space="preserve">          if (!separator.global) {</w:t>
            </w:r>
          </w:p>
          <w:p w:rsidR="00156FB3" w:rsidRDefault="00156FB3" w:rsidP="00156FB3">
            <w:r>
              <w:t xml:space="preserve">            separator = RegExp(separator.source, toString(reFlags.exec(separator)) + 'g');</w:t>
            </w:r>
          </w:p>
          <w:p w:rsidR="00156FB3" w:rsidRDefault="00156FB3" w:rsidP="00156FB3">
            <w:r>
              <w:t xml:space="preserve">          }</w:t>
            </w:r>
          </w:p>
          <w:p w:rsidR="00156FB3" w:rsidRDefault="00156FB3" w:rsidP="00156FB3">
            <w:r>
              <w:t xml:space="preserve">          separator.lastIndex = 0;</w:t>
            </w:r>
          </w:p>
          <w:p w:rsidR="00156FB3" w:rsidRDefault="00156FB3" w:rsidP="00156FB3">
            <w:r>
              <w:t xml:space="preserve">          while ((match = separator.exec(substring))) {</w:t>
            </w:r>
          </w:p>
          <w:p w:rsidR="00156FB3" w:rsidRDefault="00156FB3" w:rsidP="00156FB3">
            <w:r>
              <w:t xml:space="preserve">            var newEnd = match.index;</w:t>
            </w:r>
          </w:p>
          <w:p w:rsidR="00156FB3" w:rsidRDefault="00156FB3" w:rsidP="00156FB3">
            <w:r>
              <w:t xml:space="preserve">          }</w:t>
            </w:r>
          </w:p>
          <w:p w:rsidR="00156FB3" w:rsidRDefault="00156FB3" w:rsidP="00156FB3">
            <w:r>
              <w:t xml:space="preserve">          result = result.slice(0, newEnd === undefined ? end : newEnd);</w:t>
            </w:r>
          </w:p>
          <w:p w:rsidR="00156FB3" w:rsidRDefault="00156FB3" w:rsidP="00156FB3">
            <w:r>
              <w:t xml:space="preserve">        }</w:t>
            </w:r>
          </w:p>
          <w:p w:rsidR="00156FB3" w:rsidRDefault="00156FB3" w:rsidP="00156FB3">
            <w:r>
              <w:t xml:space="preserve">      } else if (string.indexOf(baseToString(separator), end) != end) {</w:t>
            </w:r>
          </w:p>
          <w:p w:rsidR="00156FB3" w:rsidRDefault="00156FB3" w:rsidP="00156FB3">
            <w:r>
              <w:t xml:space="preserve">        var index = result.lastIndexOf(separator);</w:t>
            </w:r>
          </w:p>
          <w:p w:rsidR="00156FB3" w:rsidRDefault="00156FB3" w:rsidP="00156FB3">
            <w:r>
              <w:t xml:space="preserve">        if (index &gt; -1) {</w:t>
            </w:r>
          </w:p>
          <w:p w:rsidR="00156FB3" w:rsidRDefault="00156FB3" w:rsidP="00156FB3">
            <w:r>
              <w:t xml:space="preserve">          result = result.slice(0, index);</w:t>
            </w:r>
          </w:p>
          <w:p w:rsidR="00156FB3" w:rsidRDefault="00156FB3" w:rsidP="00156FB3">
            <w:r>
              <w:t xml:space="preserve">        }</w:t>
            </w:r>
          </w:p>
          <w:p w:rsidR="00156FB3" w:rsidRDefault="00156FB3" w:rsidP="00156FB3">
            <w:r>
              <w:t xml:space="preserve">      }</w:t>
            </w:r>
          </w:p>
          <w:p w:rsidR="00156FB3" w:rsidRDefault="00156FB3" w:rsidP="00156FB3">
            <w:r>
              <w:t xml:space="preserve">      return result + omission;</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inverse of `_.escape`; this method converts the HTML entities</w:t>
            </w:r>
          </w:p>
          <w:p w:rsidR="00156FB3" w:rsidRDefault="00156FB3" w:rsidP="00156FB3">
            <w:r>
              <w:t xml:space="preserve">     * `&amp;amp;`, `&amp;lt;`, `&amp;gt;`, `&amp;quot;`, and `&amp;#39;` in `string` to</w:t>
            </w:r>
          </w:p>
          <w:p w:rsidR="00156FB3" w:rsidRDefault="00156FB3" w:rsidP="00156FB3">
            <w:r>
              <w:t xml:space="preserve">     * their corresponding characters.</w:t>
            </w:r>
          </w:p>
          <w:p w:rsidR="00156FB3" w:rsidRDefault="00156FB3" w:rsidP="00156FB3">
            <w:r>
              <w:t xml:space="preserve">     *</w:t>
            </w:r>
          </w:p>
          <w:p w:rsidR="00156FB3" w:rsidRDefault="00156FB3" w:rsidP="00156FB3">
            <w:r>
              <w:t xml:space="preserve">     * **Note:** No other HTML entities are unescaped. To unescape additional</w:t>
            </w:r>
          </w:p>
          <w:p w:rsidR="00156FB3" w:rsidRDefault="00156FB3" w:rsidP="00156FB3">
            <w:r>
              <w:t xml:space="preserve">     * HTML entities use a third-party library like [_he_](https://mths.be/h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0.6.0</w:t>
            </w:r>
          </w:p>
          <w:p w:rsidR="00156FB3" w:rsidRDefault="00156FB3" w:rsidP="00156FB3">
            <w:r>
              <w:lastRenderedPageBreak/>
              <w:t xml:space="preserve">     * @category String</w:t>
            </w:r>
          </w:p>
          <w:p w:rsidR="00156FB3" w:rsidRDefault="00156FB3" w:rsidP="00156FB3">
            <w:r>
              <w:t xml:space="preserve">     * @param {string} [string=''] The string to unescape.</w:t>
            </w:r>
          </w:p>
          <w:p w:rsidR="00156FB3" w:rsidRDefault="00156FB3" w:rsidP="00156FB3">
            <w:r>
              <w:t xml:space="preserve">     * @returns {string} Returns the unescap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unescape('fred, barney, &amp;amp; pebbles');</w:t>
            </w:r>
          </w:p>
          <w:p w:rsidR="00156FB3" w:rsidRDefault="00156FB3" w:rsidP="00156FB3">
            <w:r>
              <w:t xml:space="preserve">     * // =&gt; 'fred, barney, &amp; pebbles'</w:t>
            </w:r>
          </w:p>
          <w:p w:rsidR="00156FB3" w:rsidRDefault="00156FB3" w:rsidP="00156FB3">
            <w:r>
              <w:t xml:space="preserve">     */</w:t>
            </w:r>
          </w:p>
          <w:p w:rsidR="00156FB3" w:rsidRDefault="00156FB3" w:rsidP="00156FB3">
            <w:r>
              <w:t xml:space="preserve">    function unescape(string) {</w:t>
            </w:r>
          </w:p>
          <w:p w:rsidR="00156FB3" w:rsidRDefault="00156FB3" w:rsidP="00156FB3">
            <w:r>
              <w:t xml:space="preserve">      string = toString(string);</w:t>
            </w:r>
          </w:p>
          <w:p w:rsidR="00156FB3" w:rsidRDefault="00156FB3" w:rsidP="00156FB3">
            <w:r>
              <w:t xml:space="preserve">      return (string &amp;&amp; reHasEscapedHtml.test(string))</w:t>
            </w:r>
          </w:p>
          <w:p w:rsidR="00156FB3" w:rsidRDefault="00156FB3" w:rsidP="00156FB3">
            <w:r>
              <w:t xml:space="preserve">        ? string.replace(reEscapedHtml, unescapeHtmlChar)</w:t>
            </w:r>
          </w:p>
          <w:p w:rsidR="00156FB3" w:rsidRDefault="00156FB3" w:rsidP="00156FB3">
            <w:r>
              <w:t xml:space="preserve">        : strin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string`, as space separated words, to upper cas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String</w:t>
            </w:r>
          </w:p>
          <w:p w:rsidR="00156FB3" w:rsidRDefault="00156FB3" w:rsidP="00156FB3">
            <w:r>
              <w:t xml:space="preserve">     * @param {string} [string=''] The string to convert.</w:t>
            </w:r>
          </w:p>
          <w:p w:rsidR="00156FB3" w:rsidRDefault="00156FB3" w:rsidP="00156FB3">
            <w:r>
              <w:t xml:space="preserve">     * @returns {string} Returns the upper cased string.</w:t>
            </w:r>
          </w:p>
          <w:p w:rsidR="00156FB3" w:rsidRDefault="00156FB3" w:rsidP="00156FB3">
            <w:r>
              <w:t xml:space="preserve">     * @example</w:t>
            </w:r>
          </w:p>
          <w:p w:rsidR="00156FB3" w:rsidRDefault="00156FB3" w:rsidP="00156FB3">
            <w:r>
              <w:t xml:space="preserve">     *</w:t>
            </w:r>
          </w:p>
          <w:p w:rsidR="00156FB3" w:rsidRDefault="00156FB3" w:rsidP="00156FB3">
            <w:r>
              <w:t xml:space="preserve">     * _.upperCase('--foo-bar');</w:t>
            </w:r>
          </w:p>
          <w:p w:rsidR="00156FB3" w:rsidRDefault="00156FB3" w:rsidP="00156FB3">
            <w:r>
              <w:t xml:space="preserve">     * // =&gt; 'FOO BAR'</w:t>
            </w:r>
          </w:p>
          <w:p w:rsidR="00156FB3" w:rsidRDefault="00156FB3" w:rsidP="00156FB3">
            <w:r>
              <w:t xml:space="preserve">     *</w:t>
            </w:r>
          </w:p>
          <w:p w:rsidR="00156FB3" w:rsidRDefault="00156FB3" w:rsidP="00156FB3">
            <w:r>
              <w:t xml:space="preserve">     * _.upperCase('fooBar');</w:t>
            </w:r>
          </w:p>
          <w:p w:rsidR="00156FB3" w:rsidRDefault="00156FB3" w:rsidP="00156FB3">
            <w:r>
              <w:t xml:space="preserve">     * // =&gt; 'FOO BAR'</w:t>
            </w:r>
          </w:p>
          <w:p w:rsidR="00156FB3" w:rsidRDefault="00156FB3" w:rsidP="00156FB3">
            <w:r>
              <w:t xml:space="preserve">     *</w:t>
            </w:r>
          </w:p>
          <w:p w:rsidR="00156FB3" w:rsidRDefault="00156FB3" w:rsidP="00156FB3">
            <w:r>
              <w:t xml:space="preserve">     * _.upperCase('__foo_bar__');</w:t>
            </w:r>
          </w:p>
          <w:p w:rsidR="00156FB3" w:rsidRDefault="00156FB3" w:rsidP="00156FB3">
            <w:r>
              <w:t xml:space="preserve">     * // =&gt; 'FOO BAR'</w:t>
            </w:r>
          </w:p>
          <w:p w:rsidR="00156FB3" w:rsidRDefault="00156FB3" w:rsidP="00156FB3">
            <w:r>
              <w:t xml:space="preserve">     */</w:t>
            </w:r>
          </w:p>
          <w:p w:rsidR="00156FB3" w:rsidRDefault="00156FB3" w:rsidP="00156FB3">
            <w:r>
              <w:t xml:space="preserve">    var upperCase = createCompounder(function(result, word, index) {</w:t>
            </w:r>
          </w:p>
          <w:p w:rsidR="00156FB3" w:rsidRDefault="00156FB3" w:rsidP="00156FB3">
            <w:r>
              <w:t xml:space="preserve">      return result + (index ? ' ' : '') + word.toUpperCas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the first character of `string` to upper cas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String</w:t>
            </w:r>
          </w:p>
          <w:p w:rsidR="00156FB3" w:rsidRDefault="00156FB3" w:rsidP="00156FB3">
            <w:r>
              <w:t xml:space="preserve">     * @param {string} [string=''] The string to convert.</w:t>
            </w:r>
          </w:p>
          <w:p w:rsidR="00156FB3" w:rsidRDefault="00156FB3" w:rsidP="00156FB3">
            <w:r>
              <w:t xml:space="preserve">     * @returns {string} Returns the converted string.</w:t>
            </w:r>
          </w:p>
          <w:p w:rsidR="00156FB3" w:rsidRDefault="00156FB3" w:rsidP="00156FB3">
            <w:r>
              <w:lastRenderedPageBreak/>
              <w:t xml:space="preserve">     * @example</w:t>
            </w:r>
          </w:p>
          <w:p w:rsidR="00156FB3" w:rsidRDefault="00156FB3" w:rsidP="00156FB3">
            <w:r>
              <w:t xml:space="preserve">     *</w:t>
            </w:r>
          </w:p>
          <w:p w:rsidR="00156FB3" w:rsidRDefault="00156FB3" w:rsidP="00156FB3">
            <w:r>
              <w:t xml:space="preserve">     * _.upperFirst('fred');</w:t>
            </w:r>
          </w:p>
          <w:p w:rsidR="00156FB3" w:rsidRDefault="00156FB3" w:rsidP="00156FB3">
            <w:r>
              <w:t xml:space="preserve">     * // =&gt; 'Fred'</w:t>
            </w:r>
          </w:p>
          <w:p w:rsidR="00156FB3" w:rsidRDefault="00156FB3" w:rsidP="00156FB3">
            <w:r>
              <w:t xml:space="preserve">     *</w:t>
            </w:r>
          </w:p>
          <w:p w:rsidR="00156FB3" w:rsidRDefault="00156FB3" w:rsidP="00156FB3">
            <w:r>
              <w:t xml:space="preserve">     * _.upperFirst('FRED');</w:t>
            </w:r>
          </w:p>
          <w:p w:rsidR="00156FB3" w:rsidRDefault="00156FB3" w:rsidP="00156FB3">
            <w:r>
              <w:t xml:space="preserve">     * // =&gt; 'FRED'</w:t>
            </w:r>
          </w:p>
          <w:p w:rsidR="00156FB3" w:rsidRDefault="00156FB3" w:rsidP="00156FB3">
            <w:r>
              <w:t xml:space="preserve">     */</w:t>
            </w:r>
          </w:p>
          <w:p w:rsidR="00156FB3" w:rsidRDefault="00156FB3" w:rsidP="00156FB3">
            <w:r>
              <w:t xml:space="preserve">    var upperFirst = createCaseFirst('toUpperCase');</w:t>
            </w:r>
          </w:p>
          <w:p w:rsidR="00156FB3" w:rsidRDefault="00156FB3" w:rsidP="00156FB3"/>
          <w:p w:rsidR="00156FB3" w:rsidRDefault="00156FB3" w:rsidP="00156FB3">
            <w:r>
              <w:t xml:space="preserve">    /**</w:t>
            </w:r>
          </w:p>
          <w:p w:rsidR="00156FB3" w:rsidRDefault="00156FB3" w:rsidP="00156FB3">
            <w:r>
              <w:t xml:space="preserve">     * Splits `string` into an array of its word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String</w:t>
            </w:r>
          </w:p>
          <w:p w:rsidR="00156FB3" w:rsidRDefault="00156FB3" w:rsidP="00156FB3">
            <w:r>
              <w:t xml:space="preserve">     * @param {string} [string=''] The string to inspect.</w:t>
            </w:r>
          </w:p>
          <w:p w:rsidR="00156FB3" w:rsidRDefault="00156FB3" w:rsidP="00156FB3">
            <w:r>
              <w:t xml:space="preserve">     * @param {RegExp|string} [pattern] The pattern to match words.</w:t>
            </w:r>
          </w:p>
          <w:p w:rsidR="00156FB3" w:rsidRDefault="00156FB3" w:rsidP="00156FB3">
            <w:r>
              <w:t xml:space="preserve">     * @param- {Object} [guard] Enables use as an iteratee for methods like `_.map`.</w:t>
            </w:r>
          </w:p>
          <w:p w:rsidR="00156FB3" w:rsidRDefault="00156FB3" w:rsidP="00156FB3">
            <w:r>
              <w:t xml:space="preserve">     * @returns {Array} Returns the words of `string`.</w:t>
            </w:r>
          </w:p>
          <w:p w:rsidR="00156FB3" w:rsidRDefault="00156FB3" w:rsidP="00156FB3">
            <w:r>
              <w:t xml:space="preserve">     * @example</w:t>
            </w:r>
          </w:p>
          <w:p w:rsidR="00156FB3" w:rsidRDefault="00156FB3" w:rsidP="00156FB3">
            <w:r>
              <w:t xml:space="preserve">     *</w:t>
            </w:r>
          </w:p>
          <w:p w:rsidR="00156FB3" w:rsidRDefault="00156FB3" w:rsidP="00156FB3">
            <w:r>
              <w:t xml:space="preserve">     * _.words('fred, barney, &amp; pebbles');</w:t>
            </w:r>
          </w:p>
          <w:p w:rsidR="00156FB3" w:rsidRDefault="00156FB3" w:rsidP="00156FB3">
            <w:r>
              <w:t xml:space="preserve">     * // =&gt; ['fred', 'barney', 'pebbles']</w:t>
            </w:r>
          </w:p>
          <w:p w:rsidR="00156FB3" w:rsidRDefault="00156FB3" w:rsidP="00156FB3">
            <w:r>
              <w:t xml:space="preserve">     *</w:t>
            </w:r>
          </w:p>
          <w:p w:rsidR="00156FB3" w:rsidRDefault="00156FB3" w:rsidP="00156FB3">
            <w:r>
              <w:t xml:space="preserve">     * _.words('fred, barney, &amp; pebbles', /[^, ]+/g);</w:t>
            </w:r>
          </w:p>
          <w:p w:rsidR="00156FB3" w:rsidRDefault="00156FB3" w:rsidP="00156FB3">
            <w:r>
              <w:t xml:space="preserve">     * // =&gt; ['fred', 'barney', '&amp;', 'pebbles']</w:t>
            </w:r>
          </w:p>
          <w:p w:rsidR="00156FB3" w:rsidRDefault="00156FB3" w:rsidP="00156FB3">
            <w:r>
              <w:t xml:space="preserve">     */</w:t>
            </w:r>
          </w:p>
          <w:p w:rsidR="00156FB3" w:rsidRDefault="00156FB3" w:rsidP="00156FB3">
            <w:r>
              <w:t xml:space="preserve">    function words(string, pattern, guard) {</w:t>
            </w:r>
          </w:p>
          <w:p w:rsidR="00156FB3" w:rsidRDefault="00156FB3" w:rsidP="00156FB3">
            <w:r>
              <w:t xml:space="preserve">      string = toString(string);</w:t>
            </w:r>
          </w:p>
          <w:p w:rsidR="00156FB3" w:rsidRDefault="00156FB3" w:rsidP="00156FB3">
            <w:r>
              <w:t xml:space="preserve">      pattern = guard ? undefined : pattern;</w:t>
            </w:r>
          </w:p>
          <w:p w:rsidR="00156FB3" w:rsidRDefault="00156FB3" w:rsidP="00156FB3"/>
          <w:p w:rsidR="00156FB3" w:rsidRDefault="00156FB3" w:rsidP="00156FB3">
            <w:r>
              <w:t xml:space="preserve">      if (pattern === undefined) {</w:t>
            </w:r>
          </w:p>
          <w:p w:rsidR="00156FB3" w:rsidRDefault="00156FB3" w:rsidP="00156FB3">
            <w:r>
              <w:t xml:space="preserve">        return hasUnicodeWord(string) ? unicodeWords(string) : asciiWords(string);</w:t>
            </w:r>
          </w:p>
          <w:p w:rsidR="00156FB3" w:rsidRDefault="00156FB3" w:rsidP="00156FB3">
            <w:r>
              <w:t xml:space="preserve">      }</w:t>
            </w:r>
          </w:p>
          <w:p w:rsidR="00156FB3" w:rsidRDefault="00156FB3" w:rsidP="00156FB3">
            <w:r>
              <w:t xml:space="preserve">      return string.match(pattern) ||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ttempts to invoke `func`, returning either the result or the caught error</w:t>
            </w:r>
          </w:p>
          <w:p w:rsidR="00156FB3" w:rsidRDefault="00156FB3" w:rsidP="00156FB3">
            <w:r>
              <w:t xml:space="preserve">     * object. Any additional arguments are provided to `func` when it's invoked.</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lastRenderedPageBreak/>
              <w:t xml:space="preserve">     * @category Util</w:t>
            </w:r>
          </w:p>
          <w:p w:rsidR="00156FB3" w:rsidRDefault="00156FB3" w:rsidP="00156FB3">
            <w:r>
              <w:t xml:space="preserve">     * @param {Function} func The function to attempt.</w:t>
            </w:r>
          </w:p>
          <w:p w:rsidR="00156FB3" w:rsidRDefault="00156FB3" w:rsidP="00156FB3">
            <w:r>
              <w:t xml:space="preserve">     * @param {...*} [args] The arguments to invoke `func` with.</w:t>
            </w:r>
          </w:p>
          <w:p w:rsidR="00156FB3" w:rsidRDefault="00156FB3" w:rsidP="00156FB3">
            <w:r>
              <w:t xml:space="preserve">     * @returns {*} Returns the `func` result or error object.</w:t>
            </w:r>
          </w:p>
          <w:p w:rsidR="00156FB3" w:rsidRDefault="00156FB3" w:rsidP="00156FB3">
            <w:r>
              <w:t xml:space="preserve">     * @example</w:t>
            </w:r>
          </w:p>
          <w:p w:rsidR="00156FB3" w:rsidRDefault="00156FB3" w:rsidP="00156FB3">
            <w:r>
              <w:t xml:space="preserve">     *</w:t>
            </w:r>
          </w:p>
          <w:p w:rsidR="00156FB3" w:rsidRDefault="00156FB3" w:rsidP="00156FB3">
            <w:r>
              <w:t xml:space="preserve">     * // Avoid throwing errors for invalid selectors.</w:t>
            </w:r>
          </w:p>
          <w:p w:rsidR="00156FB3" w:rsidRDefault="00156FB3" w:rsidP="00156FB3">
            <w:r>
              <w:t xml:space="preserve">     * var elements = _.attempt(function(selector) {</w:t>
            </w:r>
          </w:p>
          <w:p w:rsidR="00156FB3" w:rsidRDefault="00156FB3" w:rsidP="00156FB3">
            <w:r>
              <w:t xml:space="preserve">     *   return document.querySelectorAll(selector);</w:t>
            </w:r>
          </w:p>
          <w:p w:rsidR="00156FB3" w:rsidRDefault="00156FB3" w:rsidP="00156FB3">
            <w:r>
              <w:t xml:space="preserve">     * }, '&gt;_&gt;');</w:t>
            </w:r>
          </w:p>
          <w:p w:rsidR="00156FB3" w:rsidRDefault="00156FB3" w:rsidP="00156FB3">
            <w:r>
              <w:t xml:space="preserve">     *</w:t>
            </w:r>
          </w:p>
          <w:p w:rsidR="00156FB3" w:rsidRDefault="00156FB3" w:rsidP="00156FB3">
            <w:r>
              <w:t xml:space="preserve">     * if (_.isError(elements)) {</w:t>
            </w:r>
          </w:p>
          <w:p w:rsidR="00156FB3" w:rsidRDefault="00156FB3" w:rsidP="00156FB3">
            <w:r>
              <w:t xml:space="preserve">     *   elements = [];</w:t>
            </w:r>
          </w:p>
          <w:p w:rsidR="00156FB3" w:rsidRDefault="00156FB3" w:rsidP="00156FB3">
            <w:r>
              <w:t xml:space="preserve">     * }</w:t>
            </w:r>
          </w:p>
          <w:p w:rsidR="00156FB3" w:rsidRDefault="00156FB3" w:rsidP="00156FB3">
            <w:r>
              <w:t xml:space="preserve">     */</w:t>
            </w:r>
          </w:p>
          <w:p w:rsidR="00156FB3" w:rsidRDefault="00156FB3" w:rsidP="00156FB3">
            <w:r>
              <w:t xml:space="preserve">    var attempt = baseRest(function(func, args) {</w:t>
            </w:r>
          </w:p>
          <w:p w:rsidR="00156FB3" w:rsidRDefault="00156FB3" w:rsidP="00156FB3">
            <w:r>
              <w:t xml:space="preserve">      try {</w:t>
            </w:r>
          </w:p>
          <w:p w:rsidR="00156FB3" w:rsidRDefault="00156FB3" w:rsidP="00156FB3">
            <w:r>
              <w:t xml:space="preserve">        return apply(func, undefined, args);</w:t>
            </w:r>
          </w:p>
          <w:p w:rsidR="00156FB3" w:rsidRDefault="00156FB3" w:rsidP="00156FB3">
            <w:r>
              <w:t xml:space="preserve">      } catch (e) {</w:t>
            </w:r>
          </w:p>
          <w:p w:rsidR="00156FB3" w:rsidRDefault="00156FB3" w:rsidP="00156FB3">
            <w:r>
              <w:t xml:space="preserve">        return isError(e) ? e : new Error(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Binds methods of an object to the object itself, overwriting the existing</w:t>
            </w:r>
          </w:p>
          <w:p w:rsidR="00156FB3" w:rsidRDefault="00156FB3" w:rsidP="00156FB3">
            <w:r>
              <w:t xml:space="preserve">     * method.</w:t>
            </w:r>
          </w:p>
          <w:p w:rsidR="00156FB3" w:rsidRDefault="00156FB3" w:rsidP="00156FB3">
            <w:r>
              <w:t xml:space="preserve">     *</w:t>
            </w:r>
          </w:p>
          <w:p w:rsidR="00156FB3" w:rsidRDefault="00156FB3" w:rsidP="00156FB3">
            <w:r>
              <w:t xml:space="preserve">     * **Note:** This method doesn't set the "length" property of bound functions.</w:t>
            </w:r>
          </w:p>
          <w:p w:rsidR="00156FB3" w:rsidRDefault="00156FB3" w:rsidP="00156FB3">
            <w:r>
              <w:t xml:space="preserve">     *</w:t>
            </w:r>
          </w:p>
          <w:p w:rsidR="00156FB3" w:rsidRDefault="00156FB3" w:rsidP="00156FB3">
            <w:r>
              <w:t xml:space="preserve">     * @static</w:t>
            </w:r>
          </w:p>
          <w:p w:rsidR="00156FB3" w:rsidRDefault="00156FB3" w:rsidP="00156FB3">
            <w:r>
              <w:t xml:space="preserve">     * @since 0.1.0</w:t>
            </w:r>
          </w:p>
          <w:p w:rsidR="00156FB3" w:rsidRDefault="00156FB3" w:rsidP="00156FB3">
            <w:r>
              <w:t xml:space="preserve">     * @memberOf _</w:t>
            </w:r>
          </w:p>
          <w:p w:rsidR="00156FB3" w:rsidRDefault="00156FB3" w:rsidP="00156FB3">
            <w:r>
              <w:t xml:space="preserve">     * @category Util</w:t>
            </w:r>
          </w:p>
          <w:p w:rsidR="00156FB3" w:rsidRDefault="00156FB3" w:rsidP="00156FB3">
            <w:r>
              <w:t xml:space="preserve">     * @param {Object} object The object to bind and assign the bound methods to.</w:t>
            </w:r>
          </w:p>
          <w:p w:rsidR="00156FB3" w:rsidRDefault="00156FB3" w:rsidP="00156FB3">
            <w:r>
              <w:t xml:space="preserve">     * @param {...(string|string[])} methodNames The object method names to bind.</w:t>
            </w:r>
          </w:p>
          <w:p w:rsidR="00156FB3" w:rsidRDefault="00156FB3" w:rsidP="00156FB3">
            <w:r>
              <w:t xml:space="preserve">     * @returns {Object} Returns `object`.</w:t>
            </w:r>
          </w:p>
          <w:p w:rsidR="00156FB3" w:rsidRDefault="00156FB3" w:rsidP="00156FB3">
            <w:r>
              <w:t xml:space="preserve">     * @example</w:t>
            </w:r>
          </w:p>
          <w:p w:rsidR="00156FB3" w:rsidRDefault="00156FB3" w:rsidP="00156FB3">
            <w:r>
              <w:t xml:space="preserve">     *</w:t>
            </w:r>
          </w:p>
          <w:p w:rsidR="00156FB3" w:rsidRDefault="00156FB3" w:rsidP="00156FB3">
            <w:r>
              <w:t xml:space="preserve">     * var view = {</w:t>
            </w:r>
          </w:p>
          <w:p w:rsidR="00156FB3" w:rsidRDefault="00156FB3" w:rsidP="00156FB3">
            <w:r>
              <w:t xml:space="preserve">     *   'label': 'docs',</w:t>
            </w:r>
          </w:p>
          <w:p w:rsidR="00156FB3" w:rsidRDefault="00156FB3" w:rsidP="00156FB3">
            <w:r>
              <w:t xml:space="preserve">     *   'click': function() {</w:t>
            </w:r>
          </w:p>
          <w:p w:rsidR="00156FB3" w:rsidRDefault="00156FB3" w:rsidP="00156FB3">
            <w:r>
              <w:t xml:space="preserve">     *     console.log('clicked ' + this.label);</w:t>
            </w:r>
          </w:p>
          <w:p w:rsidR="00156FB3" w:rsidRDefault="00156FB3" w:rsidP="00156FB3">
            <w:r>
              <w:t xml:space="preserve">     *   }</w:t>
            </w:r>
          </w:p>
          <w:p w:rsidR="00156FB3" w:rsidRDefault="00156FB3" w:rsidP="00156FB3">
            <w:r>
              <w:t xml:space="preserve">     * };</w:t>
            </w:r>
          </w:p>
          <w:p w:rsidR="00156FB3" w:rsidRDefault="00156FB3" w:rsidP="00156FB3">
            <w:r>
              <w:t xml:space="preserve">     *</w:t>
            </w:r>
          </w:p>
          <w:p w:rsidR="00156FB3" w:rsidRDefault="00156FB3" w:rsidP="00156FB3">
            <w:r>
              <w:t xml:space="preserve">     * _.bindAll(view, ['click']);</w:t>
            </w:r>
          </w:p>
          <w:p w:rsidR="00156FB3" w:rsidRDefault="00156FB3" w:rsidP="00156FB3">
            <w:r>
              <w:t xml:space="preserve">     * jQuery(element).on('click', view.click);</w:t>
            </w:r>
          </w:p>
          <w:p w:rsidR="00156FB3" w:rsidRDefault="00156FB3" w:rsidP="00156FB3">
            <w:r>
              <w:t xml:space="preserve">     * // =&gt; Logs 'clicked docs' when clicked.</w:t>
            </w:r>
          </w:p>
          <w:p w:rsidR="00156FB3" w:rsidRDefault="00156FB3" w:rsidP="00156FB3">
            <w:r>
              <w:lastRenderedPageBreak/>
              <w:t xml:space="preserve">     */</w:t>
            </w:r>
          </w:p>
          <w:p w:rsidR="00156FB3" w:rsidRDefault="00156FB3" w:rsidP="00156FB3">
            <w:r>
              <w:t xml:space="preserve">    var bindAll = flatRest(function(object, methodNames) {</w:t>
            </w:r>
          </w:p>
          <w:p w:rsidR="00156FB3" w:rsidRDefault="00156FB3" w:rsidP="00156FB3">
            <w:r>
              <w:t xml:space="preserve">      arrayEach(methodNames, function(key) {</w:t>
            </w:r>
          </w:p>
          <w:p w:rsidR="00156FB3" w:rsidRDefault="00156FB3" w:rsidP="00156FB3">
            <w:r>
              <w:t xml:space="preserve">        key = toKey(key);</w:t>
            </w:r>
          </w:p>
          <w:p w:rsidR="00156FB3" w:rsidRDefault="00156FB3" w:rsidP="00156FB3">
            <w:r>
              <w:t xml:space="preserve">        baseAssignValue(object, key, bind(object[key], object));</w:t>
            </w:r>
          </w:p>
          <w:p w:rsidR="00156FB3" w:rsidRDefault="00156FB3" w:rsidP="00156FB3">
            <w:r>
              <w:t xml:space="preserve">      });</w:t>
            </w:r>
          </w:p>
          <w:p w:rsidR="00156FB3" w:rsidRDefault="00156FB3" w:rsidP="00156FB3">
            <w:r>
              <w:t xml:space="preserve">      return 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iterates over `pairs` and invokes the corresponding</w:t>
            </w:r>
          </w:p>
          <w:p w:rsidR="00156FB3" w:rsidRDefault="00156FB3" w:rsidP="00156FB3">
            <w:r>
              <w:t xml:space="preserve">     * function of the first predicate to return truthy. The predicate-function</w:t>
            </w:r>
          </w:p>
          <w:p w:rsidR="00156FB3" w:rsidRDefault="00156FB3" w:rsidP="00156FB3">
            <w:r>
              <w:t xml:space="preserve">     * pairs are invoked with the `this` binding and arguments of the created</w:t>
            </w:r>
          </w:p>
          <w:p w:rsidR="00156FB3" w:rsidRDefault="00156FB3" w:rsidP="00156FB3">
            <w:r>
              <w:t xml:space="preserve">     * function.</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Util</w:t>
            </w:r>
          </w:p>
          <w:p w:rsidR="00156FB3" w:rsidRDefault="00156FB3" w:rsidP="00156FB3">
            <w:r>
              <w:t xml:space="preserve">     * @param {Array} pairs The predicate-function pairs.</w:t>
            </w:r>
          </w:p>
          <w:p w:rsidR="00156FB3" w:rsidRDefault="00156FB3" w:rsidP="00156FB3">
            <w:r>
              <w:t xml:space="preserve">     * @returns {Function} Returns the new composite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func = _.cond([</w:t>
            </w:r>
          </w:p>
          <w:p w:rsidR="00156FB3" w:rsidRDefault="00156FB3" w:rsidP="00156FB3">
            <w:r>
              <w:t xml:space="preserve">     *   [_.matches({ 'a': 1 }),           _.constant('matches A')],</w:t>
            </w:r>
          </w:p>
          <w:p w:rsidR="00156FB3" w:rsidRDefault="00156FB3" w:rsidP="00156FB3">
            <w:r>
              <w:t xml:space="preserve">     *   [_.conforms({ 'b': _.isNumber }), _.constant('matches B')],</w:t>
            </w:r>
          </w:p>
          <w:p w:rsidR="00156FB3" w:rsidRDefault="00156FB3" w:rsidP="00156FB3">
            <w:r>
              <w:t xml:space="preserve">     *   [_.stubTrue,                      _.constant('no match')]</w:t>
            </w:r>
          </w:p>
          <w:p w:rsidR="00156FB3" w:rsidRDefault="00156FB3" w:rsidP="00156FB3">
            <w:r>
              <w:t xml:space="preserve">     * ]);</w:t>
            </w:r>
          </w:p>
          <w:p w:rsidR="00156FB3" w:rsidRDefault="00156FB3" w:rsidP="00156FB3">
            <w:r>
              <w:t xml:space="preserve">     *</w:t>
            </w:r>
          </w:p>
          <w:p w:rsidR="00156FB3" w:rsidRDefault="00156FB3" w:rsidP="00156FB3">
            <w:r>
              <w:t xml:space="preserve">     * func({ 'a': 1, 'b': 2 });</w:t>
            </w:r>
          </w:p>
          <w:p w:rsidR="00156FB3" w:rsidRDefault="00156FB3" w:rsidP="00156FB3">
            <w:r>
              <w:t xml:space="preserve">     * // =&gt; 'matches A'</w:t>
            </w:r>
          </w:p>
          <w:p w:rsidR="00156FB3" w:rsidRDefault="00156FB3" w:rsidP="00156FB3">
            <w:r>
              <w:t xml:space="preserve">     *</w:t>
            </w:r>
          </w:p>
          <w:p w:rsidR="00156FB3" w:rsidRDefault="00156FB3" w:rsidP="00156FB3">
            <w:r>
              <w:t xml:space="preserve">     * func({ 'a': 0, 'b': 1 });</w:t>
            </w:r>
          </w:p>
          <w:p w:rsidR="00156FB3" w:rsidRDefault="00156FB3" w:rsidP="00156FB3">
            <w:r>
              <w:t xml:space="preserve">     * // =&gt; 'matches B'</w:t>
            </w:r>
          </w:p>
          <w:p w:rsidR="00156FB3" w:rsidRDefault="00156FB3" w:rsidP="00156FB3">
            <w:r>
              <w:t xml:space="preserve">     *</w:t>
            </w:r>
          </w:p>
          <w:p w:rsidR="00156FB3" w:rsidRDefault="00156FB3" w:rsidP="00156FB3">
            <w:r>
              <w:t xml:space="preserve">     * func({ 'a': '1', 'b': '2' });</w:t>
            </w:r>
          </w:p>
          <w:p w:rsidR="00156FB3" w:rsidRDefault="00156FB3" w:rsidP="00156FB3">
            <w:r>
              <w:t xml:space="preserve">     * // =&gt; 'no match'</w:t>
            </w:r>
          </w:p>
          <w:p w:rsidR="00156FB3" w:rsidRDefault="00156FB3" w:rsidP="00156FB3">
            <w:r>
              <w:t xml:space="preserve">     */</w:t>
            </w:r>
          </w:p>
          <w:p w:rsidR="00156FB3" w:rsidRDefault="00156FB3" w:rsidP="00156FB3">
            <w:r>
              <w:t xml:space="preserve">    function cond(pairs) {</w:t>
            </w:r>
          </w:p>
          <w:p w:rsidR="00156FB3" w:rsidRDefault="00156FB3" w:rsidP="00156FB3">
            <w:r>
              <w:t xml:space="preserve">      var length = pairs == null ? 0 : pairs.length,</w:t>
            </w:r>
          </w:p>
          <w:p w:rsidR="00156FB3" w:rsidRDefault="00156FB3" w:rsidP="00156FB3">
            <w:r>
              <w:t xml:space="preserve">          toIteratee = getIteratee();</w:t>
            </w:r>
          </w:p>
          <w:p w:rsidR="00156FB3" w:rsidRDefault="00156FB3" w:rsidP="00156FB3"/>
          <w:p w:rsidR="00156FB3" w:rsidRDefault="00156FB3" w:rsidP="00156FB3">
            <w:r>
              <w:t xml:space="preserve">      pairs = !length ? [] : arrayMap(pairs, function(pair) {</w:t>
            </w:r>
          </w:p>
          <w:p w:rsidR="00156FB3" w:rsidRDefault="00156FB3" w:rsidP="00156FB3">
            <w:r>
              <w:t xml:space="preserve">        if (typeof pair[1] != 'function') {</w:t>
            </w:r>
          </w:p>
          <w:p w:rsidR="00156FB3" w:rsidRDefault="00156FB3" w:rsidP="00156FB3">
            <w:r>
              <w:t xml:space="preserve">          throw new TypeError(FUNC_ERROR_TEXT);</w:t>
            </w:r>
          </w:p>
          <w:p w:rsidR="00156FB3" w:rsidRDefault="00156FB3" w:rsidP="00156FB3">
            <w:r>
              <w:t xml:space="preserve">        }</w:t>
            </w:r>
          </w:p>
          <w:p w:rsidR="00156FB3" w:rsidRDefault="00156FB3" w:rsidP="00156FB3">
            <w:r>
              <w:t xml:space="preserve">        return [toIteratee(pair[0]), pair[1]];</w:t>
            </w:r>
          </w:p>
          <w:p w:rsidR="00156FB3" w:rsidRDefault="00156FB3" w:rsidP="00156FB3">
            <w:r>
              <w:t xml:space="preserve">      });</w:t>
            </w:r>
          </w:p>
          <w:p w:rsidR="00156FB3" w:rsidRDefault="00156FB3" w:rsidP="00156FB3"/>
          <w:p w:rsidR="00156FB3" w:rsidRDefault="00156FB3" w:rsidP="00156FB3">
            <w:r>
              <w:t xml:space="preserve">      return baseRest(function(args) {</w:t>
            </w:r>
          </w:p>
          <w:p w:rsidR="00156FB3" w:rsidRDefault="00156FB3" w:rsidP="00156FB3">
            <w:r>
              <w:t xml:space="preserve">        var index = -1;</w:t>
            </w:r>
          </w:p>
          <w:p w:rsidR="00156FB3" w:rsidRDefault="00156FB3" w:rsidP="00156FB3">
            <w:r>
              <w:t xml:space="preserve">        while (++index &lt; length) {</w:t>
            </w:r>
          </w:p>
          <w:p w:rsidR="00156FB3" w:rsidRDefault="00156FB3" w:rsidP="00156FB3">
            <w:r>
              <w:t xml:space="preserve">          var pair = pairs[index];</w:t>
            </w:r>
          </w:p>
          <w:p w:rsidR="00156FB3" w:rsidRDefault="00156FB3" w:rsidP="00156FB3">
            <w:r>
              <w:t xml:space="preserve">          if (apply(pair[0], this, args)) {</w:t>
            </w:r>
          </w:p>
          <w:p w:rsidR="00156FB3" w:rsidRDefault="00156FB3" w:rsidP="00156FB3">
            <w:r>
              <w:t xml:space="preserve">            return apply(pair[1], this, args);</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invokes the predicate properties of `source` with</w:t>
            </w:r>
          </w:p>
          <w:p w:rsidR="00156FB3" w:rsidRDefault="00156FB3" w:rsidP="00156FB3">
            <w:r>
              <w:t xml:space="preserve">     * the corresponding property values of a given object, returning `true` if</w:t>
            </w:r>
          </w:p>
          <w:p w:rsidR="00156FB3" w:rsidRDefault="00156FB3" w:rsidP="00156FB3">
            <w:r>
              <w:t xml:space="preserve">     * all predicates return truthy, else `false`.</w:t>
            </w:r>
          </w:p>
          <w:p w:rsidR="00156FB3" w:rsidRDefault="00156FB3" w:rsidP="00156FB3">
            <w:r>
              <w:t xml:space="preserve">     *</w:t>
            </w:r>
          </w:p>
          <w:p w:rsidR="00156FB3" w:rsidRDefault="00156FB3" w:rsidP="00156FB3">
            <w:r>
              <w:t xml:space="preserve">     * **Note:** The created function is equivalent to `_.conformsTo` with</w:t>
            </w:r>
          </w:p>
          <w:p w:rsidR="00156FB3" w:rsidRDefault="00156FB3" w:rsidP="00156FB3">
            <w:r>
              <w:t xml:space="preserve">     * `source` partially applied.</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Util</w:t>
            </w:r>
          </w:p>
          <w:p w:rsidR="00156FB3" w:rsidRDefault="00156FB3" w:rsidP="00156FB3">
            <w:r>
              <w:t xml:space="preserve">     * @param {Object} source The object of property predicates to conform to.</w:t>
            </w:r>
          </w:p>
          <w:p w:rsidR="00156FB3" w:rsidRDefault="00156FB3" w:rsidP="00156FB3">
            <w:r>
              <w:t xml:space="preserve">     * @returns {Function} Returns the new spec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s = [</w:t>
            </w:r>
          </w:p>
          <w:p w:rsidR="00156FB3" w:rsidRDefault="00156FB3" w:rsidP="00156FB3">
            <w:r>
              <w:t xml:space="preserve">     *   { 'a': 2, 'b': 1 },</w:t>
            </w:r>
          </w:p>
          <w:p w:rsidR="00156FB3" w:rsidRDefault="00156FB3" w:rsidP="00156FB3">
            <w:r>
              <w:t xml:space="preserve">     *   { 'a': 1, 'b': 2 }</w:t>
            </w:r>
          </w:p>
          <w:p w:rsidR="00156FB3" w:rsidRDefault="00156FB3" w:rsidP="00156FB3">
            <w:r>
              <w:t xml:space="preserve">     * ];</w:t>
            </w:r>
          </w:p>
          <w:p w:rsidR="00156FB3" w:rsidRDefault="00156FB3" w:rsidP="00156FB3">
            <w:r>
              <w:t xml:space="preserve">     *</w:t>
            </w:r>
          </w:p>
          <w:p w:rsidR="00156FB3" w:rsidRDefault="00156FB3" w:rsidP="00156FB3">
            <w:r>
              <w:t xml:space="preserve">     * _.filter(objects, _.conforms({ 'b': function(n) { return n &gt; 1; } }));</w:t>
            </w:r>
          </w:p>
          <w:p w:rsidR="00156FB3" w:rsidRDefault="00156FB3" w:rsidP="00156FB3">
            <w:r>
              <w:t xml:space="preserve">     * // =&gt; [{ 'a': 1, 'b': 2 }]</w:t>
            </w:r>
          </w:p>
          <w:p w:rsidR="00156FB3" w:rsidRDefault="00156FB3" w:rsidP="00156FB3">
            <w:r>
              <w:t xml:space="preserve">     */</w:t>
            </w:r>
          </w:p>
          <w:p w:rsidR="00156FB3" w:rsidRDefault="00156FB3" w:rsidP="00156FB3">
            <w:r>
              <w:t xml:space="preserve">    function conforms(source) {</w:t>
            </w:r>
          </w:p>
          <w:p w:rsidR="00156FB3" w:rsidRDefault="00156FB3" w:rsidP="00156FB3">
            <w:r>
              <w:t xml:space="preserve">      return baseConforms(baseClone(source, CLONE_DEEP_FLA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returns `valu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2.4.0</w:t>
            </w:r>
          </w:p>
          <w:p w:rsidR="00156FB3" w:rsidRDefault="00156FB3" w:rsidP="00156FB3">
            <w:r>
              <w:t xml:space="preserve">     * @category Util</w:t>
            </w:r>
          </w:p>
          <w:p w:rsidR="00156FB3" w:rsidRDefault="00156FB3" w:rsidP="00156FB3">
            <w:r>
              <w:t xml:space="preserve">     * @param {*} value The value to return from the new function.</w:t>
            </w:r>
          </w:p>
          <w:p w:rsidR="00156FB3" w:rsidRDefault="00156FB3" w:rsidP="00156FB3">
            <w:r>
              <w:lastRenderedPageBreak/>
              <w:t xml:space="preserve">     * @returns {Function} Returns the new constant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s = _.times(2, _.constant({ 'a': 1 }));</w:t>
            </w:r>
          </w:p>
          <w:p w:rsidR="00156FB3" w:rsidRDefault="00156FB3" w:rsidP="00156FB3">
            <w:r>
              <w:t xml:space="preserve">     *</w:t>
            </w:r>
          </w:p>
          <w:p w:rsidR="00156FB3" w:rsidRDefault="00156FB3" w:rsidP="00156FB3">
            <w:r>
              <w:t xml:space="preserve">     * console.log(objects);</w:t>
            </w:r>
          </w:p>
          <w:p w:rsidR="00156FB3" w:rsidRDefault="00156FB3" w:rsidP="00156FB3">
            <w:r>
              <w:t xml:space="preserve">     * // =&gt; [{ 'a': 1 }, { 'a': 1 }]</w:t>
            </w:r>
          </w:p>
          <w:p w:rsidR="00156FB3" w:rsidRDefault="00156FB3" w:rsidP="00156FB3">
            <w:r>
              <w:t xml:space="preserve">     *</w:t>
            </w:r>
          </w:p>
          <w:p w:rsidR="00156FB3" w:rsidRDefault="00156FB3" w:rsidP="00156FB3">
            <w:r>
              <w:t xml:space="preserve">     * console.log(objects[0] === objects[1]);</w:t>
            </w:r>
          </w:p>
          <w:p w:rsidR="00156FB3" w:rsidRDefault="00156FB3" w:rsidP="00156FB3">
            <w:r>
              <w:t xml:space="preserve">     * // =&gt; true</w:t>
            </w:r>
          </w:p>
          <w:p w:rsidR="00156FB3" w:rsidRDefault="00156FB3" w:rsidP="00156FB3">
            <w:r>
              <w:t xml:space="preserve">     */</w:t>
            </w:r>
          </w:p>
          <w:p w:rsidR="00156FB3" w:rsidRDefault="00156FB3" w:rsidP="00156FB3">
            <w:r>
              <w:t xml:space="preserve">    function constant(value) {</w:t>
            </w:r>
          </w:p>
          <w:p w:rsidR="00156FB3" w:rsidRDefault="00156FB3" w:rsidP="00156FB3">
            <w:r>
              <w:t xml:space="preserve">      return function() {</w:t>
            </w:r>
          </w:p>
          <w:p w:rsidR="00156FB3" w:rsidRDefault="00156FB3" w:rsidP="00156FB3">
            <w:r>
              <w:t xml:space="preserve">        return val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hecks `value` to determine whether a default value should be returned in</w:t>
            </w:r>
          </w:p>
          <w:p w:rsidR="00156FB3" w:rsidRDefault="00156FB3" w:rsidP="00156FB3">
            <w:r>
              <w:t xml:space="preserve">     * its place. The `defaultValue` is returned if `value` is `NaN`, `null`,</w:t>
            </w:r>
          </w:p>
          <w:p w:rsidR="00156FB3" w:rsidRDefault="00156FB3" w:rsidP="00156FB3">
            <w:r>
              <w:t xml:space="preserve">     * or `undefined`.</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14.0</w:t>
            </w:r>
          </w:p>
          <w:p w:rsidR="00156FB3" w:rsidRDefault="00156FB3" w:rsidP="00156FB3">
            <w:r>
              <w:t xml:space="preserve">     * @category Util</w:t>
            </w:r>
          </w:p>
          <w:p w:rsidR="00156FB3" w:rsidRDefault="00156FB3" w:rsidP="00156FB3">
            <w:r>
              <w:t xml:space="preserve">     * @param {*} value The value to check.</w:t>
            </w:r>
          </w:p>
          <w:p w:rsidR="00156FB3" w:rsidRDefault="00156FB3" w:rsidP="00156FB3">
            <w:r>
              <w:t xml:space="preserve">     * @param {*} defaultValue The default value.</w:t>
            </w:r>
          </w:p>
          <w:p w:rsidR="00156FB3" w:rsidRDefault="00156FB3" w:rsidP="00156FB3">
            <w:r>
              <w:t xml:space="preserve">     * @returns {*} Returns the resolved value.</w:t>
            </w:r>
          </w:p>
          <w:p w:rsidR="00156FB3" w:rsidRDefault="00156FB3" w:rsidP="00156FB3">
            <w:r>
              <w:t xml:space="preserve">     * @example</w:t>
            </w:r>
          </w:p>
          <w:p w:rsidR="00156FB3" w:rsidRDefault="00156FB3" w:rsidP="00156FB3">
            <w:r>
              <w:t xml:space="preserve">     *</w:t>
            </w:r>
          </w:p>
          <w:p w:rsidR="00156FB3" w:rsidRDefault="00156FB3" w:rsidP="00156FB3">
            <w:r>
              <w:t xml:space="preserve">     * _.defaultTo(1, 10);</w:t>
            </w:r>
          </w:p>
          <w:p w:rsidR="00156FB3" w:rsidRDefault="00156FB3" w:rsidP="00156FB3">
            <w:r>
              <w:t xml:space="preserve">     * // =&gt; 1</w:t>
            </w:r>
          </w:p>
          <w:p w:rsidR="00156FB3" w:rsidRDefault="00156FB3" w:rsidP="00156FB3">
            <w:r>
              <w:t xml:space="preserve">     *</w:t>
            </w:r>
          </w:p>
          <w:p w:rsidR="00156FB3" w:rsidRDefault="00156FB3" w:rsidP="00156FB3">
            <w:r>
              <w:t xml:space="preserve">     * _.defaultTo(undefined, 10);</w:t>
            </w:r>
          </w:p>
          <w:p w:rsidR="00156FB3" w:rsidRDefault="00156FB3" w:rsidP="00156FB3">
            <w:r>
              <w:t xml:space="preserve">     * // =&gt; 10</w:t>
            </w:r>
          </w:p>
          <w:p w:rsidR="00156FB3" w:rsidRDefault="00156FB3" w:rsidP="00156FB3">
            <w:r>
              <w:t xml:space="preserve">     */</w:t>
            </w:r>
          </w:p>
          <w:p w:rsidR="00156FB3" w:rsidRDefault="00156FB3" w:rsidP="00156FB3">
            <w:r>
              <w:t xml:space="preserve">    function defaultTo(value, defaultValue) {</w:t>
            </w:r>
          </w:p>
          <w:p w:rsidR="00156FB3" w:rsidRDefault="00156FB3" w:rsidP="00156FB3">
            <w:r>
              <w:t xml:space="preserve">      return (value == null || value !== value) ? defaultValue : 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returns the result of invoking the given functions</w:t>
            </w:r>
          </w:p>
          <w:p w:rsidR="00156FB3" w:rsidRDefault="00156FB3" w:rsidP="00156FB3">
            <w:r>
              <w:t xml:space="preserve">     * with the `this` binding of the created function, where each successive</w:t>
            </w:r>
          </w:p>
          <w:p w:rsidR="00156FB3" w:rsidRDefault="00156FB3" w:rsidP="00156FB3">
            <w:r>
              <w:t xml:space="preserve">     * invocation is supplied the return value of the previou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lastRenderedPageBreak/>
              <w:t xml:space="preserve">     * @since 3.0.0</w:t>
            </w:r>
          </w:p>
          <w:p w:rsidR="00156FB3" w:rsidRDefault="00156FB3" w:rsidP="00156FB3">
            <w:r>
              <w:t xml:space="preserve">     * @category Util</w:t>
            </w:r>
          </w:p>
          <w:p w:rsidR="00156FB3" w:rsidRDefault="00156FB3" w:rsidP="00156FB3">
            <w:r>
              <w:t xml:space="preserve">     * @param {...(Function|Function[])} [funcs] The functions to invoke.</w:t>
            </w:r>
          </w:p>
          <w:p w:rsidR="00156FB3" w:rsidRDefault="00156FB3" w:rsidP="00156FB3">
            <w:r>
              <w:t xml:space="preserve">     * @returns {Function} Returns the new composite function.</w:t>
            </w:r>
          </w:p>
          <w:p w:rsidR="00156FB3" w:rsidRDefault="00156FB3" w:rsidP="00156FB3">
            <w:r>
              <w:t xml:space="preserve">     * @see _.flowRight</w:t>
            </w:r>
          </w:p>
          <w:p w:rsidR="00156FB3" w:rsidRDefault="00156FB3" w:rsidP="00156FB3">
            <w:r>
              <w:t xml:space="preserve">     * @example</w:t>
            </w:r>
          </w:p>
          <w:p w:rsidR="00156FB3" w:rsidRDefault="00156FB3" w:rsidP="00156FB3">
            <w:r>
              <w:t xml:space="preserve">     *</w:t>
            </w:r>
          </w:p>
          <w:p w:rsidR="00156FB3" w:rsidRDefault="00156FB3" w:rsidP="00156FB3">
            <w:r>
              <w:t xml:space="preserve">     * function square(n) {</w:t>
            </w:r>
          </w:p>
          <w:p w:rsidR="00156FB3" w:rsidRDefault="00156FB3" w:rsidP="00156FB3">
            <w:r>
              <w:t xml:space="preserve">     *   return n * n;</w:t>
            </w:r>
          </w:p>
          <w:p w:rsidR="00156FB3" w:rsidRDefault="00156FB3" w:rsidP="00156FB3">
            <w:r>
              <w:t xml:space="preserve">     * }</w:t>
            </w:r>
          </w:p>
          <w:p w:rsidR="00156FB3" w:rsidRDefault="00156FB3" w:rsidP="00156FB3">
            <w:r>
              <w:t xml:space="preserve">     *</w:t>
            </w:r>
          </w:p>
          <w:p w:rsidR="00156FB3" w:rsidRDefault="00156FB3" w:rsidP="00156FB3">
            <w:r>
              <w:t xml:space="preserve">     * var addSquare = _.flow([_.add, square]);</w:t>
            </w:r>
          </w:p>
          <w:p w:rsidR="00156FB3" w:rsidRDefault="00156FB3" w:rsidP="00156FB3">
            <w:r>
              <w:t xml:space="preserve">     * addSquare(1, 2);</w:t>
            </w:r>
          </w:p>
          <w:p w:rsidR="00156FB3" w:rsidRDefault="00156FB3" w:rsidP="00156FB3">
            <w:r>
              <w:t xml:space="preserve">     * // =&gt; 9</w:t>
            </w:r>
          </w:p>
          <w:p w:rsidR="00156FB3" w:rsidRDefault="00156FB3" w:rsidP="00156FB3">
            <w:r>
              <w:t xml:space="preserve">     */</w:t>
            </w:r>
          </w:p>
          <w:p w:rsidR="00156FB3" w:rsidRDefault="00156FB3" w:rsidP="00156FB3">
            <w:r>
              <w:t xml:space="preserve">    var flow = createFlow();</w:t>
            </w:r>
          </w:p>
          <w:p w:rsidR="00156FB3" w:rsidRDefault="00156FB3" w:rsidP="00156FB3"/>
          <w:p w:rsidR="00156FB3" w:rsidRDefault="00156FB3" w:rsidP="00156FB3">
            <w:r>
              <w:t xml:space="preserve">    /**</w:t>
            </w:r>
          </w:p>
          <w:p w:rsidR="00156FB3" w:rsidRDefault="00156FB3" w:rsidP="00156FB3">
            <w:r>
              <w:t xml:space="preserve">     * This method is like `_.flow` except that it creates a function that</w:t>
            </w:r>
          </w:p>
          <w:p w:rsidR="00156FB3" w:rsidRDefault="00156FB3" w:rsidP="00156FB3">
            <w:r>
              <w:t xml:space="preserve">     * invokes the given functions from right to left.</w:t>
            </w:r>
          </w:p>
          <w:p w:rsidR="00156FB3" w:rsidRDefault="00156FB3" w:rsidP="00156FB3">
            <w:r>
              <w:t xml:space="preserve">     *</w:t>
            </w:r>
          </w:p>
          <w:p w:rsidR="00156FB3" w:rsidRDefault="00156FB3" w:rsidP="00156FB3">
            <w:r>
              <w:t xml:space="preserve">     * @static</w:t>
            </w:r>
          </w:p>
          <w:p w:rsidR="00156FB3" w:rsidRDefault="00156FB3" w:rsidP="00156FB3">
            <w:r>
              <w:t xml:space="preserve">     * @since 3.0.0</w:t>
            </w:r>
          </w:p>
          <w:p w:rsidR="00156FB3" w:rsidRDefault="00156FB3" w:rsidP="00156FB3">
            <w:r>
              <w:t xml:space="preserve">     * @memberOf _</w:t>
            </w:r>
          </w:p>
          <w:p w:rsidR="00156FB3" w:rsidRDefault="00156FB3" w:rsidP="00156FB3">
            <w:r>
              <w:t xml:space="preserve">     * @category Util</w:t>
            </w:r>
          </w:p>
          <w:p w:rsidR="00156FB3" w:rsidRDefault="00156FB3" w:rsidP="00156FB3">
            <w:r>
              <w:t xml:space="preserve">     * @param {...(Function|Function[])} [funcs] The functions to invoke.</w:t>
            </w:r>
          </w:p>
          <w:p w:rsidR="00156FB3" w:rsidRDefault="00156FB3" w:rsidP="00156FB3">
            <w:r>
              <w:t xml:space="preserve">     * @returns {Function} Returns the new composite function.</w:t>
            </w:r>
          </w:p>
          <w:p w:rsidR="00156FB3" w:rsidRDefault="00156FB3" w:rsidP="00156FB3">
            <w:r>
              <w:t xml:space="preserve">     * @see _.flow</w:t>
            </w:r>
          </w:p>
          <w:p w:rsidR="00156FB3" w:rsidRDefault="00156FB3" w:rsidP="00156FB3">
            <w:r>
              <w:t xml:space="preserve">     * @example</w:t>
            </w:r>
          </w:p>
          <w:p w:rsidR="00156FB3" w:rsidRDefault="00156FB3" w:rsidP="00156FB3">
            <w:r>
              <w:t xml:space="preserve">     *</w:t>
            </w:r>
          </w:p>
          <w:p w:rsidR="00156FB3" w:rsidRDefault="00156FB3" w:rsidP="00156FB3">
            <w:r>
              <w:t xml:space="preserve">     * function square(n) {</w:t>
            </w:r>
          </w:p>
          <w:p w:rsidR="00156FB3" w:rsidRDefault="00156FB3" w:rsidP="00156FB3">
            <w:r>
              <w:t xml:space="preserve">     *   return n * n;</w:t>
            </w:r>
          </w:p>
          <w:p w:rsidR="00156FB3" w:rsidRDefault="00156FB3" w:rsidP="00156FB3">
            <w:r>
              <w:t xml:space="preserve">     * }</w:t>
            </w:r>
          </w:p>
          <w:p w:rsidR="00156FB3" w:rsidRDefault="00156FB3" w:rsidP="00156FB3">
            <w:r>
              <w:t xml:space="preserve">     *</w:t>
            </w:r>
          </w:p>
          <w:p w:rsidR="00156FB3" w:rsidRDefault="00156FB3" w:rsidP="00156FB3">
            <w:r>
              <w:t xml:space="preserve">     * var addSquare = _.flowRight([square, _.add]);</w:t>
            </w:r>
          </w:p>
          <w:p w:rsidR="00156FB3" w:rsidRDefault="00156FB3" w:rsidP="00156FB3">
            <w:r>
              <w:t xml:space="preserve">     * addSquare(1, 2);</w:t>
            </w:r>
          </w:p>
          <w:p w:rsidR="00156FB3" w:rsidRDefault="00156FB3" w:rsidP="00156FB3">
            <w:r>
              <w:t xml:space="preserve">     * // =&gt; 9</w:t>
            </w:r>
          </w:p>
          <w:p w:rsidR="00156FB3" w:rsidRDefault="00156FB3" w:rsidP="00156FB3">
            <w:r>
              <w:t xml:space="preserve">     */</w:t>
            </w:r>
          </w:p>
          <w:p w:rsidR="00156FB3" w:rsidRDefault="00156FB3" w:rsidP="00156FB3">
            <w:r>
              <w:t xml:space="preserve">    var flowRight = createFlow(true);</w:t>
            </w:r>
          </w:p>
          <w:p w:rsidR="00156FB3" w:rsidRDefault="00156FB3" w:rsidP="00156FB3"/>
          <w:p w:rsidR="00156FB3" w:rsidRDefault="00156FB3" w:rsidP="00156FB3">
            <w:r>
              <w:t xml:space="preserve">    /**</w:t>
            </w:r>
          </w:p>
          <w:p w:rsidR="00156FB3" w:rsidRDefault="00156FB3" w:rsidP="00156FB3">
            <w:r>
              <w:t xml:space="preserve">     * This method returns the first argument it receives.</w:t>
            </w:r>
          </w:p>
          <w:p w:rsidR="00156FB3" w:rsidRDefault="00156FB3" w:rsidP="00156FB3">
            <w:r>
              <w:t xml:space="preserve">     *</w:t>
            </w:r>
          </w:p>
          <w:p w:rsidR="00156FB3" w:rsidRDefault="00156FB3" w:rsidP="00156FB3">
            <w:r>
              <w:t xml:space="preserve">     * @static</w:t>
            </w:r>
          </w:p>
          <w:p w:rsidR="00156FB3" w:rsidRDefault="00156FB3" w:rsidP="00156FB3">
            <w:r>
              <w:t xml:space="preserve">     * @since 0.1.0</w:t>
            </w:r>
          </w:p>
          <w:p w:rsidR="00156FB3" w:rsidRDefault="00156FB3" w:rsidP="00156FB3">
            <w:r>
              <w:t xml:space="preserve">     * @memberOf _</w:t>
            </w:r>
          </w:p>
          <w:p w:rsidR="00156FB3" w:rsidRDefault="00156FB3" w:rsidP="00156FB3">
            <w:r>
              <w:t xml:space="preserve">     * @category Util</w:t>
            </w:r>
          </w:p>
          <w:p w:rsidR="00156FB3" w:rsidRDefault="00156FB3" w:rsidP="00156FB3">
            <w:r>
              <w:t xml:space="preserve">     * @param {*} value Any value.</w:t>
            </w:r>
          </w:p>
          <w:p w:rsidR="00156FB3" w:rsidRDefault="00156FB3" w:rsidP="00156FB3">
            <w:r>
              <w:lastRenderedPageBreak/>
              <w:t xml:space="preserve">     * @returns {*} Returns `value`.</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 = { 'a': 1 };</w:t>
            </w:r>
          </w:p>
          <w:p w:rsidR="00156FB3" w:rsidRDefault="00156FB3" w:rsidP="00156FB3">
            <w:r>
              <w:t xml:space="preserve">     *</w:t>
            </w:r>
          </w:p>
          <w:p w:rsidR="00156FB3" w:rsidRDefault="00156FB3" w:rsidP="00156FB3">
            <w:r>
              <w:t xml:space="preserve">     * console.log(_.identity(object) === object);</w:t>
            </w:r>
          </w:p>
          <w:p w:rsidR="00156FB3" w:rsidRDefault="00156FB3" w:rsidP="00156FB3">
            <w:r>
              <w:t xml:space="preserve">     * // =&gt; true</w:t>
            </w:r>
          </w:p>
          <w:p w:rsidR="00156FB3" w:rsidRDefault="00156FB3" w:rsidP="00156FB3">
            <w:r>
              <w:t xml:space="preserve">     */</w:t>
            </w:r>
          </w:p>
          <w:p w:rsidR="00156FB3" w:rsidRDefault="00156FB3" w:rsidP="00156FB3">
            <w:r>
              <w:t xml:space="preserve">    function identity(value) {</w:t>
            </w:r>
          </w:p>
          <w:p w:rsidR="00156FB3" w:rsidRDefault="00156FB3" w:rsidP="00156FB3">
            <w:r>
              <w:t xml:space="preserve">      return 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invokes `func` with the arguments of the created</w:t>
            </w:r>
          </w:p>
          <w:p w:rsidR="00156FB3" w:rsidRDefault="00156FB3" w:rsidP="00156FB3">
            <w:r>
              <w:t xml:space="preserve">     * function. If `func` is a property name, the created function returns the</w:t>
            </w:r>
          </w:p>
          <w:p w:rsidR="00156FB3" w:rsidRDefault="00156FB3" w:rsidP="00156FB3">
            <w:r>
              <w:t xml:space="preserve">     * property value for a given element. If `func` is an array or object, the</w:t>
            </w:r>
          </w:p>
          <w:p w:rsidR="00156FB3" w:rsidRDefault="00156FB3" w:rsidP="00156FB3">
            <w:r>
              <w:t xml:space="preserve">     * created function returns `true` for elements that contain the equivalent</w:t>
            </w:r>
          </w:p>
          <w:p w:rsidR="00156FB3" w:rsidRDefault="00156FB3" w:rsidP="00156FB3">
            <w:r>
              <w:t xml:space="preserve">     * source properties, otherwise it returns `false`.</w:t>
            </w:r>
          </w:p>
          <w:p w:rsidR="00156FB3" w:rsidRDefault="00156FB3" w:rsidP="00156FB3">
            <w:r>
              <w:t xml:space="preserve">     *</w:t>
            </w:r>
          </w:p>
          <w:p w:rsidR="00156FB3" w:rsidRDefault="00156FB3" w:rsidP="00156FB3">
            <w:r>
              <w:t xml:space="preserve">     * @static</w:t>
            </w:r>
          </w:p>
          <w:p w:rsidR="00156FB3" w:rsidRDefault="00156FB3" w:rsidP="00156FB3">
            <w:r>
              <w:t xml:space="preserve">     * @since 4.0.0</w:t>
            </w:r>
          </w:p>
          <w:p w:rsidR="00156FB3" w:rsidRDefault="00156FB3" w:rsidP="00156FB3">
            <w:r>
              <w:t xml:space="preserve">     * @memberOf _</w:t>
            </w:r>
          </w:p>
          <w:p w:rsidR="00156FB3" w:rsidRDefault="00156FB3" w:rsidP="00156FB3">
            <w:r>
              <w:t xml:space="preserve">     * @category Util</w:t>
            </w:r>
          </w:p>
          <w:p w:rsidR="00156FB3" w:rsidRDefault="00156FB3" w:rsidP="00156FB3">
            <w:r>
              <w:t xml:space="preserve">     * @param {*} [func=_.identity] The value to convert to a callback.</w:t>
            </w:r>
          </w:p>
          <w:p w:rsidR="00156FB3" w:rsidRDefault="00156FB3" w:rsidP="00156FB3">
            <w:r>
              <w:t xml:space="preserve">     * @returns {Function} Returns the callback.</w:t>
            </w:r>
          </w:p>
          <w:p w:rsidR="00156FB3" w:rsidRDefault="00156FB3" w:rsidP="00156FB3">
            <w:r>
              <w:t xml:space="preserve">     * @example</w:t>
            </w:r>
          </w:p>
          <w:p w:rsidR="00156FB3" w:rsidRDefault="00156FB3" w:rsidP="00156FB3">
            <w:r>
              <w:t xml:space="preserve">     *</w:t>
            </w:r>
          </w:p>
          <w:p w:rsidR="00156FB3" w:rsidRDefault="00156FB3" w:rsidP="00156FB3">
            <w:r>
              <w:t xml:space="preserve">     * var users = [</w:t>
            </w:r>
          </w:p>
          <w:p w:rsidR="00156FB3" w:rsidRDefault="00156FB3" w:rsidP="00156FB3">
            <w:r>
              <w:t xml:space="preserve">     *   { 'user': 'barney', 'age': 36, 'active': true },</w:t>
            </w:r>
          </w:p>
          <w:p w:rsidR="00156FB3" w:rsidRDefault="00156FB3" w:rsidP="00156FB3">
            <w:r>
              <w:t xml:space="preserve">     *   { 'user': 'fred',   'age': 40, 'active': false }</w:t>
            </w:r>
          </w:p>
          <w:p w:rsidR="00156FB3" w:rsidRDefault="00156FB3" w:rsidP="00156FB3">
            <w:r>
              <w:t xml:space="preserve">     * ];</w:t>
            </w:r>
          </w:p>
          <w:p w:rsidR="00156FB3" w:rsidRDefault="00156FB3" w:rsidP="00156FB3">
            <w:r>
              <w:t xml:space="preserve">     *</w:t>
            </w:r>
          </w:p>
          <w:p w:rsidR="00156FB3" w:rsidRDefault="00156FB3" w:rsidP="00156FB3">
            <w:r>
              <w:t xml:space="preserve">     * // The `_.matches` iteratee shorthand.</w:t>
            </w:r>
          </w:p>
          <w:p w:rsidR="00156FB3" w:rsidRDefault="00156FB3" w:rsidP="00156FB3">
            <w:r>
              <w:t xml:space="preserve">     * _.filter(users, _.iteratee({ 'user': 'barney', 'active': true }));</w:t>
            </w:r>
          </w:p>
          <w:p w:rsidR="00156FB3" w:rsidRDefault="00156FB3" w:rsidP="00156FB3">
            <w:r>
              <w:t xml:space="preserve">     * // =&gt; [{ 'user': 'barney', 'age': 36, 'active': true }]</w:t>
            </w:r>
          </w:p>
          <w:p w:rsidR="00156FB3" w:rsidRDefault="00156FB3" w:rsidP="00156FB3">
            <w:r>
              <w:t xml:space="preserve">     *</w:t>
            </w:r>
          </w:p>
          <w:p w:rsidR="00156FB3" w:rsidRDefault="00156FB3" w:rsidP="00156FB3">
            <w:r>
              <w:t xml:space="preserve">     * // The `_.matchesProperty` iteratee shorthand.</w:t>
            </w:r>
          </w:p>
          <w:p w:rsidR="00156FB3" w:rsidRDefault="00156FB3" w:rsidP="00156FB3">
            <w:r>
              <w:t xml:space="preserve">     * _.filter(users, _.iteratee(['user', 'fred']));</w:t>
            </w:r>
          </w:p>
          <w:p w:rsidR="00156FB3" w:rsidRDefault="00156FB3" w:rsidP="00156FB3">
            <w:r>
              <w:t xml:space="preserve">     * // =&gt; [{ 'user': 'fred', 'age': 40 }]</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map(users, _.iteratee('user'));</w:t>
            </w:r>
          </w:p>
          <w:p w:rsidR="00156FB3" w:rsidRDefault="00156FB3" w:rsidP="00156FB3">
            <w:r>
              <w:t xml:space="preserve">     * // =&gt; ['barney', 'fred']</w:t>
            </w:r>
          </w:p>
          <w:p w:rsidR="00156FB3" w:rsidRDefault="00156FB3" w:rsidP="00156FB3">
            <w:r>
              <w:t xml:space="preserve">     *</w:t>
            </w:r>
          </w:p>
          <w:p w:rsidR="00156FB3" w:rsidRDefault="00156FB3" w:rsidP="00156FB3">
            <w:r>
              <w:t xml:space="preserve">     * // Create custom iteratee shorthands.</w:t>
            </w:r>
          </w:p>
          <w:p w:rsidR="00156FB3" w:rsidRDefault="00156FB3" w:rsidP="00156FB3">
            <w:r>
              <w:t xml:space="preserve">     * _.iteratee = _.wrap(_.iteratee, function(iteratee, func) {</w:t>
            </w:r>
          </w:p>
          <w:p w:rsidR="00156FB3" w:rsidRDefault="00156FB3" w:rsidP="00156FB3">
            <w:r>
              <w:t xml:space="preserve">     *   return !_.isRegExp(func) ? iteratee(func) : function(string) {</w:t>
            </w:r>
          </w:p>
          <w:p w:rsidR="00156FB3" w:rsidRDefault="00156FB3" w:rsidP="00156FB3">
            <w:r>
              <w:t xml:space="preserve">     *     return func.test(string);</w:t>
            </w:r>
          </w:p>
          <w:p w:rsidR="00156FB3" w:rsidRDefault="00156FB3" w:rsidP="00156FB3">
            <w:r>
              <w:lastRenderedPageBreak/>
              <w:t xml:space="preserve">     *   };</w:t>
            </w:r>
          </w:p>
          <w:p w:rsidR="00156FB3" w:rsidRDefault="00156FB3" w:rsidP="00156FB3">
            <w:r>
              <w:t xml:space="preserve">     * });</w:t>
            </w:r>
          </w:p>
          <w:p w:rsidR="00156FB3" w:rsidRDefault="00156FB3" w:rsidP="00156FB3">
            <w:r>
              <w:t xml:space="preserve">     *</w:t>
            </w:r>
          </w:p>
          <w:p w:rsidR="00156FB3" w:rsidRDefault="00156FB3" w:rsidP="00156FB3">
            <w:r>
              <w:t xml:space="preserve">     * _.filter(['abc', 'def'], /ef/);</w:t>
            </w:r>
          </w:p>
          <w:p w:rsidR="00156FB3" w:rsidRDefault="00156FB3" w:rsidP="00156FB3">
            <w:r>
              <w:t xml:space="preserve">     * // =&gt; ['def']</w:t>
            </w:r>
          </w:p>
          <w:p w:rsidR="00156FB3" w:rsidRDefault="00156FB3" w:rsidP="00156FB3">
            <w:r>
              <w:t xml:space="preserve">     */</w:t>
            </w:r>
          </w:p>
          <w:p w:rsidR="00156FB3" w:rsidRDefault="00156FB3" w:rsidP="00156FB3">
            <w:r>
              <w:t xml:space="preserve">    function iteratee(func) {</w:t>
            </w:r>
          </w:p>
          <w:p w:rsidR="00156FB3" w:rsidRDefault="00156FB3" w:rsidP="00156FB3">
            <w:r>
              <w:t xml:space="preserve">      return baseIteratee(typeof func == 'function' ? func : baseClone(func, CLONE_DEEP_FLA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performs a partial deep comparison between a given</w:t>
            </w:r>
          </w:p>
          <w:p w:rsidR="00156FB3" w:rsidRDefault="00156FB3" w:rsidP="00156FB3">
            <w:r>
              <w:t xml:space="preserve">     * object and `source`, returning `true` if the given object has equivalent</w:t>
            </w:r>
          </w:p>
          <w:p w:rsidR="00156FB3" w:rsidRDefault="00156FB3" w:rsidP="00156FB3">
            <w:r>
              <w:t xml:space="preserve">     * property values, else `false`.</w:t>
            </w:r>
          </w:p>
          <w:p w:rsidR="00156FB3" w:rsidRDefault="00156FB3" w:rsidP="00156FB3">
            <w:r>
              <w:t xml:space="preserve">     *</w:t>
            </w:r>
          </w:p>
          <w:p w:rsidR="00156FB3" w:rsidRDefault="00156FB3" w:rsidP="00156FB3">
            <w:r>
              <w:t xml:space="preserve">     * **Note:** The created function is equivalent to `_.isMatch` with `source`</w:t>
            </w:r>
          </w:p>
          <w:p w:rsidR="00156FB3" w:rsidRDefault="00156FB3" w:rsidP="00156FB3">
            <w:r>
              <w:t xml:space="preserve">     * partially applied.</w:t>
            </w:r>
          </w:p>
          <w:p w:rsidR="00156FB3" w:rsidRDefault="00156FB3" w:rsidP="00156FB3">
            <w:r>
              <w:t xml:space="preserve">     *</w:t>
            </w:r>
          </w:p>
          <w:p w:rsidR="00156FB3" w:rsidRDefault="00156FB3" w:rsidP="00156FB3">
            <w:r>
              <w:t xml:space="preserve">     * Partial comparisons will match empty array and empty object `source`</w:t>
            </w:r>
          </w:p>
          <w:p w:rsidR="00156FB3" w:rsidRDefault="00156FB3" w:rsidP="00156FB3">
            <w:r>
              <w:t xml:space="preserve">     * values against any array or object value, respectively. See `_.isEqual`</w:t>
            </w:r>
          </w:p>
          <w:p w:rsidR="00156FB3" w:rsidRDefault="00156FB3" w:rsidP="00156FB3">
            <w:r>
              <w:t xml:space="preserve">     * for a list of supported value comparison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Util</w:t>
            </w:r>
          </w:p>
          <w:p w:rsidR="00156FB3" w:rsidRDefault="00156FB3" w:rsidP="00156FB3">
            <w:r>
              <w:t xml:space="preserve">     * @param {Object} source The object of property values to match.</w:t>
            </w:r>
          </w:p>
          <w:p w:rsidR="00156FB3" w:rsidRDefault="00156FB3" w:rsidP="00156FB3">
            <w:r>
              <w:t xml:space="preserve">     * @returns {Function} Returns the new spec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s = [</w:t>
            </w:r>
          </w:p>
          <w:p w:rsidR="00156FB3" w:rsidRDefault="00156FB3" w:rsidP="00156FB3">
            <w:r>
              <w:t xml:space="preserve">     *   { 'a': 1, 'b': 2, 'c': 3 },</w:t>
            </w:r>
          </w:p>
          <w:p w:rsidR="00156FB3" w:rsidRDefault="00156FB3" w:rsidP="00156FB3">
            <w:r>
              <w:t xml:space="preserve">     *   { 'a': 4, 'b': 5, 'c': 6 }</w:t>
            </w:r>
          </w:p>
          <w:p w:rsidR="00156FB3" w:rsidRDefault="00156FB3" w:rsidP="00156FB3">
            <w:r>
              <w:t xml:space="preserve">     * ];</w:t>
            </w:r>
          </w:p>
          <w:p w:rsidR="00156FB3" w:rsidRDefault="00156FB3" w:rsidP="00156FB3">
            <w:r>
              <w:t xml:space="preserve">     *</w:t>
            </w:r>
          </w:p>
          <w:p w:rsidR="00156FB3" w:rsidRDefault="00156FB3" w:rsidP="00156FB3">
            <w:r>
              <w:t xml:space="preserve">     * _.filter(objects, _.matches({ 'a': 4, 'c': 6 }));</w:t>
            </w:r>
          </w:p>
          <w:p w:rsidR="00156FB3" w:rsidRDefault="00156FB3" w:rsidP="00156FB3">
            <w:r>
              <w:t xml:space="preserve">     * // =&gt; [{ 'a': 4, 'b': 5, 'c': 6 }]</w:t>
            </w:r>
          </w:p>
          <w:p w:rsidR="00156FB3" w:rsidRDefault="00156FB3" w:rsidP="00156FB3">
            <w:r>
              <w:t xml:space="preserve">     */</w:t>
            </w:r>
          </w:p>
          <w:p w:rsidR="00156FB3" w:rsidRDefault="00156FB3" w:rsidP="00156FB3">
            <w:r>
              <w:t xml:space="preserve">    function matches(source) {</w:t>
            </w:r>
          </w:p>
          <w:p w:rsidR="00156FB3" w:rsidRDefault="00156FB3" w:rsidP="00156FB3">
            <w:r>
              <w:t xml:space="preserve">      return baseMatches(baseClone(source, CLONE_DEEP_FLA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performs a partial deep comparison between the</w:t>
            </w:r>
          </w:p>
          <w:p w:rsidR="00156FB3" w:rsidRDefault="00156FB3" w:rsidP="00156FB3">
            <w:r>
              <w:t xml:space="preserve">     * value at `path` of a given object to `srcValue`, returning `true` if the</w:t>
            </w:r>
          </w:p>
          <w:p w:rsidR="00156FB3" w:rsidRDefault="00156FB3" w:rsidP="00156FB3">
            <w:r>
              <w:t xml:space="preserve">     * object value is equivalent, else `false`.</w:t>
            </w:r>
          </w:p>
          <w:p w:rsidR="00156FB3" w:rsidRDefault="00156FB3" w:rsidP="00156FB3">
            <w:r>
              <w:t xml:space="preserve">     *</w:t>
            </w:r>
          </w:p>
          <w:p w:rsidR="00156FB3" w:rsidRDefault="00156FB3" w:rsidP="00156FB3">
            <w:r>
              <w:t xml:space="preserve">     * **Note:** Partial comparisons will match empty array and empty object</w:t>
            </w:r>
          </w:p>
          <w:p w:rsidR="00156FB3" w:rsidRDefault="00156FB3" w:rsidP="00156FB3">
            <w:r>
              <w:lastRenderedPageBreak/>
              <w:t xml:space="preserve">     * `srcValue` values against any array or object value, respectively. See</w:t>
            </w:r>
          </w:p>
          <w:p w:rsidR="00156FB3" w:rsidRDefault="00156FB3" w:rsidP="00156FB3">
            <w:r>
              <w:t xml:space="preserve">     * `_.isEqual` for a list of supported value comparison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2.0</w:t>
            </w:r>
          </w:p>
          <w:p w:rsidR="00156FB3" w:rsidRDefault="00156FB3" w:rsidP="00156FB3">
            <w:r>
              <w:t xml:space="preserve">     * @category Util</w:t>
            </w:r>
          </w:p>
          <w:p w:rsidR="00156FB3" w:rsidRDefault="00156FB3" w:rsidP="00156FB3">
            <w:r>
              <w:t xml:space="preserve">     * @param {Array|string} path The path of the property to get.</w:t>
            </w:r>
          </w:p>
          <w:p w:rsidR="00156FB3" w:rsidRDefault="00156FB3" w:rsidP="00156FB3">
            <w:r>
              <w:t xml:space="preserve">     * @param {*} srcValue The value to match.</w:t>
            </w:r>
          </w:p>
          <w:p w:rsidR="00156FB3" w:rsidRDefault="00156FB3" w:rsidP="00156FB3">
            <w:r>
              <w:t xml:space="preserve">     * @returns {Function} Returns the new spec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s = [</w:t>
            </w:r>
          </w:p>
          <w:p w:rsidR="00156FB3" w:rsidRDefault="00156FB3" w:rsidP="00156FB3">
            <w:r>
              <w:t xml:space="preserve">     *   { 'a': 1, 'b': 2, 'c': 3 },</w:t>
            </w:r>
          </w:p>
          <w:p w:rsidR="00156FB3" w:rsidRDefault="00156FB3" w:rsidP="00156FB3">
            <w:r>
              <w:t xml:space="preserve">     *   { 'a': 4, 'b': 5, 'c': 6 }</w:t>
            </w:r>
          </w:p>
          <w:p w:rsidR="00156FB3" w:rsidRDefault="00156FB3" w:rsidP="00156FB3">
            <w:r>
              <w:t xml:space="preserve">     * ];</w:t>
            </w:r>
          </w:p>
          <w:p w:rsidR="00156FB3" w:rsidRDefault="00156FB3" w:rsidP="00156FB3">
            <w:r>
              <w:t xml:space="preserve">     *</w:t>
            </w:r>
          </w:p>
          <w:p w:rsidR="00156FB3" w:rsidRDefault="00156FB3" w:rsidP="00156FB3">
            <w:r>
              <w:t xml:space="preserve">     * _.find(objects, _.matchesProperty('a', 4));</w:t>
            </w:r>
          </w:p>
          <w:p w:rsidR="00156FB3" w:rsidRDefault="00156FB3" w:rsidP="00156FB3">
            <w:r>
              <w:t xml:space="preserve">     * // =&gt; { 'a': 4, 'b': 5, 'c': 6 }</w:t>
            </w:r>
          </w:p>
          <w:p w:rsidR="00156FB3" w:rsidRDefault="00156FB3" w:rsidP="00156FB3">
            <w:r>
              <w:t xml:space="preserve">     */</w:t>
            </w:r>
          </w:p>
          <w:p w:rsidR="00156FB3" w:rsidRDefault="00156FB3" w:rsidP="00156FB3">
            <w:r>
              <w:t xml:space="preserve">    function matchesProperty(path, srcValue) {</w:t>
            </w:r>
          </w:p>
          <w:p w:rsidR="00156FB3" w:rsidRDefault="00156FB3" w:rsidP="00156FB3">
            <w:r>
              <w:t xml:space="preserve">      return baseMatchesProperty(path, baseClone(srcValue, CLONE_DEEP_FLA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invokes the method at `path` of a given object.</w:t>
            </w:r>
          </w:p>
          <w:p w:rsidR="00156FB3" w:rsidRDefault="00156FB3" w:rsidP="00156FB3">
            <w:r>
              <w:t xml:space="preserve">     * Any additional arguments are provided to the invoked method.</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7.0</w:t>
            </w:r>
          </w:p>
          <w:p w:rsidR="00156FB3" w:rsidRDefault="00156FB3" w:rsidP="00156FB3">
            <w:r>
              <w:t xml:space="preserve">     * @category Util</w:t>
            </w:r>
          </w:p>
          <w:p w:rsidR="00156FB3" w:rsidRDefault="00156FB3" w:rsidP="00156FB3">
            <w:r>
              <w:t xml:space="preserve">     * @param {Array|string} path The path of the method to invoke.</w:t>
            </w:r>
          </w:p>
          <w:p w:rsidR="00156FB3" w:rsidRDefault="00156FB3" w:rsidP="00156FB3">
            <w:r>
              <w:t xml:space="preserve">     * @param {...*} [args] The arguments to invoke the method with.</w:t>
            </w:r>
          </w:p>
          <w:p w:rsidR="00156FB3" w:rsidRDefault="00156FB3" w:rsidP="00156FB3">
            <w:r>
              <w:t xml:space="preserve">     * @returns {Function} Returns the new invoker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s = [</w:t>
            </w:r>
          </w:p>
          <w:p w:rsidR="00156FB3" w:rsidRDefault="00156FB3" w:rsidP="00156FB3">
            <w:r>
              <w:t xml:space="preserve">     *   { 'a': { 'b': _.constant(2) } },</w:t>
            </w:r>
          </w:p>
          <w:p w:rsidR="00156FB3" w:rsidRDefault="00156FB3" w:rsidP="00156FB3">
            <w:r>
              <w:t xml:space="preserve">     *   { 'a': { 'b': _.constant(1) } }</w:t>
            </w:r>
          </w:p>
          <w:p w:rsidR="00156FB3" w:rsidRDefault="00156FB3" w:rsidP="00156FB3">
            <w:r>
              <w:t xml:space="preserve">     * ];</w:t>
            </w:r>
          </w:p>
          <w:p w:rsidR="00156FB3" w:rsidRDefault="00156FB3" w:rsidP="00156FB3">
            <w:r>
              <w:t xml:space="preserve">     *</w:t>
            </w:r>
          </w:p>
          <w:p w:rsidR="00156FB3" w:rsidRDefault="00156FB3" w:rsidP="00156FB3">
            <w:r>
              <w:t xml:space="preserve">     * _.map(objects, _.method('a.b'));</w:t>
            </w:r>
          </w:p>
          <w:p w:rsidR="00156FB3" w:rsidRDefault="00156FB3" w:rsidP="00156FB3">
            <w:r>
              <w:t xml:space="preserve">     * // =&gt; [2, 1]</w:t>
            </w:r>
          </w:p>
          <w:p w:rsidR="00156FB3" w:rsidRDefault="00156FB3" w:rsidP="00156FB3">
            <w:r>
              <w:t xml:space="preserve">     *</w:t>
            </w:r>
          </w:p>
          <w:p w:rsidR="00156FB3" w:rsidRDefault="00156FB3" w:rsidP="00156FB3">
            <w:r>
              <w:t xml:space="preserve">     * _.map(objects, _.method(['a', 'b']));</w:t>
            </w:r>
          </w:p>
          <w:p w:rsidR="00156FB3" w:rsidRDefault="00156FB3" w:rsidP="00156FB3">
            <w:r>
              <w:t xml:space="preserve">     * // =&gt; [2, 1]</w:t>
            </w:r>
          </w:p>
          <w:p w:rsidR="00156FB3" w:rsidRDefault="00156FB3" w:rsidP="00156FB3">
            <w:r>
              <w:t xml:space="preserve">     */</w:t>
            </w:r>
          </w:p>
          <w:p w:rsidR="00156FB3" w:rsidRDefault="00156FB3" w:rsidP="00156FB3">
            <w:r>
              <w:lastRenderedPageBreak/>
              <w:t xml:space="preserve">    var method = baseRest(function(path, args) {</w:t>
            </w:r>
          </w:p>
          <w:p w:rsidR="00156FB3" w:rsidRDefault="00156FB3" w:rsidP="00156FB3">
            <w:r>
              <w:t xml:space="preserve">      return function(object) {</w:t>
            </w:r>
          </w:p>
          <w:p w:rsidR="00156FB3" w:rsidRDefault="00156FB3" w:rsidP="00156FB3">
            <w:r>
              <w:t xml:space="preserve">        return baseInvoke(object, path, arg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opposite of `_.method`; this method creates a function that invokes</w:t>
            </w:r>
          </w:p>
          <w:p w:rsidR="00156FB3" w:rsidRDefault="00156FB3" w:rsidP="00156FB3">
            <w:r>
              <w:t xml:space="preserve">     * the method at a given path of `object`. Any additional arguments are</w:t>
            </w:r>
          </w:p>
          <w:p w:rsidR="00156FB3" w:rsidRDefault="00156FB3" w:rsidP="00156FB3">
            <w:r>
              <w:t xml:space="preserve">     * provided to the invoked method.</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7.0</w:t>
            </w:r>
          </w:p>
          <w:p w:rsidR="00156FB3" w:rsidRDefault="00156FB3" w:rsidP="00156FB3">
            <w:r>
              <w:t xml:space="preserve">     * @category Util</w:t>
            </w:r>
          </w:p>
          <w:p w:rsidR="00156FB3" w:rsidRDefault="00156FB3" w:rsidP="00156FB3">
            <w:r>
              <w:t xml:space="preserve">     * @param {Object} object The object to query.</w:t>
            </w:r>
          </w:p>
          <w:p w:rsidR="00156FB3" w:rsidRDefault="00156FB3" w:rsidP="00156FB3">
            <w:r>
              <w:t xml:space="preserve">     * @param {...*} [args] The arguments to invoke the method with.</w:t>
            </w:r>
          </w:p>
          <w:p w:rsidR="00156FB3" w:rsidRDefault="00156FB3" w:rsidP="00156FB3">
            <w:r>
              <w:t xml:space="preserve">     * @returns {Function} Returns the new invoker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array = _.times(3, _.constant),</w:t>
            </w:r>
          </w:p>
          <w:p w:rsidR="00156FB3" w:rsidRDefault="00156FB3" w:rsidP="00156FB3">
            <w:r>
              <w:t xml:space="preserve">     *     object = { 'a': array, 'b': array, 'c': array };</w:t>
            </w:r>
          </w:p>
          <w:p w:rsidR="00156FB3" w:rsidRDefault="00156FB3" w:rsidP="00156FB3">
            <w:r>
              <w:t xml:space="preserve">     *</w:t>
            </w:r>
          </w:p>
          <w:p w:rsidR="00156FB3" w:rsidRDefault="00156FB3" w:rsidP="00156FB3">
            <w:r>
              <w:t xml:space="preserve">     * _.map(['a[2]', 'c[0]'], _.methodOf(object));</w:t>
            </w:r>
          </w:p>
          <w:p w:rsidR="00156FB3" w:rsidRDefault="00156FB3" w:rsidP="00156FB3">
            <w:r>
              <w:t xml:space="preserve">     * // =&gt; [2, 0]</w:t>
            </w:r>
          </w:p>
          <w:p w:rsidR="00156FB3" w:rsidRDefault="00156FB3" w:rsidP="00156FB3">
            <w:r>
              <w:t xml:space="preserve">     *</w:t>
            </w:r>
          </w:p>
          <w:p w:rsidR="00156FB3" w:rsidRDefault="00156FB3" w:rsidP="00156FB3">
            <w:r>
              <w:t xml:space="preserve">     * _.map([['a', '2'], ['c', '0']], _.methodOf(object));</w:t>
            </w:r>
          </w:p>
          <w:p w:rsidR="00156FB3" w:rsidRDefault="00156FB3" w:rsidP="00156FB3">
            <w:r>
              <w:t xml:space="preserve">     * // =&gt; [2, 0]</w:t>
            </w:r>
          </w:p>
          <w:p w:rsidR="00156FB3" w:rsidRDefault="00156FB3" w:rsidP="00156FB3">
            <w:r>
              <w:t xml:space="preserve">     */</w:t>
            </w:r>
          </w:p>
          <w:p w:rsidR="00156FB3" w:rsidRDefault="00156FB3" w:rsidP="00156FB3">
            <w:r>
              <w:t xml:space="preserve">    var methodOf = baseRest(function(object, args) {</w:t>
            </w:r>
          </w:p>
          <w:p w:rsidR="00156FB3" w:rsidRDefault="00156FB3" w:rsidP="00156FB3">
            <w:r>
              <w:t xml:space="preserve">      return function(path) {</w:t>
            </w:r>
          </w:p>
          <w:p w:rsidR="00156FB3" w:rsidRDefault="00156FB3" w:rsidP="00156FB3">
            <w:r>
              <w:t xml:space="preserve">        return baseInvoke(object, path, arg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dds all own enumerable string keyed function properties of a source</w:t>
            </w:r>
          </w:p>
          <w:p w:rsidR="00156FB3" w:rsidRDefault="00156FB3" w:rsidP="00156FB3">
            <w:r>
              <w:t xml:space="preserve">     * object to the destination object. If `object` is a function, then methods</w:t>
            </w:r>
          </w:p>
          <w:p w:rsidR="00156FB3" w:rsidRDefault="00156FB3" w:rsidP="00156FB3">
            <w:r>
              <w:t xml:space="preserve">     * are added to its prototype as well.</w:t>
            </w:r>
          </w:p>
          <w:p w:rsidR="00156FB3" w:rsidRDefault="00156FB3" w:rsidP="00156FB3">
            <w:r>
              <w:t xml:space="preserve">     *</w:t>
            </w:r>
          </w:p>
          <w:p w:rsidR="00156FB3" w:rsidRDefault="00156FB3" w:rsidP="00156FB3">
            <w:r>
              <w:t xml:space="preserve">     * **Note:** Use `_.runInContext` to create a pristine `lodash` function to</w:t>
            </w:r>
          </w:p>
          <w:p w:rsidR="00156FB3" w:rsidRDefault="00156FB3" w:rsidP="00156FB3">
            <w:r>
              <w:t xml:space="preserve">     * avoid conflicts caused by modifying the original.</w:t>
            </w:r>
          </w:p>
          <w:p w:rsidR="00156FB3" w:rsidRDefault="00156FB3" w:rsidP="00156FB3">
            <w:r>
              <w:t xml:space="preserve">     *</w:t>
            </w:r>
          </w:p>
          <w:p w:rsidR="00156FB3" w:rsidRDefault="00156FB3" w:rsidP="00156FB3">
            <w:r>
              <w:t xml:space="preserve">     * @static</w:t>
            </w:r>
          </w:p>
          <w:p w:rsidR="00156FB3" w:rsidRDefault="00156FB3" w:rsidP="00156FB3">
            <w:r>
              <w:t xml:space="preserve">     * @since 0.1.0</w:t>
            </w:r>
          </w:p>
          <w:p w:rsidR="00156FB3" w:rsidRDefault="00156FB3" w:rsidP="00156FB3">
            <w:r>
              <w:t xml:space="preserve">     * @memberOf _</w:t>
            </w:r>
          </w:p>
          <w:p w:rsidR="00156FB3" w:rsidRDefault="00156FB3" w:rsidP="00156FB3">
            <w:r>
              <w:t xml:space="preserve">     * @category Util</w:t>
            </w:r>
          </w:p>
          <w:p w:rsidR="00156FB3" w:rsidRDefault="00156FB3" w:rsidP="00156FB3">
            <w:r>
              <w:t xml:space="preserve">     * @param {Function|Object} [object=lodash] The destination object.</w:t>
            </w:r>
          </w:p>
          <w:p w:rsidR="00156FB3" w:rsidRDefault="00156FB3" w:rsidP="00156FB3">
            <w:r>
              <w:lastRenderedPageBreak/>
              <w:t xml:space="preserve">     * @param {Object} source The object of functions to add.</w:t>
            </w:r>
          </w:p>
          <w:p w:rsidR="00156FB3" w:rsidRDefault="00156FB3" w:rsidP="00156FB3">
            <w:r>
              <w:t xml:space="preserve">     * @param {Object} [options={}] The options object.</w:t>
            </w:r>
          </w:p>
          <w:p w:rsidR="00156FB3" w:rsidRDefault="00156FB3" w:rsidP="00156FB3">
            <w:r>
              <w:t xml:space="preserve">     * @param {boolean} [options.chain=true] Specify whether mixins are chainable.</w:t>
            </w:r>
          </w:p>
          <w:p w:rsidR="00156FB3" w:rsidRDefault="00156FB3" w:rsidP="00156FB3">
            <w:r>
              <w:t xml:space="preserve">     * @returns {Function|Object} Returns `object`.</w:t>
            </w:r>
          </w:p>
          <w:p w:rsidR="00156FB3" w:rsidRDefault="00156FB3" w:rsidP="00156FB3">
            <w:r>
              <w:t xml:space="preserve">     * @example</w:t>
            </w:r>
          </w:p>
          <w:p w:rsidR="00156FB3" w:rsidRDefault="00156FB3" w:rsidP="00156FB3">
            <w:r>
              <w:t xml:space="preserve">     *</w:t>
            </w:r>
          </w:p>
          <w:p w:rsidR="00156FB3" w:rsidRDefault="00156FB3" w:rsidP="00156FB3">
            <w:r>
              <w:t xml:space="preserve">     * function vowels(string) {</w:t>
            </w:r>
          </w:p>
          <w:p w:rsidR="00156FB3" w:rsidRDefault="00156FB3" w:rsidP="00156FB3">
            <w:r>
              <w:t xml:space="preserve">     *   return _.filter(string, function(v) {</w:t>
            </w:r>
          </w:p>
          <w:p w:rsidR="00156FB3" w:rsidRDefault="00156FB3" w:rsidP="00156FB3">
            <w:r>
              <w:t xml:space="preserve">     *     return /[aeiou]/i.test(v);</w:t>
            </w:r>
          </w:p>
          <w:p w:rsidR="00156FB3" w:rsidRDefault="00156FB3" w:rsidP="00156FB3">
            <w:r>
              <w:t xml:space="preserve">     *   });</w:t>
            </w:r>
          </w:p>
          <w:p w:rsidR="00156FB3" w:rsidRDefault="00156FB3" w:rsidP="00156FB3">
            <w:r>
              <w:t xml:space="preserve">     * }</w:t>
            </w:r>
          </w:p>
          <w:p w:rsidR="00156FB3" w:rsidRDefault="00156FB3" w:rsidP="00156FB3">
            <w:r>
              <w:t xml:space="preserve">     *</w:t>
            </w:r>
          </w:p>
          <w:p w:rsidR="00156FB3" w:rsidRDefault="00156FB3" w:rsidP="00156FB3">
            <w:r>
              <w:t xml:space="preserve">     * _.mixin({ 'vowels': vowels });</w:t>
            </w:r>
          </w:p>
          <w:p w:rsidR="00156FB3" w:rsidRDefault="00156FB3" w:rsidP="00156FB3">
            <w:r>
              <w:t xml:space="preserve">     * _.vowels('fred');</w:t>
            </w:r>
          </w:p>
          <w:p w:rsidR="00156FB3" w:rsidRDefault="00156FB3" w:rsidP="00156FB3">
            <w:r>
              <w:t xml:space="preserve">     * // =&gt; ['e']</w:t>
            </w:r>
          </w:p>
          <w:p w:rsidR="00156FB3" w:rsidRDefault="00156FB3" w:rsidP="00156FB3">
            <w:r>
              <w:t xml:space="preserve">     *</w:t>
            </w:r>
          </w:p>
          <w:p w:rsidR="00156FB3" w:rsidRDefault="00156FB3" w:rsidP="00156FB3">
            <w:r>
              <w:t xml:space="preserve">     * _('fred').vowels().value();</w:t>
            </w:r>
          </w:p>
          <w:p w:rsidR="00156FB3" w:rsidRDefault="00156FB3" w:rsidP="00156FB3">
            <w:r>
              <w:t xml:space="preserve">     * // =&gt; ['e']</w:t>
            </w:r>
          </w:p>
          <w:p w:rsidR="00156FB3" w:rsidRDefault="00156FB3" w:rsidP="00156FB3">
            <w:r>
              <w:t xml:space="preserve">     *</w:t>
            </w:r>
          </w:p>
          <w:p w:rsidR="00156FB3" w:rsidRDefault="00156FB3" w:rsidP="00156FB3">
            <w:r>
              <w:t xml:space="preserve">     * _.mixin({ 'vowels': vowels }, { 'chain': false });</w:t>
            </w:r>
          </w:p>
          <w:p w:rsidR="00156FB3" w:rsidRDefault="00156FB3" w:rsidP="00156FB3">
            <w:r>
              <w:t xml:space="preserve">     * _('fred').vowels();</w:t>
            </w:r>
          </w:p>
          <w:p w:rsidR="00156FB3" w:rsidRDefault="00156FB3" w:rsidP="00156FB3">
            <w:r>
              <w:t xml:space="preserve">     * // =&gt; ['e']</w:t>
            </w:r>
          </w:p>
          <w:p w:rsidR="00156FB3" w:rsidRDefault="00156FB3" w:rsidP="00156FB3">
            <w:r>
              <w:t xml:space="preserve">     */</w:t>
            </w:r>
          </w:p>
          <w:p w:rsidR="00156FB3" w:rsidRDefault="00156FB3" w:rsidP="00156FB3">
            <w:r>
              <w:t xml:space="preserve">    function mixin(object, source, options) {</w:t>
            </w:r>
          </w:p>
          <w:p w:rsidR="00156FB3" w:rsidRDefault="00156FB3" w:rsidP="00156FB3">
            <w:r>
              <w:t xml:space="preserve">      var props = keys(source),</w:t>
            </w:r>
          </w:p>
          <w:p w:rsidR="00156FB3" w:rsidRDefault="00156FB3" w:rsidP="00156FB3">
            <w:r>
              <w:t xml:space="preserve">          methodNames = baseFunctions(source, props);</w:t>
            </w:r>
          </w:p>
          <w:p w:rsidR="00156FB3" w:rsidRDefault="00156FB3" w:rsidP="00156FB3"/>
          <w:p w:rsidR="00156FB3" w:rsidRDefault="00156FB3" w:rsidP="00156FB3">
            <w:r>
              <w:t xml:space="preserve">      if (options == null &amp;&amp;</w:t>
            </w:r>
          </w:p>
          <w:p w:rsidR="00156FB3" w:rsidRDefault="00156FB3" w:rsidP="00156FB3">
            <w:r>
              <w:t xml:space="preserve">          !(isObject(source) &amp;&amp; (methodNames.length || !props.length))) {</w:t>
            </w:r>
          </w:p>
          <w:p w:rsidR="00156FB3" w:rsidRDefault="00156FB3" w:rsidP="00156FB3">
            <w:r>
              <w:t xml:space="preserve">        options = source;</w:t>
            </w:r>
          </w:p>
          <w:p w:rsidR="00156FB3" w:rsidRDefault="00156FB3" w:rsidP="00156FB3">
            <w:r>
              <w:t xml:space="preserve">        source = object;</w:t>
            </w:r>
          </w:p>
          <w:p w:rsidR="00156FB3" w:rsidRDefault="00156FB3" w:rsidP="00156FB3">
            <w:r>
              <w:t xml:space="preserve">        object = this;</w:t>
            </w:r>
          </w:p>
          <w:p w:rsidR="00156FB3" w:rsidRDefault="00156FB3" w:rsidP="00156FB3">
            <w:r>
              <w:t xml:space="preserve">        methodNames = baseFunctions(source, keys(source));</w:t>
            </w:r>
          </w:p>
          <w:p w:rsidR="00156FB3" w:rsidRDefault="00156FB3" w:rsidP="00156FB3">
            <w:r>
              <w:t xml:space="preserve">      }</w:t>
            </w:r>
          </w:p>
          <w:p w:rsidR="00156FB3" w:rsidRDefault="00156FB3" w:rsidP="00156FB3">
            <w:r>
              <w:t xml:space="preserve">      var chain = !(isObject(options) &amp;&amp; 'chain' in options) || !!options.chain,</w:t>
            </w:r>
          </w:p>
          <w:p w:rsidR="00156FB3" w:rsidRDefault="00156FB3" w:rsidP="00156FB3">
            <w:r>
              <w:t xml:space="preserve">          isFunc = isFunction(object);</w:t>
            </w:r>
          </w:p>
          <w:p w:rsidR="00156FB3" w:rsidRDefault="00156FB3" w:rsidP="00156FB3"/>
          <w:p w:rsidR="00156FB3" w:rsidRDefault="00156FB3" w:rsidP="00156FB3">
            <w:r>
              <w:t xml:space="preserve">      arrayEach(methodNames, function(methodName) {</w:t>
            </w:r>
          </w:p>
          <w:p w:rsidR="00156FB3" w:rsidRDefault="00156FB3" w:rsidP="00156FB3">
            <w:r>
              <w:t xml:space="preserve">        var func = source[methodName];</w:t>
            </w:r>
          </w:p>
          <w:p w:rsidR="00156FB3" w:rsidRDefault="00156FB3" w:rsidP="00156FB3">
            <w:r>
              <w:t xml:space="preserve">        object[methodName] = func;</w:t>
            </w:r>
          </w:p>
          <w:p w:rsidR="00156FB3" w:rsidRDefault="00156FB3" w:rsidP="00156FB3">
            <w:r>
              <w:t xml:space="preserve">        if (isFunc) {</w:t>
            </w:r>
          </w:p>
          <w:p w:rsidR="00156FB3" w:rsidRDefault="00156FB3" w:rsidP="00156FB3">
            <w:r>
              <w:t xml:space="preserve">          object.prototype[methodName] = function() {</w:t>
            </w:r>
          </w:p>
          <w:p w:rsidR="00156FB3" w:rsidRDefault="00156FB3" w:rsidP="00156FB3">
            <w:r>
              <w:t xml:space="preserve">            var chainAll = this.__chain__;</w:t>
            </w:r>
          </w:p>
          <w:p w:rsidR="00156FB3" w:rsidRDefault="00156FB3" w:rsidP="00156FB3">
            <w:r>
              <w:t xml:space="preserve">            if (chain || chainAll) {</w:t>
            </w:r>
          </w:p>
          <w:p w:rsidR="00156FB3" w:rsidRDefault="00156FB3" w:rsidP="00156FB3">
            <w:r>
              <w:t xml:space="preserve">              var result = object(this.__wrapped__),</w:t>
            </w:r>
          </w:p>
          <w:p w:rsidR="00156FB3" w:rsidRDefault="00156FB3" w:rsidP="00156FB3">
            <w:r>
              <w:t xml:space="preserve">                  actions = result.__actions__ = copyArray(this.__actions__);</w:t>
            </w:r>
          </w:p>
          <w:p w:rsidR="00156FB3" w:rsidRDefault="00156FB3" w:rsidP="00156FB3"/>
          <w:p w:rsidR="00156FB3" w:rsidRDefault="00156FB3" w:rsidP="00156FB3">
            <w:r>
              <w:t xml:space="preserve">              actions.push({ 'func': func, 'args': arguments, 'thisArg': object });</w:t>
            </w:r>
          </w:p>
          <w:p w:rsidR="00156FB3" w:rsidRDefault="00156FB3" w:rsidP="00156FB3">
            <w:r>
              <w:lastRenderedPageBreak/>
              <w:t xml:space="preserve">              result.__chain__ = chainAll;</w:t>
            </w:r>
          </w:p>
          <w:p w:rsidR="00156FB3" w:rsidRDefault="00156FB3" w:rsidP="00156FB3">
            <w:r>
              <w:t xml:space="preserve">              return result;</w:t>
            </w:r>
          </w:p>
          <w:p w:rsidR="00156FB3" w:rsidRDefault="00156FB3" w:rsidP="00156FB3">
            <w:r>
              <w:t xml:space="preserve">            }</w:t>
            </w:r>
          </w:p>
          <w:p w:rsidR="00156FB3" w:rsidRDefault="00156FB3" w:rsidP="00156FB3">
            <w:r>
              <w:t xml:space="preserve">            return func.apply(object, arrayPush([this.value()], arguments));</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objec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verts the `_` variable to its previous value and returns a reference to</w:t>
            </w:r>
          </w:p>
          <w:p w:rsidR="00156FB3" w:rsidRDefault="00156FB3" w:rsidP="00156FB3">
            <w:r>
              <w:t xml:space="preserve">     * the `lodash` function.</w:t>
            </w:r>
          </w:p>
          <w:p w:rsidR="00156FB3" w:rsidRDefault="00156FB3" w:rsidP="00156FB3">
            <w:r>
              <w:t xml:space="preserve">     *</w:t>
            </w:r>
          </w:p>
          <w:p w:rsidR="00156FB3" w:rsidRDefault="00156FB3" w:rsidP="00156FB3">
            <w:r>
              <w:t xml:space="preserve">     * @static</w:t>
            </w:r>
          </w:p>
          <w:p w:rsidR="00156FB3" w:rsidRDefault="00156FB3" w:rsidP="00156FB3">
            <w:r>
              <w:t xml:space="preserve">     * @since 0.1.0</w:t>
            </w:r>
          </w:p>
          <w:p w:rsidR="00156FB3" w:rsidRDefault="00156FB3" w:rsidP="00156FB3">
            <w:r>
              <w:t xml:space="preserve">     * @memberOf _</w:t>
            </w:r>
          </w:p>
          <w:p w:rsidR="00156FB3" w:rsidRDefault="00156FB3" w:rsidP="00156FB3">
            <w:r>
              <w:t xml:space="preserve">     * @category Util</w:t>
            </w:r>
          </w:p>
          <w:p w:rsidR="00156FB3" w:rsidRDefault="00156FB3" w:rsidP="00156FB3">
            <w:r>
              <w:t xml:space="preserve">     * @returns {Function} Returns the `lodash`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lodash = _.noConflict();</w:t>
            </w:r>
          </w:p>
          <w:p w:rsidR="00156FB3" w:rsidRDefault="00156FB3" w:rsidP="00156FB3">
            <w:r>
              <w:t xml:space="preserve">     */</w:t>
            </w:r>
          </w:p>
          <w:p w:rsidR="00156FB3" w:rsidRDefault="00156FB3" w:rsidP="00156FB3">
            <w:r>
              <w:t xml:space="preserve">    function noConflict() {</w:t>
            </w:r>
          </w:p>
          <w:p w:rsidR="00156FB3" w:rsidRDefault="00156FB3" w:rsidP="00156FB3">
            <w:r>
              <w:t xml:space="preserve">      if (root._ === this) {</w:t>
            </w:r>
          </w:p>
          <w:p w:rsidR="00156FB3" w:rsidRDefault="00156FB3" w:rsidP="00156FB3">
            <w:r>
              <w:t xml:space="preserve">        root._ = oldDash;</w:t>
            </w:r>
          </w:p>
          <w:p w:rsidR="00156FB3" w:rsidRDefault="00156FB3" w:rsidP="00156FB3">
            <w:r>
              <w:t xml:space="preserve">      }</w:t>
            </w:r>
          </w:p>
          <w:p w:rsidR="00156FB3" w:rsidRDefault="00156FB3" w:rsidP="00156FB3">
            <w:r>
              <w:t xml:space="preserve">      return thi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returns `undefined`.</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2.3.0</w:t>
            </w:r>
          </w:p>
          <w:p w:rsidR="00156FB3" w:rsidRDefault="00156FB3" w:rsidP="00156FB3">
            <w:r>
              <w:t xml:space="preserve">     * @category Util</w:t>
            </w:r>
          </w:p>
          <w:p w:rsidR="00156FB3" w:rsidRDefault="00156FB3" w:rsidP="00156FB3">
            <w:r>
              <w:t xml:space="preserve">     * @example</w:t>
            </w:r>
          </w:p>
          <w:p w:rsidR="00156FB3" w:rsidRDefault="00156FB3" w:rsidP="00156FB3">
            <w:r>
              <w:t xml:space="preserve">     *</w:t>
            </w:r>
          </w:p>
          <w:p w:rsidR="00156FB3" w:rsidRDefault="00156FB3" w:rsidP="00156FB3">
            <w:r>
              <w:t xml:space="preserve">     * _.times(2, _.noop);</w:t>
            </w:r>
          </w:p>
          <w:p w:rsidR="00156FB3" w:rsidRDefault="00156FB3" w:rsidP="00156FB3">
            <w:r>
              <w:t xml:space="preserve">     * // =&gt; [undefined, undefined]</w:t>
            </w:r>
          </w:p>
          <w:p w:rsidR="00156FB3" w:rsidRDefault="00156FB3" w:rsidP="00156FB3">
            <w:r>
              <w:t xml:space="preserve">     */</w:t>
            </w:r>
          </w:p>
          <w:p w:rsidR="00156FB3" w:rsidRDefault="00156FB3" w:rsidP="00156FB3">
            <w:r>
              <w:t xml:space="preserve">    function noop() {</w:t>
            </w:r>
          </w:p>
          <w:p w:rsidR="00156FB3" w:rsidRDefault="00156FB3" w:rsidP="00156FB3">
            <w:r>
              <w:t xml:space="preserve">      // No operation performe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lastRenderedPageBreak/>
              <w:t xml:space="preserve">     * Creates a function that gets the argument at index `n`. If `n` is negative,</w:t>
            </w:r>
          </w:p>
          <w:p w:rsidR="00156FB3" w:rsidRDefault="00156FB3" w:rsidP="00156FB3">
            <w:r>
              <w:t xml:space="preserve">     * the nth argument from the end is returned.</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Util</w:t>
            </w:r>
          </w:p>
          <w:p w:rsidR="00156FB3" w:rsidRDefault="00156FB3" w:rsidP="00156FB3">
            <w:r>
              <w:t xml:space="preserve">     * @param {number} [n=0] The index of the argument to return.</w:t>
            </w:r>
          </w:p>
          <w:p w:rsidR="00156FB3" w:rsidRDefault="00156FB3" w:rsidP="00156FB3">
            <w:r>
              <w:t xml:space="preserve">     * @returns {Function} Returns the new pass-thru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func = _.nthArg(1);</w:t>
            </w:r>
          </w:p>
          <w:p w:rsidR="00156FB3" w:rsidRDefault="00156FB3" w:rsidP="00156FB3">
            <w:r>
              <w:t xml:space="preserve">     * func('a', 'b', 'c', 'd');</w:t>
            </w:r>
          </w:p>
          <w:p w:rsidR="00156FB3" w:rsidRDefault="00156FB3" w:rsidP="00156FB3">
            <w:r>
              <w:t xml:space="preserve">     * // =&gt; 'b'</w:t>
            </w:r>
          </w:p>
          <w:p w:rsidR="00156FB3" w:rsidRDefault="00156FB3" w:rsidP="00156FB3">
            <w:r>
              <w:t xml:space="preserve">     *</w:t>
            </w:r>
          </w:p>
          <w:p w:rsidR="00156FB3" w:rsidRDefault="00156FB3" w:rsidP="00156FB3">
            <w:r>
              <w:t xml:space="preserve">     * var func = _.nthArg(-2);</w:t>
            </w:r>
          </w:p>
          <w:p w:rsidR="00156FB3" w:rsidRDefault="00156FB3" w:rsidP="00156FB3">
            <w:r>
              <w:t xml:space="preserve">     * func('a', 'b', 'c', 'd');</w:t>
            </w:r>
          </w:p>
          <w:p w:rsidR="00156FB3" w:rsidRDefault="00156FB3" w:rsidP="00156FB3">
            <w:r>
              <w:t xml:space="preserve">     * // =&gt; 'c'</w:t>
            </w:r>
          </w:p>
          <w:p w:rsidR="00156FB3" w:rsidRDefault="00156FB3" w:rsidP="00156FB3">
            <w:r>
              <w:t xml:space="preserve">     */</w:t>
            </w:r>
          </w:p>
          <w:p w:rsidR="00156FB3" w:rsidRDefault="00156FB3" w:rsidP="00156FB3">
            <w:r>
              <w:t xml:space="preserve">    function nthArg(n) {</w:t>
            </w:r>
          </w:p>
          <w:p w:rsidR="00156FB3" w:rsidRDefault="00156FB3" w:rsidP="00156FB3">
            <w:r>
              <w:t xml:space="preserve">      n = toInteger(n);</w:t>
            </w:r>
          </w:p>
          <w:p w:rsidR="00156FB3" w:rsidRDefault="00156FB3" w:rsidP="00156FB3">
            <w:r>
              <w:t xml:space="preserve">      return baseRest(function(args) {</w:t>
            </w:r>
          </w:p>
          <w:p w:rsidR="00156FB3" w:rsidRDefault="00156FB3" w:rsidP="00156FB3">
            <w:r>
              <w:t xml:space="preserve">        return baseNth(args, n);</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 function that invokes `iteratees` with the arguments it receives</w:t>
            </w:r>
          </w:p>
          <w:p w:rsidR="00156FB3" w:rsidRDefault="00156FB3" w:rsidP="00156FB3">
            <w:r>
              <w:t xml:space="preserve">     * and returns their result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Util</w:t>
            </w:r>
          </w:p>
          <w:p w:rsidR="00156FB3" w:rsidRDefault="00156FB3" w:rsidP="00156FB3">
            <w:r>
              <w:t xml:space="preserve">     * @param {...(Function|Function[])} [iteratees=[_.identity]]</w:t>
            </w:r>
          </w:p>
          <w:p w:rsidR="00156FB3" w:rsidRDefault="00156FB3" w:rsidP="00156FB3">
            <w:r>
              <w:t xml:space="preserve">     *  The iteratees to invoke.</w:t>
            </w:r>
          </w:p>
          <w:p w:rsidR="00156FB3" w:rsidRDefault="00156FB3" w:rsidP="00156FB3">
            <w:r>
              <w:t xml:space="preserve">     * @returns {Function} Returns the new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func = _.over([Math.max, Math.min]);</w:t>
            </w:r>
          </w:p>
          <w:p w:rsidR="00156FB3" w:rsidRDefault="00156FB3" w:rsidP="00156FB3">
            <w:r>
              <w:t xml:space="preserve">     *</w:t>
            </w:r>
          </w:p>
          <w:p w:rsidR="00156FB3" w:rsidRDefault="00156FB3" w:rsidP="00156FB3">
            <w:r>
              <w:t xml:space="preserve">     * func(1, 2, 3, 4);</w:t>
            </w:r>
          </w:p>
          <w:p w:rsidR="00156FB3" w:rsidRDefault="00156FB3" w:rsidP="00156FB3">
            <w:r>
              <w:t xml:space="preserve">     * // =&gt; [4, 1]</w:t>
            </w:r>
          </w:p>
          <w:p w:rsidR="00156FB3" w:rsidRDefault="00156FB3" w:rsidP="00156FB3">
            <w:r>
              <w:t xml:space="preserve">     */</w:t>
            </w:r>
          </w:p>
          <w:p w:rsidR="00156FB3" w:rsidRDefault="00156FB3" w:rsidP="00156FB3">
            <w:r>
              <w:t xml:space="preserve">    var over = createOver(arrayMap);</w:t>
            </w:r>
          </w:p>
          <w:p w:rsidR="00156FB3" w:rsidRDefault="00156FB3" w:rsidP="00156FB3"/>
          <w:p w:rsidR="00156FB3" w:rsidRDefault="00156FB3" w:rsidP="00156FB3">
            <w:r>
              <w:t xml:space="preserve">    /**</w:t>
            </w:r>
          </w:p>
          <w:p w:rsidR="00156FB3" w:rsidRDefault="00156FB3" w:rsidP="00156FB3">
            <w:r>
              <w:t xml:space="preserve">     * Creates a function that checks if **all** of the `predicates` return</w:t>
            </w:r>
          </w:p>
          <w:p w:rsidR="00156FB3" w:rsidRDefault="00156FB3" w:rsidP="00156FB3">
            <w:r>
              <w:lastRenderedPageBreak/>
              <w:t xml:space="preserve">     * truthy when invoked with the arguments it receive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Util</w:t>
            </w:r>
          </w:p>
          <w:p w:rsidR="00156FB3" w:rsidRDefault="00156FB3" w:rsidP="00156FB3">
            <w:r>
              <w:t xml:space="preserve">     * @param {...(Function|Function[])} [predicates=[_.identity]]</w:t>
            </w:r>
          </w:p>
          <w:p w:rsidR="00156FB3" w:rsidRDefault="00156FB3" w:rsidP="00156FB3">
            <w:r>
              <w:t xml:space="preserve">     *  The predicates to check.</w:t>
            </w:r>
          </w:p>
          <w:p w:rsidR="00156FB3" w:rsidRDefault="00156FB3" w:rsidP="00156FB3">
            <w:r>
              <w:t xml:space="preserve">     * @returns {Function} Returns the new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func = _.overEvery([Boolean, isFinite]);</w:t>
            </w:r>
          </w:p>
          <w:p w:rsidR="00156FB3" w:rsidRDefault="00156FB3" w:rsidP="00156FB3">
            <w:r>
              <w:t xml:space="preserve">     *</w:t>
            </w:r>
          </w:p>
          <w:p w:rsidR="00156FB3" w:rsidRDefault="00156FB3" w:rsidP="00156FB3">
            <w:r>
              <w:t xml:space="preserve">     * func('1');</w:t>
            </w:r>
          </w:p>
          <w:p w:rsidR="00156FB3" w:rsidRDefault="00156FB3" w:rsidP="00156FB3">
            <w:r>
              <w:t xml:space="preserve">     * // =&gt; true</w:t>
            </w:r>
          </w:p>
          <w:p w:rsidR="00156FB3" w:rsidRDefault="00156FB3" w:rsidP="00156FB3">
            <w:r>
              <w:t xml:space="preserve">     *</w:t>
            </w:r>
          </w:p>
          <w:p w:rsidR="00156FB3" w:rsidRDefault="00156FB3" w:rsidP="00156FB3">
            <w:r>
              <w:t xml:space="preserve">     * func(null);</w:t>
            </w:r>
          </w:p>
          <w:p w:rsidR="00156FB3" w:rsidRDefault="00156FB3" w:rsidP="00156FB3">
            <w:r>
              <w:t xml:space="preserve">     * // =&gt; false</w:t>
            </w:r>
          </w:p>
          <w:p w:rsidR="00156FB3" w:rsidRDefault="00156FB3" w:rsidP="00156FB3">
            <w:r>
              <w:t xml:space="preserve">     *</w:t>
            </w:r>
          </w:p>
          <w:p w:rsidR="00156FB3" w:rsidRDefault="00156FB3" w:rsidP="00156FB3">
            <w:r>
              <w:t xml:space="preserve">     * func(NaN);</w:t>
            </w:r>
          </w:p>
          <w:p w:rsidR="00156FB3" w:rsidRDefault="00156FB3" w:rsidP="00156FB3">
            <w:r>
              <w:t xml:space="preserve">     * // =&gt; false</w:t>
            </w:r>
          </w:p>
          <w:p w:rsidR="00156FB3" w:rsidRDefault="00156FB3" w:rsidP="00156FB3">
            <w:r>
              <w:t xml:space="preserve">     */</w:t>
            </w:r>
          </w:p>
          <w:p w:rsidR="00156FB3" w:rsidRDefault="00156FB3" w:rsidP="00156FB3">
            <w:r>
              <w:t xml:space="preserve">    var overEvery = createOver(arrayEvery);</w:t>
            </w:r>
          </w:p>
          <w:p w:rsidR="00156FB3" w:rsidRDefault="00156FB3" w:rsidP="00156FB3"/>
          <w:p w:rsidR="00156FB3" w:rsidRDefault="00156FB3" w:rsidP="00156FB3">
            <w:r>
              <w:t xml:space="preserve">    /**</w:t>
            </w:r>
          </w:p>
          <w:p w:rsidR="00156FB3" w:rsidRDefault="00156FB3" w:rsidP="00156FB3">
            <w:r>
              <w:t xml:space="preserve">     * Creates a function that checks if **any** of the `predicates` return</w:t>
            </w:r>
          </w:p>
          <w:p w:rsidR="00156FB3" w:rsidRDefault="00156FB3" w:rsidP="00156FB3">
            <w:r>
              <w:t xml:space="preserve">     * truthy when invoked with the arguments it receive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Util</w:t>
            </w:r>
          </w:p>
          <w:p w:rsidR="00156FB3" w:rsidRDefault="00156FB3" w:rsidP="00156FB3">
            <w:r>
              <w:t xml:space="preserve">     * @param {...(Function|Function[])} [predicates=[_.identity]]</w:t>
            </w:r>
          </w:p>
          <w:p w:rsidR="00156FB3" w:rsidRDefault="00156FB3" w:rsidP="00156FB3">
            <w:r>
              <w:t xml:space="preserve">     *  The predicates to check.</w:t>
            </w:r>
          </w:p>
          <w:p w:rsidR="00156FB3" w:rsidRDefault="00156FB3" w:rsidP="00156FB3">
            <w:r>
              <w:t xml:space="preserve">     * @returns {Function} Returns the new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func = _.overSome([Boolean, isFinite]);</w:t>
            </w:r>
          </w:p>
          <w:p w:rsidR="00156FB3" w:rsidRDefault="00156FB3" w:rsidP="00156FB3">
            <w:r>
              <w:t xml:space="preserve">     *</w:t>
            </w:r>
          </w:p>
          <w:p w:rsidR="00156FB3" w:rsidRDefault="00156FB3" w:rsidP="00156FB3">
            <w:r>
              <w:t xml:space="preserve">     * func('1');</w:t>
            </w:r>
          </w:p>
          <w:p w:rsidR="00156FB3" w:rsidRDefault="00156FB3" w:rsidP="00156FB3">
            <w:r>
              <w:t xml:space="preserve">     * // =&gt; true</w:t>
            </w:r>
          </w:p>
          <w:p w:rsidR="00156FB3" w:rsidRDefault="00156FB3" w:rsidP="00156FB3">
            <w:r>
              <w:t xml:space="preserve">     *</w:t>
            </w:r>
          </w:p>
          <w:p w:rsidR="00156FB3" w:rsidRDefault="00156FB3" w:rsidP="00156FB3">
            <w:r>
              <w:t xml:space="preserve">     * func(null);</w:t>
            </w:r>
          </w:p>
          <w:p w:rsidR="00156FB3" w:rsidRDefault="00156FB3" w:rsidP="00156FB3">
            <w:r>
              <w:t xml:space="preserve">     * // =&gt; true</w:t>
            </w:r>
          </w:p>
          <w:p w:rsidR="00156FB3" w:rsidRDefault="00156FB3" w:rsidP="00156FB3">
            <w:r>
              <w:t xml:space="preserve">     *</w:t>
            </w:r>
          </w:p>
          <w:p w:rsidR="00156FB3" w:rsidRDefault="00156FB3" w:rsidP="00156FB3">
            <w:r>
              <w:t xml:space="preserve">     * func(NaN);</w:t>
            </w:r>
          </w:p>
          <w:p w:rsidR="00156FB3" w:rsidRDefault="00156FB3" w:rsidP="00156FB3">
            <w:r>
              <w:t xml:space="preserve">     * // =&gt; false</w:t>
            </w:r>
          </w:p>
          <w:p w:rsidR="00156FB3" w:rsidRDefault="00156FB3" w:rsidP="00156FB3">
            <w:r>
              <w:t xml:space="preserve">     */</w:t>
            </w:r>
          </w:p>
          <w:p w:rsidR="00156FB3" w:rsidRDefault="00156FB3" w:rsidP="00156FB3">
            <w:r>
              <w:lastRenderedPageBreak/>
              <w:t xml:space="preserve">    var overSome = createOver(arraySome);</w:t>
            </w:r>
          </w:p>
          <w:p w:rsidR="00156FB3" w:rsidRDefault="00156FB3" w:rsidP="00156FB3"/>
          <w:p w:rsidR="00156FB3" w:rsidRDefault="00156FB3" w:rsidP="00156FB3">
            <w:r>
              <w:t xml:space="preserve">    /**</w:t>
            </w:r>
          </w:p>
          <w:p w:rsidR="00156FB3" w:rsidRDefault="00156FB3" w:rsidP="00156FB3">
            <w:r>
              <w:t xml:space="preserve">     * Creates a function that returns the value at `path` of a given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2.4.0</w:t>
            </w:r>
          </w:p>
          <w:p w:rsidR="00156FB3" w:rsidRDefault="00156FB3" w:rsidP="00156FB3">
            <w:r>
              <w:t xml:space="preserve">     * @category Util</w:t>
            </w:r>
          </w:p>
          <w:p w:rsidR="00156FB3" w:rsidRDefault="00156FB3" w:rsidP="00156FB3">
            <w:r>
              <w:t xml:space="preserve">     * @param {Array|string} path The path of the property to get.</w:t>
            </w:r>
          </w:p>
          <w:p w:rsidR="00156FB3" w:rsidRDefault="00156FB3" w:rsidP="00156FB3">
            <w:r>
              <w:t xml:space="preserve">     * @returns {Function} Returns the new accessor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s = [</w:t>
            </w:r>
          </w:p>
          <w:p w:rsidR="00156FB3" w:rsidRDefault="00156FB3" w:rsidP="00156FB3">
            <w:r>
              <w:t xml:space="preserve">     *   { 'a': { 'b': 2 } },</w:t>
            </w:r>
          </w:p>
          <w:p w:rsidR="00156FB3" w:rsidRDefault="00156FB3" w:rsidP="00156FB3">
            <w:r>
              <w:t xml:space="preserve">     *   { 'a': { 'b': 1 } }</w:t>
            </w:r>
          </w:p>
          <w:p w:rsidR="00156FB3" w:rsidRDefault="00156FB3" w:rsidP="00156FB3">
            <w:r>
              <w:t xml:space="preserve">     * ];</w:t>
            </w:r>
          </w:p>
          <w:p w:rsidR="00156FB3" w:rsidRDefault="00156FB3" w:rsidP="00156FB3">
            <w:r>
              <w:t xml:space="preserve">     *</w:t>
            </w:r>
          </w:p>
          <w:p w:rsidR="00156FB3" w:rsidRDefault="00156FB3" w:rsidP="00156FB3">
            <w:r>
              <w:t xml:space="preserve">     * _.map(objects, _.property('a.b'));</w:t>
            </w:r>
          </w:p>
          <w:p w:rsidR="00156FB3" w:rsidRDefault="00156FB3" w:rsidP="00156FB3">
            <w:r>
              <w:t xml:space="preserve">     * // =&gt; [2, 1]</w:t>
            </w:r>
          </w:p>
          <w:p w:rsidR="00156FB3" w:rsidRDefault="00156FB3" w:rsidP="00156FB3">
            <w:r>
              <w:t xml:space="preserve">     *</w:t>
            </w:r>
          </w:p>
          <w:p w:rsidR="00156FB3" w:rsidRDefault="00156FB3" w:rsidP="00156FB3">
            <w:r>
              <w:t xml:space="preserve">     * _.map(_.sortBy(objects, _.property(['a', 'b'])), 'a.b');</w:t>
            </w:r>
          </w:p>
          <w:p w:rsidR="00156FB3" w:rsidRDefault="00156FB3" w:rsidP="00156FB3">
            <w:r>
              <w:t xml:space="preserve">     * // =&gt; [1, 2]</w:t>
            </w:r>
          </w:p>
          <w:p w:rsidR="00156FB3" w:rsidRDefault="00156FB3" w:rsidP="00156FB3">
            <w:r>
              <w:t xml:space="preserve">     */</w:t>
            </w:r>
          </w:p>
          <w:p w:rsidR="00156FB3" w:rsidRDefault="00156FB3" w:rsidP="00156FB3">
            <w:r>
              <w:t xml:space="preserve">    function property(path) {</w:t>
            </w:r>
          </w:p>
          <w:p w:rsidR="00156FB3" w:rsidRDefault="00156FB3" w:rsidP="00156FB3">
            <w:r>
              <w:t xml:space="preserve">      return isKey(path) ? baseProperty(toKey(path)) : basePropertyDeep(path);</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opposite of `_.property`; this method creates a function that returns</w:t>
            </w:r>
          </w:p>
          <w:p w:rsidR="00156FB3" w:rsidRDefault="00156FB3" w:rsidP="00156FB3">
            <w:r>
              <w:t xml:space="preserve">     * the value at a given path of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0.0</w:t>
            </w:r>
          </w:p>
          <w:p w:rsidR="00156FB3" w:rsidRDefault="00156FB3" w:rsidP="00156FB3">
            <w:r>
              <w:t xml:space="preserve">     * @category Util</w:t>
            </w:r>
          </w:p>
          <w:p w:rsidR="00156FB3" w:rsidRDefault="00156FB3" w:rsidP="00156FB3">
            <w:r>
              <w:t xml:space="preserve">     * @param {Object} object The object to query.</w:t>
            </w:r>
          </w:p>
          <w:p w:rsidR="00156FB3" w:rsidRDefault="00156FB3" w:rsidP="00156FB3">
            <w:r>
              <w:t xml:space="preserve">     * @returns {Function} Returns the new accessor function.</w:t>
            </w:r>
          </w:p>
          <w:p w:rsidR="00156FB3" w:rsidRDefault="00156FB3" w:rsidP="00156FB3">
            <w:r>
              <w:t xml:space="preserve">     * @example</w:t>
            </w:r>
          </w:p>
          <w:p w:rsidR="00156FB3" w:rsidRDefault="00156FB3" w:rsidP="00156FB3">
            <w:r>
              <w:t xml:space="preserve">     *</w:t>
            </w:r>
          </w:p>
          <w:p w:rsidR="00156FB3" w:rsidRDefault="00156FB3" w:rsidP="00156FB3">
            <w:r>
              <w:t xml:space="preserve">     * var array = [0, 1, 2],</w:t>
            </w:r>
          </w:p>
          <w:p w:rsidR="00156FB3" w:rsidRDefault="00156FB3" w:rsidP="00156FB3">
            <w:r>
              <w:t xml:space="preserve">     *     object = { 'a': array, 'b': array, 'c': array };</w:t>
            </w:r>
          </w:p>
          <w:p w:rsidR="00156FB3" w:rsidRDefault="00156FB3" w:rsidP="00156FB3">
            <w:r>
              <w:t xml:space="preserve">     *</w:t>
            </w:r>
          </w:p>
          <w:p w:rsidR="00156FB3" w:rsidRDefault="00156FB3" w:rsidP="00156FB3">
            <w:r>
              <w:t xml:space="preserve">     * _.map(['a[2]', 'c[0]'], _.propertyOf(object));</w:t>
            </w:r>
          </w:p>
          <w:p w:rsidR="00156FB3" w:rsidRDefault="00156FB3" w:rsidP="00156FB3">
            <w:r>
              <w:t xml:space="preserve">     * // =&gt; [2, 0]</w:t>
            </w:r>
          </w:p>
          <w:p w:rsidR="00156FB3" w:rsidRDefault="00156FB3" w:rsidP="00156FB3">
            <w:r>
              <w:t xml:space="preserve">     *</w:t>
            </w:r>
          </w:p>
          <w:p w:rsidR="00156FB3" w:rsidRDefault="00156FB3" w:rsidP="00156FB3">
            <w:r>
              <w:t xml:space="preserve">     * _.map([['a', '2'], ['c', '0']], _.propertyOf(object));</w:t>
            </w:r>
          </w:p>
          <w:p w:rsidR="00156FB3" w:rsidRDefault="00156FB3" w:rsidP="00156FB3">
            <w:r>
              <w:t xml:space="preserve">     * // =&gt; [2, 0]</w:t>
            </w:r>
          </w:p>
          <w:p w:rsidR="00156FB3" w:rsidRDefault="00156FB3" w:rsidP="00156FB3">
            <w:r>
              <w:lastRenderedPageBreak/>
              <w:t xml:space="preserve">     */</w:t>
            </w:r>
          </w:p>
          <w:p w:rsidR="00156FB3" w:rsidRDefault="00156FB3" w:rsidP="00156FB3">
            <w:r>
              <w:t xml:space="preserve">    function propertyOf(object) {</w:t>
            </w:r>
          </w:p>
          <w:p w:rsidR="00156FB3" w:rsidRDefault="00156FB3" w:rsidP="00156FB3">
            <w:r>
              <w:t xml:space="preserve">      return function(path) {</w:t>
            </w:r>
          </w:p>
          <w:p w:rsidR="00156FB3" w:rsidRDefault="00156FB3" w:rsidP="00156FB3">
            <w:r>
              <w:t xml:space="preserve">        return object == null ? undefined : baseGet(object, path);</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an array of numbers (positive and/or negative) progressing from</w:t>
            </w:r>
          </w:p>
          <w:p w:rsidR="00156FB3" w:rsidRDefault="00156FB3" w:rsidP="00156FB3">
            <w:r>
              <w:t xml:space="preserve">     * `start` up to, but not including, `end`. A step of `-1` is used if a negative</w:t>
            </w:r>
          </w:p>
          <w:p w:rsidR="00156FB3" w:rsidRDefault="00156FB3" w:rsidP="00156FB3">
            <w:r>
              <w:t xml:space="preserve">     * `start` is specified without an `end` or `step`. If `end` is not specified,</w:t>
            </w:r>
          </w:p>
          <w:p w:rsidR="00156FB3" w:rsidRDefault="00156FB3" w:rsidP="00156FB3">
            <w:r>
              <w:t xml:space="preserve">     * it's set to `start` with `start` then set to `0`.</w:t>
            </w:r>
          </w:p>
          <w:p w:rsidR="00156FB3" w:rsidRDefault="00156FB3" w:rsidP="00156FB3">
            <w:r>
              <w:t xml:space="preserve">     *</w:t>
            </w:r>
          </w:p>
          <w:p w:rsidR="00156FB3" w:rsidRDefault="00156FB3" w:rsidP="00156FB3">
            <w:r>
              <w:t xml:space="preserve">     * **Note:** JavaScript follows the IEEE-754 standard for resolving</w:t>
            </w:r>
          </w:p>
          <w:p w:rsidR="00156FB3" w:rsidRDefault="00156FB3" w:rsidP="00156FB3">
            <w:r>
              <w:t xml:space="preserve">     * floating-point values which can produce unexpected results.</w:t>
            </w:r>
          </w:p>
          <w:p w:rsidR="00156FB3" w:rsidRDefault="00156FB3" w:rsidP="00156FB3">
            <w:r>
              <w:t xml:space="preserve">     *</w:t>
            </w:r>
          </w:p>
          <w:p w:rsidR="00156FB3" w:rsidRDefault="00156FB3" w:rsidP="00156FB3">
            <w:r>
              <w:t xml:space="preserve">     * @static</w:t>
            </w:r>
          </w:p>
          <w:p w:rsidR="00156FB3" w:rsidRDefault="00156FB3" w:rsidP="00156FB3">
            <w:r>
              <w:t xml:space="preserve">     * @since 0.1.0</w:t>
            </w:r>
          </w:p>
          <w:p w:rsidR="00156FB3" w:rsidRDefault="00156FB3" w:rsidP="00156FB3">
            <w:r>
              <w:t xml:space="preserve">     * @memberOf _</w:t>
            </w:r>
          </w:p>
          <w:p w:rsidR="00156FB3" w:rsidRDefault="00156FB3" w:rsidP="00156FB3">
            <w:r>
              <w:t xml:space="preserve">     * @category Util</w:t>
            </w:r>
          </w:p>
          <w:p w:rsidR="00156FB3" w:rsidRDefault="00156FB3" w:rsidP="00156FB3">
            <w:r>
              <w:t xml:space="preserve">     * @param {number} [start=0] The start of the range.</w:t>
            </w:r>
          </w:p>
          <w:p w:rsidR="00156FB3" w:rsidRDefault="00156FB3" w:rsidP="00156FB3">
            <w:r>
              <w:t xml:space="preserve">     * @param {number} end The end of the range.</w:t>
            </w:r>
          </w:p>
          <w:p w:rsidR="00156FB3" w:rsidRDefault="00156FB3" w:rsidP="00156FB3">
            <w:r>
              <w:t xml:space="preserve">     * @param {number} [step=1] The value to increment or decrement by.</w:t>
            </w:r>
          </w:p>
          <w:p w:rsidR="00156FB3" w:rsidRDefault="00156FB3" w:rsidP="00156FB3">
            <w:r>
              <w:t xml:space="preserve">     * @returns {Array} Returns the range of numbers.</w:t>
            </w:r>
          </w:p>
          <w:p w:rsidR="00156FB3" w:rsidRDefault="00156FB3" w:rsidP="00156FB3">
            <w:r>
              <w:t xml:space="preserve">     * @see _.inRange, _.rangeRight</w:t>
            </w:r>
          </w:p>
          <w:p w:rsidR="00156FB3" w:rsidRDefault="00156FB3" w:rsidP="00156FB3">
            <w:r>
              <w:t xml:space="preserve">     * @example</w:t>
            </w:r>
          </w:p>
          <w:p w:rsidR="00156FB3" w:rsidRDefault="00156FB3" w:rsidP="00156FB3">
            <w:r>
              <w:t xml:space="preserve">     *</w:t>
            </w:r>
          </w:p>
          <w:p w:rsidR="00156FB3" w:rsidRDefault="00156FB3" w:rsidP="00156FB3">
            <w:r>
              <w:t xml:space="preserve">     * _.range(4);</w:t>
            </w:r>
          </w:p>
          <w:p w:rsidR="00156FB3" w:rsidRDefault="00156FB3" w:rsidP="00156FB3">
            <w:r>
              <w:t xml:space="preserve">     * // =&gt; [0, 1, 2, 3]</w:t>
            </w:r>
          </w:p>
          <w:p w:rsidR="00156FB3" w:rsidRDefault="00156FB3" w:rsidP="00156FB3">
            <w:r>
              <w:t xml:space="preserve">     *</w:t>
            </w:r>
          </w:p>
          <w:p w:rsidR="00156FB3" w:rsidRDefault="00156FB3" w:rsidP="00156FB3">
            <w:r>
              <w:t xml:space="preserve">     * _.range(-4);</w:t>
            </w:r>
          </w:p>
          <w:p w:rsidR="00156FB3" w:rsidRDefault="00156FB3" w:rsidP="00156FB3">
            <w:r>
              <w:t xml:space="preserve">     * // =&gt; [0, -1, -2, -3]</w:t>
            </w:r>
          </w:p>
          <w:p w:rsidR="00156FB3" w:rsidRDefault="00156FB3" w:rsidP="00156FB3">
            <w:r>
              <w:t xml:space="preserve">     *</w:t>
            </w:r>
          </w:p>
          <w:p w:rsidR="00156FB3" w:rsidRDefault="00156FB3" w:rsidP="00156FB3">
            <w:r>
              <w:t xml:space="preserve">     * _.range(1, 5);</w:t>
            </w:r>
          </w:p>
          <w:p w:rsidR="00156FB3" w:rsidRDefault="00156FB3" w:rsidP="00156FB3">
            <w:r>
              <w:t xml:space="preserve">     * // =&gt; [1, 2, 3, 4]</w:t>
            </w:r>
          </w:p>
          <w:p w:rsidR="00156FB3" w:rsidRDefault="00156FB3" w:rsidP="00156FB3">
            <w:r>
              <w:t xml:space="preserve">     *</w:t>
            </w:r>
          </w:p>
          <w:p w:rsidR="00156FB3" w:rsidRDefault="00156FB3" w:rsidP="00156FB3">
            <w:r>
              <w:t xml:space="preserve">     * _.range(0, 20, 5);</w:t>
            </w:r>
          </w:p>
          <w:p w:rsidR="00156FB3" w:rsidRDefault="00156FB3" w:rsidP="00156FB3">
            <w:r>
              <w:t xml:space="preserve">     * // =&gt; [0, 5, 10, 15]</w:t>
            </w:r>
          </w:p>
          <w:p w:rsidR="00156FB3" w:rsidRDefault="00156FB3" w:rsidP="00156FB3">
            <w:r>
              <w:t xml:space="preserve">     *</w:t>
            </w:r>
          </w:p>
          <w:p w:rsidR="00156FB3" w:rsidRDefault="00156FB3" w:rsidP="00156FB3">
            <w:r>
              <w:t xml:space="preserve">     * _.range(0, -4, -1);</w:t>
            </w:r>
          </w:p>
          <w:p w:rsidR="00156FB3" w:rsidRDefault="00156FB3" w:rsidP="00156FB3">
            <w:r>
              <w:t xml:space="preserve">     * // =&gt; [0, -1, -2, -3]</w:t>
            </w:r>
          </w:p>
          <w:p w:rsidR="00156FB3" w:rsidRDefault="00156FB3" w:rsidP="00156FB3">
            <w:r>
              <w:t xml:space="preserve">     *</w:t>
            </w:r>
          </w:p>
          <w:p w:rsidR="00156FB3" w:rsidRDefault="00156FB3" w:rsidP="00156FB3">
            <w:r>
              <w:t xml:space="preserve">     * _.range(1, 4, 0);</w:t>
            </w:r>
          </w:p>
          <w:p w:rsidR="00156FB3" w:rsidRDefault="00156FB3" w:rsidP="00156FB3">
            <w:r>
              <w:t xml:space="preserve">     * // =&gt; [1, 1, 1]</w:t>
            </w:r>
          </w:p>
          <w:p w:rsidR="00156FB3" w:rsidRDefault="00156FB3" w:rsidP="00156FB3">
            <w:r>
              <w:t xml:space="preserve">     *</w:t>
            </w:r>
          </w:p>
          <w:p w:rsidR="00156FB3" w:rsidRDefault="00156FB3" w:rsidP="00156FB3">
            <w:r>
              <w:t xml:space="preserve">     * _.range(0);</w:t>
            </w:r>
          </w:p>
          <w:p w:rsidR="00156FB3" w:rsidRDefault="00156FB3" w:rsidP="00156FB3">
            <w:r>
              <w:t xml:space="preserve">     * // =&gt; []</w:t>
            </w:r>
          </w:p>
          <w:p w:rsidR="00156FB3" w:rsidRDefault="00156FB3" w:rsidP="00156FB3">
            <w:r>
              <w:t xml:space="preserve">     */</w:t>
            </w:r>
          </w:p>
          <w:p w:rsidR="00156FB3" w:rsidRDefault="00156FB3" w:rsidP="00156FB3">
            <w:r>
              <w:lastRenderedPageBreak/>
              <w:t xml:space="preserve">    var range = createRange();</w:t>
            </w:r>
          </w:p>
          <w:p w:rsidR="00156FB3" w:rsidRDefault="00156FB3" w:rsidP="00156FB3"/>
          <w:p w:rsidR="00156FB3" w:rsidRDefault="00156FB3" w:rsidP="00156FB3">
            <w:r>
              <w:t xml:space="preserve">    /**</w:t>
            </w:r>
          </w:p>
          <w:p w:rsidR="00156FB3" w:rsidRDefault="00156FB3" w:rsidP="00156FB3">
            <w:r>
              <w:t xml:space="preserve">     * This method is like `_.range` except that it populates values in</w:t>
            </w:r>
          </w:p>
          <w:p w:rsidR="00156FB3" w:rsidRDefault="00156FB3" w:rsidP="00156FB3">
            <w:r>
              <w:t xml:space="preserve">     * descending order.</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Util</w:t>
            </w:r>
          </w:p>
          <w:p w:rsidR="00156FB3" w:rsidRDefault="00156FB3" w:rsidP="00156FB3">
            <w:r>
              <w:t xml:space="preserve">     * @param {number} [start=0] The start of the range.</w:t>
            </w:r>
          </w:p>
          <w:p w:rsidR="00156FB3" w:rsidRDefault="00156FB3" w:rsidP="00156FB3">
            <w:r>
              <w:t xml:space="preserve">     * @param {number} end The end of the range.</w:t>
            </w:r>
          </w:p>
          <w:p w:rsidR="00156FB3" w:rsidRDefault="00156FB3" w:rsidP="00156FB3">
            <w:r>
              <w:t xml:space="preserve">     * @param {number} [step=1] The value to increment or decrement by.</w:t>
            </w:r>
          </w:p>
          <w:p w:rsidR="00156FB3" w:rsidRDefault="00156FB3" w:rsidP="00156FB3">
            <w:r>
              <w:t xml:space="preserve">     * @returns {Array} Returns the range of numbers.</w:t>
            </w:r>
          </w:p>
          <w:p w:rsidR="00156FB3" w:rsidRDefault="00156FB3" w:rsidP="00156FB3">
            <w:r>
              <w:t xml:space="preserve">     * @see _.inRange, _.range</w:t>
            </w:r>
          </w:p>
          <w:p w:rsidR="00156FB3" w:rsidRDefault="00156FB3" w:rsidP="00156FB3">
            <w:r>
              <w:t xml:space="preserve">     * @example</w:t>
            </w:r>
          </w:p>
          <w:p w:rsidR="00156FB3" w:rsidRDefault="00156FB3" w:rsidP="00156FB3">
            <w:r>
              <w:t xml:space="preserve">     *</w:t>
            </w:r>
          </w:p>
          <w:p w:rsidR="00156FB3" w:rsidRDefault="00156FB3" w:rsidP="00156FB3">
            <w:r>
              <w:t xml:space="preserve">     * _.rangeRight(4);</w:t>
            </w:r>
          </w:p>
          <w:p w:rsidR="00156FB3" w:rsidRDefault="00156FB3" w:rsidP="00156FB3">
            <w:r>
              <w:t xml:space="preserve">     * // =&gt; [3, 2, 1, 0]</w:t>
            </w:r>
          </w:p>
          <w:p w:rsidR="00156FB3" w:rsidRDefault="00156FB3" w:rsidP="00156FB3">
            <w:r>
              <w:t xml:space="preserve">     *</w:t>
            </w:r>
          </w:p>
          <w:p w:rsidR="00156FB3" w:rsidRDefault="00156FB3" w:rsidP="00156FB3">
            <w:r>
              <w:t xml:space="preserve">     * _.rangeRight(-4);</w:t>
            </w:r>
          </w:p>
          <w:p w:rsidR="00156FB3" w:rsidRDefault="00156FB3" w:rsidP="00156FB3">
            <w:r>
              <w:t xml:space="preserve">     * // =&gt; [-3, -2, -1, 0]</w:t>
            </w:r>
          </w:p>
          <w:p w:rsidR="00156FB3" w:rsidRDefault="00156FB3" w:rsidP="00156FB3">
            <w:r>
              <w:t xml:space="preserve">     *</w:t>
            </w:r>
          </w:p>
          <w:p w:rsidR="00156FB3" w:rsidRDefault="00156FB3" w:rsidP="00156FB3">
            <w:r>
              <w:t xml:space="preserve">     * _.rangeRight(1, 5);</w:t>
            </w:r>
          </w:p>
          <w:p w:rsidR="00156FB3" w:rsidRDefault="00156FB3" w:rsidP="00156FB3">
            <w:r>
              <w:t xml:space="preserve">     * // =&gt; [4, 3, 2, 1]</w:t>
            </w:r>
          </w:p>
          <w:p w:rsidR="00156FB3" w:rsidRDefault="00156FB3" w:rsidP="00156FB3">
            <w:r>
              <w:t xml:space="preserve">     *</w:t>
            </w:r>
          </w:p>
          <w:p w:rsidR="00156FB3" w:rsidRDefault="00156FB3" w:rsidP="00156FB3">
            <w:r>
              <w:t xml:space="preserve">     * _.rangeRight(0, 20, 5);</w:t>
            </w:r>
          </w:p>
          <w:p w:rsidR="00156FB3" w:rsidRDefault="00156FB3" w:rsidP="00156FB3">
            <w:r>
              <w:t xml:space="preserve">     * // =&gt; [15, 10, 5, 0]</w:t>
            </w:r>
          </w:p>
          <w:p w:rsidR="00156FB3" w:rsidRDefault="00156FB3" w:rsidP="00156FB3">
            <w:r>
              <w:t xml:space="preserve">     *</w:t>
            </w:r>
          </w:p>
          <w:p w:rsidR="00156FB3" w:rsidRDefault="00156FB3" w:rsidP="00156FB3">
            <w:r>
              <w:t xml:space="preserve">     * _.rangeRight(0, -4, -1);</w:t>
            </w:r>
          </w:p>
          <w:p w:rsidR="00156FB3" w:rsidRDefault="00156FB3" w:rsidP="00156FB3">
            <w:r>
              <w:t xml:space="preserve">     * // =&gt; [-3, -2, -1, 0]</w:t>
            </w:r>
          </w:p>
          <w:p w:rsidR="00156FB3" w:rsidRDefault="00156FB3" w:rsidP="00156FB3">
            <w:r>
              <w:t xml:space="preserve">     *</w:t>
            </w:r>
          </w:p>
          <w:p w:rsidR="00156FB3" w:rsidRDefault="00156FB3" w:rsidP="00156FB3">
            <w:r>
              <w:t xml:space="preserve">     * _.rangeRight(1, 4, 0);</w:t>
            </w:r>
          </w:p>
          <w:p w:rsidR="00156FB3" w:rsidRDefault="00156FB3" w:rsidP="00156FB3">
            <w:r>
              <w:t xml:space="preserve">     * // =&gt; [1, 1, 1]</w:t>
            </w:r>
          </w:p>
          <w:p w:rsidR="00156FB3" w:rsidRDefault="00156FB3" w:rsidP="00156FB3">
            <w:r>
              <w:t xml:space="preserve">     *</w:t>
            </w:r>
          </w:p>
          <w:p w:rsidR="00156FB3" w:rsidRDefault="00156FB3" w:rsidP="00156FB3">
            <w:r>
              <w:t xml:space="preserve">     * _.rangeRight(0);</w:t>
            </w:r>
          </w:p>
          <w:p w:rsidR="00156FB3" w:rsidRDefault="00156FB3" w:rsidP="00156FB3">
            <w:r>
              <w:t xml:space="preserve">     * // =&gt; []</w:t>
            </w:r>
          </w:p>
          <w:p w:rsidR="00156FB3" w:rsidRDefault="00156FB3" w:rsidP="00156FB3">
            <w:r>
              <w:t xml:space="preserve">     */</w:t>
            </w:r>
          </w:p>
          <w:p w:rsidR="00156FB3" w:rsidRDefault="00156FB3" w:rsidP="00156FB3">
            <w:r>
              <w:t xml:space="preserve">    var rangeRight = createRange(true);</w:t>
            </w:r>
          </w:p>
          <w:p w:rsidR="00156FB3" w:rsidRDefault="00156FB3" w:rsidP="00156FB3"/>
          <w:p w:rsidR="00156FB3" w:rsidRDefault="00156FB3" w:rsidP="00156FB3">
            <w:r>
              <w:t xml:space="preserve">    /**</w:t>
            </w:r>
          </w:p>
          <w:p w:rsidR="00156FB3" w:rsidRDefault="00156FB3" w:rsidP="00156FB3">
            <w:r>
              <w:t xml:space="preserve">     * This method returns a new empty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13.0</w:t>
            </w:r>
          </w:p>
          <w:p w:rsidR="00156FB3" w:rsidRDefault="00156FB3" w:rsidP="00156FB3">
            <w:r>
              <w:t xml:space="preserve">     * @category Util</w:t>
            </w:r>
          </w:p>
          <w:p w:rsidR="00156FB3" w:rsidRDefault="00156FB3" w:rsidP="00156FB3">
            <w:r>
              <w:t xml:space="preserve">     * @returns {Array} Returns the new empty array.</w:t>
            </w:r>
          </w:p>
          <w:p w:rsidR="00156FB3" w:rsidRDefault="00156FB3" w:rsidP="00156FB3">
            <w:r>
              <w:lastRenderedPageBreak/>
              <w:t xml:space="preserve">     * @example</w:t>
            </w:r>
          </w:p>
          <w:p w:rsidR="00156FB3" w:rsidRDefault="00156FB3" w:rsidP="00156FB3">
            <w:r>
              <w:t xml:space="preserve">     *</w:t>
            </w:r>
          </w:p>
          <w:p w:rsidR="00156FB3" w:rsidRDefault="00156FB3" w:rsidP="00156FB3">
            <w:r>
              <w:t xml:space="preserve">     * var arrays = _.times(2, _.stubArray);</w:t>
            </w:r>
          </w:p>
          <w:p w:rsidR="00156FB3" w:rsidRDefault="00156FB3" w:rsidP="00156FB3">
            <w:r>
              <w:t xml:space="preserve">     *</w:t>
            </w:r>
          </w:p>
          <w:p w:rsidR="00156FB3" w:rsidRDefault="00156FB3" w:rsidP="00156FB3">
            <w:r>
              <w:t xml:space="preserve">     * console.log(arrays);</w:t>
            </w:r>
          </w:p>
          <w:p w:rsidR="00156FB3" w:rsidRDefault="00156FB3" w:rsidP="00156FB3">
            <w:r>
              <w:t xml:space="preserve">     * // =&gt; [[], []]</w:t>
            </w:r>
          </w:p>
          <w:p w:rsidR="00156FB3" w:rsidRDefault="00156FB3" w:rsidP="00156FB3">
            <w:r>
              <w:t xml:space="preserve">     *</w:t>
            </w:r>
          </w:p>
          <w:p w:rsidR="00156FB3" w:rsidRDefault="00156FB3" w:rsidP="00156FB3">
            <w:r>
              <w:t xml:space="preserve">     * console.log(arrays[0] === arrays[1]);</w:t>
            </w:r>
          </w:p>
          <w:p w:rsidR="00156FB3" w:rsidRDefault="00156FB3" w:rsidP="00156FB3">
            <w:r>
              <w:t xml:space="preserve">     * // =&gt; false</w:t>
            </w:r>
          </w:p>
          <w:p w:rsidR="00156FB3" w:rsidRDefault="00156FB3" w:rsidP="00156FB3">
            <w:r>
              <w:t xml:space="preserve">     */</w:t>
            </w:r>
          </w:p>
          <w:p w:rsidR="00156FB3" w:rsidRDefault="00156FB3" w:rsidP="00156FB3">
            <w:r>
              <w:t xml:space="preserve">    function stubArray() {</w:t>
            </w:r>
          </w:p>
          <w:p w:rsidR="00156FB3" w:rsidRDefault="00156FB3" w:rsidP="00156FB3">
            <w:r>
              <w:t xml:space="preserve">      return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returns `fals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13.0</w:t>
            </w:r>
          </w:p>
          <w:p w:rsidR="00156FB3" w:rsidRDefault="00156FB3" w:rsidP="00156FB3">
            <w:r>
              <w:t xml:space="preserve">     * @category Util</w:t>
            </w:r>
          </w:p>
          <w:p w:rsidR="00156FB3" w:rsidRDefault="00156FB3" w:rsidP="00156FB3">
            <w:r>
              <w:t xml:space="preserve">     * @returns {boolean} Returns `false`.</w:t>
            </w:r>
          </w:p>
          <w:p w:rsidR="00156FB3" w:rsidRDefault="00156FB3" w:rsidP="00156FB3">
            <w:r>
              <w:t xml:space="preserve">     * @example</w:t>
            </w:r>
          </w:p>
          <w:p w:rsidR="00156FB3" w:rsidRDefault="00156FB3" w:rsidP="00156FB3">
            <w:r>
              <w:t xml:space="preserve">     *</w:t>
            </w:r>
          </w:p>
          <w:p w:rsidR="00156FB3" w:rsidRDefault="00156FB3" w:rsidP="00156FB3">
            <w:r>
              <w:t xml:space="preserve">     * _.times(2, _.stubFalse);</w:t>
            </w:r>
          </w:p>
          <w:p w:rsidR="00156FB3" w:rsidRDefault="00156FB3" w:rsidP="00156FB3">
            <w:r>
              <w:t xml:space="preserve">     * // =&gt; [false, false]</w:t>
            </w:r>
          </w:p>
          <w:p w:rsidR="00156FB3" w:rsidRDefault="00156FB3" w:rsidP="00156FB3">
            <w:r>
              <w:t xml:space="preserve">     */</w:t>
            </w:r>
          </w:p>
          <w:p w:rsidR="00156FB3" w:rsidRDefault="00156FB3" w:rsidP="00156FB3">
            <w:r>
              <w:t xml:space="preserve">    function stubFalse()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returns a new empty object.</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13.0</w:t>
            </w:r>
          </w:p>
          <w:p w:rsidR="00156FB3" w:rsidRDefault="00156FB3" w:rsidP="00156FB3">
            <w:r>
              <w:t xml:space="preserve">     * @category Util</w:t>
            </w:r>
          </w:p>
          <w:p w:rsidR="00156FB3" w:rsidRDefault="00156FB3" w:rsidP="00156FB3">
            <w:r>
              <w:t xml:space="preserve">     * @returns {Object} Returns the new empty object.</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s = _.times(2, _.stubObject);</w:t>
            </w:r>
          </w:p>
          <w:p w:rsidR="00156FB3" w:rsidRDefault="00156FB3" w:rsidP="00156FB3">
            <w:r>
              <w:t xml:space="preserve">     *</w:t>
            </w:r>
          </w:p>
          <w:p w:rsidR="00156FB3" w:rsidRDefault="00156FB3" w:rsidP="00156FB3">
            <w:r>
              <w:t xml:space="preserve">     * console.log(objects);</w:t>
            </w:r>
          </w:p>
          <w:p w:rsidR="00156FB3" w:rsidRDefault="00156FB3" w:rsidP="00156FB3">
            <w:r>
              <w:t xml:space="preserve">     * // =&gt; [{}, {}]</w:t>
            </w:r>
          </w:p>
          <w:p w:rsidR="00156FB3" w:rsidRDefault="00156FB3" w:rsidP="00156FB3">
            <w:r>
              <w:t xml:space="preserve">     *</w:t>
            </w:r>
          </w:p>
          <w:p w:rsidR="00156FB3" w:rsidRDefault="00156FB3" w:rsidP="00156FB3">
            <w:r>
              <w:t xml:space="preserve">     * console.log(objects[0] === objects[1]);</w:t>
            </w:r>
          </w:p>
          <w:p w:rsidR="00156FB3" w:rsidRDefault="00156FB3" w:rsidP="00156FB3">
            <w:r>
              <w:t xml:space="preserve">     * // =&gt; false</w:t>
            </w:r>
          </w:p>
          <w:p w:rsidR="00156FB3" w:rsidRDefault="00156FB3" w:rsidP="00156FB3">
            <w:r>
              <w:lastRenderedPageBreak/>
              <w:t xml:space="preserve">     */</w:t>
            </w:r>
          </w:p>
          <w:p w:rsidR="00156FB3" w:rsidRDefault="00156FB3" w:rsidP="00156FB3">
            <w:r>
              <w:t xml:space="preserve">    function stubObject() {</w:t>
            </w:r>
          </w:p>
          <w:p w:rsidR="00156FB3" w:rsidRDefault="00156FB3" w:rsidP="00156FB3">
            <w:r>
              <w:t xml:space="preserve">      return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returns an empty string.</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13.0</w:t>
            </w:r>
          </w:p>
          <w:p w:rsidR="00156FB3" w:rsidRDefault="00156FB3" w:rsidP="00156FB3">
            <w:r>
              <w:t xml:space="preserve">     * @category Util</w:t>
            </w:r>
          </w:p>
          <w:p w:rsidR="00156FB3" w:rsidRDefault="00156FB3" w:rsidP="00156FB3">
            <w:r>
              <w:t xml:space="preserve">     * @returns {string} Returns the empty string.</w:t>
            </w:r>
          </w:p>
          <w:p w:rsidR="00156FB3" w:rsidRDefault="00156FB3" w:rsidP="00156FB3">
            <w:r>
              <w:t xml:space="preserve">     * @example</w:t>
            </w:r>
          </w:p>
          <w:p w:rsidR="00156FB3" w:rsidRDefault="00156FB3" w:rsidP="00156FB3">
            <w:r>
              <w:t xml:space="preserve">     *</w:t>
            </w:r>
          </w:p>
          <w:p w:rsidR="00156FB3" w:rsidRDefault="00156FB3" w:rsidP="00156FB3">
            <w:r>
              <w:t xml:space="preserve">     * _.times(2, _.stubString);</w:t>
            </w:r>
          </w:p>
          <w:p w:rsidR="00156FB3" w:rsidRDefault="00156FB3" w:rsidP="00156FB3">
            <w:r>
              <w:t xml:space="preserve">     * // =&gt; ['', '']</w:t>
            </w:r>
          </w:p>
          <w:p w:rsidR="00156FB3" w:rsidRDefault="00156FB3" w:rsidP="00156FB3">
            <w:r>
              <w:t xml:space="preserve">     */</w:t>
            </w:r>
          </w:p>
          <w:p w:rsidR="00156FB3" w:rsidRDefault="00156FB3" w:rsidP="00156FB3">
            <w:r>
              <w:t xml:space="preserve">    function stubString() {</w:t>
            </w:r>
          </w:p>
          <w:p w:rsidR="00156FB3" w:rsidRDefault="00156FB3" w:rsidP="00156FB3">
            <w:r>
              <w:t xml:space="preserve">      return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returns `tru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13.0</w:t>
            </w:r>
          </w:p>
          <w:p w:rsidR="00156FB3" w:rsidRDefault="00156FB3" w:rsidP="00156FB3">
            <w:r>
              <w:t xml:space="preserve">     * @category Util</w:t>
            </w:r>
          </w:p>
          <w:p w:rsidR="00156FB3" w:rsidRDefault="00156FB3" w:rsidP="00156FB3">
            <w:r>
              <w:t xml:space="preserve">     * @returns {boolean} Returns `true`.</w:t>
            </w:r>
          </w:p>
          <w:p w:rsidR="00156FB3" w:rsidRDefault="00156FB3" w:rsidP="00156FB3">
            <w:r>
              <w:t xml:space="preserve">     * @example</w:t>
            </w:r>
          </w:p>
          <w:p w:rsidR="00156FB3" w:rsidRDefault="00156FB3" w:rsidP="00156FB3">
            <w:r>
              <w:t xml:space="preserve">     *</w:t>
            </w:r>
          </w:p>
          <w:p w:rsidR="00156FB3" w:rsidRDefault="00156FB3" w:rsidP="00156FB3">
            <w:r>
              <w:t xml:space="preserve">     * _.times(2, _.stubTrue);</w:t>
            </w:r>
          </w:p>
          <w:p w:rsidR="00156FB3" w:rsidRDefault="00156FB3" w:rsidP="00156FB3">
            <w:r>
              <w:t xml:space="preserve">     * // =&gt; [true, true]</w:t>
            </w:r>
          </w:p>
          <w:p w:rsidR="00156FB3" w:rsidRDefault="00156FB3" w:rsidP="00156FB3">
            <w:r>
              <w:t xml:space="preserve">     */</w:t>
            </w:r>
          </w:p>
          <w:p w:rsidR="00156FB3" w:rsidRDefault="00156FB3" w:rsidP="00156FB3">
            <w:r>
              <w:t xml:space="preserve">    function stubTrue() {</w:t>
            </w:r>
          </w:p>
          <w:p w:rsidR="00156FB3" w:rsidRDefault="00156FB3" w:rsidP="00156FB3">
            <w:r>
              <w:t xml:space="preserve">      return tr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Invokes the iteratee `n` times, returning an array of the results of</w:t>
            </w:r>
          </w:p>
          <w:p w:rsidR="00156FB3" w:rsidRDefault="00156FB3" w:rsidP="00156FB3">
            <w:r>
              <w:t xml:space="preserve">     * each invocation. The iteratee is invoked with one argument; (index).</w:t>
            </w:r>
          </w:p>
          <w:p w:rsidR="00156FB3" w:rsidRDefault="00156FB3" w:rsidP="00156FB3">
            <w:r>
              <w:t xml:space="preserve">     *</w:t>
            </w:r>
          </w:p>
          <w:p w:rsidR="00156FB3" w:rsidRDefault="00156FB3" w:rsidP="00156FB3">
            <w:r>
              <w:t xml:space="preserve">     * @static</w:t>
            </w:r>
          </w:p>
          <w:p w:rsidR="00156FB3" w:rsidRDefault="00156FB3" w:rsidP="00156FB3">
            <w:r>
              <w:t xml:space="preserve">     * @since 0.1.0</w:t>
            </w:r>
          </w:p>
          <w:p w:rsidR="00156FB3" w:rsidRDefault="00156FB3" w:rsidP="00156FB3">
            <w:r>
              <w:t xml:space="preserve">     * @memberOf _</w:t>
            </w:r>
          </w:p>
          <w:p w:rsidR="00156FB3" w:rsidRDefault="00156FB3" w:rsidP="00156FB3">
            <w:r>
              <w:t xml:space="preserve">     * @category Util</w:t>
            </w:r>
          </w:p>
          <w:p w:rsidR="00156FB3" w:rsidRDefault="00156FB3" w:rsidP="00156FB3">
            <w:r>
              <w:t xml:space="preserve">     * @param {number} n The number of times to invoke `iteratee`.</w:t>
            </w:r>
          </w:p>
          <w:p w:rsidR="00156FB3" w:rsidRDefault="00156FB3" w:rsidP="00156FB3">
            <w:r>
              <w:lastRenderedPageBreak/>
              <w:t xml:space="preserve">     * @param {Function} [iteratee=_.identity] The function invoked per iteration.</w:t>
            </w:r>
          </w:p>
          <w:p w:rsidR="00156FB3" w:rsidRDefault="00156FB3" w:rsidP="00156FB3">
            <w:r>
              <w:t xml:space="preserve">     * @returns {Array} Returns the array of results.</w:t>
            </w:r>
          </w:p>
          <w:p w:rsidR="00156FB3" w:rsidRDefault="00156FB3" w:rsidP="00156FB3">
            <w:r>
              <w:t xml:space="preserve">     * @example</w:t>
            </w:r>
          </w:p>
          <w:p w:rsidR="00156FB3" w:rsidRDefault="00156FB3" w:rsidP="00156FB3">
            <w:r>
              <w:t xml:space="preserve">     *</w:t>
            </w:r>
          </w:p>
          <w:p w:rsidR="00156FB3" w:rsidRDefault="00156FB3" w:rsidP="00156FB3">
            <w:r>
              <w:t xml:space="preserve">     * _.times(3, String);</w:t>
            </w:r>
          </w:p>
          <w:p w:rsidR="00156FB3" w:rsidRDefault="00156FB3" w:rsidP="00156FB3">
            <w:r>
              <w:t xml:space="preserve">     * // =&gt; ['0', '1', '2']</w:t>
            </w:r>
          </w:p>
          <w:p w:rsidR="00156FB3" w:rsidRDefault="00156FB3" w:rsidP="00156FB3">
            <w:r>
              <w:t xml:space="preserve">     *</w:t>
            </w:r>
          </w:p>
          <w:p w:rsidR="00156FB3" w:rsidRDefault="00156FB3" w:rsidP="00156FB3">
            <w:r>
              <w:t xml:space="preserve">     *  _.times(4, _.constant(0));</w:t>
            </w:r>
          </w:p>
          <w:p w:rsidR="00156FB3" w:rsidRDefault="00156FB3" w:rsidP="00156FB3">
            <w:r>
              <w:t xml:space="preserve">     * // =&gt; [0, 0, 0, 0]</w:t>
            </w:r>
          </w:p>
          <w:p w:rsidR="00156FB3" w:rsidRDefault="00156FB3" w:rsidP="00156FB3">
            <w:r>
              <w:t xml:space="preserve">     */</w:t>
            </w:r>
          </w:p>
          <w:p w:rsidR="00156FB3" w:rsidRDefault="00156FB3" w:rsidP="00156FB3">
            <w:r>
              <w:t xml:space="preserve">    function times(n, iteratee) {</w:t>
            </w:r>
          </w:p>
          <w:p w:rsidR="00156FB3" w:rsidRDefault="00156FB3" w:rsidP="00156FB3">
            <w:r>
              <w:t xml:space="preserve">      n = toInteger(n);</w:t>
            </w:r>
          </w:p>
          <w:p w:rsidR="00156FB3" w:rsidRDefault="00156FB3" w:rsidP="00156FB3">
            <w:r>
              <w:t xml:space="preserve">      if (n &lt; 1 || n &gt; MAX_SAFE_INTEGER) {</w:t>
            </w:r>
          </w:p>
          <w:p w:rsidR="00156FB3" w:rsidRDefault="00156FB3" w:rsidP="00156FB3">
            <w:r>
              <w:t xml:space="preserve">        return [];</w:t>
            </w:r>
          </w:p>
          <w:p w:rsidR="00156FB3" w:rsidRDefault="00156FB3" w:rsidP="00156FB3">
            <w:r>
              <w:t xml:space="preserve">      }</w:t>
            </w:r>
          </w:p>
          <w:p w:rsidR="00156FB3" w:rsidRDefault="00156FB3" w:rsidP="00156FB3">
            <w:r>
              <w:t xml:space="preserve">      var index = MAX_ARRAY_LENGTH,</w:t>
            </w:r>
          </w:p>
          <w:p w:rsidR="00156FB3" w:rsidRDefault="00156FB3" w:rsidP="00156FB3">
            <w:r>
              <w:t xml:space="preserve">          length = nativeMin(n, MAX_ARRAY_LENGTH);</w:t>
            </w:r>
          </w:p>
          <w:p w:rsidR="00156FB3" w:rsidRDefault="00156FB3" w:rsidP="00156FB3"/>
          <w:p w:rsidR="00156FB3" w:rsidRDefault="00156FB3" w:rsidP="00156FB3">
            <w:r>
              <w:t xml:space="preserve">      iteratee = getIteratee(iteratee);</w:t>
            </w:r>
          </w:p>
          <w:p w:rsidR="00156FB3" w:rsidRDefault="00156FB3" w:rsidP="00156FB3">
            <w:r>
              <w:t xml:space="preserve">      n -= MAX_ARRAY_LENGTH;</w:t>
            </w:r>
          </w:p>
          <w:p w:rsidR="00156FB3" w:rsidRDefault="00156FB3" w:rsidP="00156FB3"/>
          <w:p w:rsidR="00156FB3" w:rsidRDefault="00156FB3" w:rsidP="00156FB3">
            <w:r>
              <w:t xml:space="preserve">      var result = baseTimes(length, iteratee);</w:t>
            </w:r>
          </w:p>
          <w:p w:rsidR="00156FB3" w:rsidRDefault="00156FB3" w:rsidP="00156FB3">
            <w:r>
              <w:t xml:space="preserve">      while (++index &lt; n) {</w:t>
            </w:r>
          </w:p>
          <w:p w:rsidR="00156FB3" w:rsidRDefault="00156FB3" w:rsidP="00156FB3">
            <w:r>
              <w:t xml:space="preserve">        iteratee(index);</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nverts `value` to a property path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Util</w:t>
            </w:r>
          </w:p>
          <w:p w:rsidR="00156FB3" w:rsidRDefault="00156FB3" w:rsidP="00156FB3">
            <w:r>
              <w:t xml:space="preserve">     * @param {*} value The value to convert.</w:t>
            </w:r>
          </w:p>
          <w:p w:rsidR="00156FB3" w:rsidRDefault="00156FB3" w:rsidP="00156FB3">
            <w:r>
              <w:t xml:space="preserve">     * @returns {Array} Returns the new property path array.</w:t>
            </w:r>
          </w:p>
          <w:p w:rsidR="00156FB3" w:rsidRDefault="00156FB3" w:rsidP="00156FB3">
            <w:r>
              <w:t xml:space="preserve">     * @example</w:t>
            </w:r>
          </w:p>
          <w:p w:rsidR="00156FB3" w:rsidRDefault="00156FB3" w:rsidP="00156FB3">
            <w:r>
              <w:t xml:space="preserve">     *</w:t>
            </w:r>
          </w:p>
          <w:p w:rsidR="00156FB3" w:rsidRDefault="00156FB3" w:rsidP="00156FB3">
            <w:r>
              <w:t xml:space="preserve">     * _.toPath('a.b.c');</w:t>
            </w:r>
          </w:p>
          <w:p w:rsidR="00156FB3" w:rsidRDefault="00156FB3" w:rsidP="00156FB3">
            <w:r>
              <w:t xml:space="preserve">     * // =&gt; ['a', 'b', 'c']</w:t>
            </w:r>
          </w:p>
          <w:p w:rsidR="00156FB3" w:rsidRDefault="00156FB3" w:rsidP="00156FB3">
            <w:r>
              <w:t xml:space="preserve">     *</w:t>
            </w:r>
          </w:p>
          <w:p w:rsidR="00156FB3" w:rsidRDefault="00156FB3" w:rsidP="00156FB3">
            <w:r>
              <w:t xml:space="preserve">     * _.toPath('a[0].b.c');</w:t>
            </w:r>
          </w:p>
          <w:p w:rsidR="00156FB3" w:rsidRDefault="00156FB3" w:rsidP="00156FB3">
            <w:r>
              <w:t xml:space="preserve">     * // =&gt; ['a', '0', 'b', 'c']</w:t>
            </w:r>
          </w:p>
          <w:p w:rsidR="00156FB3" w:rsidRDefault="00156FB3" w:rsidP="00156FB3">
            <w:r>
              <w:t xml:space="preserve">     */</w:t>
            </w:r>
          </w:p>
          <w:p w:rsidR="00156FB3" w:rsidRDefault="00156FB3" w:rsidP="00156FB3">
            <w:r>
              <w:t xml:space="preserve">    function toPath(value) {</w:t>
            </w:r>
          </w:p>
          <w:p w:rsidR="00156FB3" w:rsidRDefault="00156FB3" w:rsidP="00156FB3">
            <w:r>
              <w:t xml:space="preserve">      if (isArray(value)) {</w:t>
            </w:r>
          </w:p>
          <w:p w:rsidR="00156FB3" w:rsidRDefault="00156FB3" w:rsidP="00156FB3">
            <w:r>
              <w:t xml:space="preserve">        return arrayMap(value, toKey);</w:t>
            </w:r>
          </w:p>
          <w:p w:rsidR="00156FB3" w:rsidRDefault="00156FB3" w:rsidP="00156FB3">
            <w:r>
              <w:lastRenderedPageBreak/>
              <w:t xml:space="preserve">      }</w:t>
            </w:r>
          </w:p>
          <w:p w:rsidR="00156FB3" w:rsidRDefault="00156FB3" w:rsidP="00156FB3">
            <w:r>
              <w:t xml:space="preserve">      return isSymbol(value) ? [value] : copyArray(stringToPath(toString(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Generates a unique ID. If `prefix` is given, the ID is appended to it.</w:t>
            </w:r>
          </w:p>
          <w:p w:rsidR="00156FB3" w:rsidRDefault="00156FB3" w:rsidP="00156FB3">
            <w:r>
              <w:t xml:space="preserve">     *</w:t>
            </w:r>
          </w:p>
          <w:p w:rsidR="00156FB3" w:rsidRDefault="00156FB3" w:rsidP="00156FB3">
            <w:r>
              <w:t xml:space="preserve">     * @static</w:t>
            </w:r>
          </w:p>
          <w:p w:rsidR="00156FB3" w:rsidRDefault="00156FB3" w:rsidP="00156FB3">
            <w:r>
              <w:t xml:space="preserve">     * @since 0.1.0</w:t>
            </w:r>
          </w:p>
          <w:p w:rsidR="00156FB3" w:rsidRDefault="00156FB3" w:rsidP="00156FB3">
            <w:r>
              <w:t xml:space="preserve">     * @memberOf _</w:t>
            </w:r>
          </w:p>
          <w:p w:rsidR="00156FB3" w:rsidRDefault="00156FB3" w:rsidP="00156FB3">
            <w:r>
              <w:t xml:space="preserve">     * @category Util</w:t>
            </w:r>
          </w:p>
          <w:p w:rsidR="00156FB3" w:rsidRDefault="00156FB3" w:rsidP="00156FB3">
            <w:r>
              <w:t xml:space="preserve">     * @param {string} [prefix=''] The value to prefix the ID with.</w:t>
            </w:r>
          </w:p>
          <w:p w:rsidR="00156FB3" w:rsidRDefault="00156FB3" w:rsidP="00156FB3">
            <w:r>
              <w:t xml:space="preserve">     * @returns {string} Returns the unique ID.</w:t>
            </w:r>
          </w:p>
          <w:p w:rsidR="00156FB3" w:rsidRDefault="00156FB3" w:rsidP="00156FB3">
            <w:r>
              <w:t xml:space="preserve">     * @example</w:t>
            </w:r>
          </w:p>
          <w:p w:rsidR="00156FB3" w:rsidRDefault="00156FB3" w:rsidP="00156FB3">
            <w:r>
              <w:t xml:space="preserve">     *</w:t>
            </w:r>
          </w:p>
          <w:p w:rsidR="00156FB3" w:rsidRDefault="00156FB3" w:rsidP="00156FB3">
            <w:r>
              <w:t xml:space="preserve">     * _.uniqueId('contact_');</w:t>
            </w:r>
          </w:p>
          <w:p w:rsidR="00156FB3" w:rsidRDefault="00156FB3" w:rsidP="00156FB3">
            <w:r>
              <w:t xml:space="preserve">     * // =&gt; 'contact_104'</w:t>
            </w:r>
          </w:p>
          <w:p w:rsidR="00156FB3" w:rsidRDefault="00156FB3" w:rsidP="00156FB3">
            <w:r>
              <w:t xml:space="preserve">     *</w:t>
            </w:r>
          </w:p>
          <w:p w:rsidR="00156FB3" w:rsidRDefault="00156FB3" w:rsidP="00156FB3">
            <w:r>
              <w:t xml:space="preserve">     * _.uniqueId();</w:t>
            </w:r>
          </w:p>
          <w:p w:rsidR="00156FB3" w:rsidRDefault="00156FB3" w:rsidP="00156FB3">
            <w:r>
              <w:t xml:space="preserve">     * // =&gt; '105'</w:t>
            </w:r>
          </w:p>
          <w:p w:rsidR="00156FB3" w:rsidRDefault="00156FB3" w:rsidP="00156FB3">
            <w:r>
              <w:t xml:space="preserve">     */</w:t>
            </w:r>
          </w:p>
          <w:p w:rsidR="00156FB3" w:rsidRDefault="00156FB3" w:rsidP="00156FB3">
            <w:r>
              <w:t xml:space="preserve">    function uniqueId(prefix) {</w:t>
            </w:r>
          </w:p>
          <w:p w:rsidR="00156FB3" w:rsidRDefault="00156FB3" w:rsidP="00156FB3">
            <w:r>
              <w:t xml:space="preserve">      var id = ++idCounter;</w:t>
            </w:r>
          </w:p>
          <w:p w:rsidR="00156FB3" w:rsidRDefault="00156FB3" w:rsidP="00156FB3">
            <w:r>
              <w:t xml:space="preserve">      return toString(prefix) + i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Adds two number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4.0</w:t>
            </w:r>
          </w:p>
          <w:p w:rsidR="00156FB3" w:rsidRDefault="00156FB3" w:rsidP="00156FB3">
            <w:r>
              <w:t xml:space="preserve">     * @category Math</w:t>
            </w:r>
          </w:p>
          <w:p w:rsidR="00156FB3" w:rsidRDefault="00156FB3" w:rsidP="00156FB3">
            <w:r>
              <w:t xml:space="preserve">     * @param {number} augend The first number in an addition.</w:t>
            </w:r>
          </w:p>
          <w:p w:rsidR="00156FB3" w:rsidRDefault="00156FB3" w:rsidP="00156FB3">
            <w:r>
              <w:t xml:space="preserve">     * @param {number} addend The second number in an addition.</w:t>
            </w:r>
          </w:p>
          <w:p w:rsidR="00156FB3" w:rsidRDefault="00156FB3" w:rsidP="00156FB3">
            <w:r>
              <w:t xml:space="preserve">     * @returns {number} Returns the total.</w:t>
            </w:r>
          </w:p>
          <w:p w:rsidR="00156FB3" w:rsidRDefault="00156FB3" w:rsidP="00156FB3">
            <w:r>
              <w:t xml:space="preserve">     * @example</w:t>
            </w:r>
          </w:p>
          <w:p w:rsidR="00156FB3" w:rsidRDefault="00156FB3" w:rsidP="00156FB3">
            <w:r>
              <w:t xml:space="preserve">     *</w:t>
            </w:r>
          </w:p>
          <w:p w:rsidR="00156FB3" w:rsidRDefault="00156FB3" w:rsidP="00156FB3">
            <w:r>
              <w:t xml:space="preserve">     * _.add(6, 4);</w:t>
            </w:r>
          </w:p>
          <w:p w:rsidR="00156FB3" w:rsidRDefault="00156FB3" w:rsidP="00156FB3">
            <w:r>
              <w:t xml:space="preserve">     * // =&gt; 10</w:t>
            </w:r>
          </w:p>
          <w:p w:rsidR="00156FB3" w:rsidRDefault="00156FB3" w:rsidP="00156FB3">
            <w:r>
              <w:t xml:space="preserve">     */</w:t>
            </w:r>
          </w:p>
          <w:p w:rsidR="00156FB3" w:rsidRDefault="00156FB3" w:rsidP="00156FB3">
            <w:r>
              <w:t xml:space="preserve">    var add = createMathOperation(function(augend, addend) {</w:t>
            </w:r>
          </w:p>
          <w:p w:rsidR="00156FB3" w:rsidRDefault="00156FB3" w:rsidP="00156FB3">
            <w:r>
              <w:t xml:space="preserve">      return augend + addend;</w:t>
            </w:r>
          </w:p>
          <w:p w:rsidR="00156FB3" w:rsidRDefault="00156FB3" w:rsidP="00156FB3">
            <w:r>
              <w:t xml:space="preserve">    }, 0);</w:t>
            </w:r>
          </w:p>
          <w:p w:rsidR="00156FB3" w:rsidRDefault="00156FB3" w:rsidP="00156FB3"/>
          <w:p w:rsidR="00156FB3" w:rsidRDefault="00156FB3" w:rsidP="00156FB3">
            <w:r>
              <w:t xml:space="preserve">    /**</w:t>
            </w:r>
          </w:p>
          <w:p w:rsidR="00156FB3" w:rsidRDefault="00156FB3" w:rsidP="00156FB3">
            <w:r>
              <w:lastRenderedPageBreak/>
              <w:t xml:space="preserve">     * Computes `number` rounded up to `precision`.</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10.0</w:t>
            </w:r>
          </w:p>
          <w:p w:rsidR="00156FB3" w:rsidRDefault="00156FB3" w:rsidP="00156FB3">
            <w:r>
              <w:t xml:space="preserve">     * @category Math</w:t>
            </w:r>
          </w:p>
          <w:p w:rsidR="00156FB3" w:rsidRDefault="00156FB3" w:rsidP="00156FB3">
            <w:r>
              <w:t xml:space="preserve">     * @param {number} number The number to round up.</w:t>
            </w:r>
          </w:p>
          <w:p w:rsidR="00156FB3" w:rsidRDefault="00156FB3" w:rsidP="00156FB3">
            <w:r>
              <w:t xml:space="preserve">     * @param {number} [precision=0] The precision to round up to.</w:t>
            </w:r>
          </w:p>
          <w:p w:rsidR="00156FB3" w:rsidRDefault="00156FB3" w:rsidP="00156FB3">
            <w:r>
              <w:t xml:space="preserve">     * @returns {number} Returns the rounded up number.</w:t>
            </w:r>
          </w:p>
          <w:p w:rsidR="00156FB3" w:rsidRDefault="00156FB3" w:rsidP="00156FB3">
            <w:r>
              <w:t xml:space="preserve">     * @example</w:t>
            </w:r>
          </w:p>
          <w:p w:rsidR="00156FB3" w:rsidRDefault="00156FB3" w:rsidP="00156FB3">
            <w:r>
              <w:t xml:space="preserve">     *</w:t>
            </w:r>
          </w:p>
          <w:p w:rsidR="00156FB3" w:rsidRDefault="00156FB3" w:rsidP="00156FB3">
            <w:r>
              <w:t xml:space="preserve">     * _.ceil(4.006);</w:t>
            </w:r>
          </w:p>
          <w:p w:rsidR="00156FB3" w:rsidRDefault="00156FB3" w:rsidP="00156FB3">
            <w:r>
              <w:t xml:space="preserve">     * // =&gt; 5</w:t>
            </w:r>
          </w:p>
          <w:p w:rsidR="00156FB3" w:rsidRDefault="00156FB3" w:rsidP="00156FB3">
            <w:r>
              <w:t xml:space="preserve">     *</w:t>
            </w:r>
          </w:p>
          <w:p w:rsidR="00156FB3" w:rsidRDefault="00156FB3" w:rsidP="00156FB3">
            <w:r>
              <w:t xml:space="preserve">     * _.ceil(6.004, 2);</w:t>
            </w:r>
          </w:p>
          <w:p w:rsidR="00156FB3" w:rsidRDefault="00156FB3" w:rsidP="00156FB3">
            <w:r>
              <w:t xml:space="preserve">     * // =&gt; 6.01</w:t>
            </w:r>
          </w:p>
          <w:p w:rsidR="00156FB3" w:rsidRDefault="00156FB3" w:rsidP="00156FB3">
            <w:r>
              <w:t xml:space="preserve">     *</w:t>
            </w:r>
          </w:p>
          <w:p w:rsidR="00156FB3" w:rsidRDefault="00156FB3" w:rsidP="00156FB3">
            <w:r>
              <w:t xml:space="preserve">     * _.ceil(6040, -2);</w:t>
            </w:r>
          </w:p>
          <w:p w:rsidR="00156FB3" w:rsidRDefault="00156FB3" w:rsidP="00156FB3">
            <w:r>
              <w:t xml:space="preserve">     * // =&gt; 6100</w:t>
            </w:r>
          </w:p>
          <w:p w:rsidR="00156FB3" w:rsidRDefault="00156FB3" w:rsidP="00156FB3">
            <w:r>
              <w:t xml:space="preserve">     */</w:t>
            </w:r>
          </w:p>
          <w:p w:rsidR="00156FB3" w:rsidRDefault="00156FB3" w:rsidP="00156FB3">
            <w:r>
              <w:t xml:space="preserve">    var ceil = createRound('ceil');</w:t>
            </w:r>
          </w:p>
          <w:p w:rsidR="00156FB3" w:rsidRDefault="00156FB3" w:rsidP="00156FB3"/>
          <w:p w:rsidR="00156FB3" w:rsidRDefault="00156FB3" w:rsidP="00156FB3">
            <w:r>
              <w:t xml:space="preserve">    /**</w:t>
            </w:r>
          </w:p>
          <w:p w:rsidR="00156FB3" w:rsidRDefault="00156FB3" w:rsidP="00156FB3">
            <w:r>
              <w:t xml:space="preserve">     * Divide two number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7.0</w:t>
            </w:r>
          </w:p>
          <w:p w:rsidR="00156FB3" w:rsidRDefault="00156FB3" w:rsidP="00156FB3">
            <w:r>
              <w:t xml:space="preserve">     * @category Math</w:t>
            </w:r>
          </w:p>
          <w:p w:rsidR="00156FB3" w:rsidRDefault="00156FB3" w:rsidP="00156FB3">
            <w:r>
              <w:t xml:space="preserve">     * @param {number} dividend The first number in a division.</w:t>
            </w:r>
          </w:p>
          <w:p w:rsidR="00156FB3" w:rsidRDefault="00156FB3" w:rsidP="00156FB3">
            <w:r>
              <w:t xml:space="preserve">     * @param {number} divisor The second number in a division.</w:t>
            </w:r>
          </w:p>
          <w:p w:rsidR="00156FB3" w:rsidRDefault="00156FB3" w:rsidP="00156FB3">
            <w:r>
              <w:t xml:space="preserve">     * @returns {number} Returns the quotient.</w:t>
            </w:r>
          </w:p>
          <w:p w:rsidR="00156FB3" w:rsidRDefault="00156FB3" w:rsidP="00156FB3">
            <w:r>
              <w:t xml:space="preserve">     * @example</w:t>
            </w:r>
          </w:p>
          <w:p w:rsidR="00156FB3" w:rsidRDefault="00156FB3" w:rsidP="00156FB3">
            <w:r>
              <w:t xml:space="preserve">     *</w:t>
            </w:r>
          </w:p>
          <w:p w:rsidR="00156FB3" w:rsidRDefault="00156FB3" w:rsidP="00156FB3">
            <w:r>
              <w:t xml:space="preserve">     * _.divide(6, 4);</w:t>
            </w:r>
          </w:p>
          <w:p w:rsidR="00156FB3" w:rsidRDefault="00156FB3" w:rsidP="00156FB3">
            <w:r>
              <w:t xml:space="preserve">     * // =&gt; 1.5</w:t>
            </w:r>
          </w:p>
          <w:p w:rsidR="00156FB3" w:rsidRDefault="00156FB3" w:rsidP="00156FB3">
            <w:r>
              <w:t xml:space="preserve">     */</w:t>
            </w:r>
          </w:p>
          <w:p w:rsidR="00156FB3" w:rsidRDefault="00156FB3" w:rsidP="00156FB3">
            <w:r>
              <w:t xml:space="preserve">    var divide = createMathOperation(function(dividend, divisor) {</w:t>
            </w:r>
          </w:p>
          <w:p w:rsidR="00156FB3" w:rsidRDefault="00156FB3" w:rsidP="00156FB3">
            <w:r>
              <w:t xml:space="preserve">      return dividend / divisor;</w:t>
            </w:r>
          </w:p>
          <w:p w:rsidR="00156FB3" w:rsidRDefault="00156FB3" w:rsidP="00156FB3">
            <w:r>
              <w:t xml:space="preserve">    }, 1);</w:t>
            </w:r>
          </w:p>
          <w:p w:rsidR="00156FB3" w:rsidRDefault="00156FB3" w:rsidP="00156FB3"/>
          <w:p w:rsidR="00156FB3" w:rsidRDefault="00156FB3" w:rsidP="00156FB3">
            <w:r>
              <w:t xml:space="preserve">    /**</w:t>
            </w:r>
          </w:p>
          <w:p w:rsidR="00156FB3" w:rsidRDefault="00156FB3" w:rsidP="00156FB3">
            <w:r>
              <w:t xml:space="preserve">     * Computes `number` rounded down to `precision`.</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10.0</w:t>
            </w:r>
          </w:p>
          <w:p w:rsidR="00156FB3" w:rsidRDefault="00156FB3" w:rsidP="00156FB3">
            <w:r>
              <w:t xml:space="preserve">     * @category Math</w:t>
            </w:r>
          </w:p>
          <w:p w:rsidR="00156FB3" w:rsidRDefault="00156FB3" w:rsidP="00156FB3">
            <w:r>
              <w:lastRenderedPageBreak/>
              <w:t xml:space="preserve">     * @param {number} number The number to round down.</w:t>
            </w:r>
          </w:p>
          <w:p w:rsidR="00156FB3" w:rsidRDefault="00156FB3" w:rsidP="00156FB3">
            <w:r>
              <w:t xml:space="preserve">     * @param {number} [precision=0] The precision to round down to.</w:t>
            </w:r>
          </w:p>
          <w:p w:rsidR="00156FB3" w:rsidRDefault="00156FB3" w:rsidP="00156FB3">
            <w:r>
              <w:t xml:space="preserve">     * @returns {number} Returns the rounded down number.</w:t>
            </w:r>
          </w:p>
          <w:p w:rsidR="00156FB3" w:rsidRDefault="00156FB3" w:rsidP="00156FB3">
            <w:r>
              <w:t xml:space="preserve">     * @example</w:t>
            </w:r>
          </w:p>
          <w:p w:rsidR="00156FB3" w:rsidRDefault="00156FB3" w:rsidP="00156FB3">
            <w:r>
              <w:t xml:space="preserve">     *</w:t>
            </w:r>
          </w:p>
          <w:p w:rsidR="00156FB3" w:rsidRDefault="00156FB3" w:rsidP="00156FB3">
            <w:r>
              <w:t xml:space="preserve">     * _.floor(4.006);</w:t>
            </w:r>
          </w:p>
          <w:p w:rsidR="00156FB3" w:rsidRDefault="00156FB3" w:rsidP="00156FB3">
            <w:r>
              <w:t xml:space="preserve">     * // =&gt; 4</w:t>
            </w:r>
          </w:p>
          <w:p w:rsidR="00156FB3" w:rsidRDefault="00156FB3" w:rsidP="00156FB3">
            <w:r>
              <w:t xml:space="preserve">     *</w:t>
            </w:r>
          </w:p>
          <w:p w:rsidR="00156FB3" w:rsidRDefault="00156FB3" w:rsidP="00156FB3">
            <w:r>
              <w:t xml:space="preserve">     * _.floor(0.046, 2);</w:t>
            </w:r>
          </w:p>
          <w:p w:rsidR="00156FB3" w:rsidRDefault="00156FB3" w:rsidP="00156FB3">
            <w:r>
              <w:t xml:space="preserve">     * // =&gt; 0.04</w:t>
            </w:r>
          </w:p>
          <w:p w:rsidR="00156FB3" w:rsidRDefault="00156FB3" w:rsidP="00156FB3">
            <w:r>
              <w:t xml:space="preserve">     *</w:t>
            </w:r>
          </w:p>
          <w:p w:rsidR="00156FB3" w:rsidRDefault="00156FB3" w:rsidP="00156FB3">
            <w:r>
              <w:t xml:space="preserve">     * _.floor(4060, -2);</w:t>
            </w:r>
          </w:p>
          <w:p w:rsidR="00156FB3" w:rsidRDefault="00156FB3" w:rsidP="00156FB3">
            <w:r>
              <w:t xml:space="preserve">     * // =&gt; 4000</w:t>
            </w:r>
          </w:p>
          <w:p w:rsidR="00156FB3" w:rsidRDefault="00156FB3" w:rsidP="00156FB3">
            <w:r>
              <w:t xml:space="preserve">     */</w:t>
            </w:r>
          </w:p>
          <w:p w:rsidR="00156FB3" w:rsidRDefault="00156FB3" w:rsidP="00156FB3">
            <w:r>
              <w:t xml:space="preserve">    var floor = createRound('floor');</w:t>
            </w:r>
          </w:p>
          <w:p w:rsidR="00156FB3" w:rsidRDefault="00156FB3" w:rsidP="00156FB3"/>
          <w:p w:rsidR="00156FB3" w:rsidRDefault="00156FB3" w:rsidP="00156FB3">
            <w:r>
              <w:t xml:space="preserve">    /**</w:t>
            </w:r>
          </w:p>
          <w:p w:rsidR="00156FB3" w:rsidRDefault="00156FB3" w:rsidP="00156FB3">
            <w:r>
              <w:t xml:space="preserve">     * Computes the maximum value of `array`. If `array` is empty or falsey,</w:t>
            </w:r>
          </w:p>
          <w:p w:rsidR="00156FB3" w:rsidRDefault="00156FB3" w:rsidP="00156FB3">
            <w:r>
              <w:t xml:space="preserve">     * `undefined` is returned.</w:t>
            </w:r>
          </w:p>
          <w:p w:rsidR="00156FB3" w:rsidRDefault="00156FB3" w:rsidP="00156FB3">
            <w:r>
              <w:t xml:space="preserve">     *</w:t>
            </w:r>
          </w:p>
          <w:p w:rsidR="00156FB3" w:rsidRDefault="00156FB3" w:rsidP="00156FB3">
            <w:r>
              <w:t xml:space="preserve">     * @static</w:t>
            </w:r>
          </w:p>
          <w:p w:rsidR="00156FB3" w:rsidRDefault="00156FB3" w:rsidP="00156FB3">
            <w:r>
              <w:t xml:space="preserve">     * @since 0.1.0</w:t>
            </w:r>
          </w:p>
          <w:p w:rsidR="00156FB3" w:rsidRDefault="00156FB3" w:rsidP="00156FB3">
            <w:r>
              <w:t xml:space="preserve">     * @memberOf _</w:t>
            </w:r>
          </w:p>
          <w:p w:rsidR="00156FB3" w:rsidRDefault="00156FB3" w:rsidP="00156FB3">
            <w:r>
              <w:t xml:space="preserve">     * @category Math</w:t>
            </w:r>
          </w:p>
          <w:p w:rsidR="00156FB3" w:rsidRDefault="00156FB3" w:rsidP="00156FB3">
            <w:r>
              <w:t xml:space="preserve">     * @param {Array} array The array to iterate over.</w:t>
            </w:r>
          </w:p>
          <w:p w:rsidR="00156FB3" w:rsidRDefault="00156FB3" w:rsidP="00156FB3">
            <w:r>
              <w:t xml:space="preserve">     * @returns {*} Returns the maximum value.</w:t>
            </w:r>
          </w:p>
          <w:p w:rsidR="00156FB3" w:rsidRDefault="00156FB3" w:rsidP="00156FB3">
            <w:r>
              <w:t xml:space="preserve">     * @example</w:t>
            </w:r>
          </w:p>
          <w:p w:rsidR="00156FB3" w:rsidRDefault="00156FB3" w:rsidP="00156FB3">
            <w:r>
              <w:t xml:space="preserve">     *</w:t>
            </w:r>
          </w:p>
          <w:p w:rsidR="00156FB3" w:rsidRDefault="00156FB3" w:rsidP="00156FB3">
            <w:r>
              <w:t xml:space="preserve">     * _.max([4, 2, 8, 6]);</w:t>
            </w:r>
          </w:p>
          <w:p w:rsidR="00156FB3" w:rsidRDefault="00156FB3" w:rsidP="00156FB3">
            <w:r>
              <w:t xml:space="preserve">     * // =&gt; 8</w:t>
            </w:r>
          </w:p>
          <w:p w:rsidR="00156FB3" w:rsidRDefault="00156FB3" w:rsidP="00156FB3">
            <w:r>
              <w:t xml:space="preserve">     *</w:t>
            </w:r>
          </w:p>
          <w:p w:rsidR="00156FB3" w:rsidRDefault="00156FB3" w:rsidP="00156FB3">
            <w:r>
              <w:t xml:space="preserve">     * _.max([]);</w:t>
            </w:r>
          </w:p>
          <w:p w:rsidR="00156FB3" w:rsidRDefault="00156FB3" w:rsidP="00156FB3">
            <w:r>
              <w:t xml:space="preserve">     * // =&gt; undefined</w:t>
            </w:r>
          </w:p>
          <w:p w:rsidR="00156FB3" w:rsidRDefault="00156FB3" w:rsidP="00156FB3">
            <w:r>
              <w:t xml:space="preserve">     */</w:t>
            </w:r>
          </w:p>
          <w:p w:rsidR="00156FB3" w:rsidRDefault="00156FB3" w:rsidP="00156FB3">
            <w:r>
              <w:t xml:space="preserve">    function max(array) {</w:t>
            </w:r>
          </w:p>
          <w:p w:rsidR="00156FB3" w:rsidRDefault="00156FB3" w:rsidP="00156FB3">
            <w:r>
              <w:t xml:space="preserve">      return (array &amp;&amp; array.length)</w:t>
            </w:r>
          </w:p>
          <w:p w:rsidR="00156FB3" w:rsidRDefault="00156FB3" w:rsidP="00156FB3">
            <w:r>
              <w:t xml:space="preserve">        ? baseExtremum(array, identity, baseGt)</w:t>
            </w:r>
          </w:p>
          <w:p w:rsidR="00156FB3" w:rsidRDefault="00156FB3" w:rsidP="00156FB3">
            <w:r>
              <w:t xml:space="preserve">        : undefine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max` except that it accepts `iteratee` which is</w:t>
            </w:r>
          </w:p>
          <w:p w:rsidR="00156FB3" w:rsidRDefault="00156FB3" w:rsidP="00156FB3">
            <w:r>
              <w:t xml:space="preserve">     * invoked for each element in `array` to generate the criterion by which</w:t>
            </w:r>
          </w:p>
          <w:p w:rsidR="00156FB3" w:rsidRDefault="00156FB3" w:rsidP="00156FB3">
            <w:r>
              <w:t xml:space="preserve">     * the value is ranked. The iteratee is invoked with one argument: (valu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lastRenderedPageBreak/>
              <w:t xml:space="preserve">     * @category Math</w:t>
            </w:r>
          </w:p>
          <w:p w:rsidR="00156FB3" w:rsidRDefault="00156FB3" w:rsidP="00156FB3">
            <w:r>
              <w:t xml:space="preserve">     * @param {Array} array The array to iterate over.</w:t>
            </w:r>
          </w:p>
          <w:p w:rsidR="00156FB3" w:rsidRDefault="00156FB3" w:rsidP="00156FB3">
            <w:r>
              <w:t xml:space="preserve">     * @param {Function} [iteratee=_.identity] The iteratee invoked per element.</w:t>
            </w:r>
          </w:p>
          <w:p w:rsidR="00156FB3" w:rsidRDefault="00156FB3" w:rsidP="00156FB3">
            <w:r>
              <w:t xml:space="preserve">     * @returns {*} Returns the maximum value.</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s = [{ 'n': 1 }, { 'n': 2 }];</w:t>
            </w:r>
          </w:p>
          <w:p w:rsidR="00156FB3" w:rsidRDefault="00156FB3" w:rsidP="00156FB3">
            <w:r>
              <w:t xml:space="preserve">     *</w:t>
            </w:r>
          </w:p>
          <w:p w:rsidR="00156FB3" w:rsidRDefault="00156FB3" w:rsidP="00156FB3">
            <w:r>
              <w:t xml:space="preserve">     * _.maxBy(objects, function(o) { return o.n; });</w:t>
            </w:r>
          </w:p>
          <w:p w:rsidR="00156FB3" w:rsidRDefault="00156FB3" w:rsidP="00156FB3">
            <w:r>
              <w:t xml:space="preserve">     * // =&gt; { 'n': 2 }</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maxBy(objects, 'n');</w:t>
            </w:r>
          </w:p>
          <w:p w:rsidR="00156FB3" w:rsidRDefault="00156FB3" w:rsidP="00156FB3">
            <w:r>
              <w:t xml:space="preserve">     * // =&gt; { 'n': 2 }</w:t>
            </w:r>
          </w:p>
          <w:p w:rsidR="00156FB3" w:rsidRDefault="00156FB3" w:rsidP="00156FB3">
            <w:r>
              <w:t xml:space="preserve">     */</w:t>
            </w:r>
          </w:p>
          <w:p w:rsidR="00156FB3" w:rsidRDefault="00156FB3" w:rsidP="00156FB3">
            <w:r>
              <w:t xml:space="preserve">    function maxBy(array, iteratee) {</w:t>
            </w:r>
          </w:p>
          <w:p w:rsidR="00156FB3" w:rsidRDefault="00156FB3" w:rsidP="00156FB3">
            <w:r>
              <w:t xml:space="preserve">      return (array &amp;&amp; array.length)</w:t>
            </w:r>
          </w:p>
          <w:p w:rsidR="00156FB3" w:rsidRDefault="00156FB3" w:rsidP="00156FB3">
            <w:r>
              <w:t xml:space="preserve">        ? baseExtremum(array, getIteratee(iteratee, 2), baseGt)</w:t>
            </w:r>
          </w:p>
          <w:p w:rsidR="00156FB3" w:rsidRDefault="00156FB3" w:rsidP="00156FB3">
            <w:r>
              <w:t xml:space="preserve">        : undefine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mputes the mean of the values in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Math</w:t>
            </w:r>
          </w:p>
          <w:p w:rsidR="00156FB3" w:rsidRDefault="00156FB3" w:rsidP="00156FB3">
            <w:r>
              <w:t xml:space="preserve">     * @param {Array} array The array to iterate over.</w:t>
            </w:r>
          </w:p>
          <w:p w:rsidR="00156FB3" w:rsidRDefault="00156FB3" w:rsidP="00156FB3">
            <w:r>
              <w:t xml:space="preserve">     * @returns {number} Returns the mean.</w:t>
            </w:r>
          </w:p>
          <w:p w:rsidR="00156FB3" w:rsidRDefault="00156FB3" w:rsidP="00156FB3">
            <w:r>
              <w:t xml:space="preserve">     * @example</w:t>
            </w:r>
          </w:p>
          <w:p w:rsidR="00156FB3" w:rsidRDefault="00156FB3" w:rsidP="00156FB3">
            <w:r>
              <w:t xml:space="preserve">     *</w:t>
            </w:r>
          </w:p>
          <w:p w:rsidR="00156FB3" w:rsidRDefault="00156FB3" w:rsidP="00156FB3">
            <w:r>
              <w:t xml:space="preserve">     * _.mean([4, 2, 8, 6]);</w:t>
            </w:r>
          </w:p>
          <w:p w:rsidR="00156FB3" w:rsidRDefault="00156FB3" w:rsidP="00156FB3">
            <w:r>
              <w:t xml:space="preserve">     * // =&gt; 5</w:t>
            </w:r>
          </w:p>
          <w:p w:rsidR="00156FB3" w:rsidRDefault="00156FB3" w:rsidP="00156FB3">
            <w:r>
              <w:t xml:space="preserve">     */</w:t>
            </w:r>
          </w:p>
          <w:p w:rsidR="00156FB3" w:rsidRDefault="00156FB3" w:rsidP="00156FB3">
            <w:r>
              <w:t xml:space="preserve">    function mean(array) {</w:t>
            </w:r>
          </w:p>
          <w:p w:rsidR="00156FB3" w:rsidRDefault="00156FB3" w:rsidP="00156FB3">
            <w:r>
              <w:t xml:space="preserve">      return baseMean(array, identit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mean` except that it accepts `iteratee` which is</w:t>
            </w:r>
          </w:p>
          <w:p w:rsidR="00156FB3" w:rsidRDefault="00156FB3" w:rsidP="00156FB3">
            <w:r>
              <w:t xml:space="preserve">     * invoked for each element in `array` to generate the value to be averaged.</w:t>
            </w:r>
          </w:p>
          <w:p w:rsidR="00156FB3" w:rsidRDefault="00156FB3" w:rsidP="00156FB3">
            <w:r>
              <w:t xml:space="preserve">     * The iteratee is invoked with one argument: (valu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7.0</w:t>
            </w:r>
          </w:p>
          <w:p w:rsidR="00156FB3" w:rsidRDefault="00156FB3" w:rsidP="00156FB3">
            <w:r>
              <w:t xml:space="preserve">     * @category Math</w:t>
            </w:r>
          </w:p>
          <w:p w:rsidR="00156FB3" w:rsidRDefault="00156FB3" w:rsidP="00156FB3">
            <w:r>
              <w:lastRenderedPageBreak/>
              <w:t xml:space="preserve">     * @param {Array} array The array to iterate over.</w:t>
            </w:r>
          </w:p>
          <w:p w:rsidR="00156FB3" w:rsidRDefault="00156FB3" w:rsidP="00156FB3">
            <w:r>
              <w:t xml:space="preserve">     * @param {Function} [iteratee=_.identity] The iteratee invoked per element.</w:t>
            </w:r>
          </w:p>
          <w:p w:rsidR="00156FB3" w:rsidRDefault="00156FB3" w:rsidP="00156FB3">
            <w:r>
              <w:t xml:space="preserve">     * @returns {number} Returns the mean.</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s = [{ 'n': 4 }, { 'n': 2 }, { 'n': 8 }, { 'n': 6 }];</w:t>
            </w:r>
          </w:p>
          <w:p w:rsidR="00156FB3" w:rsidRDefault="00156FB3" w:rsidP="00156FB3">
            <w:r>
              <w:t xml:space="preserve">     *</w:t>
            </w:r>
          </w:p>
          <w:p w:rsidR="00156FB3" w:rsidRDefault="00156FB3" w:rsidP="00156FB3">
            <w:r>
              <w:t xml:space="preserve">     * _.meanBy(objects, function(o) { return o.n; });</w:t>
            </w:r>
          </w:p>
          <w:p w:rsidR="00156FB3" w:rsidRDefault="00156FB3" w:rsidP="00156FB3">
            <w:r>
              <w:t xml:space="preserve">     * // =&gt; 5</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meanBy(objects, 'n');</w:t>
            </w:r>
          </w:p>
          <w:p w:rsidR="00156FB3" w:rsidRDefault="00156FB3" w:rsidP="00156FB3">
            <w:r>
              <w:t xml:space="preserve">     * // =&gt; 5</w:t>
            </w:r>
          </w:p>
          <w:p w:rsidR="00156FB3" w:rsidRDefault="00156FB3" w:rsidP="00156FB3">
            <w:r>
              <w:t xml:space="preserve">     */</w:t>
            </w:r>
          </w:p>
          <w:p w:rsidR="00156FB3" w:rsidRDefault="00156FB3" w:rsidP="00156FB3">
            <w:r>
              <w:t xml:space="preserve">    function meanBy(array, iteratee) {</w:t>
            </w:r>
          </w:p>
          <w:p w:rsidR="00156FB3" w:rsidRDefault="00156FB3" w:rsidP="00156FB3">
            <w:r>
              <w:t xml:space="preserve">      return baseMean(array, getIteratee(iteratee, 2));</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omputes the minimum value of `array`. If `array` is empty or falsey,</w:t>
            </w:r>
          </w:p>
          <w:p w:rsidR="00156FB3" w:rsidRDefault="00156FB3" w:rsidP="00156FB3">
            <w:r>
              <w:t xml:space="preserve">     * `undefined` is returned.</w:t>
            </w:r>
          </w:p>
          <w:p w:rsidR="00156FB3" w:rsidRDefault="00156FB3" w:rsidP="00156FB3">
            <w:r>
              <w:t xml:space="preserve">     *</w:t>
            </w:r>
          </w:p>
          <w:p w:rsidR="00156FB3" w:rsidRDefault="00156FB3" w:rsidP="00156FB3">
            <w:r>
              <w:t xml:space="preserve">     * @static</w:t>
            </w:r>
          </w:p>
          <w:p w:rsidR="00156FB3" w:rsidRDefault="00156FB3" w:rsidP="00156FB3">
            <w:r>
              <w:t xml:space="preserve">     * @since 0.1.0</w:t>
            </w:r>
          </w:p>
          <w:p w:rsidR="00156FB3" w:rsidRDefault="00156FB3" w:rsidP="00156FB3">
            <w:r>
              <w:t xml:space="preserve">     * @memberOf _</w:t>
            </w:r>
          </w:p>
          <w:p w:rsidR="00156FB3" w:rsidRDefault="00156FB3" w:rsidP="00156FB3">
            <w:r>
              <w:t xml:space="preserve">     * @category Math</w:t>
            </w:r>
          </w:p>
          <w:p w:rsidR="00156FB3" w:rsidRDefault="00156FB3" w:rsidP="00156FB3">
            <w:r>
              <w:t xml:space="preserve">     * @param {Array} array The array to iterate over.</w:t>
            </w:r>
          </w:p>
          <w:p w:rsidR="00156FB3" w:rsidRDefault="00156FB3" w:rsidP="00156FB3">
            <w:r>
              <w:t xml:space="preserve">     * @returns {*} Returns the minimum value.</w:t>
            </w:r>
          </w:p>
          <w:p w:rsidR="00156FB3" w:rsidRDefault="00156FB3" w:rsidP="00156FB3">
            <w:r>
              <w:t xml:space="preserve">     * @example</w:t>
            </w:r>
          </w:p>
          <w:p w:rsidR="00156FB3" w:rsidRDefault="00156FB3" w:rsidP="00156FB3">
            <w:r>
              <w:t xml:space="preserve">     *</w:t>
            </w:r>
          </w:p>
          <w:p w:rsidR="00156FB3" w:rsidRDefault="00156FB3" w:rsidP="00156FB3">
            <w:r>
              <w:t xml:space="preserve">     * _.min([4, 2, 8, 6]);</w:t>
            </w:r>
          </w:p>
          <w:p w:rsidR="00156FB3" w:rsidRDefault="00156FB3" w:rsidP="00156FB3">
            <w:r>
              <w:t xml:space="preserve">     * // =&gt; 2</w:t>
            </w:r>
          </w:p>
          <w:p w:rsidR="00156FB3" w:rsidRDefault="00156FB3" w:rsidP="00156FB3">
            <w:r>
              <w:t xml:space="preserve">     *</w:t>
            </w:r>
          </w:p>
          <w:p w:rsidR="00156FB3" w:rsidRDefault="00156FB3" w:rsidP="00156FB3">
            <w:r>
              <w:t xml:space="preserve">     * _.min([]);</w:t>
            </w:r>
          </w:p>
          <w:p w:rsidR="00156FB3" w:rsidRDefault="00156FB3" w:rsidP="00156FB3">
            <w:r>
              <w:t xml:space="preserve">     * // =&gt; undefined</w:t>
            </w:r>
          </w:p>
          <w:p w:rsidR="00156FB3" w:rsidRDefault="00156FB3" w:rsidP="00156FB3">
            <w:r>
              <w:t xml:space="preserve">     */</w:t>
            </w:r>
          </w:p>
          <w:p w:rsidR="00156FB3" w:rsidRDefault="00156FB3" w:rsidP="00156FB3">
            <w:r>
              <w:t xml:space="preserve">    function min(array) {</w:t>
            </w:r>
          </w:p>
          <w:p w:rsidR="00156FB3" w:rsidRDefault="00156FB3" w:rsidP="00156FB3">
            <w:r>
              <w:t xml:space="preserve">      return (array &amp;&amp; array.length)</w:t>
            </w:r>
          </w:p>
          <w:p w:rsidR="00156FB3" w:rsidRDefault="00156FB3" w:rsidP="00156FB3">
            <w:r>
              <w:t xml:space="preserve">        ? baseExtremum(array, identity, baseLt)</w:t>
            </w:r>
          </w:p>
          <w:p w:rsidR="00156FB3" w:rsidRDefault="00156FB3" w:rsidP="00156FB3">
            <w:r>
              <w:t xml:space="preserve">        : undefine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min` except that it accepts `iteratee` which is</w:t>
            </w:r>
          </w:p>
          <w:p w:rsidR="00156FB3" w:rsidRDefault="00156FB3" w:rsidP="00156FB3">
            <w:r>
              <w:t xml:space="preserve">     * invoked for each element in `array` to generate the criterion by which</w:t>
            </w:r>
          </w:p>
          <w:p w:rsidR="00156FB3" w:rsidRDefault="00156FB3" w:rsidP="00156FB3">
            <w:r>
              <w:t xml:space="preserve">     * the value is ranked. The iteratee is invoked with one argument: (value).</w:t>
            </w:r>
          </w:p>
          <w:p w:rsidR="00156FB3" w:rsidRDefault="00156FB3" w:rsidP="00156FB3">
            <w:r>
              <w:t xml:space="preserve">     *</w:t>
            </w:r>
          </w:p>
          <w:p w:rsidR="00156FB3" w:rsidRDefault="00156FB3" w:rsidP="00156FB3">
            <w:r>
              <w:t xml:space="preserve">     * @static</w:t>
            </w:r>
          </w:p>
          <w:p w:rsidR="00156FB3" w:rsidRDefault="00156FB3" w:rsidP="00156FB3">
            <w:r>
              <w:lastRenderedPageBreak/>
              <w:t xml:space="preserve">     * @memberOf _</w:t>
            </w:r>
          </w:p>
          <w:p w:rsidR="00156FB3" w:rsidRDefault="00156FB3" w:rsidP="00156FB3">
            <w:r>
              <w:t xml:space="preserve">     * @since 4.0.0</w:t>
            </w:r>
          </w:p>
          <w:p w:rsidR="00156FB3" w:rsidRDefault="00156FB3" w:rsidP="00156FB3">
            <w:r>
              <w:t xml:space="preserve">     * @category Math</w:t>
            </w:r>
          </w:p>
          <w:p w:rsidR="00156FB3" w:rsidRDefault="00156FB3" w:rsidP="00156FB3">
            <w:r>
              <w:t xml:space="preserve">     * @param {Array} array The array to iterate over.</w:t>
            </w:r>
          </w:p>
          <w:p w:rsidR="00156FB3" w:rsidRDefault="00156FB3" w:rsidP="00156FB3">
            <w:r>
              <w:t xml:space="preserve">     * @param {Function} [iteratee=_.identity] The iteratee invoked per element.</w:t>
            </w:r>
          </w:p>
          <w:p w:rsidR="00156FB3" w:rsidRDefault="00156FB3" w:rsidP="00156FB3">
            <w:r>
              <w:t xml:space="preserve">     * @returns {*} Returns the minimum value.</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s = [{ 'n': 1 }, { 'n': 2 }];</w:t>
            </w:r>
          </w:p>
          <w:p w:rsidR="00156FB3" w:rsidRDefault="00156FB3" w:rsidP="00156FB3">
            <w:r>
              <w:t xml:space="preserve">     *</w:t>
            </w:r>
          </w:p>
          <w:p w:rsidR="00156FB3" w:rsidRDefault="00156FB3" w:rsidP="00156FB3">
            <w:r>
              <w:t xml:space="preserve">     * _.minBy(objects, function(o) { return o.n; });</w:t>
            </w:r>
          </w:p>
          <w:p w:rsidR="00156FB3" w:rsidRDefault="00156FB3" w:rsidP="00156FB3">
            <w:r>
              <w:t xml:space="preserve">     * // =&gt; { 'n': 1 }</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minBy(objects, 'n');</w:t>
            </w:r>
          </w:p>
          <w:p w:rsidR="00156FB3" w:rsidRDefault="00156FB3" w:rsidP="00156FB3">
            <w:r>
              <w:t xml:space="preserve">     * // =&gt; { 'n': 1 }</w:t>
            </w:r>
          </w:p>
          <w:p w:rsidR="00156FB3" w:rsidRDefault="00156FB3" w:rsidP="00156FB3">
            <w:r>
              <w:t xml:space="preserve">     */</w:t>
            </w:r>
          </w:p>
          <w:p w:rsidR="00156FB3" w:rsidRDefault="00156FB3" w:rsidP="00156FB3">
            <w:r>
              <w:t xml:space="preserve">    function minBy(array, iteratee) {</w:t>
            </w:r>
          </w:p>
          <w:p w:rsidR="00156FB3" w:rsidRDefault="00156FB3" w:rsidP="00156FB3">
            <w:r>
              <w:t xml:space="preserve">      return (array &amp;&amp; array.length)</w:t>
            </w:r>
          </w:p>
          <w:p w:rsidR="00156FB3" w:rsidRDefault="00156FB3" w:rsidP="00156FB3">
            <w:r>
              <w:t xml:space="preserve">        ? baseExtremum(array, getIteratee(iteratee, 2), baseLt)</w:t>
            </w:r>
          </w:p>
          <w:p w:rsidR="00156FB3" w:rsidRDefault="00156FB3" w:rsidP="00156FB3">
            <w:r>
              <w:t xml:space="preserve">        : undefine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Multiply two number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7.0</w:t>
            </w:r>
          </w:p>
          <w:p w:rsidR="00156FB3" w:rsidRDefault="00156FB3" w:rsidP="00156FB3">
            <w:r>
              <w:t xml:space="preserve">     * @category Math</w:t>
            </w:r>
          </w:p>
          <w:p w:rsidR="00156FB3" w:rsidRDefault="00156FB3" w:rsidP="00156FB3">
            <w:r>
              <w:t xml:space="preserve">     * @param {number} multiplier The first number in a multiplication.</w:t>
            </w:r>
          </w:p>
          <w:p w:rsidR="00156FB3" w:rsidRDefault="00156FB3" w:rsidP="00156FB3">
            <w:r>
              <w:t xml:space="preserve">     * @param {number} multiplicand The second number in a multiplication.</w:t>
            </w:r>
          </w:p>
          <w:p w:rsidR="00156FB3" w:rsidRDefault="00156FB3" w:rsidP="00156FB3">
            <w:r>
              <w:t xml:space="preserve">     * @returns {number} Returns the product.</w:t>
            </w:r>
          </w:p>
          <w:p w:rsidR="00156FB3" w:rsidRDefault="00156FB3" w:rsidP="00156FB3">
            <w:r>
              <w:t xml:space="preserve">     * @example</w:t>
            </w:r>
          </w:p>
          <w:p w:rsidR="00156FB3" w:rsidRDefault="00156FB3" w:rsidP="00156FB3">
            <w:r>
              <w:t xml:space="preserve">     *</w:t>
            </w:r>
          </w:p>
          <w:p w:rsidR="00156FB3" w:rsidRDefault="00156FB3" w:rsidP="00156FB3">
            <w:r>
              <w:t xml:space="preserve">     * _.multiply(6, 4);</w:t>
            </w:r>
          </w:p>
          <w:p w:rsidR="00156FB3" w:rsidRDefault="00156FB3" w:rsidP="00156FB3">
            <w:r>
              <w:t xml:space="preserve">     * // =&gt; 24</w:t>
            </w:r>
          </w:p>
          <w:p w:rsidR="00156FB3" w:rsidRDefault="00156FB3" w:rsidP="00156FB3">
            <w:r>
              <w:t xml:space="preserve">     */</w:t>
            </w:r>
          </w:p>
          <w:p w:rsidR="00156FB3" w:rsidRDefault="00156FB3" w:rsidP="00156FB3">
            <w:r>
              <w:t xml:space="preserve">    var multiply = createMathOperation(function(multiplier, multiplicand) {</w:t>
            </w:r>
          </w:p>
          <w:p w:rsidR="00156FB3" w:rsidRDefault="00156FB3" w:rsidP="00156FB3">
            <w:r>
              <w:t xml:space="preserve">      return multiplier * multiplicand;</w:t>
            </w:r>
          </w:p>
          <w:p w:rsidR="00156FB3" w:rsidRDefault="00156FB3" w:rsidP="00156FB3">
            <w:r>
              <w:t xml:space="preserve">    }, 1);</w:t>
            </w:r>
          </w:p>
          <w:p w:rsidR="00156FB3" w:rsidRDefault="00156FB3" w:rsidP="00156FB3"/>
          <w:p w:rsidR="00156FB3" w:rsidRDefault="00156FB3" w:rsidP="00156FB3">
            <w:r>
              <w:t xml:space="preserve">    /**</w:t>
            </w:r>
          </w:p>
          <w:p w:rsidR="00156FB3" w:rsidRDefault="00156FB3" w:rsidP="00156FB3">
            <w:r>
              <w:t xml:space="preserve">     * Computes `number` rounded to `precision`.</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10.0</w:t>
            </w:r>
          </w:p>
          <w:p w:rsidR="00156FB3" w:rsidRDefault="00156FB3" w:rsidP="00156FB3">
            <w:r>
              <w:lastRenderedPageBreak/>
              <w:t xml:space="preserve">     * @category Math</w:t>
            </w:r>
          </w:p>
          <w:p w:rsidR="00156FB3" w:rsidRDefault="00156FB3" w:rsidP="00156FB3">
            <w:r>
              <w:t xml:space="preserve">     * @param {number} number The number to round.</w:t>
            </w:r>
          </w:p>
          <w:p w:rsidR="00156FB3" w:rsidRDefault="00156FB3" w:rsidP="00156FB3">
            <w:r>
              <w:t xml:space="preserve">     * @param {number} [precision=0] The precision to round to.</w:t>
            </w:r>
          </w:p>
          <w:p w:rsidR="00156FB3" w:rsidRDefault="00156FB3" w:rsidP="00156FB3">
            <w:r>
              <w:t xml:space="preserve">     * @returns {number} Returns the rounded number.</w:t>
            </w:r>
          </w:p>
          <w:p w:rsidR="00156FB3" w:rsidRDefault="00156FB3" w:rsidP="00156FB3">
            <w:r>
              <w:t xml:space="preserve">     * @example</w:t>
            </w:r>
          </w:p>
          <w:p w:rsidR="00156FB3" w:rsidRDefault="00156FB3" w:rsidP="00156FB3">
            <w:r>
              <w:t xml:space="preserve">     *</w:t>
            </w:r>
          </w:p>
          <w:p w:rsidR="00156FB3" w:rsidRDefault="00156FB3" w:rsidP="00156FB3">
            <w:r>
              <w:t xml:space="preserve">     * _.round(4.006);</w:t>
            </w:r>
          </w:p>
          <w:p w:rsidR="00156FB3" w:rsidRDefault="00156FB3" w:rsidP="00156FB3">
            <w:r>
              <w:t xml:space="preserve">     * // =&gt; 4</w:t>
            </w:r>
          </w:p>
          <w:p w:rsidR="00156FB3" w:rsidRDefault="00156FB3" w:rsidP="00156FB3">
            <w:r>
              <w:t xml:space="preserve">     *</w:t>
            </w:r>
          </w:p>
          <w:p w:rsidR="00156FB3" w:rsidRDefault="00156FB3" w:rsidP="00156FB3">
            <w:r>
              <w:t xml:space="preserve">     * _.round(4.006, 2);</w:t>
            </w:r>
          </w:p>
          <w:p w:rsidR="00156FB3" w:rsidRDefault="00156FB3" w:rsidP="00156FB3">
            <w:r>
              <w:t xml:space="preserve">     * // =&gt; 4.01</w:t>
            </w:r>
          </w:p>
          <w:p w:rsidR="00156FB3" w:rsidRDefault="00156FB3" w:rsidP="00156FB3">
            <w:r>
              <w:t xml:space="preserve">     *</w:t>
            </w:r>
          </w:p>
          <w:p w:rsidR="00156FB3" w:rsidRDefault="00156FB3" w:rsidP="00156FB3">
            <w:r>
              <w:t xml:space="preserve">     * _.round(4060, -2);</w:t>
            </w:r>
          </w:p>
          <w:p w:rsidR="00156FB3" w:rsidRDefault="00156FB3" w:rsidP="00156FB3">
            <w:r>
              <w:t xml:space="preserve">     * // =&gt; 4100</w:t>
            </w:r>
          </w:p>
          <w:p w:rsidR="00156FB3" w:rsidRDefault="00156FB3" w:rsidP="00156FB3">
            <w:r>
              <w:t xml:space="preserve">     */</w:t>
            </w:r>
          </w:p>
          <w:p w:rsidR="00156FB3" w:rsidRDefault="00156FB3" w:rsidP="00156FB3">
            <w:r>
              <w:t xml:space="preserve">    var round = createRound('round');</w:t>
            </w:r>
          </w:p>
          <w:p w:rsidR="00156FB3" w:rsidRDefault="00156FB3" w:rsidP="00156FB3"/>
          <w:p w:rsidR="00156FB3" w:rsidRDefault="00156FB3" w:rsidP="00156FB3">
            <w:r>
              <w:t xml:space="preserve">    /**</w:t>
            </w:r>
          </w:p>
          <w:p w:rsidR="00156FB3" w:rsidRDefault="00156FB3" w:rsidP="00156FB3">
            <w:r>
              <w:t xml:space="preserve">     * Subtract two numbers.</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Math</w:t>
            </w:r>
          </w:p>
          <w:p w:rsidR="00156FB3" w:rsidRDefault="00156FB3" w:rsidP="00156FB3">
            <w:r>
              <w:t xml:space="preserve">     * @param {number} minuend The first number in a subtraction.</w:t>
            </w:r>
          </w:p>
          <w:p w:rsidR="00156FB3" w:rsidRDefault="00156FB3" w:rsidP="00156FB3">
            <w:r>
              <w:t xml:space="preserve">     * @param {number} subtrahend The second number in a subtraction.</w:t>
            </w:r>
          </w:p>
          <w:p w:rsidR="00156FB3" w:rsidRDefault="00156FB3" w:rsidP="00156FB3">
            <w:r>
              <w:t xml:space="preserve">     * @returns {number} Returns the difference.</w:t>
            </w:r>
          </w:p>
          <w:p w:rsidR="00156FB3" w:rsidRDefault="00156FB3" w:rsidP="00156FB3">
            <w:r>
              <w:t xml:space="preserve">     * @example</w:t>
            </w:r>
          </w:p>
          <w:p w:rsidR="00156FB3" w:rsidRDefault="00156FB3" w:rsidP="00156FB3">
            <w:r>
              <w:t xml:space="preserve">     *</w:t>
            </w:r>
          </w:p>
          <w:p w:rsidR="00156FB3" w:rsidRDefault="00156FB3" w:rsidP="00156FB3">
            <w:r>
              <w:t xml:space="preserve">     * _.subtract(6, 4);</w:t>
            </w:r>
          </w:p>
          <w:p w:rsidR="00156FB3" w:rsidRDefault="00156FB3" w:rsidP="00156FB3">
            <w:r>
              <w:t xml:space="preserve">     * // =&gt; 2</w:t>
            </w:r>
          </w:p>
          <w:p w:rsidR="00156FB3" w:rsidRDefault="00156FB3" w:rsidP="00156FB3">
            <w:r>
              <w:t xml:space="preserve">     */</w:t>
            </w:r>
          </w:p>
          <w:p w:rsidR="00156FB3" w:rsidRDefault="00156FB3" w:rsidP="00156FB3">
            <w:r>
              <w:t xml:space="preserve">    var subtract = createMathOperation(function(minuend, subtrahend) {</w:t>
            </w:r>
          </w:p>
          <w:p w:rsidR="00156FB3" w:rsidRDefault="00156FB3" w:rsidP="00156FB3">
            <w:r>
              <w:t xml:space="preserve">      return minuend - subtrahend;</w:t>
            </w:r>
          </w:p>
          <w:p w:rsidR="00156FB3" w:rsidRDefault="00156FB3" w:rsidP="00156FB3">
            <w:r>
              <w:t xml:space="preserve">    }, 0);</w:t>
            </w:r>
          </w:p>
          <w:p w:rsidR="00156FB3" w:rsidRDefault="00156FB3" w:rsidP="00156FB3"/>
          <w:p w:rsidR="00156FB3" w:rsidRDefault="00156FB3" w:rsidP="00156FB3">
            <w:r>
              <w:t xml:space="preserve">    /**</w:t>
            </w:r>
          </w:p>
          <w:p w:rsidR="00156FB3" w:rsidRDefault="00156FB3" w:rsidP="00156FB3">
            <w:r>
              <w:t xml:space="preserve">     * Computes the sum of the values in `array`.</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3.4.0</w:t>
            </w:r>
          </w:p>
          <w:p w:rsidR="00156FB3" w:rsidRDefault="00156FB3" w:rsidP="00156FB3">
            <w:r>
              <w:t xml:space="preserve">     * @category Math</w:t>
            </w:r>
          </w:p>
          <w:p w:rsidR="00156FB3" w:rsidRDefault="00156FB3" w:rsidP="00156FB3">
            <w:r>
              <w:t xml:space="preserve">     * @param {Array} array The array to iterate over.</w:t>
            </w:r>
          </w:p>
          <w:p w:rsidR="00156FB3" w:rsidRDefault="00156FB3" w:rsidP="00156FB3">
            <w:r>
              <w:t xml:space="preserve">     * @returns {number} Returns the sum.</w:t>
            </w:r>
          </w:p>
          <w:p w:rsidR="00156FB3" w:rsidRDefault="00156FB3" w:rsidP="00156FB3">
            <w:r>
              <w:t xml:space="preserve">     * @example</w:t>
            </w:r>
          </w:p>
          <w:p w:rsidR="00156FB3" w:rsidRDefault="00156FB3" w:rsidP="00156FB3">
            <w:r>
              <w:t xml:space="preserve">     *</w:t>
            </w:r>
          </w:p>
          <w:p w:rsidR="00156FB3" w:rsidRDefault="00156FB3" w:rsidP="00156FB3">
            <w:r>
              <w:t xml:space="preserve">     * _.sum([4, 2, 8, 6]);</w:t>
            </w:r>
          </w:p>
          <w:p w:rsidR="00156FB3" w:rsidRDefault="00156FB3" w:rsidP="00156FB3">
            <w:r>
              <w:lastRenderedPageBreak/>
              <w:t xml:space="preserve">     * // =&gt; 20</w:t>
            </w:r>
          </w:p>
          <w:p w:rsidR="00156FB3" w:rsidRDefault="00156FB3" w:rsidP="00156FB3">
            <w:r>
              <w:t xml:space="preserve">     */</w:t>
            </w:r>
          </w:p>
          <w:p w:rsidR="00156FB3" w:rsidRDefault="00156FB3" w:rsidP="00156FB3">
            <w:r>
              <w:t xml:space="preserve">    function sum(array) {</w:t>
            </w:r>
          </w:p>
          <w:p w:rsidR="00156FB3" w:rsidRDefault="00156FB3" w:rsidP="00156FB3">
            <w:r>
              <w:t xml:space="preserve">      return (array &amp;&amp; array.length)</w:t>
            </w:r>
          </w:p>
          <w:p w:rsidR="00156FB3" w:rsidRDefault="00156FB3" w:rsidP="00156FB3">
            <w:r>
              <w:t xml:space="preserve">        ? baseSum(array, identity)</w:t>
            </w:r>
          </w:p>
          <w:p w:rsidR="00156FB3" w:rsidRDefault="00156FB3" w:rsidP="00156FB3">
            <w:r>
              <w:t xml:space="preserve">        : 0;</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ethod is like `_.sum` except that it accepts `iteratee` which is</w:t>
            </w:r>
          </w:p>
          <w:p w:rsidR="00156FB3" w:rsidRDefault="00156FB3" w:rsidP="00156FB3">
            <w:r>
              <w:t xml:space="preserve">     * invoked for each element in `array` to generate the value to be summed.</w:t>
            </w:r>
          </w:p>
          <w:p w:rsidR="00156FB3" w:rsidRDefault="00156FB3" w:rsidP="00156FB3">
            <w:r>
              <w:t xml:space="preserve">     * The iteratee is invoked with one argument: (value).</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since 4.0.0</w:t>
            </w:r>
          </w:p>
          <w:p w:rsidR="00156FB3" w:rsidRDefault="00156FB3" w:rsidP="00156FB3">
            <w:r>
              <w:t xml:space="preserve">     * @category Math</w:t>
            </w:r>
          </w:p>
          <w:p w:rsidR="00156FB3" w:rsidRDefault="00156FB3" w:rsidP="00156FB3">
            <w:r>
              <w:t xml:space="preserve">     * @param {Array} array The array to iterate over.</w:t>
            </w:r>
          </w:p>
          <w:p w:rsidR="00156FB3" w:rsidRDefault="00156FB3" w:rsidP="00156FB3">
            <w:r>
              <w:t xml:space="preserve">     * @param {Function} [iteratee=_.identity] The iteratee invoked per element.</w:t>
            </w:r>
          </w:p>
          <w:p w:rsidR="00156FB3" w:rsidRDefault="00156FB3" w:rsidP="00156FB3">
            <w:r>
              <w:t xml:space="preserve">     * @returns {number} Returns the sum.</w:t>
            </w:r>
          </w:p>
          <w:p w:rsidR="00156FB3" w:rsidRDefault="00156FB3" w:rsidP="00156FB3">
            <w:r>
              <w:t xml:space="preserve">     * @example</w:t>
            </w:r>
          </w:p>
          <w:p w:rsidR="00156FB3" w:rsidRDefault="00156FB3" w:rsidP="00156FB3">
            <w:r>
              <w:t xml:space="preserve">     *</w:t>
            </w:r>
          </w:p>
          <w:p w:rsidR="00156FB3" w:rsidRDefault="00156FB3" w:rsidP="00156FB3">
            <w:r>
              <w:t xml:space="preserve">     * var objects = [{ 'n': 4 }, { 'n': 2 }, { 'n': 8 }, { 'n': 6 }];</w:t>
            </w:r>
          </w:p>
          <w:p w:rsidR="00156FB3" w:rsidRDefault="00156FB3" w:rsidP="00156FB3">
            <w:r>
              <w:t xml:space="preserve">     *</w:t>
            </w:r>
          </w:p>
          <w:p w:rsidR="00156FB3" w:rsidRDefault="00156FB3" w:rsidP="00156FB3">
            <w:r>
              <w:t xml:space="preserve">     * _.sumBy(objects, function(o) { return o.n; });</w:t>
            </w:r>
          </w:p>
          <w:p w:rsidR="00156FB3" w:rsidRDefault="00156FB3" w:rsidP="00156FB3">
            <w:r>
              <w:t xml:space="preserve">     * // =&gt; 20</w:t>
            </w:r>
          </w:p>
          <w:p w:rsidR="00156FB3" w:rsidRDefault="00156FB3" w:rsidP="00156FB3">
            <w:r>
              <w:t xml:space="preserve">     *</w:t>
            </w:r>
          </w:p>
          <w:p w:rsidR="00156FB3" w:rsidRDefault="00156FB3" w:rsidP="00156FB3">
            <w:r>
              <w:t xml:space="preserve">     * // The `_.property` iteratee shorthand.</w:t>
            </w:r>
          </w:p>
          <w:p w:rsidR="00156FB3" w:rsidRDefault="00156FB3" w:rsidP="00156FB3">
            <w:r>
              <w:t xml:space="preserve">     * _.sumBy(objects, 'n');</w:t>
            </w:r>
          </w:p>
          <w:p w:rsidR="00156FB3" w:rsidRDefault="00156FB3" w:rsidP="00156FB3">
            <w:r>
              <w:t xml:space="preserve">     * // =&gt; 20</w:t>
            </w:r>
          </w:p>
          <w:p w:rsidR="00156FB3" w:rsidRDefault="00156FB3" w:rsidP="00156FB3">
            <w:r>
              <w:t xml:space="preserve">     */</w:t>
            </w:r>
          </w:p>
          <w:p w:rsidR="00156FB3" w:rsidRDefault="00156FB3" w:rsidP="00156FB3">
            <w:r>
              <w:t xml:space="preserve">    function sumBy(array, iteratee) {</w:t>
            </w:r>
          </w:p>
          <w:p w:rsidR="00156FB3" w:rsidRDefault="00156FB3" w:rsidP="00156FB3">
            <w:r>
              <w:t xml:space="preserve">      return (array &amp;&amp; array.length)</w:t>
            </w:r>
          </w:p>
          <w:p w:rsidR="00156FB3" w:rsidRDefault="00156FB3" w:rsidP="00156FB3">
            <w:r>
              <w:t xml:space="preserve">        ? baseSum(array, getIteratee(iteratee, 2))</w:t>
            </w:r>
          </w:p>
          <w:p w:rsidR="00156FB3" w:rsidRDefault="00156FB3" w:rsidP="00156FB3">
            <w:r>
              <w:t xml:space="preserve">        : 0;</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 Add methods that return wrapped values in chain sequences.</w:t>
            </w:r>
          </w:p>
          <w:p w:rsidR="00156FB3" w:rsidRDefault="00156FB3" w:rsidP="00156FB3">
            <w:r>
              <w:t xml:space="preserve">    lodash.after = after;</w:t>
            </w:r>
          </w:p>
          <w:p w:rsidR="00156FB3" w:rsidRDefault="00156FB3" w:rsidP="00156FB3">
            <w:r>
              <w:t xml:space="preserve">    lodash.ary = ary;</w:t>
            </w:r>
          </w:p>
          <w:p w:rsidR="00156FB3" w:rsidRDefault="00156FB3" w:rsidP="00156FB3">
            <w:r>
              <w:t xml:space="preserve">    lodash.assign = assign;</w:t>
            </w:r>
          </w:p>
          <w:p w:rsidR="00156FB3" w:rsidRDefault="00156FB3" w:rsidP="00156FB3">
            <w:r>
              <w:t xml:space="preserve">    lodash.assignIn = assignIn;</w:t>
            </w:r>
          </w:p>
          <w:p w:rsidR="00156FB3" w:rsidRDefault="00156FB3" w:rsidP="00156FB3">
            <w:r>
              <w:t xml:space="preserve">    lodash.assignInWith = assignInWith;</w:t>
            </w:r>
          </w:p>
          <w:p w:rsidR="00156FB3" w:rsidRDefault="00156FB3" w:rsidP="00156FB3">
            <w:r>
              <w:t xml:space="preserve">    lodash.assignWith = assignWith;</w:t>
            </w:r>
          </w:p>
          <w:p w:rsidR="00156FB3" w:rsidRDefault="00156FB3" w:rsidP="00156FB3">
            <w:r>
              <w:t xml:space="preserve">    lodash.at = at;</w:t>
            </w:r>
          </w:p>
          <w:p w:rsidR="00156FB3" w:rsidRDefault="00156FB3" w:rsidP="00156FB3">
            <w:r>
              <w:t xml:space="preserve">    lodash.before = before;</w:t>
            </w:r>
          </w:p>
          <w:p w:rsidR="00156FB3" w:rsidRDefault="00156FB3" w:rsidP="00156FB3">
            <w:r>
              <w:lastRenderedPageBreak/>
              <w:t xml:space="preserve">    lodash.bind = bind;</w:t>
            </w:r>
          </w:p>
          <w:p w:rsidR="00156FB3" w:rsidRDefault="00156FB3" w:rsidP="00156FB3">
            <w:r>
              <w:t xml:space="preserve">    lodash.bindAll = bindAll;</w:t>
            </w:r>
          </w:p>
          <w:p w:rsidR="00156FB3" w:rsidRDefault="00156FB3" w:rsidP="00156FB3">
            <w:r>
              <w:t xml:space="preserve">    lodash.bindKey = bindKey;</w:t>
            </w:r>
          </w:p>
          <w:p w:rsidR="00156FB3" w:rsidRDefault="00156FB3" w:rsidP="00156FB3">
            <w:r>
              <w:t xml:space="preserve">    lodash.castArray = castArray;</w:t>
            </w:r>
          </w:p>
          <w:p w:rsidR="00156FB3" w:rsidRDefault="00156FB3" w:rsidP="00156FB3">
            <w:r>
              <w:t xml:space="preserve">    lodash.chain = chain;</w:t>
            </w:r>
          </w:p>
          <w:p w:rsidR="00156FB3" w:rsidRDefault="00156FB3" w:rsidP="00156FB3">
            <w:r>
              <w:t xml:space="preserve">    lodash.chunk = chunk;</w:t>
            </w:r>
          </w:p>
          <w:p w:rsidR="00156FB3" w:rsidRDefault="00156FB3" w:rsidP="00156FB3">
            <w:r>
              <w:t xml:space="preserve">    lodash.compact = compact;</w:t>
            </w:r>
          </w:p>
          <w:p w:rsidR="00156FB3" w:rsidRDefault="00156FB3" w:rsidP="00156FB3">
            <w:r>
              <w:t xml:space="preserve">    lodash.concat = concat;</w:t>
            </w:r>
          </w:p>
          <w:p w:rsidR="00156FB3" w:rsidRDefault="00156FB3" w:rsidP="00156FB3">
            <w:r>
              <w:t xml:space="preserve">    lodash.cond = cond;</w:t>
            </w:r>
          </w:p>
          <w:p w:rsidR="00156FB3" w:rsidRDefault="00156FB3" w:rsidP="00156FB3">
            <w:r>
              <w:t xml:space="preserve">    lodash.conforms = conforms;</w:t>
            </w:r>
          </w:p>
          <w:p w:rsidR="00156FB3" w:rsidRDefault="00156FB3" w:rsidP="00156FB3">
            <w:r>
              <w:t xml:space="preserve">    lodash.constant = constant;</w:t>
            </w:r>
          </w:p>
          <w:p w:rsidR="00156FB3" w:rsidRDefault="00156FB3" w:rsidP="00156FB3">
            <w:r>
              <w:t xml:space="preserve">    lodash.countBy = countBy;</w:t>
            </w:r>
          </w:p>
          <w:p w:rsidR="00156FB3" w:rsidRDefault="00156FB3" w:rsidP="00156FB3">
            <w:r>
              <w:t xml:space="preserve">    lodash.create = create;</w:t>
            </w:r>
          </w:p>
          <w:p w:rsidR="00156FB3" w:rsidRDefault="00156FB3" w:rsidP="00156FB3">
            <w:r>
              <w:t xml:space="preserve">    lodash.curry = curry;</w:t>
            </w:r>
          </w:p>
          <w:p w:rsidR="00156FB3" w:rsidRDefault="00156FB3" w:rsidP="00156FB3">
            <w:r>
              <w:t xml:space="preserve">    lodash.curryRight = curryRight;</w:t>
            </w:r>
          </w:p>
          <w:p w:rsidR="00156FB3" w:rsidRDefault="00156FB3" w:rsidP="00156FB3">
            <w:r>
              <w:t xml:space="preserve">    lodash.debounce = debounce;</w:t>
            </w:r>
          </w:p>
          <w:p w:rsidR="00156FB3" w:rsidRDefault="00156FB3" w:rsidP="00156FB3">
            <w:r>
              <w:t xml:space="preserve">    lodash.defaults = defaults;</w:t>
            </w:r>
          </w:p>
          <w:p w:rsidR="00156FB3" w:rsidRDefault="00156FB3" w:rsidP="00156FB3">
            <w:r>
              <w:t xml:space="preserve">    lodash.defaultsDeep = defaultsDeep;</w:t>
            </w:r>
          </w:p>
          <w:p w:rsidR="00156FB3" w:rsidRDefault="00156FB3" w:rsidP="00156FB3">
            <w:r>
              <w:t xml:space="preserve">    lodash.defer = defer;</w:t>
            </w:r>
          </w:p>
          <w:p w:rsidR="00156FB3" w:rsidRDefault="00156FB3" w:rsidP="00156FB3">
            <w:r>
              <w:t xml:space="preserve">    lodash.delay = delay;</w:t>
            </w:r>
          </w:p>
          <w:p w:rsidR="00156FB3" w:rsidRDefault="00156FB3" w:rsidP="00156FB3">
            <w:r>
              <w:t xml:space="preserve">    lodash.difference = difference;</w:t>
            </w:r>
          </w:p>
          <w:p w:rsidR="00156FB3" w:rsidRDefault="00156FB3" w:rsidP="00156FB3">
            <w:r>
              <w:t xml:space="preserve">    lodash.differenceBy = differenceBy;</w:t>
            </w:r>
          </w:p>
          <w:p w:rsidR="00156FB3" w:rsidRDefault="00156FB3" w:rsidP="00156FB3">
            <w:r>
              <w:t xml:space="preserve">    lodash.differenceWith = differenceWith;</w:t>
            </w:r>
          </w:p>
          <w:p w:rsidR="00156FB3" w:rsidRDefault="00156FB3" w:rsidP="00156FB3">
            <w:r>
              <w:t xml:space="preserve">    lodash.drop = drop;</w:t>
            </w:r>
          </w:p>
          <w:p w:rsidR="00156FB3" w:rsidRDefault="00156FB3" w:rsidP="00156FB3">
            <w:r>
              <w:t xml:space="preserve">    lodash.dropRight = dropRight;</w:t>
            </w:r>
          </w:p>
          <w:p w:rsidR="00156FB3" w:rsidRDefault="00156FB3" w:rsidP="00156FB3">
            <w:r>
              <w:t xml:space="preserve">    lodash.dropRightWhile = dropRightWhile;</w:t>
            </w:r>
          </w:p>
          <w:p w:rsidR="00156FB3" w:rsidRDefault="00156FB3" w:rsidP="00156FB3">
            <w:r>
              <w:t xml:space="preserve">    lodash.dropWhile = dropWhile;</w:t>
            </w:r>
          </w:p>
          <w:p w:rsidR="00156FB3" w:rsidRDefault="00156FB3" w:rsidP="00156FB3">
            <w:r>
              <w:t xml:space="preserve">    lodash.fill = fill;</w:t>
            </w:r>
          </w:p>
          <w:p w:rsidR="00156FB3" w:rsidRDefault="00156FB3" w:rsidP="00156FB3">
            <w:r>
              <w:t xml:space="preserve">    lodash.filter = filter;</w:t>
            </w:r>
          </w:p>
          <w:p w:rsidR="00156FB3" w:rsidRDefault="00156FB3" w:rsidP="00156FB3">
            <w:r>
              <w:t xml:space="preserve">    lodash.flatMap = flatMap;</w:t>
            </w:r>
          </w:p>
          <w:p w:rsidR="00156FB3" w:rsidRDefault="00156FB3" w:rsidP="00156FB3">
            <w:r>
              <w:t xml:space="preserve">    lodash.flatMapDeep = flatMapDeep;</w:t>
            </w:r>
          </w:p>
          <w:p w:rsidR="00156FB3" w:rsidRDefault="00156FB3" w:rsidP="00156FB3">
            <w:r>
              <w:t xml:space="preserve">    lodash.flatMapDepth = flatMapDepth;</w:t>
            </w:r>
          </w:p>
          <w:p w:rsidR="00156FB3" w:rsidRDefault="00156FB3" w:rsidP="00156FB3">
            <w:r>
              <w:t xml:space="preserve">    lodash.flatten = flatten;</w:t>
            </w:r>
          </w:p>
          <w:p w:rsidR="00156FB3" w:rsidRDefault="00156FB3" w:rsidP="00156FB3">
            <w:r>
              <w:t xml:space="preserve">    lodash.flattenDeep = flattenDeep;</w:t>
            </w:r>
          </w:p>
          <w:p w:rsidR="00156FB3" w:rsidRDefault="00156FB3" w:rsidP="00156FB3">
            <w:r>
              <w:t xml:space="preserve">    lodash.flattenDepth = flattenDepth;</w:t>
            </w:r>
          </w:p>
          <w:p w:rsidR="00156FB3" w:rsidRDefault="00156FB3" w:rsidP="00156FB3">
            <w:r>
              <w:t xml:space="preserve">    lodash.flip = flip;</w:t>
            </w:r>
          </w:p>
          <w:p w:rsidR="00156FB3" w:rsidRDefault="00156FB3" w:rsidP="00156FB3">
            <w:r>
              <w:t xml:space="preserve">    lodash.flow = flow;</w:t>
            </w:r>
          </w:p>
          <w:p w:rsidR="00156FB3" w:rsidRDefault="00156FB3" w:rsidP="00156FB3">
            <w:r>
              <w:t xml:space="preserve">    lodash.flowRight = flowRight;</w:t>
            </w:r>
          </w:p>
          <w:p w:rsidR="00156FB3" w:rsidRDefault="00156FB3" w:rsidP="00156FB3">
            <w:r>
              <w:t xml:space="preserve">    lodash.fromPairs = fromPairs;</w:t>
            </w:r>
          </w:p>
          <w:p w:rsidR="00156FB3" w:rsidRDefault="00156FB3" w:rsidP="00156FB3">
            <w:r>
              <w:t xml:space="preserve">    lodash.functions = functions;</w:t>
            </w:r>
          </w:p>
          <w:p w:rsidR="00156FB3" w:rsidRDefault="00156FB3" w:rsidP="00156FB3">
            <w:r>
              <w:t xml:space="preserve">    lodash.functionsIn = functionsIn;</w:t>
            </w:r>
          </w:p>
          <w:p w:rsidR="00156FB3" w:rsidRDefault="00156FB3" w:rsidP="00156FB3">
            <w:r>
              <w:t xml:space="preserve">    lodash.groupBy = groupBy;</w:t>
            </w:r>
          </w:p>
          <w:p w:rsidR="00156FB3" w:rsidRDefault="00156FB3" w:rsidP="00156FB3">
            <w:r>
              <w:t xml:space="preserve">    lodash.initial = initial;</w:t>
            </w:r>
          </w:p>
          <w:p w:rsidR="00156FB3" w:rsidRDefault="00156FB3" w:rsidP="00156FB3">
            <w:r>
              <w:t xml:space="preserve">    lodash.intersection = intersection;</w:t>
            </w:r>
          </w:p>
          <w:p w:rsidR="00156FB3" w:rsidRDefault="00156FB3" w:rsidP="00156FB3">
            <w:r>
              <w:t xml:space="preserve">    lodash.intersectionBy = intersectionBy;</w:t>
            </w:r>
          </w:p>
          <w:p w:rsidR="00156FB3" w:rsidRDefault="00156FB3" w:rsidP="00156FB3">
            <w:r>
              <w:t xml:space="preserve">    lodash.intersectionWith = intersectionWith;</w:t>
            </w:r>
          </w:p>
          <w:p w:rsidR="00156FB3" w:rsidRDefault="00156FB3" w:rsidP="00156FB3">
            <w:r>
              <w:t xml:space="preserve">    lodash.invert = invert;</w:t>
            </w:r>
          </w:p>
          <w:p w:rsidR="00156FB3" w:rsidRDefault="00156FB3" w:rsidP="00156FB3">
            <w:r>
              <w:t xml:space="preserve">    lodash.invertBy = invertBy;</w:t>
            </w:r>
          </w:p>
          <w:p w:rsidR="00156FB3" w:rsidRDefault="00156FB3" w:rsidP="00156FB3">
            <w:r>
              <w:lastRenderedPageBreak/>
              <w:t xml:space="preserve">    lodash.invokeMap = invokeMap;</w:t>
            </w:r>
          </w:p>
          <w:p w:rsidR="00156FB3" w:rsidRDefault="00156FB3" w:rsidP="00156FB3">
            <w:r>
              <w:t xml:space="preserve">    lodash.iteratee = iteratee;</w:t>
            </w:r>
          </w:p>
          <w:p w:rsidR="00156FB3" w:rsidRDefault="00156FB3" w:rsidP="00156FB3">
            <w:r>
              <w:t xml:space="preserve">    lodash.keyBy = keyBy;</w:t>
            </w:r>
          </w:p>
          <w:p w:rsidR="00156FB3" w:rsidRDefault="00156FB3" w:rsidP="00156FB3">
            <w:r>
              <w:t xml:space="preserve">    lodash.keys = keys;</w:t>
            </w:r>
          </w:p>
          <w:p w:rsidR="00156FB3" w:rsidRDefault="00156FB3" w:rsidP="00156FB3">
            <w:r>
              <w:t xml:space="preserve">    lodash.keysIn = keysIn;</w:t>
            </w:r>
          </w:p>
          <w:p w:rsidR="00156FB3" w:rsidRDefault="00156FB3" w:rsidP="00156FB3">
            <w:r>
              <w:t xml:space="preserve">    lodash.map = map;</w:t>
            </w:r>
          </w:p>
          <w:p w:rsidR="00156FB3" w:rsidRDefault="00156FB3" w:rsidP="00156FB3">
            <w:r>
              <w:t xml:space="preserve">    lodash.mapKeys = mapKeys;</w:t>
            </w:r>
          </w:p>
          <w:p w:rsidR="00156FB3" w:rsidRDefault="00156FB3" w:rsidP="00156FB3">
            <w:r>
              <w:t xml:space="preserve">    lodash.mapValues = mapValues;</w:t>
            </w:r>
          </w:p>
          <w:p w:rsidR="00156FB3" w:rsidRDefault="00156FB3" w:rsidP="00156FB3">
            <w:r>
              <w:t xml:space="preserve">    lodash.matches = matches;</w:t>
            </w:r>
          </w:p>
          <w:p w:rsidR="00156FB3" w:rsidRDefault="00156FB3" w:rsidP="00156FB3">
            <w:r>
              <w:t xml:space="preserve">    lodash.matchesProperty = matchesProperty;</w:t>
            </w:r>
          </w:p>
          <w:p w:rsidR="00156FB3" w:rsidRDefault="00156FB3" w:rsidP="00156FB3">
            <w:r>
              <w:t xml:space="preserve">    lodash.memoize = memoize;</w:t>
            </w:r>
          </w:p>
          <w:p w:rsidR="00156FB3" w:rsidRDefault="00156FB3" w:rsidP="00156FB3">
            <w:r>
              <w:t xml:space="preserve">    lodash.merge = merge;</w:t>
            </w:r>
          </w:p>
          <w:p w:rsidR="00156FB3" w:rsidRDefault="00156FB3" w:rsidP="00156FB3">
            <w:r>
              <w:t xml:space="preserve">    lodash.mergeWith = mergeWith;</w:t>
            </w:r>
          </w:p>
          <w:p w:rsidR="00156FB3" w:rsidRDefault="00156FB3" w:rsidP="00156FB3">
            <w:r>
              <w:t xml:space="preserve">    lodash.method = method;</w:t>
            </w:r>
          </w:p>
          <w:p w:rsidR="00156FB3" w:rsidRDefault="00156FB3" w:rsidP="00156FB3">
            <w:r>
              <w:t xml:space="preserve">    lodash.methodOf = methodOf;</w:t>
            </w:r>
          </w:p>
          <w:p w:rsidR="00156FB3" w:rsidRDefault="00156FB3" w:rsidP="00156FB3">
            <w:r>
              <w:t xml:space="preserve">    lodash.mixin = mixin;</w:t>
            </w:r>
          </w:p>
          <w:p w:rsidR="00156FB3" w:rsidRDefault="00156FB3" w:rsidP="00156FB3">
            <w:r>
              <w:t xml:space="preserve">    lodash.negate = negate;</w:t>
            </w:r>
          </w:p>
          <w:p w:rsidR="00156FB3" w:rsidRDefault="00156FB3" w:rsidP="00156FB3">
            <w:r>
              <w:t xml:space="preserve">    lodash.nthArg = nthArg;</w:t>
            </w:r>
          </w:p>
          <w:p w:rsidR="00156FB3" w:rsidRDefault="00156FB3" w:rsidP="00156FB3">
            <w:r>
              <w:t xml:space="preserve">    lodash.omit = omit;</w:t>
            </w:r>
          </w:p>
          <w:p w:rsidR="00156FB3" w:rsidRDefault="00156FB3" w:rsidP="00156FB3">
            <w:r>
              <w:t xml:space="preserve">    lodash.omitBy = omitBy;</w:t>
            </w:r>
          </w:p>
          <w:p w:rsidR="00156FB3" w:rsidRDefault="00156FB3" w:rsidP="00156FB3">
            <w:r>
              <w:t xml:space="preserve">    lodash.once = once;</w:t>
            </w:r>
          </w:p>
          <w:p w:rsidR="00156FB3" w:rsidRDefault="00156FB3" w:rsidP="00156FB3">
            <w:r>
              <w:t xml:space="preserve">    lodash.orderBy = orderBy;</w:t>
            </w:r>
          </w:p>
          <w:p w:rsidR="00156FB3" w:rsidRDefault="00156FB3" w:rsidP="00156FB3">
            <w:r>
              <w:t xml:space="preserve">    lodash.over = over;</w:t>
            </w:r>
          </w:p>
          <w:p w:rsidR="00156FB3" w:rsidRDefault="00156FB3" w:rsidP="00156FB3">
            <w:r>
              <w:t xml:space="preserve">    lodash.overArgs = overArgs;</w:t>
            </w:r>
          </w:p>
          <w:p w:rsidR="00156FB3" w:rsidRDefault="00156FB3" w:rsidP="00156FB3">
            <w:r>
              <w:t xml:space="preserve">    lodash.overEvery = overEvery;</w:t>
            </w:r>
          </w:p>
          <w:p w:rsidR="00156FB3" w:rsidRDefault="00156FB3" w:rsidP="00156FB3">
            <w:r>
              <w:t xml:space="preserve">    lodash.overSome = overSome;</w:t>
            </w:r>
          </w:p>
          <w:p w:rsidR="00156FB3" w:rsidRDefault="00156FB3" w:rsidP="00156FB3">
            <w:r>
              <w:t xml:space="preserve">    lodash.partial = partial;</w:t>
            </w:r>
          </w:p>
          <w:p w:rsidR="00156FB3" w:rsidRDefault="00156FB3" w:rsidP="00156FB3">
            <w:r>
              <w:t xml:space="preserve">    lodash.partialRight = partialRight;</w:t>
            </w:r>
          </w:p>
          <w:p w:rsidR="00156FB3" w:rsidRDefault="00156FB3" w:rsidP="00156FB3">
            <w:r>
              <w:t xml:space="preserve">    lodash.partition = partition;</w:t>
            </w:r>
          </w:p>
          <w:p w:rsidR="00156FB3" w:rsidRDefault="00156FB3" w:rsidP="00156FB3">
            <w:r>
              <w:t xml:space="preserve">    lodash.pick = pick;</w:t>
            </w:r>
          </w:p>
          <w:p w:rsidR="00156FB3" w:rsidRDefault="00156FB3" w:rsidP="00156FB3">
            <w:r>
              <w:t xml:space="preserve">    lodash.pickBy = pickBy;</w:t>
            </w:r>
          </w:p>
          <w:p w:rsidR="00156FB3" w:rsidRDefault="00156FB3" w:rsidP="00156FB3">
            <w:r>
              <w:t xml:space="preserve">    lodash.property = property;</w:t>
            </w:r>
          </w:p>
          <w:p w:rsidR="00156FB3" w:rsidRDefault="00156FB3" w:rsidP="00156FB3">
            <w:r>
              <w:t xml:space="preserve">    lodash.propertyOf = propertyOf;</w:t>
            </w:r>
          </w:p>
          <w:p w:rsidR="00156FB3" w:rsidRDefault="00156FB3" w:rsidP="00156FB3">
            <w:r>
              <w:t xml:space="preserve">    lodash.pull = pull;</w:t>
            </w:r>
          </w:p>
          <w:p w:rsidR="00156FB3" w:rsidRDefault="00156FB3" w:rsidP="00156FB3">
            <w:r>
              <w:t xml:space="preserve">    lodash.pullAll = pullAll;</w:t>
            </w:r>
          </w:p>
          <w:p w:rsidR="00156FB3" w:rsidRDefault="00156FB3" w:rsidP="00156FB3">
            <w:r>
              <w:t xml:space="preserve">    lodash.pullAllBy = pullAllBy;</w:t>
            </w:r>
          </w:p>
          <w:p w:rsidR="00156FB3" w:rsidRDefault="00156FB3" w:rsidP="00156FB3">
            <w:r>
              <w:t xml:space="preserve">    lodash.pullAllWith = pullAllWith;</w:t>
            </w:r>
          </w:p>
          <w:p w:rsidR="00156FB3" w:rsidRDefault="00156FB3" w:rsidP="00156FB3">
            <w:r>
              <w:t xml:space="preserve">    lodash.pullAt = pullAt;</w:t>
            </w:r>
          </w:p>
          <w:p w:rsidR="00156FB3" w:rsidRDefault="00156FB3" w:rsidP="00156FB3">
            <w:r>
              <w:t xml:space="preserve">    lodash.range = range;</w:t>
            </w:r>
          </w:p>
          <w:p w:rsidR="00156FB3" w:rsidRDefault="00156FB3" w:rsidP="00156FB3">
            <w:r>
              <w:t xml:space="preserve">    lodash.rangeRight = rangeRight;</w:t>
            </w:r>
          </w:p>
          <w:p w:rsidR="00156FB3" w:rsidRDefault="00156FB3" w:rsidP="00156FB3">
            <w:r>
              <w:t xml:space="preserve">    lodash.rearg = rearg;</w:t>
            </w:r>
          </w:p>
          <w:p w:rsidR="00156FB3" w:rsidRDefault="00156FB3" w:rsidP="00156FB3">
            <w:r>
              <w:t xml:space="preserve">    lodash.reject = reject;</w:t>
            </w:r>
          </w:p>
          <w:p w:rsidR="00156FB3" w:rsidRDefault="00156FB3" w:rsidP="00156FB3">
            <w:r>
              <w:t xml:space="preserve">    lodash.remove = remove;</w:t>
            </w:r>
          </w:p>
          <w:p w:rsidR="00156FB3" w:rsidRDefault="00156FB3" w:rsidP="00156FB3">
            <w:r>
              <w:t xml:space="preserve">    lodash.rest = rest;</w:t>
            </w:r>
          </w:p>
          <w:p w:rsidR="00156FB3" w:rsidRDefault="00156FB3" w:rsidP="00156FB3">
            <w:r>
              <w:t xml:space="preserve">    lodash.reverse = reverse;</w:t>
            </w:r>
          </w:p>
          <w:p w:rsidR="00156FB3" w:rsidRDefault="00156FB3" w:rsidP="00156FB3">
            <w:r>
              <w:t xml:space="preserve">    lodash.sampleSize = sampleSize;</w:t>
            </w:r>
          </w:p>
          <w:p w:rsidR="00156FB3" w:rsidRDefault="00156FB3" w:rsidP="00156FB3">
            <w:r>
              <w:t xml:space="preserve">    lodash.set = set;</w:t>
            </w:r>
          </w:p>
          <w:p w:rsidR="00156FB3" w:rsidRDefault="00156FB3" w:rsidP="00156FB3">
            <w:r>
              <w:t xml:space="preserve">    lodash.setWith = setWith;</w:t>
            </w:r>
          </w:p>
          <w:p w:rsidR="00156FB3" w:rsidRDefault="00156FB3" w:rsidP="00156FB3">
            <w:r>
              <w:lastRenderedPageBreak/>
              <w:t xml:space="preserve">    lodash.shuffle = shuffle;</w:t>
            </w:r>
          </w:p>
          <w:p w:rsidR="00156FB3" w:rsidRDefault="00156FB3" w:rsidP="00156FB3">
            <w:r>
              <w:t xml:space="preserve">    lodash.slice = slice;</w:t>
            </w:r>
          </w:p>
          <w:p w:rsidR="00156FB3" w:rsidRDefault="00156FB3" w:rsidP="00156FB3">
            <w:r>
              <w:t xml:space="preserve">    lodash.sortBy = sortBy;</w:t>
            </w:r>
          </w:p>
          <w:p w:rsidR="00156FB3" w:rsidRDefault="00156FB3" w:rsidP="00156FB3">
            <w:r>
              <w:t xml:space="preserve">    lodash.sortedUniq = sortedUniq;</w:t>
            </w:r>
          </w:p>
          <w:p w:rsidR="00156FB3" w:rsidRDefault="00156FB3" w:rsidP="00156FB3">
            <w:r>
              <w:t xml:space="preserve">    lodash.sortedUniqBy = sortedUniqBy;</w:t>
            </w:r>
          </w:p>
          <w:p w:rsidR="00156FB3" w:rsidRDefault="00156FB3" w:rsidP="00156FB3">
            <w:r>
              <w:t xml:space="preserve">    lodash.split = split;</w:t>
            </w:r>
          </w:p>
          <w:p w:rsidR="00156FB3" w:rsidRDefault="00156FB3" w:rsidP="00156FB3">
            <w:r>
              <w:t xml:space="preserve">    lodash.spread = spread;</w:t>
            </w:r>
          </w:p>
          <w:p w:rsidR="00156FB3" w:rsidRDefault="00156FB3" w:rsidP="00156FB3">
            <w:r>
              <w:t xml:space="preserve">    lodash.tail = tail;</w:t>
            </w:r>
          </w:p>
          <w:p w:rsidR="00156FB3" w:rsidRDefault="00156FB3" w:rsidP="00156FB3">
            <w:r>
              <w:t xml:space="preserve">    lodash.take = take;</w:t>
            </w:r>
          </w:p>
          <w:p w:rsidR="00156FB3" w:rsidRDefault="00156FB3" w:rsidP="00156FB3">
            <w:r>
              <w:t xml:space="preserve">    lodash.takeRight = takeRight;</w:t>
            </w:r>
          </w:p>
          <w:p w:rsidR="00156FB3" w:rsidRDefault="00156FB3" w:rsidP="00156FB3">
            <w:r>
              <w:t xml:space="preserve">    lodash.takeRightWhile = takeRightWhile;</w:t>
            </w:r>
          </w:p>
          <w:p w:rsidR="00156FB3" w:rsidRDefault="00156FB3" w:rsidP="00156FB3">
            <w:r>
              <w:t xml:space="preserve">    lodash.takeWhile = takeWhile;</w:t>
            </w:r>
          </w:p>
          <w:p w:rsidR="00156FB3" w:rsidRDefault="00156FB3" w:rsidP="00156FB3">
            <w:r>
              <w:t xml:space="preserve">    lodash.tap = tap;</w:t>
            </w:r>
          </w:p>
          <w:p w:rsidR="00156FB3" w:rsidRDefault="00156FB3" w:rsidP="00156FB3">
            <w:r>
              <w:t xml:space="preserve">    lodash.throttle = throttle;</w:t>
            </w:r>
          </w:p>
          <w:p w:rsidR="00156FB3" w:rsidRDefault="00156FB3" w:rsidP="00156FB3">
            <w:r>
              <w:t xml:space="preserve">    lodash.thru = thru;</w:t>
            </w:r>
          </w:p>
          <w:p w:rsidR="00156FB3" w:rsidRDefault="00156FB3" w:rsidP="00156FB3">
            <w:r>
              <w:t xml:space="preserve">    lodash.toArray = toArray;</w:t>
            </w:r>
          </w:p>
          <w:p w:rsidR="00156FB3" w:rsidRDefault="00156FB3" w:rsidP="00156FB3">
            <w:r>
              <w:t xml:space="preserve">    lodash.toPairs = toPairs;</w:t>
            </w:r>
          </w:p>
          <w:p w:rsidR="00156FB3" w:rsidRDefault="00156FB3" w:rsidP="00156FB3">
            <w:r>
              <w:t xml:space="preserve">    lodash.toPairsIn = toPairsIn;</w:t>
            </w:r>
          </w:p>
          <w:p w:rsidR="00156FB3" w:rsidRDefault="00156FB3" w:rsidP="00156FB3">
            <w:r>
              <w:t xml:space="preserve">    lodash.toPath = toPath;</w:t>
            </w:r>
          </w:p>
          <w:p w:rsidR="00156FB3" w:rsidRDefault="00156FB3" w:rsidP="00156FB3">
            <w:r>
              <w:t xml:space="preserve">    lodash.toPlainObject = toPlainObject;</w:t>
            </w:r>
          </w:p>
          <w:p w:rsidR="00156FB3" w:rsidRDefault="00156FB3" w:rsidP="00156FB3">
            <w:r>
              <w:t xml:space="preserve">    lodash.transform = transform;</w:t>
            </w:r>
          </w:p>
          <w:p w:rsidR="00156FB3" w:rsidRDefault="00156FB3" w:rsidP="00156FB3">
            <w:r>
              <w:t xml:space="preserve">    lodash.unary = unary;</w:t>
            </w:r>
          </w:p>
          <w:p w:rsidR="00156FB3" w:rsidRDefault="00156FB3" w:rsidP="00156FB3">
            <w:r>
              <w:t xml:space="preserve">    lodash.union = union;</w:t>
            </w:r>
          </w:p>
          <w:p w:rsidR="00156FB3" w:rsidRDefault="00156FB3" w:rsidP="00156FB3">
            <w:r>
              <w:t xml:space="preserve">    lodash.unionBy = unionBy;</w:t>
            </w:r>
          </w:p>
          <w:p w:rsidR="00156FB3" w:rsidRDefault="00156FB3" w:rsidP="00156FB3">
            <w:r>
              <w:t xml:space="preserve">    lodash.unionWith = unionWith;</w:t>
            </w:r>
          </w:p>
          <w:p w:rsidR="00156FB3" w:rsidRDefault="00156FB3" w:rsidP="00156FB3">
            <w:r>
              <w:t xml:space="preserve">    lodash.uniq = uniq;</w:t>
            </w:r>
          </w:p>
          <w:p w:rsidR="00156FB3" w:rsidRDefault="00156FB3" w:rsidP="00156FB3">
            <w:r>
              <w:t xml:space="preserve">    lodash.uniqBy = uniqBy;</w:t>
            </w:r>
          </w:p>
          <w:p w:rsidR="00156FB3" w:rsidRDefault="00156FB3" w:rsidP="00156FB3">
            <w:r>
              <w:t xml:space="preserve">    lodash.uniqWith = uniqWith;</w:t>
            </w:r>
          </w:p>
          <w:p w:rsidR="00156FB3" w:rsidRDefault="00156FB3" w:rsidP="00156FB3">
            <w:r>
              <w:t xml:space="preserve">    lodash.unset = unset;</w:t>
            </w:r>
          </w:p>
          <w:p w:rsidR="00156FB3" w:rsidRDefault="00156FB3" w:rsidP="00156FB3">
            <w:r>
              <w:t xml:space="preserve">    lodash.unzip = unzip;</w:t>
            </w:r>
          </w:p>
          <w:p w:rsidR="00156FB3" w:rsidRDefault="00156FB3" w:rsidP="00156FB3">
            <w:r>
              <w:t xml:space="preserve">    lodash.unzipWith = unzipWith;</w:t>
            </w:r>
          </w:p>
          <w:p w:rsidR="00156FB3" w:rsidRDefault="00156FB3" w:rsidP="00156FB3">
            <w:r>
              <w:t xml:space="preserve">    lodash.update = update;</w:t>
            </w:r>
          </w:p>
          <w:p w:rsidR="00156FB3" w:rsidRDefault="00156FB3" w:rsidP="00156FB3">
            <w:r>
              <w:t xml:space="preserve">    lodash.updateWith = updateWith;</w:t>
            </w:r>
          </w:p>
          <w:p w:rsidR="00156FB3" w:rsidRDefault="00156FB3" w:rsidP="00156FB3">
            <w:r>
              <w:t xml:space="preserve">    lodash.values = values;</w:t>
            </w:r>
          </w:p>
          <w:p w:rsidR="00156FB3" w:rsidRDefault="00156FB3" w:rsidP="00156FB3">
            <w:r>
              <w:t xml:space="preserve">    lodash.valuesIn = valuesIn;</w:t>
            </w:r>
          </w:p>
          <w:p w:rsidR="00156FB3" w:rsidRDefault="00156FB3" w:rsidP="00156FB3">
            <w:r>
              <w:t xml:space="preserve">    lodash.without = without;</w:t>
            </w:r>
          </w:p>
          <w:p w:rsidR="00156FB3" w:rsidRDefault="00156FB3" w:rsidP="00156FB3">
            <w:r>
              <w:t xml:space="preserve">    lodash.words = words;</w:t>
            </w:r>
          </w:p>
          <w:p w:rsidR="00156FB3" w:rsidRDefault="00156FB3" w:rsidP="00156FB3">
            <w:r>
              <w:t xml:space="preserve">    lodash.wrap = wrap;</w:t>
            </w:r>
          </w:p>
          <w:p w:rsidR="00156FB3" w:rsidRDefault="00156FB3" w:rsidP="00156FB3">
            <w:r>
              <w:t xml:space="preserve">    lodash.xor = xor;</w:t>
            </w:r>
          </w:p>
          <w:p w:rsidR="00156FB3" w:rsidRDefault="00156FB3" w:rsidP="00156FB3">
            <w:r>
              <w:t xml:space="preserve">    lodash.xorBy = xorBy;</w:t>
            </w:r>
          </w:p>
          <w:p w:rsidR="00156FB3" w:rsidRDefault="00156FB3" w:rsidP="00156FB3">
            <w:r>
              <w:t xml:space="preserve">    lodash.xorWith = xorWith;</w:t>
            </w:r>
          </w:p>
          <w:p w:rsidR="00156FB3" w:rsidRDefault="00156FB3" w:rsidP="00156FB3">
            <w:r>
              <w:t xml:space="preserve">    lodash.zip = zip;</w:t>
            </w:r>
          </w:p>
          <w:p w:rsidR="00156FB3" w:rsidRDefault="00156FB3" w:rsidP="00156FB3">
            <w:r>
              <w:t xml:space="preserve">    lodash.zipObject = zipObject;</w:t>
            </w:r>
          </w:p>
          <w:p w:rsidR="00156FB3" w:rsidRDefault="00156FB3" w:rsidP="00156FB3">
            <w:r>
              <w:t xml:space="preserve">    lodash.zipObjectDeep = zipObjectDeep;</w:t>
            </w:r>
          </w:p>
          <w:p w:rsidR="00156FB3" w:rsidRDefault="00156FB3" w:rsidP="00156FB3">
            <w:r>
              <w:t xml:space="preserve">    lodash.zipWith = zipWith;</w:t>
            </w:r>
          </w:p>
          <w:p w:rsidR="00156FB3" w:rsidRDefault="00156FB3" w:rsidP="00156FB3"/>
          <w:p w:rsidR="00156FB3" w:rsidRDefault="00156FB3" w:rsidP="00156FB3">
            <w:r>
              <w:t xml:space="preserve">    // Add aliases.</w:t>
            </w:r>
          </w:p>
          <w:p w:rsidR="00156FB3" w:rsidRDefault="00156FB3" w:rsidP="00156FB3">
            <w:r>
              <w:t xml:space="preserve">    lodash.entries = toPairs;</w:t>
            </w:r>
          </w:p>
          <w:p w:rsidR="00156FB3" w:rsidRDefault="00156FB3" w:rsidP="00156FB3">
            <w:r>
              <w:lastRenderedPageBreak/>
              <w:t xml:space="preserve">    lodash.entriesIn = toPairsIn;</w:t>
            </w:r>
          </w:p>
          <w:p w:rsidR="00156FB3" w:rsidRDefault="00156FB3" w:rsidP="00156FB3">
            <w:r>
              <w:t xml:space="preserve">    lodash.extend = assignIn;</w:t>
            </w:r>
          </w:p>
          <w:p w:rsidR="00156FB3" w:rsidRDefault="00156FB3" w:rsidP="00156FB3">
            <w:r>
              <w:t xml:space="preserve">    lodash.extendWith = assignInWith;</w:t>
            </w:r>
          </w:p>
          <w:p w:rsidR="00156FB3" w:rsidRDefault="00156FB3" w:rsidP="00156FB3"/>
          <w:p w:rsidR="00156FB3" w:rsidRDefault="00156FB3" w:rsidP="00156FB3">
            <w:r>
              <w:t xml:space="preserve">    // Add methods to `lodash.prototype`.</w:t>
            </w:r>
          </w:p>
          <w:p w:rsidR="00156FB3" w:rsidRDefault="00156FB3" w:rsidP="00156FB3">
            <w:r>
              <w:t xml:space="preserve">    mixin(lodash, lodash);</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 Add methods that return unwrapped values in chain sequences.</w:t>
            </w:r>
          </w:p>
          <w:p w:rsidR="00156FB3" w:rsidRDefault="00156FB3" w:rsidP="00156FB3">
            <w:r>
              <w:t xml:space="preserve">    lodash.add = add;</w:t>
            </w:r>
          </w:p>
          <w:p w:rsidR="00156FB3" w:rsidRDefault="00156FB3" w:rsidP="00156FB3">
            <w:r>
              <w:t xml:space="preserve">    lodash.attempt = attempt;</w:t>
            </w:r>
          </w:p>
          <w:p w:rsidR="00156FB3" w:rsidRDefault="00156FB3" w:rsidP="00156FB3">
            <w:r>
              <w:t xml:space="preserve">    lodash.camelCase = camelCase;</w:t>
            </w:r>
          </w:p>
          <w:p w:rsidR="00156FB3" w:rsidRDefault="00156FB3" w:rsidP="00156FB3">
            <w:r>
              <w:t xml:space="preserve">    lodash.capitalize = capitalize;</w:t>
            </w:r>
          </w:p>
          <w:p w:rsidR="00156FB3" w:rsidRDefault="00156FB3" w:rsidP="00156FB3">
            <w:r>
              <w:t xml:space="preserve">    lodash.ceil = ceil;</w:t>
            </w:r>
          </w:p>
          <w:p w:rsidR="00156FB3" w:rsidRDefault="00156FB3" w:rsidP="00156FB3">
            <w:r>
              <w:t xml:space="preserve">    lodash.clamp = clamp;</w:t>
            </w:r>
          </w:p>
          <w:p w:rsidR="00156FB3" w:rsidRDefault="00156FB3" w:rsidP="00156FB3">
            <w:r>
              <w:t xml:space="preserve">    lodash.clone = clone;</w:t>
            </w:r>
          </w:p>
          <w:p w:rsidR="00156FB3" w:rsidRDefault="00156FB3" w:rsidP="00156FB3">
            <w:r>
              <w:t xml:space="preserve">    lodash.cloneDeep = cloneDeep;</w:t>
            </w:r>
          </w:p>
          <w:p w:rsidR="00156FB3" w:rsidRDefault="00156FB3" w:rsidP="00156FB3">
            <w:r>
              <w:t xml:space="preserve">    lodash.cloneDeepWith = cloneDeepWith;</w:t>
            </w:r>
          </w:p>
          <w:p w:rsidR="00156FB3" w:rsidRDefault="00156FB3" w:rsidP="00156FB3">
            <w:r>
              <w:t xml:space="preserve">    lodash.cloneWith = cloneWith;</w:t>
            </w:r>
          </w:p>
          <w:p w:rsidR="00156FB3" w:rsidRDefault="00156FB3" w:rsidP="00156FB3">
            <w:r>
              <w:t xml:space="preserve">    lodash.conformsTo = conformsTo;</w:t>
            </w:r>
          </w:p>
          <w:p w:rsidR="00156FB3" w:rsidRDefault="00156FB3" w:rsidP="00156FB3">
            <w:r>
              <w:t xml:space="preserve">    lodash.deburr = deburr;</w:t>
            </w:r>
          </w:p>
          <w:p w:rsidR="00156FB3" w:rsidRDefault="00156FB3" w:rsidP="00156FB3">
            <w:r>
              <w:t xml:space="preserve">    lodash.defaultTo = defaultTo;</w:t>
            </w:r>
          </w:p>
          <w:p w:rsidR="00156FB3" w:rsidRDefault="00156FB3" w:rsidP="00156FB3">
            <w:r>
              <w:t xml:space="preserve">    lodash.divide = divide;</w:t>
            </w:r>
          </w:p>
          <w:p w:rsidR="00156FB3" w:rsidRDefault="00156FB3" w:rsidP="00156FB3">
            <w:r>
              <w:t xml:space="preserve">    lodash.endsWith = endsWith;</w:t>
            </w:r>
          </w:p>
          <w:p w:rsidR="00156FB3" w:rsidRDefault="00156FB3" w:rsidP="00156FB3">
            <w:r>
              <w:t xml:space="preserve">    lodash.eq = eq;</w:t>
            </w:r>
          </w:p>
          <w:p w:rsidR="00156FB3" w:rsidRDefault="00156FB3" w:rsidP="00156FB3">
            <w:r>
              <w:t xml:space="preserve">    lodash.escape = escape;</w:t>
            </w:r>
          </w:p>
          <w:p w:rsidR="00156FB3" w:rsidRDefault="00156FB3" w:rsidP="00156FB3">
            <w:r>
              <w:t xml:space="preserve">    lodash.escapeRegExp = escapeRegExp;</w:t>
            </w:r>
          </w:p>
          <w:p w:rsidR="00156FB3" w:rsidRDefault="00156FB3" w:rsidP="00156FB3">
            <w:r>
              <w:t xml:space="preserve">    lodash.every = every;</w:t>
            </w:r>
          </w:p>
          <w:p w:rsidR="00156FB3" w:rsidRDefault="00156FB3" w:rsidP="00156FB3">
            <w:r>
              <w:t xml:space="preserve">    lodash.find = find;</w:t>
            </w:r>
          </w:p>
          <w:p w:rsidR="00156FB3" w:rsidRDefault="00156FB3" w:rsidP="00156FB3">
            <w:r>
              <w:t xml:space="preserve">    lodash.findIndex = findIndex;</w:t>
            </w:r>
          </w:p>
          <w:p w:rsidR="00156FB3" w:rsidRDefault="00156FB3" w:rsidP="00156FB3">
            <w:r>
              <w:t xml:space="preserve">    lodash.findKey = findKey;</w:t>
            </w:r>
          </w:p>
          <w:p w:rsidR="00156FB3" w:rsidRDefault="00156FB3" w:rsidP="00156FB3">
            <w:r>
              <w:t xml:space="preserve">    lodash.findLast = findLast;</w:t>
            </w:r>
          </w:p>
          <w:p w:rsidR="00156FB3" w:rsidRDefault="00156FB3" w:rsidP="00156FB3">
            <w:r>
              <w:t xml:space="preserve">    lodash.findLastIndex = findLastIndex;</w:t>
            </w:r>
          </w:p>
          <w:p w:rsidR="00156FB3" w:rsidRDefault="00156FB3" w:rsidP="00156FB3">
            <w:r>
              <w:t xml:space="preserve">    lodash.findLastKey = findLastKey;</w:t>
            </w:r>
          </w:p>
          <w:p w:rsidR="00156FB3" w:rsidRDefault="00156FB3" w:rsidP="00156FB3">
            <w:r>
              <w:t xml:space="preserve">    lodash.floor = floor;</w:t>
            </w:r>
          </w:p>
          <w:p w:rsidR="00156FB3" w:rsidRDefault="00156FB3" w:rsidP="00156FB3">
            <w:r>
              <w:t xml:space="preserve">    lodash.forEach = forEach;</w:t>
            </w:r>
          </w:p>
          <w:p w:rsidR="00156FB3" w:rsidRDefault="00156FB3" w:rsidP="00156FB3">
            <w:r>
              <w:t xml:space="preserve">    lodash.forEachRight = forEachRight;</w:t>
            </w:r>
          </w:p>
          <w:p w:rsidR="00156FB3" w:rsidRDefault="00156FB3" w:rsidP="00156FB3">
            <w:r>
              <w:t xml:space="preserve">    lodash.forIn = forIn;</w:t>
            </w:r>
          </w:p>
          <w:p w:rsidR="00156FB3" w:rsidRDefault="00156FB3" w:rsidP="00156FB3">
            <w:r>
              <w:t xml:space="preserve">    lodash.forInRight = forInRight;</w:t>
            </w:r>
          </w:p>
          <w:p w:rsidR="00156FB3" w:rsidRDefault="00156FB3" w:rsidP="00156FB3">
            <w:r>
              <w:t xml:space="preserve">    lodash.forOwn = forOwn;</w:t>
            </w:r>
          </w:p>
          <w:p w:rsidR="00156FB3" w:rsidRDefault="00156FB3" w:rsidP="00156FB3">
            <w:r>
              <w:t xml:space="preserve">    lodash.forOwnRight = forOwnRight;</w:t>
            </w:r>
          </w:p>
          <w:p w:rsidR="00156FB3" w:rsidRDefault="00156FB3" w:rsidP="00156FB3">
            <w:r>
              <w:t xml:space="preserve">    lodash.get = get;</w:t>
            </w:r>
          </w:p>
          <w:p w:rsidR="00156FB3" w:rsidRDefault="00156FB3" w:rsidP="00156FB3">
            <w:r>
              <w:t xml:space="preserve">    lodash.gt = gt;</w:t>
            </w:r>
          </w:p>
          <w:p w:rsidR="00156FB3" w:rsidRDefault="00156FB3" w:rsidP="00156FB3">
            <w:r>
              <w:t xml:space="preserve">    lodash.gte = gte;</w:t>
            </w:r>
          </w:p>
          <w:p w:rsidR="00156FB3" w:rsidRDefault="00156FB3" w:rsidP="00156FB3">
            <w:r>
              <w:t xml:space="preserve">    lodash.has = has;</w:t>
            </w:r>
          </w:p>
          <w:p w:rsidR="00156FB3" w:rsidRDefault="00156FB3" w:rsidP="00156FB3">
            <w:r>
              <w:t xml:space="preserve">    lodash.hasIn = hasIn;</w:t>
            </w:r>
          </w:p>
          <w:p w:rsidR="00156FB3" w:rsidRDefault="00156FB3" w:rsidP="00156FB3">
            <w:r>
              <w:t xml:space="preserve">    lodash.head = head;</w:t>
            </w:r>
          </w:p>
          <w:p w:rsidR="00156FB3" w:rsidRDefault="00156FB3" w:rsidP="00156FB3">
            <w:r>
              <w:lastRenderedPageBreak/>
              <w:t xml:space="preserve">    lodash.identity = identity;</w:t>
            </w:r>
          </w:p>
          <w:p w:rsidR="00156FB3" w:rsidRDefault="00156FB3" w:rsidP="00156FB3">
            <w:r>
              <w:t xml:space="preserve">    lodash.includes = includes;</w:t>
            </w:r>
          </w:p>
          <w:p w:rsidR="00156FB3" w:rsidRDefault="00156FB3" w:rsidP="00156FB3">
            <w:r>
              <w:t xml:space="preserve">    lodash.indexOf = indexOf;</w:t>
            </w:r>
          </w:p>
          <w:p w:rsidR="00156FB3" w:rsidRDefault="00156FB3" w:rsidP="00156FB3">
            <w:r>
              <w:t xml:space="preserve">    lodash.inRange = inRange;</w:t>
            </w:r>
          </w:p>
          <w:p w:rsidR="00156FB3" w:rsidRDefault="00156FB3" w:rsidP="00156FB3">
            <w:r>
              <w:t xml:space="preserve">    lodash.invoke = invoke;</w:t>
            </w:r>
          </w:p>
          <w:p w:rsidR="00156FB3" w:rsidRDefault="00156FB3" w:rsidP="00156FB3">
            <w:r>
              <w:t xml:space="preserve">    lodash.isArguments = isArguments;</w:t>
            </w:r>
          </w:p>
          <w:p w:rsidR="00156FB3" w:rsidRDefault="00156FB3" w:rsidP="00156FB3">
            <w:r>
              <w:t xml:space="preserve">    lodash.isArray = isArray;</w:t>
            </w:r>
          </w:p>
          <w:p w:rsidR="00156FB3" w:rsidRDefault="00156FB3" w:rsidP="00156FB3">
            <w:r>
              <w:t xml:space="preserve">    lodash.isArrayBuffer = isArrayBuffer;</w:t>
            </w:r>
          </w:p>
          <w:p w:rsidR="00156FB3" w:rsidRDefault="00156FB3" w:rsidP="00156FB3">
            <w:r>
              <w:t xml:space="preserve">    lodash.isArrayLike = isArrayLike;</w:t>
            </w:r>
          </w:p>
          <w:p w:rsidR="00156FB3" w:rsidRDefault="00156FB3" w:rsidP="00156FB3">
            <w:r>
              <w:t xml:space="preserve">    lodash.isArrayLikeObject = isArrayLikeObject;</w:t>
            </w:r>
          </w:p>
          <w:p w:rsidR="00156FB3" w:rsidRDefault="00156FB3" w:rsidP="00156FB3">
            <w:r>
              <w:t xml:space="preserve">    lodash.isBoolean = isBoolean;</w:t>
            </w:r>
          </w:p>
          <w:p w:rsidR="00156FB3" w:rsidRDefault="00156FB3" w:rsidP="00156FB3">
            <w:r>
              <w:t xml:space="preserve">    lodash.isBuffer = isBuffer;</w:t>
            </w:r>
          </w:p>
          <w:p w:rsidR="00156FB3" w:rsidRDefault="00156FB3" w:rsidP="00156FB3">
            <w:r>
              <w:t xml:space="preserve">    lodash.isDate = isDate;</w:t>
            </w:r>
          </w:p>
          <w:p w:rsidR="00156FB3" w:rsidRDefault="00156FB3" w:rsidP="00156FB3">
            <w:r>
              <w:t xml:space="preserve">    lodash.isElement = isElement;</w:t>
            </w:r>
          </w:p>
          <w:p w:rsidR="00156FB3" w:rsidRDefault="00156FB3" w:rsidP="00156FB3">
            <w:r>
              <w:t xml:space="preserve">    lodash.isEmpty = isEmpty;</w:t>
            </w:r>
          </w:p>
          <w:p w:rsidR="00156FB3" w:rsidRDefault="00156FB3" w:rsidP="00156FB3">
            <w:r>
              <w:t xml:space="preserve">    lodash.isEqual = isEqual;</w:t>
            </w:r>
          </w:p>
          <w:p w:rsidR="00156FB3" w:rsidRDefault="00156FB3" w:rsidP="00156FB3">
            <w:r>
              <w:t xml:space="preserve">    lodash.isEqualWith = isEqualWith;</w:t>
            </w:r>
          </w:p>
          <w:p w:rsidR="00156FB3" w:rsidRDefault="00156FB3" w:rsidP="00156FB3">
            <w:r>
              <w:t xml:space="preserve">    lodash.isError = isError;</w:t>
            </w:r>
          </w:p>
          <w:p w:rsidR="00156FB3" w:rsidRDefault="00156FB3" w:rsidP="00156FB3">
            <w:r>
              <w:t xml:space="preserve">    lodash.isFinite = isFinite;</w:t>
            </w:r>
          </w:p>
          <w:p w:rsidR="00156FB3" w:rsidRDefault="00156FB3" w:rsidP="00156FB3">
            <w:r>
              <w:t xml:space="preserve">    lodash.isFunction = isFunction;</w:t>
            </w:r>
          </w:p>
          <w:p w:rsidR="00156FB3" w:rsidRDefault="00156FB3" w:rsidP="00156FB3">
            <w:r>
              <w:t xml:space="preserve">    lodash.isInteger = isInteger;</w:t>
            </w:r>
          </w:p>
          <w:p w:rsidR="00156FB3" w:rsidRDefault="00156FB3" w:rsidP="00156FB3">
            <w:r>
              <w:t xml:space="preserve">    lodash.isLength = isLength;</w:t>
            </w:r>
          </w:p>
          <w:p w:rsidR="00156FB3" w:rsidRDefault="00156FB3" w:rsidP="00156FB3">
            <w:r>
              <w:t xml:space="preserve">    lodash.isMap = isMap;</w:t>
            </w:r>
          </w:p>
          <w:p w:rsidR="00156FB3" w:rsidRDefault="00156FB3" w:rsidP="00156FB3">
            <w:r>
              <w:t xml:space="preserve">    lodash.isMatch = isMatch;</w:t>
            </w:r>
          </w:p>
          <w:p w:rsidR="00156FB3" w:rsidRDefault="00156FB3" w:rsidP="00156FB3">
            <w:r>
              <w:t xml:space="preserve">    lodash.isMatchWith = isMatchWith;</w:t>
            </w:r>
          </w:p>
          <w:p w:rsidR="00156FB3" w:rsidRDefault="00156FB3" w:rsidP="00156FB3">
            <w:r>
              <w:t xml:space="preserve">    lodash.isNaN = isNaN;</w:t>
            </w:r>
          </w:p>
          <w:p w:rsidR="00156FB3" w:rsidRDefault="00156FB3" w:rsidP="00156FB3">
            <w:r>
              <w:t xml:space="preserve">    lodash.isNative = isNative;</w:t>
            </w:r>
          </w:p>
          <w:p w:rsidR="00156FB3" w:rsidRDefault="00156FB3" w:rsidP="00156FB3">
            <w:r>
              <w:t xml:space="preserve">    lodash.isNil = isNil;</w:t>
            </w:r>
          </w:p>
          <w:p w:rsidR="00156FB3" w:rsidRDefault="00156FB3" w:rsidP="00156FB3">
            <w:r>
              <w:t xml:space="preserve">    lodash.isNull = isNull;</w:t>
            </w:r>
          </w:p>
          <w:p w:rsidR="00156FB3" w:rsidRDefault="00156FB3" w:rsidP="00156FB3">
            <w:r>
              <w:t xml:space="preserve">    lodash.isNumber = isNumber;</w:t>
            </w:r>
          </w:p>
          <w:p w:rsidR="00156FB3" w:rsidRDefault="00156FB3" w:rsidP="00156FB3">
            <w:r>
              <w:t xml:space="preserve">    lodash.isObject = isObject;</w:t>
            </w:r>
          </w:p>
          <w:p w:rsidR="00156FB3" w:rsidRDefault="00156FB3" w:rsidP="00156FB3">
            <w:r>
              <w:t xml:space="preserve">    lodash.isObjectLike = isObjectLike;</w:t>
            </w:r>
          </w:p>
          <w:p w:rsidR="00156FB3" w:rsidRDefault="00156FB3" w:rsidP="00156FB3">
            <w:r>
              <w:t xml:space="preserve">    lodash.isPlainObject = isPlainObject;</w:t>
            </w:r>
          </w:p>
          <w:p w:rsidR="00156FB3" w:rsidRDefault="00156FB3" w:rsidP="00156FB3">
            <w:r>
              <w:t xml:space="preserve">    lodash.isRegExp = isRegExp;</w:t>
            </w:r>
          </w:p>
          <w:p w:rsidR="00156FB3" w:rsidRDefault="00156FB3" w:rsidP="00156FB3">
            <w:r>
              <w:t xml:space="preserve">    lodash.isSafeInteger = isSafeInteger;</w:t>
            </w:r>
          </w:p>
          <w:p w:rsidR="00156FB3" w:rsidRDefault="00156FB3" w:rsidP="00156FB3">
            <w:r>
              <w:t xml:space="preserve">    lodash.isSet = isSet;</w:t>
            </w:r>
          </w:p>
          <w:p w:rsidR="00156FB3" w:rsidRDefault="00156FB3" w:rsidP="00156FB3">
            <w:r>
              <w:t xml:space="preserve">    lodash.isString = isString;</w:t>
            </w:r>
          </w:p>
          <w:p w:rsidR="00156FB3" w:rsidRDefault="00156FB3" w:rsidP="00156FB3">
            <w:r>
              <w:t xml:space="preserve">    lodash.isSymbol = isSymbol;</w:t>
            </w:r>
          </w:p>
          <w:p w:rsidR="00156FB3" w:rsidRDefault="00156FB3" w:rsidP="00156FB3">
            <w:r>
              <w:t xml:space="preserve">    lodash.isTypedArray = isTypedArray;</w:t>
            </w:r>
          </w:p>
          <w:p w:rsidR="00156FB3" w:rsidRDefault="00156FB3" w:rsidP="00156FB3">
            <w:r>
              <w:t xml:space="preserve">    lodash.isUndefined = isUndefined;</w:t>
            </w:r>
          </w:p>
          <w:p w:rsidR="00156FB3" w:rsidRDefault="00156FB3" w:rsidP="00156FB3">
            <w:r>
              <w:t xml:space="preserve">    lodash.isWeakMap = isWeakMap;</w:t>
            </w:r>
          </w:p>
          <w:p w:rsidR="00156FB3" w:rsidRDefault="00156FB3" w:rsidP="00156FB3">
            <w:r>
              <w:t xml:space="preserve">    lodash.isWeakSet = isWeakSet;</w:t>
            </w:r>
          </w:p>
          <w:p w:rsidR="00156FB3" w:rsidRDefault="00156FB3" w:rsidP="00156FB3">
            <w:r>
              <w:t xml:space="preserve">    lodash.join = join;</w:t>
            </w:r>
          </w:p>
          <w:p w:rsidR="00156FB3" w:rsidRDefault="00156FB3" w:rsidP="00156FB3">
            <w:r>
              <w:t xml:space="preserve">    lodash.kebabCase = kebabCase;</w:t>
            </w:r>
          </w:p>
          <w:p w:rsidR="00156FB3" w:rsidRDefault="00156FB3" w:rsidP="00156FB3">
            <w:r>
              <w:t xml:space="preserve">    lodash.last = last;</w:t>
            </w:r>
          </w:p>
          <w:p w:rsidR="00156FB3" w:rsidRDefault="00156FB3" w:rsidP="00156FB3">
            <w:r>
              <w:t xml:space="preserve">    lodash.lastIndexOf = lastIndexOf;</w:t>
            </w:r>
          </w:p>
          <w:p w:rsidR="00156FB3" w:rsidRDefault="00156FB3" w:rsidP="00156FB3">
            <w:r>
              <w:t xml:space="preserve">    lodash.lowerCase = lowerCase;</w:t>
            </w:r>
          </w:p>
          <w:p w:rsidR="00156FB3" w:rsidRDefault="00156FB3" w:rsidP="00156FB3">
            <w:r>
              <w:t xml:space="preserve">    lodash.lowerFirst = lowerFirst;</w:t>
            </w:r>
          </w:p>
          <w:p w:rsidR="00156FB3" w:rsidRDefault="00156FB3" w:rsidP="00156FB3">
            <w:r>
              <w:lastRenderedPageBreak/>
              <w:t xml:space="preserve">    lodash.lt = lt;</w:t>
            </w:r>
          </w:p>
          <w:p w:rsidR="00156FB3" w:rsidRDefault="00156FB3" w:rsidP="00156FB3">
            <w:r>
              <w:t xml:space="preserve">    lodash.lte = lte;</w:t>
            </w:r>
          </w:p>
          <w:p w:rsidR="00156FB3" w:rsidRDefault="00156FB3" w:rsidP="00156FB3">
            <w:r>
              <w:t xml:space="preserve">    lodash.max = max;</w:t>
            </w:r>
          </w:p>
          <w:p w:rsidR="00156FB3" w:rsidRDefault="00156FB3" w:rsidP="00156FB3">
            <w:r>
              <w:t xml:space="preserve">    lodash.maxBy = maxBy;</w:t>
            </w:r>
          </w:p>
          <w:p w:rsidR="00156FB3" w:rsidRDefault="00156FB3" w:rsidP="00156FB3">
            <w:r>
              <w:t xml:space="preserve">    lodash.mean = mean;</w:t>
            </w:r>
          </w:p>
          <w:p w:rsidR="00156FB3" w:rsidRDefault="00156FB3" w:rsidP="00156FB3">
            <w:r>
              <w:t xml:space="preserve">    lodash.meanBy = meanBy;</w:t>
            </w:r>
          </w:p>
          <w:p w:rsidR="00156FB3" w:rsidRDefault="00156FB3" w:rsidP="00156FB3">
            <w:r>
              <w:t xml:space="preserve">    lodash.min = min;</w:t>
            </w:r>
          </w:p>
          <w:p w:rsidR="00156FB3" w:rsidRDefault="00156FB3" w:rsidP="00156FB3">
            <w:r>
              <w:t xml:space="preserve">    lodash.minBy = minBy;</w:t>
            </w:r>
          </w:p>
          <w:p w:rsidR="00156FB3" w:rsidRDefault="00156FB3" w:rsidP="00156FB3">
            <w:r>
              <w:t xml:space="preserve">    lodash.stubArray = stubArray;</w:t>
            </w:r>
          </w:p>
          <w:p w:rsidR="00156FB3" w:rsidRDefault="00156FB3" w:rsidP="00156FB3">
            <w:r>
              <w:t xml:space="preserve">    lodash.stubFalse = stubFalse;</w:t>
            </w:r>
          </w:p>
          <w:p w:rsidR="00156FB3" w:rsidRDefault="00156FB3" w:rsidP="00156FB3">
            <w:r>
              <w:t xml:space="preserve">    lodash.stubObject = stubObject;</w:t>
            </w:r>
          </w:p>
          <w:p w:rsidR="00156FB3" w:rsidRDefault="00156FB3" w:rsidP="00156FB3">
            <w:r>
              <w:t xml:space="preserve">    lodash.stubString = stubString;</w:t>
            </w:r>
          </w:p>
          <w:p w:rsidR="00156FB3" w:rsidRDefault="00156FB3" w:rsidP="00156FB3">
            <w:r>
              <w:t xml:space="preserve">    lodash.stubTrue = stubTrue;</w:t>
            </w:r>
          </w:p>
          <w:p w:rsidR="00156FB3" w:rsidRDefault="00156FB3" w:rsidP="00156FB3">
            <w:r>
              <w:t xml:space="preserve">    lodash.multiply = multiply;</w:t>
            </w:r>
          </w:p>
          <w:p w:rsidR="00156FB3" w:rsidRDefault="00156FB3" w:rsidP="00156FB3">
            <w:r>
              <w:t xml:space="preserve">    lodash.nth = nth;</w:t>
            </w:r>
          </w:p>
          <w:p w:rsidR="00156FB3" w:rsidRDefault="00156FB3" w:rsidP="00156FB3">
            <w:r>
              <w:t xml:space="preserve">    lodash.noConflict = noConflict;</w:t>
            </w:r>
          </w:p>
          <w:p w:rsidR="00156FB3" w:rsidRDefault="00156FB3" w:rsidP="00156FB3">
            <w:r>
              <w:t xml:space="preserve">    lodash.noop = noop;</w:t>
            </w:r>
          </w:p>
          <w:p w:rsidR="00156FB3" w:rsidRDefault="00156FB3" w:rsidP="00156FB3">
            <w:r>
              <w:t xml:space="preserve">    lodash.now = now;</w:t>
            </w:r>
          </w:p>
          <w:p w:rsidR="00156FB3" w:rsidRDefault="00156FB3" w:rsidP="00156FB3">
            <w:r>
              <w:t xml:space="preserve">    lodash.pad = pad;</w:t>
            </w:r>
          </w:p>
          <w:p w:rsidR="00156FB3" w:rsidRDefault="00156FB3" w:rsidP="00156FB3">
            <w:r>
              <w:t xml:space="preserve">    lodash.padEnd = padEnd;</w:t>
            </w:r>
          </w:p>
          <w:p w:rsidR="00156FB3" w:rsidRDefault="00156FB3" w:rsidP="00156FB3">
            <w:r>
              <w:t xml:space="preserve">    lodash.padStart = padStart;</w:t>
            </w:r>
          </w:p>
          <w:p w:rsidR="00156FB3" w:rsidRDefault="00156FB3" w:rsidP="00156FB3">
            <w:r>
              <w:t xml:space="preserve">    lodash.parseInt = parseInt;</w:t>
            </w:r>
          </w:p>
          <w:p w:rsidR="00156FB3" w:rsidRDefault="00156FB3" w:rsidP="00156FB3">
            <w:r>
              <w:t xml:space="preserve">    lodash.random = random;</w:t>
            </w:r>
          </w:p>
          <w:p w:rsidR="00156FB3" w:rsidRDefault="00156FB3" w:rsidP="00156FB3">
            <w:r>
              <w:t xml:space="preserve">    lodash.reduce = reduce;</w:t>
            </w:r>
          </w:p>
          <w:p w:rsidR="00156FB3" w:rsidRDefault="00156FB3" w:rsidP="00156FB3">
            <w:r>
              <w:t xml:space="preserve">    lodash.reduceRight = reduceRight;</w:t>
            </w:r>
          </w:p>
          <w:p w:rsidR="00156FB3" w:rsidRDefault="00156FB3" w:rsidP="00156FB3">
            <w:r>
              <w:t xml:space="preserve">    lodash.repeat = repeat;</w:t>
            </w:r>
          </w:p>
          <w:p w:rsidR="00156FB3" w:rsidRDefault="00156FB3" w:rsidP="00156FB3">
            <w:r>
              <w:t xml:space="preserve">    lodash.replace = replace;</w:t>
            </w:r>
          </w:p>
          <w:p w:rsidR="00156FB3" w:rsidRDefault="00156FB3" w:rsidP="00156FB3">
            <w:r>
              <w:t xml:space="preserve">    lodash.result = result;</w:t>
            </w:r>
          </w:p>
          <w:p w:rsidR="00156FB3" w:rsidRDefault="00156FB3" w:rsidP="00156FB3">
            <w:r>
              <w:t xml:space="preserve">    lodash.round = round;</w:t>
            </w:r>
          </w:p>
          <w:p w:rsidR="00156FB3" w:rsidRDefault="00156FB3" w:rsidP="00156FB3">
            <w:r>
              <w:t xml:space="preserve">    lodash.runInContext = runInContext;</w:t>
            </w:r>
          </w:p>
          <w:p w:rsidR="00156FB3" w:rsidRDefault="00156FB3" w:rsidP="00156FB3">
            <w:r>
              <w:t xml:space="preserve">    lodash.sample = sample;</w:t>
            </w:r>
          </w:p>
          <w:p w:rsidR="00156FB3" w:rsidRDefault="00156FB3" w:rsidP="00156FB3">
            <w:r>
              <w:t xml:space="preserve">    lodash.size = size;</w:t>
            </w:r>
          </w:p>
          <w:p w:rsidR="00156FB3" w:rsidRDefault="00156FB3" w:rsidP="00156FB3">
            <w:r>
              <w:t xml:space="preserve">    lodash.snakeCase = snakeCase;</w:t>
            </w:r>
          </w:p>
          <w:p w:rsidR="00156FB3" w:rsidRDefault="00156FB3" w:rsidP="00156FB3">
            <w:r>
              <w:t xml:space="preserve">    lodash.some = some;</w:t>
            </w:r>
          </w:p>
          <w:p w:rsidR="00156FB3" w:rsidRDefault="00156FB3" w:rsidP="00156FB3">
            <w:r>
              <w:t xml:space="preserve">    lodash.sortedIndex = sortedIndex;</w:t>
            </w:r>
          </w:p>
          <w:p w:rsidR="00156FB3" w:rsidRDefault="00156FB3" w:rsidP="00156FB3">
            <w:r>
              <w:t xml:space="preserve">    lodash.sortedIndexBy = sortedIndexBy;</w:t>
            </w:r>
          </w:p>
          <w:p w:rsidR="00156FB3" w:rsidRDefault="00156FB3" w:rsidP="00156FB3">
            <w:r>
              <w:t xml:space="preserve">    lodash.sortedIndexOf = sortedIndexOf;</w:t>
            </w:r>
          </w:p>
          <w:p w:rsidR="00156FB3" w:rsidRDefault="00156FB3" w:rsidP="00156FB3">
            <w:r>
              <w:t xml:space="preserve">    lodash.sortedLastIndex = sortedLastIndex;</w:t>
            </w:r>
          </w:p>
          <w:p w:rsidR="00156FB3" w:rsidRDefault="00156FB3" w:rsidP="00156FB3">
            <w:r>
              <w:t xml:space="preserve">    lodash.sortedLastIndexBy = sortedLastIndexBy;</w:t>
            </w:r>
          </w:p>
          <w:p w:rsidR="00156FB3" w:rsidRDefault="00156FB3" w:rsidP="00156FB3">
            <w:r>
              <w:t xml:space="preserve">    lodash.sortedLastIndexOf = sortedLastIndexOf;</w:t>
            </w:r>
          </w:p>
          <w:p w:rsidR="00156FB3" w:rsidRDefault="00156FB3" w:rsidP="00156FB3">
            <w:r>
              <w:t xml:space="preserve">    lodash.startCase = startCase;</w:t>
            </w:r>
          </w:p>
          <w:p w:rsidR="00156FB3" w:rsidRDefault="00156FB3" w:rsidP="00156FB3">
            <w:r>
              <w:t xml:space="preserve">    lodash.startsWith = startsWith;</w:t>
            </w:r>
          </w:p>
          <w:p w:rsidR="00156FB3" w:rsidRDefault="00156FB3" w:rsidP="00156FB3">
            <w:r>
              <w:t xml:space="preserve">    lodash.subtract = subtract;</w:t>
            </w:r>
          </w:p>
          <w:p w:rsidR="00156FB3" w:rsidRDefault="00156FB3" w:rsidP="00156FB3">
            <w:r>
              <w:t xml:space="preserve">    lodash.sum = sum;</w:t>
            </w:r>
          </w:p>
          <w:p w:rsidR="00156FB3" w:rsidRDefault="00156FB3" w:rsidP="00156FB3">
            <w:r>
              <w:t xml:space="preserve">    lodash.sumBy = sumBy;</w:t>
            </w:r>
          </w:p>
          <w:p w:rsidR="00156FB3" w:rsidRDefault="00156FB3" w:rsidP="00156FB3">
            <w:r>
              <w:t xml:space="preserve">    lodash.template = template;</w:t>
            </w:r>
          </w:p>
          <w:p w:rsidR="00156FB3" w:rsidRDefault="00156FB3" w:rsidP="00156FB3">
            <w:r>
              <w:t xml:space="preserve">    lodash.times = times;</w:t>
            </w:r>
          </w:p>
          <w:p w:rsidR="00156FB3" w:rsidRDefault="00156FB3" w:rsidP="00156FB3">
            <w:r>
              <w:t xml:space="preserve">    lodash.toFinite = toFinite;</w:t>
            </w:r>
          </w:p>
          <w:p w:rsidR="00156FB3" w:rsidRDefault="00156FB3" w:rsidP="00156FB3">
            <w:r>
              <w:lastRenderedPageBreak/>
              <w:t xml:space="preserve">    lodash.toInteger = toInteger;</w:t>
            </w:r>
          </w:p>
          <w:p w:rsidR="00156FB3" w:rsidRDefault="00156FB3" w:rsidP="00156FB3">
            <w:r>
              <w:t xml:space="preserve">    lodash.toLength = toLength;</w:t>
            </w:r>
          </w:p>
          <w:p w:rsidR="00156FB3" w:rsidRDefault="00156FB3" w:rsidP="00156FB3">
            <w:r>
              <w:t xml:space="preserve">    lodash.toLower = toLower;</w:t>
            </w:r>
          </w:p>
          <w:p w:rsidR="00156FB3" w:rsidRDefault="00156FB3" w:rsidP="00156FB3">
            <w:r>
              <w:t xml:space="preserve">    lodash.toNumber = toNumber;</w:t>
            </w:r>
          </w:p>
          <w:p w:rsidR="00156FB3" w:rsidRDefault="00156FB3" w:rsidP="00156FB3">
            <w:r>
              <w:t xml:space="preserve">    lodash.toSafeInteger = toSafeInteger;</w:t>
            </w:r>
          </w:p>
          <w:p w:rsidR="00156FB3" w:rsidRDefault="00156FB3" w:rsidP="00156FB3">
            <w:r>
              <w:t xml:space="preserve">    lodash.toString = toString;</w:t>
            </w:r>
          </w:p>
          <w:p w:rsidR="00156FB3" w:rsidRDefault="00156FB3" w:rsidP="00156FB3">
            <w:r>
              <w:t xml:space="preserve">    lodash.toUpper = toUpper;</w:t>
            </w:r>
          </w:p>
          <w:p w:rsidR="00156FB3" w:rsidRDefault="00156FB3" w:rsidP="00156FB3">
            <w:r>
              <w:t xml:space="preserve">    lodash.trim = trim;</w:t>
            </w:r>
          </w:p>
          <w:p w:rsidR="00156FB3" w:rsidRDefault="00156FB3" w:rsidP="00156FB3">
            <w:r>
              <w:t xml:space="preserve">    lodash.trimEnd = trimEnd;</w:t>
            </w:r>
          </w:p>
          <w:p w:rsidR="00156FB3" w:rsidRDefault="00156FB3" w:rsidP="00156FB3">
            <w:r>
              <w:t xml:space="preserve">    lodash.trimStart = trimStart;</w:t>
            </w:r>
          </w:p>
          <w:p w:rsidR="00156FB3" w:rsidRDefault="00156FB3" w:rsidP="00156FB3">
            <w:r>
              <w:t xml:space="preserve">    lodash.truncate = truncate;</w:t>
            </w:r>
          </w:p>
          <w:p w:rsidR="00156FB3" w:rsidRDefault="00156FB3" w:rsidP="00156FB3">
            <w:r>
              <w:t xml:space="preserve">    lodash.unescape = unescape;</w:t>
            </w:r>
          </w:p>
          <w:p w:rsidR="00156FB3" w:rsidRDefault="00156FB3" w:rsidP="00156FB3">
            <w:r>
              <w:t xml:space="preserve">    lodash.uniqueId = uniqueId;</w:t>
            </w:r>
          </w:p>
          <w:p w:rsidR="00156FB3" w:rsidRDefault="00156FB3" w:rsidP="00156FB3">
            <w:r>
              <w:t xml:space="preserve">    lodash.upperCase = upperCase;</w:t>
            </w:r>
          </w:p>
          <w:p w:rsidR="00156FB3" w:rsidRDefault="00156FB3" w:rsidP="00156FB3">
            <w:r>
              <w:t xml:space="preserve">    lodash.upperFirst = upperFirst;</w:t>
            </w:r>
          </w:p>
          <w:p w:rsidR="00156FB3" w:rsidRDefault="00156FB3" w:rsidP="00156FB3"/>
          <w:p w:rsidR="00156FB3" w:rsidRDefault="00156FB3" w:rsidP="00156FB3">
            <w:r>
              <w:t xml:space="preserve">    // Add aliases.</w:t>
            </w:r>
          </w:p>
          <w:p w:rsidR="00156FB3" w:rsidRDefault="00156FB3" w:rsidP="00156FB3">
            <w:r>
              <w:t xml:space="preserve">    lodash.each = forEach;</w:t>
            </w:r>
          </w:p>
          <w:p w:rsidR="00156FB3" w:rsidRDefault="00156FB3" w:rsidP="00156FB3">
            <w:r>
              <w:t xml:space="preserve">    lodash.eachRight = forEachRight;</w:t>
            </w:r>
          </w:p>
          <w:p w:rsidR="00156FB3" w:rsidRDefault="00156FB3" w:rsidP="00156FB3">
            <w:r>
              <w:t xml:space="preserve">    lodash.first = head;</w:t>
            </w:r>
          </w:p>
          <w:p w:rsidR="00156FB3" w:rsidRDefault="00156FB3" w:rsidP="00156FB3"/>
          <w:p w:rsidR="00156FB3" w:rsidRDefault="00156FB3" w:rsidP="00156FB3">
            <w:r>
              <w:t xml:space="preserve">    mixin(lodash, (function() {</w:t>
            </w:r>
          </w:p>
          <w:p w:rsidR="00156FB3" w:rsidRDefault="00156FB3" w:rsidP="00156FB3">
            <w:r>
              <w:t xml:space="preserve">      var source = {};</w:t>
            </w:r>
          </w:p>
          <w:p w:rsidR="00156FB3" w:rsidRDefault="00156FB3" w:rsidP="00156FB3">
            <w:r>
              <w:t xml:space="preserve">      baseForOwn(lodash, function(func, methodName) {</w:t>
            </w:r>
          </w:p>
          <w:p w:rsidR="00156FB3" w:rsidRDefault="00156FB3" w:rsidP="00156FB3">
            <w:r>
              <w:t xml:space="preserve">        if (!hasOwnProperty.call(lodash.prototype, methodName)) {</w:t>
            </w:r>
          </w:p>
          <w:p w:rsidR="00156FB3" w:rsidRDefault="00156FB3" w:rsidP="00156FB3">
            <w:r>
              <w:t xml:space="preserve">          source[methodName] = func;</w:t>
            </w:r>
          </w:p>
          <w:p w:rsidR="00156FB3" w:rsidRDefault="00156FB3" w:rsidP="00156FB3">
            <w:r>
              <w:t xml:space="preserve">        }</w:t>
            </w:r>
          </w:p>
          <w:p w:rsidR="00156FB3" w:rsidRDefault="00156FB3" w:rsidP="00156FB3">
            <w:r>
              <w:t xml:space="preserve">      });</w:t>
            </w:r>
          </w:p>
          <w:p w:rsidR="00156FB3" w:rsidRDefault="00156FB3" w:rsidP="00156FB3">
            <w:r>
              <w:t xml:space="preserve">      return source;</w:t>
            </w:r>
          </w:p>
          <w:p w:rsidR="00156FB3" w:rsidRDefault="00156FB3" w:rsidP="00156FB3">
            <w:r>
              <w:t xml:space="preserve">    }()), { 'chain': fals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e semantic version number.</w:t>
            </w:r>
          </w:p>
          <w:p w:rsidR="00156FB3" w:rsidRDefault="00156FB3" w:rsidP="00156FB3">
            <w:r>
              <w:t xml:space="preserve">     *</w:t>
            </w:r>
          </w:p>
          <w:p w:rsidR="00156FB3" w:rsidRDefault="00156FB3" w:rsidP="00156FB3">
            <w:r>
              <w:t xml:space="preserve">     * @static</w:t>
            </w:r>
          </w:p>
          <w:p w:rsidR="00156FB3" w:rsidRDefault="00156FB3" w:rsidP="00156FB3">
            <w:r>
              <w:t xml:space="preserve">     * @memberOf _</w:t>
            </w:r>
          </w:p>
          <w:p w:rsidR="00156FB3" w:rsidRDefault="00156FB3" w:rsidP="00156FB3">
            <w:r>
              <w:t xml:space="preserve">     * @type {string}</w:t>
            </w:r>
          </w:p>
          <w:p w:rsidR="00156FB3" w:rsidRDefault="00156FB3" w:rsidP="00156FB3">
            <w:r>
              <w:t xml:space="preserve">     */</w:t>
            </w:r>
          </w:p>
          <w:p w:rsidR="00156FB3" w:rsidRDefault="00156FB3" w:rsidP="00156FB3">
            <w:r>
              <w:t xml:space="preserve">    lodash.VERSION = VERSION;</w:t>
            </w:r>
          </w:p>
          <w:p w:rsidR="00156FB3" w:rsidRDefault="00156FB3" w:rsidP="00156FB3"/>
          <w:p w:rsidR="00156FB3" w:rsidRDefault="00156FB3" w:rsidP="00156FB3">
            <w:r>
              <w:t xml:space="preserve">    // Assign default placeholders.</w:t>
            </w:r>
          </w:p>
          <w:p w:rsidR="00156FB3" w:rsidRDefault="00156FB3" w:rsidP="00156FB3">
            <w:r>
              <w:t xml:space="preserve">    arrayEach(['bind', 'bindKey', 'curry', 'curryRight', 'partial', 'partialRight'], function(methodName) {</w:t>
            </w:r>
          </w:p>
          <w:p w:rsidR="00156FB3" w:rsidRDefault="00156FB3" w:rsidP="00156FB3">
            <w:r>
              <w:t xml:space="preserve">      lodash[methodName].placeholder = lodash;</w:t>
            </w:r>
          </w:p>
          <w:p w:rsidR="00156FB3" w:rsidRDefault="00156FB3" w:rsidP="00156FB3">
            <w:r>
              <w:t xml:space="preserve">    });</w:t>
            </w:r>
          </w:p>
          <w:p w:rsidR="00156FB3" w:rsidRDefault="00156FB3" w:rsidP="00156FB3"/>
          <w:p w:rsidR="00156FB3" w:rsidRDefault="00156FB3" w:rsidP="00156FB3">
            <w:r>
              <w:t xml:space="preserve">    // Add `LazyWrapper` methods for `_.drop` and `_.take` variants.</w:t>
            </w:r>
          </w:p>
          <w:p w:rsidR="00156FB3" w:rsidRDefault="00156FB3" w:rsidP="00156FB3">
            <w:r>
              <w:lastRenderedPageBreak/>
              <w:t xml:space="preserve">    arrayEach(['drop', 'take'], function(methodName, index) {</w:t>
            </w:r>
          </w:p>
          <w:p w:rsidR="00156FB3" w:rsidRDefault="00156FB3" w:rsidP="00156FB3">
            <w:r>
              <w:t xml:space="preserve">      LazyWrapper.prototype[methodName] = function(n) {</w:t>
            </w:r>
          </w:p>
          <w:p w:rsidR="00156FB3" w:rsidRDefault="00156FB3" w:rsidP="00156FB3">
            <w:r>
              <w:t xml:space="preserve">        n = n === undefined ? 1 : nativeMax(toInteger(n), 0);</w:t>
            </w:r>
          </w:p>
          <w:p w:rsidR="00156FB3" w:rsidRDefault="00156FB3" w:rsidP="00156FB3"/>
          <w:p w:rsidR="00156FB3" w:rsidRDefault="00156FB3" w:rsidP="00156FB3">
            <w:r>
              <w:t xml:space="preserve">        var result = (this.__filtered__ &amp;&amp; !index)</w:t>
            </w:r>
          </w:p>
          <w:p w:rsidR="00156FB3" w:rsidRDefault="00156FB3" w:rsidP="00156FB3">
            <w:r>
              <w:t xml:space="preserve">          ? new LazyWrapper(this)</w:t>
            </w:r>
          </w:p>
          <w:p w:rsidR="00156FB3" w:rsidRDefault="00156FB3" w:rsidP="00156FB3">
            <w:r>
              <w:t xml:space="preserve">          : this.clone();</w:t>
            </w:r>
          </w:p>
          <w:p w:rsidR="00156FB3" w:rsidRDefault="00156FB3" w:rsidP="00156FB3"/>
          <w:p w:rsidR="00156FB3" w:rsidRDefault="00156FB3" w:rsidP="00156FB3">
            <w:r>
              <w:t xml:space="preserve">        if (result.__filtered__) {</w:t>
            </w:r>
          </w:p>
          <w:p w:rsidR="00156FB3" w:rsidRDefault="00156FB3" w:rsidP="00156FB3">
            <w:r>
              <w:t xml:space="preserve">          result.__takeCount__ = nativeMin(n, result.__takeCount__);</w:t>
            </w:r>
          </w:p>
          <w:p w:rsidR="00156FB3" w:rsidRDefault="00156FB3" w:rsidP="00156FB3">
            <w:r>
              <w:t xml:space="preserve">        } else {</w:t>
            </w:r>
          </w:p>
          <w:p w:rsidR="00156FB3" w:rsidRDefault="00156FB3" w:rsidP="00156FB3">
            <w:r>
              <w:t xml:space="preserve">          result.__views__.push({</w:t>
            </w:r>
          </w:p>
          <w:p w:rsidR="00156FB3" w:rsidRDefault="00156FB3" w:rsidP="00156FB3">
            <w:r>
              <w:t xml:space="preserve">            'size': nativeMin(n, MAX_ARRAY_LENGTH),</w:t>
            </w:r>
          </w:p>
          <w:p w:rsidR="00156FB3" w:rsidRDefault="00156FB3" w:rsidP="00156FB3">
            <w:r>
              <w:t xml:space="preserve">            'type': methodName + (result.__dir__ &lt; 0 ? 'Right' : '')</w:t>
            </w:r>
          </w:p>
          <w:p w:rsidR="00156FB3" w:rsidRDefault="00156FB3" w:rsidP="00156FB3">
            <w:r>
              <w:t xml:space="preserve">          });</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LazyWrapper.prototype[methodName + 'Right'] = function(n) {</w:t>
            </w:r>
          </w:p>
          <w:p w:rsidR="00156FB3" w:rsidRDefault="00156FB3" w:rsidP="00156FB3">
            <w:r>
              <w:t xml:space="preserve">        return this.reverse()[methodName](n).revers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Add `LazyWrapper` methods that accept an `iteratee` value.</w:t>
            </w:r>
          </w:p>
          <w:p w:rsidR="00156FB3" w:rsidRDefault="00156FB3" w:rsidP="00156FB3">
            <w:r>
              <w:t xml:space="preserve">    arrayEach(['filter', 'map', 'takeWhile'], function(methodName, index) {</w:t>
            </w:r>
          </w:p>
          <w:p w:rsidR="00156FB3" w:rsidRDefault="00156FB3" w:rsidP="00156FB3">
            <w:r>
              <w:t xml:space="preserve">      var type = index + 1,</w:t>
            </w:r>
          </w:p>
          <w:p w:rsidR="00156FB3" w:rsidRDefault="00156FB3" w:rsidP="00156FB3">
            <w:r>
              <w:t xml:space="preserve">          isFilter = type == LAZY_FILTER_FLAG || type == LAZY_WHILE_FLAG;</w:t>
            </w:r>
          </w:p>
          <w:p w:rsidR="00156FB3" w:rsidRDefault="00156FB3" w:rsidP="00156FB3"/>
          <w:p w:rsidR="00156FB3" w:rsidRDefault="00156FB3" w:rsidP="00156FB3">
            <w:r>
              <w:t xml:space="preserve">      LazyWrapper.prototype[methodName] = function(iteratee) {</w:t>
            </w:r>
          </w:p>
          <w:p w:rsidR="00156FB3" w:rsidRDefault="00156FB3" w:rsidP="00156FB3">
            <w:r>
              <w:t xml:space="preserve">        var result = this.clone();</w:t>
            </w:r>
          </w:p>
          <w:p w:rsidR="00156FB3" w:rsidRDefault="00156FB3" w:rsidP="00156FB3">
            <w:r>
              <w:t xml:space="preserve">        result.__iteratees__.push({</w:t>
            </w:r>
          </w:p>
          <w:p w:rsidR="00156FB3" w:rsidRDefault="00156FB3" w:rsidP="00156FB3">
            <w:r>
              <w:t xml:space="preserve">          'iteratee': getIteratee(iteratee, 3),</w:t>
            </w:r>
          </w:p>
          <w:p w:rsidR="00156FB3" w:rsidRDefault="00156FB3" w:rsidP="00156FB3">
            <w:r>
              <w:t xml:space="preserve">          'type': type</w:t>
            </w:r>
          </w:p>
          <w:p w:rsidR="00156FB3" w:rsidRDefault="00156FB3" w:rsidP="00156FB3">
            <w:r>
              <w:t xml:space="preserve">        });</w:t>
            </w:r>
          </w:p>
          <w:p w:rsidR="00156FB3" w:rsidRDefault="00156FB3" w:rsidP="00156FB3">
            <w:r>
              <w:t xml:space="preserve">        result.__filtered__ = result.__filtered__ || isFilter;</w:t>
            </w:r>
          </w:p>
          <w:p w:rsidR="00156FB3" w:rsidRDefault="00156FB3" w:rsidP="00156FB3">
            <w:r>
              <w:t xml:space="preserve">        return resul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Add `LazyWrapper` methods for `_.head` and `_.last`.</w:t>
            </w:r>
          </w:p>
          <w:p w:rsidR="00156FB3" w:rsidRDefault="00156FB3" w:rsidP="00156FB3">
            <w:r>
              <w:t xml:space="preserve">    arrayEach(['head', 'last'], function(methodName, index) {</w:t>
            </w:r>
          </w:p>
          <w:p w:rsidR="00156FB3" w:rsidRDefault="00156FB3" w:rsidP="00156FB3">
            <w:r>
              <w:t xml:space="preserve">      var takeName = 'take' + (index ? 'Right' : '');</w:t>
            </w:r>
          </w:p>
          <w:p w:rsidR="00156FB3" w:rsidRDefault="00156FB3" w:rsidP="00156FB3"/>
          <w:p w:rsidR="00156FB3" w:rsidRDefault="00156FB3" w:rsidP="00156FB3">
            <w:r>
              <w:t xml:space="preserve">      LazyWrapper.prototype[methodName] = function() {</w:t>
            </w:r>
          </w:p>
          <w:p w:rsidR="00156FB3" w:rsidRDefault="00156FB3" w:rsidP="00156FB3">
            <w:r>
              <w:t xml:space="preserve">        return this[takeName](1).value()[0];</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Add `LazyWrapper` methods for `_.initial` and `_.tail`.</w:t>
            </w:r>
          </w:p>
          <w:p w:rsidR="00156FB3" w:rsidRDefault="00156FB3" w:rsidP="00156FB3">
            <w:r>
              <w:t xml:space="preserve">    arrayEach(['initial', 'tail'], function(methodName, index) {</w:t>
            </w:r>
          </w:p>
          <w:p w:rsidR="00156FB3" w:rsidRDefault="00156FB3" w:rsidP="00156FB3">
            <w:r>
              <w:t xml:space="preserve">      var dropName = 'drop' + (index ? '' : 'Right');</w:t>
            </w:r>
          </w:p>
          <w:p w:rsidR="00156FB3" w:rsidRDefault="00156FB3" w:rsidP="00156FB3"/>
          <w:p w:rsidR="00156FB3" w:rsidRDefault="00156FB3" w:rsidP="00156FB3">
            <w:r>
              <w:t xml:space="preserve">      LazyWrapper.prototype[methodName] = function() {</w:t>
            </w:r>
          </w:p>
          <w:p w:rsidR="00156FB3" w:rsidRDefault="00156FB3" w:rsidP="00156FB3">
            <w:r>
              <w:t xml:space="preserve">        return this.__filtered__ ? new LazyWrapper(this) : this[dropName](1);</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LazyWrapper.prototype.compact = function() {</w:t>
            </w:r>
          </w:p>
          <w:p w:rsidR="00156FB3" w:rsidRDefault="00156FB3" w:rsidP="00156FB3">
            <w:r>
              <w:t xml:space="preserve">      return this.filter(identity);</w:t>
            </w:r>
          </w:p>
          <w:p w:rsidR="00156FB3" w:rsidRDefault="00156FB3" w:rsidP="00156FB3">
            <w:r>
              <w:t xml:space="preserve">    };</w:t>
            </w:r>
          </w:p>
          <w:p w:rsidR="00156FB3" w:rsidRDefault="00156FB3" w:rsidP="00156FB3"/>
          <w:p w:rsidR="00156FB3" w:rsidRDefault="00156FB3" w:rsidP="00156FB3">
            <w:r>
              <w:t xml:space="preserve">    LazyWrapper.prototype.find = function(predicate) {</w:t>
            </w:r>
          </w:p>
          <w:p w:rsidR="00156FB3" w:rsidRDefault="00156FB3" w:rsidP="00156FB3">
            <w:r>
              <w:t xml:space="preserve">      return this.filter(predicate).head();</w:t>
            </w:r>
          </w:p>
          <w:p w:rsidR="00156FB3" w:rsidRDefault="00156FB3" w:rsidP="00156FB3">
            <w:r>
              <w:t xml:space="preserve">    };</w:t>
            </w:r>
          </w:p>
          <w:p w:rsidR="00156FB3" w:rsidRDefault="00156FB3" w:rsidP="00156FB3"/>
          <w:p w:rsidR="00156FB3" w:rsidRDefault="00156FB3" w:rsidP="00156FB3">
            <w:r>
              <w:t xml:space="preserve">    LazyWrapper.prototype.findLast = function(predicate) {</w:t>
            </w:r>
          </w:p>
          <w:p w:rsidR="00156FB3" w:rsidRDefault="00156FB3" w:rsidP="00156FB3">
            <w:r>
              <w:t xml:space="preserve">      return this.reverse().find(predicate);</w:t>
            </w:r>
          </w:p>
          <w:p w:rsidR="00156FB3" w:rsidRDefault="00156FB3" w:rsidP="00156FB3">
            <w:r>
              <w:t xml:space="preserve">    };</w:t>
            </w:r>
          </w:p>
          <w:p w:rsidR="00156FB3" w:rsidRDefault="00156FB3" w:rsidP="00156FB3"/>
          <w:p w:rsidR="00156FB3" w:rsidRDefault="00156FB3" w:rsidP="00156FB3">
            <w:r>
              <w:t xml:space="preserve">    LazyWrapper.prototype.invokeMap = baseRest(function(path, args) {</w:t>
            </w:r>
          </w:p>
          <w:p w:rsidR="00156FB3" w:rsidRDefault="00156FB3" w:rsidP="00156FB3">
            <w:r>
              <w:t xml:space="preserve">      if (typeof path == 'function') {</w:t>
            </w:r>
          </w:p>
          <w:p w:rsidR="00156FB3" w:rsidRDefault="00156FB3" w:rsidP="00156FB3">
            <w:r>
              <w:t xml:space="preserve">        return new LazyWrapper(this);</w:t>
            </w:r>
          </w:p>
          <w:p w:rsidR="00156FB3" w:rsidRDefault="00156FB3" w:rsidP="00156FB3">
            <w:r>
              <w:t xml:space="preserve">      }</w:t>
            </w:r>
          </w:p>
          <w:p w:rsidR="00156FB3" w:rsidRDefault="00156FB3" w:rsidP="00156FB3">
            <w:r>
              <w:t xml:space="preserve">      return this.map(function(value) {</w:t>
            </w:r>
          </w:p>
          <w:p w:rsidR="00156FB3" w:rsidRDefault="00156FB3" w:rsidP="00156FB3">
            <w:r>
              <w:t xml:space="preserve">        return baseInvoke(value, path, arg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LazyWrapper.prototype.reject = function(predicate) {</w:t>
            </w:r>
          </w:p>
          <w:p w:rsidR="00156FB3" w:rsidRDefault="00156FB3" w:rsidP="00156FB3">
            <w:r>
              <w:t xml:space="preserve">      return this.filter(negate(getIteratee(predicate)));</w:t>
            </w:r>
          </w:p>
          <w:p w:rsidR="00156FB3" w:rsidRDefault="00156FB3" w:rsidP="00156FB3">
            <w:r>
              <w:t xml:space="preserve">    };</w:t>
            </w:r>
          </w:p>
          <w:p w:rsidR="00156FB3" w:rsidRDefault="00156FB3" w:rsidP="00156FB3"/>
          <w:p w:rsidR="00156FB3" w:rsidRDefault="00156FB3" w:rsidP="00156FB3">
            <w:r>
              <w:t xml:space="preserve">    LazyWrapper.prototype.slice = function(start, end) {</w:t>
            </w:r>
          </w:p>
          <w:p w:rsidR="00156FB3" w:rsidRDefault="00156FB3" w:rsidP="00156FB3">
            <w:r>
              <w:t xml:space="preserve">      start = toInteger(start);</w:t>
            </w:r>
          </w:p>
          <w:p w:rsidR="00156FB3" w:rsidRDefault="00156FB3" w:rsidP="00156FB3"/>
          <w:p w:rsidR="00156FB3" w:rsidRDefault="00156FB3" w:rsidP="00156FB3">
            <w:r>
              <w:t xml:space="preserve">      var result = this;</w:t>
            </w:r>
          </w:p>
          <w:p w:rsidR="00156FB3" w:rsidRDefault="00156FB3" w:rsidP="00156FB3">
            <w:r>
              <w:t xml:space="preserve">      if (result.__filtered__ &amp;&amp; (start &gt; 0 || end &lt; 0)) {</w:t>
            </w:r>
          </w:p>
          <w:p w:rsidR="00156FB3" w:rsidRDefault="00156FB3" w:rsidP="00156FB3">
            <w:r>
              <w:t xml:space="preserve">        return new LazyWrapper(result);</w:t>
            </w:r>
          </w:p>
          <w:p w:rsidR="00156FB3" w:rsidRDefault="00156FB3" w:rsidP="00156FB3">
            <w:r>
              <w:t xml:space="preserve">      }</w:t>
            </w:r>
          </w:p>
          <w:p w:rsidR="00156FB3" w:rsidRDefault="00156FB3" w:rsidP="00156FB3">
            <w:r>
              <w:t xml:space="preserve">      if (start &lt; 0) {</w:t>
            </w:r>
          </w:p>
          <w:p w:rsidR="00156FB3" w:rsidRDefault="00156FB3" w:rsidP="00156FB3">
            <w:r>
              <w:t xml:space="preserve">        result = result.takeRight(-start);</w:t>
            </w:r>
          </w:p>
          <w:p w:rsidR="00156FB3" w:rsidRDefault="00156FB3" w:rsidP="00156FB3">
            <w:r>
              <w:t xml:space="preserve">      } else if (start) {</w:t>
            </w:r>
          </w:p>
          <w:p w:rsidR="00156FB3" w:rsidRDefault="00156FB3" w:rsidP="00156FB3">
            <w:r>
              <w:t xml:space="preserve">        result = result.drop(start);</w:t>
            </w:r>
          </w:p>
          <w:p w:rsidR="00156FB3" w:rsidRDefault="00156FB3" w:rsidP="00156FB3">
            <w:r>
              <w:t xml:space="preserve">      }</w:t>
            </w:r>
          </w:p>
          <w:p w:rsidR="00156FB3" w:rsidRDefault="00156FB3" w:rsidP="00156FB3">
            <w:r>
              <w:t xml:space="preserve">      if (end !== undefined) {</w:t>
            </w:r>
          </w:p>
          <w:p w:rsidR="00156FB3" w:rsidRDefault="00156FB3" w:rsidP="00156FB3">
            <w:r>
              <w:lastRenderedPageBreak/>
              <w:t xml:space="preserve">        end = toInteger(end);</w:t>
            </w:r>
          </w:p>
          <w:p w:rsidR="00156FB3" w:rsidRDefault="00156FB3" w:rsidP="00156FB3">
            <w:r>
              <w:t xml:space="preserve">        result = end &lt; 0 ? result.dropRight(-end) : result.take(end - start);</w:t>
            </w:r>
          </w:p>
          <w:p w:rsidR="00156FB3" w:rsidRDefault="00156FB3" w:rsidP="00156FB3">
            <w:r>
              <w:t xml:space="preserve">      }</w:t>
            </w:r>
          </w:p>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LazyWrapper.prototype.takeRightWhile = function(predicate) {</w:t>
            </w:r>
          </w:p>
          <w:p w:rsidR="00156FB3" w:rsidRDefault="00156FB3" w:rsidP="00156FB3">
            <w:r>
              <w:t xml:space="preserve">      return this.reverse().takeWhile(predicate).reverse();</w:t>
            </w:r>
          </w:p>
          <w:p w:rsidR="00156FB3" w:rsidRDefault="00156FB3" w:rsidP="00156FB3">
            <w:r>
              <w:t xml:space="preserve">    };</w:t>
            </w:r>
          </w:p>
          <w:p w:rsidR="00156FB3" w:rsidRDefault="00156FB3" w:rsidP="00156FB3"/>
          <w:p w:rsidR="00156FB3" w:rsidRDefault="00156FB3" w:rsidP="00156FB3">
            <w:r>
              <w:t xml:space="preserve">    LazyWrapper.prototype.toArray = function() {</w:t>
            </w:r>
          </w:p>
          <w:p w:rsidR="00156FB3" w:rsidRDefault="00156FB3" w:rsidP="00156FB3">
            <w:r>
              <w:t xml:space="preserve">      return this.take(MAX_ARRAY_LENGTH);</w:t>
            </w:r>
          </w:p>
          <w:p w:rsidR="00156FB3" w:rsidRDefault="00156FB3" w:rsidP="00156FB3">
            <w:r>
              <w:t xml:space="preserve">    };</w:t>
            </w:r>
          </w:p>
          <w:p w:rsidR="00156FB3" w:rsidRDefault="00156FB3" w:rsidP="00156FB3"/>
          <w:p w:rsidR="00156FB3" w:rsidRDefault="00156FB3" w:rsidP="00156FB3">
            <w:r>
              <w:t xml:space="preserve">    // Add `LazyWrapper` methods to `lodash.prototype`.</w:t>
            </w:r>
          </w:p>
          <w:p w:rsidR="00156FB3" w:rsidRDefault="00156FB3" w:rsidP="00156FB3">
            <w:r>
              <w:t xml:space="preserve">    baseForOwn(LazyWrapper.prototype, function(func, methodName) {</w:t>
            </w:r>
          </w:p>
          <w:p w:rsidR="00156FB3" w:rsidRDefault="00156FB3" w:rsidP="00156FB3">
            <w:r>
              <w:t xml:space="preserve">      var checkIteratee = /^(?:filter|find|map|reject)|While$/.test(methodName),</w:t>
            </w:r>
          </w:p>
          <w:p w:rsidR="00156FB3" w:rsidRDefault="00156FB3" w:rsidP="00156FB3">
            <w:r>
              <w:t xml:space="preserve">          isTaker = /^(?:head|last)$/.test(methodName),</w:t>
            </w:r>
          </w:p>
          <w:p w:rsidR="00156FB3" w:rsidRDefault="00156FB3" w:rsidP="00156FB3">
            <w:r>
              <w:t xml:space="preserve">          lodashFunc = lodash[isTaker ? ('take' + (methodName == 'last' ? 'Right' : '')) : methodName],</w:t>
            </w:r>
          </w:p>
          <w:p w:rsidR="00156FB3" w:rsidRDefault="00156FB3" w:rsidP="00156FB3">
            <w:r>
              <w:t xml:space="preserve">          retUnwrapped = isTaker || /^find/.test(methodName);</w:t>
            </w:r>
          </w:p>
          <w:p w:rsidR="00156FB3" w:rsidRDefault="00156FB3" w:rsidP="00156FB3"/>
          <w:p w:rsidR="00156FB3" w:rsidRDefault="00156FB3" w:rsidP="00156FB3">
            <w:r>
              <w:t xml:space="preserve">      if (!lodashFunc) {</w:t>
            </w:r>
          </w:p>
          <w:p w:rsidR="00156FB3" w:rsidRDefault="00156FB3" w:rsidP="00156FB3">
            <w:r>
              <w:t xml:space="preserve">        return;</w:t>
            </w:r>
          </w:p>
          <w:p w:rsidR="00156FB3" w:rsidRDefault="00156FB3" w:rsidP="00156FB3">
            <w:r>
              <w:t xml:space="preserve">      }</w:t>
            </w:r>
          </w:p>
          <w:p w:rsidR="00156FB3" w:rsidRDefault="00156FB3" w:rsidP="00156FB3">
            <w:r>
              <w:t xml:space="preserve">      lodash.prototype[methodName] = function() {</w:t>
            </w:r>
          </w:p>
          <w:p w:rsidR="00156FB3" w:rsidRDefault="00156FB3" w:rsidP="00156FB3">
            <w:r>
              <w:t xml:space="preserve">        var value = this.__wrapped__,</w:t>
            </w:r>
          </w:p>
          <w:p w:rsidR="00156FB3" w:rsidRDefault="00156FB3" w:rsidP="00156FB3">
            <w:r>
              <w:t xml:space="preserve">            args = isTaker ? [1] : arguments,</w:t>
            </w:r>
          </w:p>
          <w:p w:rsidR="00156FB3" w:rsidRDefault="00156FB3" w:rsidP="00156FB3">
            <w:r>
              <w:t xml:space="preserve">            isLazy = value instanceof LazyWrapper,</w:t>
            </w:r>
          </w:p>
          <w:p w:rsidR="00156FB3" w:rsidRDefault="00156FB3" w:rsidP="00156FB3">
            <w:r>
              <w:t xml:space="preserve">            iteratee = args[0],</w:t>
            </w:r>
          </w:p>
          <w:p w:rsidR="00156FB3" w:rsidRDefault="00156FB3" w:rsidP="00156FB3">
            <w:r>
              <w:t xml:space="preserve">            useLazy = isLazy || isArray(value);</w:t>
            </w:r>
          </w:p>
          <w:p w:rsidR="00156FB3" w:rsidRDefault="00156FB3" w:rsidP="00156FB3"/>
          <w:p w:rsidR="00156FB3" w:rsidRDefault="00156FB3" w:rsidP="00156FB3">
            <w:r>
              <w:t xml:space="preserve">        var interceptor = function(value) {</w:t>
            </w:r>
          </w:p>
          <w:p w:rsidR="00156FB3" w:rsidRDefault="00156FB3" w:rsidP="00156FB3">
            <w:r>
              <w:t xml:space="preserve">          var result = lodashFunc.apply(lodash, arrayPush([value], args));</w:t>
            </w:r>
          </w:p>
          <w:p w:rsidR="00156FB3" w:rsidRDefault="00156FB3" w:rsidP="00156FB3">
            <w:r>
              <w:t xml:space="preserve">          return (isTaker &amp;&amp; chainAll) ? result[0] : result;</w:t>
            </w:r>
          </w:p>
          <w:p w:rsidR="00156FB3" w:rsidRDefault="00156FB3" w:rsidP="00156FB3">
            <w:r>
              <w:t xml:space="preserve">        };</w:t>
            </w:r>
          </w:p>
          <w:p w:rsidR="00156FB3" w:rsidRDefault="00156FB3" w:rsidP="00156FB3"/>
          <w:p w:rsidR="00156FB3" w:rsidRDefault="00156FB3" w:rsidP="00156FB3">
            <w:r>
              <w:t xml:space="preserve">        if (useLazy &amp;&amp; checkIteratee &amp;&amp; typeof iteratee == 'function' &amp;&amp; iteratee.length != 1) {</w:t>
            </w:r>
          </w:p>
          <w:p w:rsidR="00156FB3" w:rsidRDefault="00156FB3" w:rsidP="00156FB3">
            <w:r>
              <w:t xml:space="preserve">          // Avoid lazy use if the iteratee has a "length" value other than `1`.</w:t>
            </w:r>
          </w:p>
          <w:p w:rsidR="00156FB3" w:rsidRDefault="00156FB3" w:rsidP="00156FB3">
            <w:r>
              <w:t xml:space="preserve">          isLazy = useLazy = false;</w:t>
            </w:r>
          </w:p>
          <w:p w:rsidR="00156FB3" w:rsidRDefault="00156FB3" w:rsidP="00156FB3">
            <w:r>
              <w:t xml:space="preserve">        }</w:t>
            </w:r>
          </w:p>
          <w:p w:rsidR="00156FB3" w:rsidRDefault="00156FB3" w:rsidP="00156FB3">
            <w:r>
              <w:t xml:space="preserve">        var chainAll = this.__chain__,</w:t>
            </w:r>
          </w:p>
          <w:p w:rsidR="00156FB3" w:rsidRDefault="00156FB3" w:rsidP="00156FB3">
            <w:r>
              <w:t xml:space="preserve">            isHybrid = !!this.__actions__.length,</w:t>
            </w:r>
          </w:p>
          <w:p w:rsidR="00156FB3" w:rsidRDefault="00156FB3" w:rsidP="00156FB3">
            <w:r>
              <w:t xml:space="preserve">            isUnwrapped = retUnwrapped &amp;&amp; !chainAll,</w:t>
            </w:r>
          </w:p>
          <w:p w:rsidR="00156FB3" w:rsidRDefault="00156FB3" w:rsidP="00156FB3">
            <w:r>
              <w:t xml:space="preserve">            onlyLazy = isLazy &amp;&amp; !isHybrid;</w:t>
            </w:r>
          </w:p>
          <w:p w:rsidR="00156FB3" w:rsidRDefault="00156FB3" w:rsidP="00156FB3"/>
          <w:p w:rsidR="00156FB3" w:rsidRDefault="00156FB3" w:rsidP="00156FB3">
            <w:r>
              <w:t xml:space="preserve">        if (!retUnwrapped &amp;&amp; useLazy) {</w:t>
            </w:r>
          </w:p>
          <w:p w:rsidR="00156FB3" w:rsidRDefault="00156FB3" w:rsidP="00156FB3">
            <w:r>
              <w:t xml:space="preserve">          value = onlyLazy ? value : new LazyWrapper(this);</w:t>
            </w:r>
          </w:p>
          <w:p w:rsidR="00156FB3" w:rsidRDefault="00156FB3" w:rsidP="00156FB3">
            <w:r>
              <w:t xml:space="preserve">          var result = func.apply(value, args);</w:t>
            </w:r>
          </w:p>
          <w:p w:rsidR="00156FB3" w:rsidRDefault="00156FB3" w:rsidP="00156FB3">
            <w:r>
              <w:lastRenderedPageBreak/>
              <w:t xml:space="preserve">          result.__actions__.push({ 'func': thru, 'args': [interceptor], 'thisArg': undefined });</w:t>
            </w:r>
          </w:p>
          <w:p w:rsidR="00156FB3" w:rsidRDefault="00156FB3" w:rsidP="00156FB3">
            <w:r>
              <w:t xml:space="preserve">          return new LodashWrapper(result, chainAll);</w:t>
            </w:r>
          </w:p>
          <w:p w:rsidR="00156FB3" w:rsidRDefault="00156FB3" w:rsidP="00156FB3">
            <w:r>
              <w:t xml:space="preserve">        }</w:t>
            </w:r>
          </w:p>
          <w:p w:rsidR="00156FB3" w:rsidRDefault="00156FB3" w:rsidP="00156FB3">
            <w:r>
              <w:t xml:space="preserve">        if (isUnwrapped &amp;&amp; onlyLazy) {</w:t>
            </w:r>
          </w:p>
          <w:p w:rsidR="00156FB3" w:rsidRDefault="00156FB3" w:rsidP="00156FB3">
            <w:r>
              <w:t xml:space="preserve">          return func.apply(this, args);</w:t>
            </w:r>
          </w:p>
          <w:p w:rsidR="00156FB3" w:rsidRDefault="00156FB3" w:rsidP="00156FB3">
            <w:r>
              <w:t xml:space="preserve">        }</w:t>
            </w:r>
          </w:p>
          <w:p w:rsidR="00156FB3" w:rsidRDefault="00156FB3" w:rsidP="00156FB3">
            <w:r>
              <w:t xml:space="preserve">        result = this.thru(interceptor);</w:t>
            </w:r>
          </w:p>
          <w:p w:rsidR="00156FB3" w:rsidRDefault="00156FB3" w:rsidP="00156FB3">
            <w:r>
              <w:t xml:space="preserve">        return isUnwrapped ? (isTaker ? result.value()[0] : result.value()) : resul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Add `Array` methods to `lodash.prototype`.</w:t>
            </w:r>
          </w:p>
          <w:p w:rsidR="00156FB3" w:rsidRDefault="00156FB3" w:rsidP="00156FB3">
            <w:r>
              <w:t xml:space="preserve">    arrayEach(['pop', 'push', 'shift', 'sort', 'splice', 'unshift'], function(methodName) {</w:t>
            </w:r>
          </w:p>
          <w:p w:rsidR="00156FB3" w:rsidRDefault="00156FB3" w:rsidP="00156FB3">
            <w:r>
              <w:t xml:space="preserve">      var func = arrayProto[methodName],</w:t>
            </w:r>
          </w:p>
          <w:p w:rsidR="00156FB3" w:rsidRDefault="00156FB3" w:rsidP="00156FB3">
            <w:r>
              <w:t xml:space="preserve">          chainName = /^(?:push|sort|unshift)$/.test(methodName) ? 'tap' : 'thru',</w:t>
            </w:r>
          </w:p>
          <w:p w:rsidR="00156FB3" w:rsidRDefault="00156FB3" w:rsidP="00156FB3">
            <w:r>
              <w:t xml:space="preserve">          retUnwrapped = /^(?:pop|shift)$/.test(methodName);</w:t>
            </w:r>
          </w:p>
          <w:p w:rsidR="00156FB3" w:rsidRDefault="00156FB3" w:rsidP="00156FB3"/>
          <w:p w:rsidR="00156FB3" w:rsidRDefault="00156FB3" w:rsidP="00156FB3">
            <w:r>
              <w:t xml:space="preserve">      lodash.prototype[methodName] = function() {</w:t>
            </w:r>
          </w:p>
          <w:p w:rsidR="00156FB3" w:rsidRDefault="00156FB3" w:rsidP="00156FB3">
            <w:r>
              <w:t xml:space="preserve">        var args = arguments;</w:t>
            </w:r>
          </w:p>
          <w:p w:rsidR="00156FB3" w:rsidRDefault="00156FB3" w:rsidP="00156FB3">
            <w:r>
              <w:t xml:space="preserve">        if (retUnwrapped &amp;&amp; !this.__chain__) {</w:t>
            </w:r>
          </w:p>
          <w:p w:rsidR="00156FB3" w:rsidRDefault="00156FB3" w:rsidP="00156FB3">
            <w:r>
              <w:t xml:space="preserve">          var value = this.value();</w:t>
            </w:r>
          </w:p>
          <w:p w:rsidR="00156FB3" w:rsidRDefault="00156FB3" w:rsidP="00156FB3">
            <w:r>
              <w:t xml:space="preserve">          return func.apply(isArray(value) ? value : [], args);</w:t>
            </w:r>
          </w:p>
          <w:p w:rsidR="00156FB3" w:rsidRDefault="00156FB3" w:rsidP="00156FB3">
            <w:r>
              <w:t xml:space="preserve">        }</w:t>
            </w:r>
          </w:p>
          <w:p w:rsidR="00156FB3" w:rsidRDefault="00156FB3" w:rsidP="00156FB3">
            <w:r>
              <w:t xml:space="preserve">        return this[chainName](function(value) {</w:t>
            </w:r>
          </w:p>
          <w:p w:rsidR="00156FB3" w:rsidRDefault="00156FB3" w:rsidP="00156FB3">
            <w:r>
              <w:t xml:space="preserve">          return func.apply(isArray(value) ? value : [], args);</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Map minified method names to their real names.</w:t>
            </w:r>
          </w:p>
          <w:p w:rsidR="00156FB3" w:rsidRDefault="00156FB3" w:rsidP="00156FB3">
            <w:r>
              <w:t xml:space="preserve">    baseForOwn(LazyWrapper.prototype, function(func, methodName) {</w:t>
            </w:r>
          </w:p>
          <w:p w:rsidR="00156FB3" w:rsidRDefault="00156FB3" w:rsidP="00156FB3">
            <w:r>
              <w:t xml:space="preserve">      var lodashFunc = lodash[methodName];</w:t>
            </w:r>
          </w:p>
          <w:p w:rsidR="00156FB3" w:rsidRDefault="00156FB3" w:rsidP="00156FB3">
            <w:r>
              <w:t xml:space="preserve">      if (lodashFunc) {</w:t>
            </w:r>
          </w:p>
          <w:p w:rsidR="00156FB3" w:rsidRDefault="00156FB3" w:rsidP="00156FB3">
            <w:r>
              <w:t xml:space="preserve">        var key = lodashFunc.name + '';</w:t>
            </w:r>
          </w:p>
          <w:p w:rsidR="00156FB3" w:rsidRDefault="00156FB3" w:rsidP="00156FB3">
            <w:r>
              <w:t xml:space="preserve">        if (!hasOwnProperty.call(realNames, key)) {</w:t>
            </w:r>
          </w:p>
          <w:p w:rsidR="00156FB3" w:rsidRDefault="00156FB3" w:rsidP="00156FB3">
            <w:r>
              <w:t xml:space="preserve">          realNames[key] = [];</w:t>
            </w:r>
          </w:p>
          <w:p w:rsidR="00156FB3" w:rsidRDefault="00156FB3" w:rsidP="00156FB3">
            <w:r>
              <w:t xml:space="preserve">        }</w:t>
            </w:r>
          </w:p>
          <w:p w:rsidR="00156FB3" w:rsidRDefault="00156FB3" w:rsidP="00156FB3">
            <w:r>
              <w:t xml:space="preserve">        realNames[key].push({ 'name': methodName, 'func': lodashFunc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alNames[createHybrid(undefined, WRAP_BIND_KEY_FLAG).name] = [{</w:t>
            </w:r>
          </w:p>
          <w:p w:rsidR="00156FB3" w:rsidRDefault="00156FB3" w:rsidP="00156FB3">
            <w:r>
              <w:t xml:space="preserve">      'name': 'wrapper',</w:t>
            </w:r>
          </w:p>
          <w:p w:rsidR="00156FB3" w:rsidRDefault="00156FB3" w:rsidP="00156FB3">
            <w:r>
              <w:t xml:space="preserve">      'func': undefined</w:t>
            </w:r>
          </w:p>
          <w:p w:rsidR="00156FB3" w:rsidRDefault="00156FB3" w:rsidP="00156FB3">
            <w:r>
              <w:t xml:space="preserve">    }];</w:t>
            </w:r>
          </w:p>
          <w:p w:rsidR="00156FB3" w:rsidRDefault="00156FB3" w:rsidP="00156FB3"/>
          <w:p w:rsidR="00156FB3" w:rsidRDefault="00156FB3" w:rsidP="00156FB3">
            <w:r>
              <w:t xml:space="preserve">    // Add methods to `LazyWrapper`.</w:t>
            </w:r>
          </w:p>
          <w:p w:rsidR="00156FB3" w:rsidRDefault="00156FB3" w:rsidP="00156FB3">
            <w:r>
              <w:t xml:space="preserve">    LazyWrapper.prototype.clone = lazyClone;</w:t>
            </w:r>
          </w:p>
          <w:p w:rsidR="00156FB3" w:rsidRDefault="00156FB3" w:rsidP="00156FB3">
            <w:r>
              <w:lastRenderedPageBreak/>
              <w:t xml:space="preserve">    LazyWrapper.prototype.reverse = lazyReverse;</w:t>
            </w:r>
          </w:p>
          <w:p w:rsidR="00156FB3" w:rsidRDefault="00156FB3" w:rsidP="00156FB3">
            <w:r>
              <w:t xml:space="preserve">    LazyWrapper.prototype.value = lazyValue;</w:t>
            </w:r>
          </w:p>
          <w:p w:rsidR="00156FB3" w:rsidRDefault="00156FB3" w:rsidP="00156FB3"/>
          <w:p w:rsidR="00156FB3" w:rsidRDefault="00156FB3" w:rsidP="00156FB3">
            <w:r>
              <w:t xml:space="preserve">    // Add chain sequence methods to the `lodash` wrapper.</w:t>
            </w:r>
          </w:p>
          <w:p w:rsidR="00156FB3" w:rsidRDefault="00156FB3" w:rsidP="00156FB3">
            <w:r>
              <w:t xml:space="preserve">    lodash.prototype.at = wrapperAt;</w:t>
            </w:r>
          </w:p>
          <w:p w:rsidR="00156FB3" w:rsidRDefault="00156FB3" w:rsidP="00156FB3">
            <w:r>
              <w:t xml:space="preserve">    lodash.prototype.chain = wrapperChain;</w:t>
            </w:r>
          </w:p>
          <w:p w:rsidR="00156FB3" w:rsidRDefault="00156FB3" w:rsidP="00156FB3">
            <w:r>
              <w:t xml:space="preserve">    lodash.prototype.commit = wrapperCommit;</w:t>
            </w:r>
          </w:p>
          <w:p w:rsidR="00156FB3" w:rsidRDefault="00156FB3" w:rsidP="00156FB3">
            <w:r>
              <w:t xml:space="preserve">    lodash.prototype.next = wrapperNext;</w:t>
            </w:r>
          </w:p>
          <w:p w:rsidR="00156FB3" w:rsidRDefault="00156FB3" w:rsidP="00156FB3">
            <w:r>
              <w:t xml:space="preserve">    lodash.prototype.plant = wrapperPlant;</w:t>
            </w:r>
          </w:p>
          <w:p w:rsidR="00156FB3" w:rsidRDefault="00156FB3" w:rsidP="00156FB3">
            <w:r>
              <w:t xml:space="preserve">    lodash.prototype.reverse = wrapperReverse;</w:t>
            </w:r>
          </w:p>
          <w:p w:rsidR="00156FB3" w:rsidRDefault="00156FB3" w:rsidP="00156FB3">
            <w:r>
              <w:t xml:space="preserve">    lodash.prototype.toJSON = lodash.prototype.valueOf = lodash.prototype.value = wrapperValue;</w:t>
            </w:r>
          </w:p>
          <w:p w:rsidR="00156FB3" w:rsidRDefault="00156FB3" w:rsidP="00156FB3"/>
          <w:p w:rsidR="00156FB3" w:rsidRDefault="00156FB3" w:rsidP="00156FB3">
            <w:r>
              <w:t xml:space="preserve">    // Add lazy aliases.</w:t>
            </w:r>
          </w:p>
          <w:p w:rsidR="00156FB3" w:rsidRDefault="00156FB3" w:rsidP="00156FB3">
            <w:r>
              <w:t xml:space="preserve">    lodash.prototype.first = lodash.prototype.head;</w:t>
            </w:r>
          </w:p>
          <w:p w:rsidR="00156FB3" w:rsidRDefault="00156FB3" w:rsidP="00156FB3"/>
          <w:p w:rsidR="00156FB3" w:rsidRDefault="00156FB3" w:rsidP="00156FB3">
            <w:r>
              <w:t xml:space="preserve">    if (symIterator) {</w:t>
            </w:r>
          </w:p>
          <w:p w:rsidR="00156FB3" w:rsidRDefault="00156FB3" w:rsidP="00156FB3">
            <w:r>
              <w:t xml:space="preserve">      lodash.prototype[symIterator] = wrapperToIterator;</w:t>
            </w:r>
          </w:p>
          <w:p w:rsidR="00156FB3" w:rsidRDefault="00156FB3" w:rsidP="00156FB3">
            <w:r>
              <w:t xml:space="preserve">    }</w:t>
            </w:r>
          </w:p>
          <w:p w:rsidR="00156FB3" w:rsidRDefault="00156FB3" w:rsidP="00156FB3">
            <w:r>
              <w:t xml:space="preserve">    return lodash;</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 Export lodash.</w:t>
            </w:r>
          </w:p>
          <w:p w:rsidR="00156FB3" w:rsidRDefault="00156FB3" w:rsidP="00156FB3">
            <w:r>
              <w:t xml:space="preserve">  var _ = runInContext();</w:t>
            </w:r>
          </w:p>
          <w:p w:rsidR="00156FB3" w:rsidRDefault="00156FB3" w:rsidP="00156FB3"/>
          <w:p w:rsidR="00156FB3" w:rsidRDefault="00156FB3" w:rsidP="00156FB3">
            <w:r>
              <w:t xml:space="preserve">  // Some AMD build optimizers, like r.js, check for condition patterns like:</w:t>
            </w:r>
          </w:p>
          <w:p w:rsidR="00156FB3" w:rsidRDefault="00156FB3" w:rsidP="00156FB3">
            <w:r>
              <w:t xml:space="preserve">  if (true) {</w:t>
            </w:r>
          </w:p>
          <w:p w:rsidR="00156FB3" w:rsidRDefault="00156FB3" w:rsidP="00156FB3">
            <w:r>
              <w:t xml:space="preserve">    // Expose Lodash on the global object to prevent errors when Lodash is</w:t>
            </w:r>
          </w:p>
          <w:p w:rsidR="00156FB3" w:rsidRDefault="00156FB3" w:rsidP="00156FB3">
            <w:r>
              <w:t xml:space="preserve">    // loaded by a script tag in the presence of an AMD loader.</w:t>
            </w:r>
          </w:p>
          <w:p w:rsidR="00156FB3" w:rsidRDefault="00156FB3" w:rsidP="00156FB3">
            <w:r>
              <w:t xml:space="preserve">    // See http://requirejs.org/docs/errors.html#mismatch for more details.</w:t>
            </w:r>
          </w:p>
          <w:p w:rsidR="00156FB3" w:rsidRDefault="00156FB3" w:rsidP="00156FB3">
            <w:r>
              <w:t xml:space="preserve">    // Use `_.noConflict` to remove Lodash from the global object.</w:t>
            </w:r>
          </w:p>
          <w:p w:rsidR="00156FB3" w:rsidRDefault="00156FB3" w:rsidP="00156FB3">
            <w:r>
              <w:t xml:space="preserve">    root._ = _;</w:t>
            </w:r>
          </w:p>
          <w:p w:rsidR="00156FB3" w:rsidRDefault="00156FB3" w:rsidP="00156FB3"/>
          <w:p w:rsidR="00156FB3" w:rsidRDefault="00156FB3" w:rsidP="00156FB3">
            <w:r>
              <w:t xml:space="preserve">    // Define as an anonymous module so, through path mapping, it can be</w:t>
            </w:r>
          </w:p>
          <w:p w:rsidR="00156FB3" w:rsidRDefault="00156FB3" w:rsidP="00156FB3">
            <w:r>
              <w:t xml:space="preserve">    // referenced as the "underscore" module.</w:t>
            </w:r>
          </w:p>
          <w:p w:rsidR="00156FB3" w:rsidRDefault="00156FB3" w:rsidP="00156FB3">
            <w:r>
              <w:t xml:space="preserve">    !(__WEBPACK_AMD_DEFINE_RESULT__ = (function() {</w:t>
            </w:r>
          </w:p>
          <w:p w:rsidR="00156FB3" w:rsidRDefault="00156FB3" w:rsidP="00156FB3">
            <w:r>
              <w:t xml:space="preserve">      return _;</w:t>
            </w:r>
          </w:p>
          <w:p w:rsidR="00156FB3" w:rsidRDefault="00156FB3" w:rsidP="00156FB3">
            <w:r>
              <w:t xml:space="preserve">    }).call(exports, __webpack_require__, exports, module),</w:t>
            </w:r>
          </w:p>
          <w:p w:rsidR="00156FB3" w:rsidRDefault="00156FB3" w:rsidP="00156FB3">
            <w:r>
              <w:tab/>
            </w:r>
            <w:r>
              <w:tab/>
            </w:r>
            <w:r>
              <w:tab/>
            </w:r>
            <w:r>
              <w:tab/>
              <w:t>__WEBPACK_AMD_DEFINE_RESULT__ !== undefined &amp;&amp; (module.exports = __WEBPACK_AMD_DEFINE_RESULT__));</w:t>
            </w:r>
          </w:p>
          <w:p w:rsidR="00156FB3" w:rsidRDefault="00156FB3" w:rsidP="00156FB3">
            <w:r>
              <w:t xml:space="preserve">  }</w:t>
            </w:r>
          </w:p>
          <w:p w:rsidR="00156FB3" w:rsidRDefault="00156FB3" w:rsidP="00156FB3">
            <w:r>
              <w:t xml:space="preserve">  // Check for `exports` after `define` in case a build optimizer adds it.</w:t>
            </w:r>
          </w:p>
          <w:p w:rsidR="00156FB3" w:rsidRDefault="00156FB3" w:rsidP="00156FB3">
            <w:r>
              <w:t xml:space="preserve">  else {}</w:t>
            </w:r>
          </w:p>
          <w:p w:rsidR="00156FB3" w:rsidRDefault="00156FB3" w:rsidP="00156FB3">
            <w:r>
              <w:t>}.call(this));</w:t>
            </w:r>
          </w:p>
          <w:p w:rsidR="00156FB3" w:rsidRDefault="00156FB3" w:rsidP="00156FB3"/>
          <w:p w:rsidR="00156FB3" w:rsidRDefault="00156FB3" w:rsidP="00156FB3">
            <w:r>
              <w:t xml:space="preserve">/* WEBPACK VAR INJECTION */}.call(this, __webpack_require__(/*! ./../webpack/buildin/global.js */ "./node_modules/webpack/buildin/global.js"), __webpack_require__(/*! </w:t>
            </w:r>
            <w:r>
              <w:lastRenderedPageBreak/>
              <w:t>./../webpack/buildin/module.js */ "./node_modules/webpack/buildin/module.js")(module)))</w:t>
            </w:r>
          </w:p>
          <w:p w:rsidR="00156FB3" w:rsidRDefault="00156FB3" w:rsidP="00156FB3"/>
          <w:p w:rsidR="00156FB3" w:rsidRDefault="00156FB3" w:rsidP="00156FB3">
            <w:r>
              <w:t>/***/ }),</w:t>
            </w:r>
          </w:p>
          <w:p w:rsidR="00156FB3" w:rsidRDefault="00156FB3" w:rsidP="00156FB3"/>
          <w:p w:rsidR="00156FB3" w:rsidRDefault="00156FB3" w:rsidP="00156FB3">
            <w:r>
              <w:t>/***/ "./node_modules/webpack/buildin/global.js":</w:t>
            </w:r>
          </w:p>
          <w:p w:rsidR="00156FB3" w:rsidRDefault="00156FB3" w:rsidP="00156FB3">
            <w:r>
              <w:t>/*!***********************************!*\</w:t>
            </w:r>
          </w:p>
          <w:p w:rsidR="00156FB3" w:rsidRDefault="00156FB3" w:rsidP="00156FB3">
            <w:r>
              <w:t xml:space="preserve">  !*** (webpack)/buildin/global.js ***!</w:t>
            </w:r>
          </w:p>
          <w:p w:rsidR="00156FB3" w:rsidRDefault="00156FB3" w:rsidP="00156FB3">
            <w:r>
              <w:t xml:space="preserve">  \***********************************/</w:t>
            </w:r>
          </w:p>
          <w:p w:rsidR="00156FB3" w:rsidRDefault="00156FB3" w:rsidP="00156FB3">
            <w:r>
              <w:t>/*! no static exports found */</w:t>
            </w:r>
          </w:p>
          <w:p w:rsidR="00156FB3" w:rsidRDefault="00156FB3" w:rsidP="00156FB3">
            <w:r>
              <w:t>/***/ (function(module, exports) {</w:t>
            </w:r>
          </w:p>
          <w:p w:rsidR="00156FB3" w:rsidRDefault="00156FB3" w:rsidP="00156FB3"/>
          <w:p w:rsidR="00156FB3" w:rsidRDefault="00156FB3" w:rsidP="00156FB3">
            <w:r>
              <w:t>var g;</w:t>
            </w:r>
          </w:p>
          <w:p w:rsidR="00156FB3" w:rsidRDefault="00156FB3" w:rsidP="00156FB3"/>
          <w:p w:rsidR="00156FB3" w:rsidRDefault="00156FB3" w:rsidP="00156FB3">
            <w:r>
              <w:t>// This works in non-strict mode</w:t>
            </w:r>
          </w:p>
          <w:p w:rsidR="00156FB3" w:rsidRDefault="00156FB3" w:rsidP="00156FB3">
            <w:r>
              <w:t>g = (function() {</w:t>
            </w:r>
          </w:p>
          <w:p w:rsidR="00156FB3" w:rsidRDefault="00156FB3" w:rsidP="00156FB3">
            <w:r>
              <w:tab/>
              <w:t>return this;</w:t>
            </w:r>
          </w:p>
          <w:p w:rsidR="00156FB3" w:rsidRDefault="00156FB3" w:rsidP="00156FB3">
            <w:r>
              <w:t>})();</w:t>
            </w:r>
          </w:p>
          <w:p w:rsidR="00156FB3" w:rsidRDefault="00156FB3" w:rsidP="00156FB3"/>
          <w:p w:rsidR="00156FB3" w:rsidRDefault="00156FB3" w:rsidP="00156FB3">
            <w:r>
              <w:t>try {</w:t>
            </w:r>
          </w:p>
          <w:p w:rsidR="00156FB3" w:rsidRDefault="00156FB3" w:rsidP="00156FB3">
            <w:r>
              <w:tab/>
              <w:t>// This works if eval is allowed (see CSP)</w:t>
            </w:r>
          </w:p>
          <w:p w:rsidR="00156FB3" w:rsidRDefault="00156FB3" w:rsidP="00156FB3">
            <w:r>
              <w:tab/>
              <w:t>g = g || new Function("return this")();</w:t>
            </w:r>
          </w:p>
          <w:p w:rsidR="00156FB3" w:rsidRDefault="00156FB3" w:rsidP="00156FB3">
            <w:r>
              <w:t>} catch (e) {</w:t>
            </w:r>
          </w:p>
          <w:p w:rsidR="00156FB3" w:rsidRDefault="00156FB3" w:rsidP="00156FB3">
            <w:r>
              <w:tab/>
              <w:t>// This works if the window reference is available</w:t>
            </w:r>
          </w:p>
          <w:p w:rsidR="00156FB3" w:rsidRDefault="00156FB3" w:rsidP="00156FB3">
            <w:r>
              <w:tab/>
              <w:t>if (typeof window === "object") g = window;</w:t>
            </w:r>
          </w:p>
          <w:p w:rsidR="00156FB3" w:rsidRDefault="00156FB3" w:rsidP="00156FB3">
            <w:r>
              <w:t>}</w:t>
            </w:r>
          </w:p>
          <w:p w:rsidR="00156FB3" w:rsidRDefault="00156FB3" w:rsidP="00156FB3"/>
          <w:p w:rsidR="00156FB3" w:rsidRDefault="00156FB3" w:rsidP="00156FB3">
            <w:r>
              <w:t>// g can still be undefined, but nothing to do about it...</w:t>
            </w:r>
          </w:p>
          <w:p w:rsidR="00156FB3" w:rsidRDefault="00156FB3" w:rsidP="00156FB3">
            <w:r>
              <w:t>// We return undefined, instead of nothing here, so it's</w:t>
            </w:r>
          </w:p>
          <w:p w:rsidR="00156FB3" w:rsidRDefault="00156FB3" w:rsidP="00156FB3">
            <w:r>
              <w:t>// easier to handle this case. if(!global) { ...}</w:t>
            </w:r>
          </w:p>
          <w:p w:rsidR="00156FB3" w:rsidRDefault="00156FB3" w:rsidP="00156FB3"/>
          <w:p w:rsidR="00156FB3" w:rsidRDefault="00156FB3" w:rsidP="00156FB3">
            <w:r>
              <w:t>module.exports = g;</w:t>
            </w:r>
          </w:p>
          <w:p w:rsidR="00156FB3" w:rsidRDefault="00156FB3" w:rsidP="00156FB3"/>
          <w:p w:rsidR="00156FB3" w:rsidRDefault="00156FB3" w:rsidP="00156FB3"/>
          <w:p w:rsidR="00156FB3" w:rsidRDefault="00156FB3" w:rsidP="00156FB3">
            <w:r>
              <w:t>/***/ }),</w:t>
            </w:r>
          </w:p>
          <w:p w:rsidR="00156FB3" w:rsidRDefault="00156FB3" w:rsidP="00156FB3"/>
          <w:p w:rsidR="00156FB3" w:rsidRDefault="00156FB3" w:rsidP="00156FB3">
            <w:r>
              <w:t>/***/ "./node_modules/webpack/buildin/module.js":</w:t>
            </w:r>
          </w:p>
          <w:p w:rsidR="00156FB3" w:rsidRDefault="00156FB3" w:rsidP="00156FB3">
            <w:r>
              <w:t>/*!***********************************!*\</w:t>
            </w:r>
          </w:p>
          <w:p w:rsidR="00156FB3" w:rsidRDefault="00156FB3" w:rsidP="00156FB3">
            <w:r>
              <w:t xml:space="preserve">  !*** (webpack)/buildin/module.js ***!</w:t>
            </w:r>
          </w:p>
          <w:p w:rsidR="00156FB3" w:rsidRDefault="00156FB3" w:rsidP="00156FB3">
            <w:r>
              <w:t xml:space="preserve">  \***********************************/</w:t>
            </w:r>
          </w:p>
          <w:p w:rsidR="00156FB3" w:rsidRDefault="00156FB3" w:rsidP="00156FB3">
            <w:r>
              <w:t>/*! no static exports found */</w:t>
            </w:r>
          </w:p>
          <w:p w:rsidR="00156FB3" w:rsidRDefault="00156FB3" w:rsidP="00156FB3">
            <w:r>
              <w:t>/***/ (function(module, exports) {</w:t>
            </w:r>
          </w:p>
          <w:p w:rsidR="00156FB3" w:rsidRDefault="00156FB3" w:rsidP="00156FB3"/>
          <w:p w:rsidR="00156FB3" w:rsidRDefault="00156FB3" w:rsidP="00156FB3">
            <w:r>
              <w:t>module.exports = function(module) {</w:t>
            </w:r>
          </w:p>
          <w:p w:rsidR="00156FB3" w:rsidRDefault="00156FB3" w:rsidP="00156FB3">
            <w:r>
              <w:tab/>
              <w:t>if (!module.webpackPolyfill) {</w:t>
            </w:r>
          </w:p>
          <w:p w:rsidR="00156FB3" w:rsidRDefault="00156FB3" w:rsidP="00156FB3">
            <w:r>
              <w:tab/>
            </w:r>
            <w:r>
              <w:tab/>
              <w:t>module.deprecate = function() {};</w:t>
            </w:r>
          </w:p>
          <w:p w:rsidR="00156FB3" w:rsidRDefault="00156FB3" w:rsidP="00156FB3">
            <w:r>
              <w:tab/>
            </w:r>
            <w:r>
              <w:tab/>
              <w:t>module.paths = [];</w:t>
            </w:r>
          </w:p>
          <w:p w:rsidR="00156FB3" w:rsidRDefault="00156FB3" w:rsidP="00156FB3">
            <w:r>
              <w:tab/>
            </w:r>
            <w:r>
              <w:tab/>
              <w:t>// module.parent = undefined by default</w:t>
            </w:r>
          </w:p>
          <w:p w:rsidR="00156FB3" w:rsidRDefault="00156FB3" w:rsidP="00156FB3">
            <w:r>
              <w:tab/>
            </w:r>
            <w:r>
              <w:tab/>
              <w:t>if (!module.children) module.children = [];</w:t>
            </w:r>
          </w:p>
          <w:p w:rsidR="00156FB3" w:rsidRDefault="00156FB3" w:rsidP="00156FB3">
            <w:r>
              <w:lastRenderedPageBreak/>
              <w:tab/>
            </w:r>
            <w:r>
              <w:tab/>
              <w:t>Object.defineProperty(module, "loaded", {</w:t>
            </w:r>
          </w:p>
          <w:p w:rsidR="00156FB3" w:rsidRDefault="00156FB3" w:rsidP="00156FB3">
            <w:r>
              <w:tab/>
            </w:r>
            <w:r>
              <w:tab/>
            </w:r>
            <w:r>
              <w:tab/>
              <w:t>enumerable: true,</w:t>
            </w:r>
          </w:p>
          <w:p w:rsidR="00156FB3" w:rsidRDefault="00156FB3" w:rsidP="00156FB3">
            <w:r>
              <w:tab/>
            </w:r>
            <w:r>
              <w:tab/>
            </w:r>
            <w:r>
              <w:tab/>
              <w:t>get: function() {</w:t>
            </w:r>
          </w:p>
          <w:p w:rsidR="00156FB3" w:rsidRDefault="00156FB3" w:rsidP="00156FB3">
            <w:r>
              <w:tab/>
            </w:r>
            <w:r>
              <w:tab/>
            </w:r>
            <w:r>
              <w:tab/>
            </w:r>
            <w:r>
              <w:tab/>
              <w:t>return module.l;</w:t>
            </w:r>
          </w:p>
          <w:p w:rsidR="00156FB3" w:rsidRDefault="00156FB3" w:rsidP="00156FB3">
            <w:r>
              <w:tab/>
            </w:r>
            <w:r>
              <w:tab/>
            </w:r>
            <w:r>
              <w:tab/>
              <w:t>}</w:t>
            </w:r>
          </w:p>
          <w:p w:rsidR="00156FB3" w:rsidRDefault="00156FB3" w:rsidP="00156FB3">
            <w:r>
              <w:tab/>
            </w:r>
            <w:r>
              <w:tab/>
              <w:t>});</w:t>
            </w:r>
          </w:p>
          <w:p w:rsidR="00156FB3" w:rsidRDefault="00156FB3" w:rsidP="00156FB3">
            <w:r>
              <w:tab/>
            </w:r>
            <w:r>
              <w:tab/>
              <w:t>Object.defineProperty(module, "id", {</w:t>
            </w:r>
          </w:p>
          <w:p w:rsidR="00156FB3" w:rsidRDefault="00156FB3" w:rsidP="00156FB3">
            <w:r>
              <w:tab/>
            </w:r>
            <w:r>
              <w:tab/>
            </w:r>
            <w:r>
              <w:tab/>
              <w:t>enumerable: true,</w:t>
            </w:r>
          </w:p>
          <w:p w:rsidR="00156FB3" w:rsidRDefault="00156FB3" w:rsidP="00156FB3">
            <w:r>
              <w:tab/>
            </w:r>
            <w:r>
              <w:tab/>
            </w:r>
            <w:r>
              <w:tab/>
              <w:t>get: function() {</w:t>
            </w:r>
          </w:p>
          <w:p w:rsidR="00156FB3" w:rsidRDefault="00156FB3" w:rsidP="00156FB3">
            <w:r>
              <w:tab/>
            </w:r>
            <w:r>
              <w:tab/>
            </w:r>
            <w:r>
              <w:tab/>
            </w:r>
            <w:r>
              <w:tab/>
              <w:t>return module.i;</w:t>
            </w:r>
          </w:p>
          <w:p w:rsidR="00156FB3" w:rsidRDefault="00156FB3" w:rsidP="00156FB3">
            <w:r>
              <w:tab/>
            </w:r>
            <w:r>
              <w:tab/>
            </w:r>
            <w:r>
              <w:tab/>
              <w:t>}</w:t>
            </w:r>
          </w:p>
          <w:p w:rsidR="00156FB3" w:rsidRDefault="00156FB3" w:rsidP="00156FB3">
            <w:r>
              <w:tab/>
            </w:r>
            <w:r>
              <w:tab/>
              <w:t>});</w:t>
            </w:r>
          </w:p>
          <w:p w:rsidR="00156FB3" w:rsidRDefault="00156FB3" w:rsidP="00156FB3">
            <w:r>
              <w:tab/>
            </w:r>
            <w:r>
              <w:tab/>
              <w:t>module.webpackPolyfill = 1;</w:t>
            </w:r>
          </w:p>
          <w:p w:rsidR="00156FB3" w:rsidRDefault="00156FB3" w:rsidP="00156FB3">
            <w:r>
              <w:tab/>
              <w:t>}</w:t>
            </w:r>
          </w:p>
          <w:p w:rsidR="00156FB3" w:rsidRDefault="00156FB3" w:rsidP="00156FB3">
            <w:r>
              <w:tab/>
              <w:t>return module;</w:t>
            </w:r>
          </w:p>
          <w:p w:rsidR="00156FB3" w:rsidRDefault="00156FB3" w:rsidP="00156FB3">
            <w:r>
              <w:t>};</w:t>
            </w:r>
          </w:p>
          <w:p w:rsidR="00156FB3" w:rsidRDefault="00156FB3" w:rsidP="00156FB3"/>
          <w:p w:rsidR="00156FB3" w:rsidRDefault="00156FB3" w:rsidP="00156FB3"/>
          <w:p w:rsidR="00156FB3" w:rsidRDefault="00156FB3" w:rsidP="00156FB3">
            <w:r>
              <w:t>/***/ }),</w:t>
            </w:r>
          </w:p>
          <w:p w:rsidR="00156FB3" w:rsidRDefault="00156FB3" w:rsidP="00156FB3"/>
          <w:p w:rsidR="00156FB3" w:rsidRDefault="00156FB3" w:rsidP="00156FB3">
            <w:r>
              <w:t>/***/ "./resources/js/app.js":</w:t>
            </w:r>
          </w:p>
          <w:p w:rsidR="00156FB3" w:rsidRDefault="00156FB3" w:rsidP="00156FB3">
            <w:r>
              <w:t>/*!*****************************!*\</w:t>
            </w:r>
          </w:p>
          <w:p w:rsidR="00156FB3" w:rsidRDefault="00156FB3" w:rsidP="00156FB3">
            <w:r>
              <w:t xml:space="preserve">  !*** ./resources/js/app.js ***!</w:t>
            </w:r>
          </w:p>
          <w:p w:rsidR="00156FB3" w:rsidRDefault="00156FB3" w:rsidP="00156FB3">
            <w:r>
              <w:t xml:space="preserve">  \*****************************/</w:t>
            </w:r>
          </w:p>
          <w:p w:rsidR="00156FB3" w:rsidRDefault="00156FB3" w:rsidP="00156FB3">
            <w:r>
              <w:t>/*! no static exports found */</w:t>
            </w:r>
          </w:p>
          <w:p w:rsidR="00156FB3" w:rsidRDefault="00156FB3" w:rsidP="00156FB3">
            <w:r>
              <w:t>/***/ (function(module, exports, __webpack_require__) {</w:t>
            </w:r>
          </w:p>
          <w:p w:rsidR="00156FB3" w:rsidRDefault="00156FB3" w:rsidP="00156FB3"/>
          <w:p w:rsidR="00156FB3" w:rsidRDefault="00156FB3" w:rsidP="00156FB3">
            <w:r>
              <w:t>window._ = __webpack_require__(/*! lodash */ "./node_modules/lodash/lodash.js");</w:t>
            </w:r>
          </w:p>
          <w:p w:rsidR="00156FB3" w:rsidRDefault="00156FB3" w:rsidP="00156FB3"/>
          <w:p w:rsidR="00156FB3" w:rsidRDefault="00156FB3" w:rsidP="00156FB3">
            <w:r>
              <w:t>window.getCookie = function (name) {</w:t>
            </w:r>
          </w:p>
          <w:p w:rsidR="00156FB3" w:rsidRDefault="00156FB3" w:rsidP="00156FB3">
            <w:r>
              <w:t xml:space="preserve">  var v = document.cookie.match("(^|;) ?" + name + "=([^;]*)(;|$)");</w:t>
            </w:r>
          </w:p>
          <w:p w:rsidR="00156FB3" w:rsidRDefault="00156FB3" w:rsidP="00156FB3">
            <w:r>
              <w:t xml:space="preserve">  return v ? v[2] : null;</w:t>
            </w:r>
          </w:p>
          <w:p w:rsidR="00156FB3" w:rsidRDefault="00156FB3" w:rsidP="00156FB3">
            <w:r>
              <w:t>};</w:t>
            </w:r>
          </w:p>
          <w:p w:rsidR="00156FB3" w:rsidRDefault="00156FB3" w:rsidP="00156FB3"/>
          <w:p w:rsidR="00156FB3" w:rsidRDefault="00156FB3" w:rsidP="00156FB3">
            <w:r>
              <w:t>window.setCookie = function (name, value, days) {</w:t>
            </w:r>
          </w:p>
          <w:p w:rsidR="00156FB3" w:rsidRDefault="00156FB3" w:rsidP="00156FB3">
            <w:r>
              <w:t xml:space="preserve">  var d = new Date();</w:t>
            </w:r>
          </w:p>
          <w:p w:rsidR="00156FB3" w:rsidRDefault="00156FB3" w:rsidP="00156FB3">
            <w:r>
              <w:t xml:space="preserve">  d.setTime(d.getTime() + days * 86400000);</w:t>
            </w:r>
          </w:p>
          <w:p w:rsidR="00156FB3" w:rsidRDefault="00156FB3" w:rsidP="00156FB3">
            <w:r>
              <w:t xml:space="preserve">  document.cookie = name + "=" + value + ";path=/;expires=" + d.toGMTString();</w:t>
            </w:r>
          </w:p>
          <w:p w:rsidR="00156FB3" w:rsidRDefault="00156FB3" w:rsidP="00156FB3">
            <w:r>
              <w:t>};</w:t>
            </w:r>
          </w:p>
          <w:p w:rsidR="00156FB3" w:rsidRDefault="00156FB3" w:rsidP="00156FB3"/>
          <w:p w:rsidR="00156FB3" w:rsidRDefault="00156FB3" w:rsidP="00156FB3">
            <w:r>
              <w:t>window.deleteCookie = function (name) {</w:t>
            </w:r>
          </w:p>
          <w:p w:rsidR="00156FB3" w:rsidRDefault="00156FB3" w:rsidP="00156FB3">
            <w:r>
              <w:t xml:space="preserve">  setCookie(name, "", -1);</w:t>
            </w:r>
          </w:p>
          <w:p w:rsidR="00156FB3" w:rsidRDefault="00156FB3" w:rsidP="00156FB3">
            <w:r>
              <w:t>};</w:t>
            </w:r>
          </w:p>
          <w:p w:rsidR="00156FB3" w:rsidRDefault="00156FB3" w:rsidP="00156FB3"/>
          <w:p w:rsidR="00156FB3" w:rsidRDefault="00156FB3" w:rsidP="00156FB3">
            <w:r>
              <w:t>/***/ }),</w:t>
            </w:r>
          </w:p>
          <w:p w:rsidR="00156FB3" w:rsidRDefault="00156FB3" w:rsidP="00156FB3"/>
          <w:p w:rsidR="00156FB3" w:rsidRDefault="00156FB3" w:rsidP="00156FB3">
            <w:r>
              <w:t>/***/ "./resources/sass/app.scss":</w:t>
            </w:r>
          </w:p>
          <w:p w:rsidR="00156FB3" w:rsidRDefault="00156FB3" w:rsidP="00156FB3">
            <w:r>
              <w:t>/*!*********************************!*\</w:t>
            </w:r>
          </w:p>
          <w:p w:rsidR="00156FB3" w:rsidRDefault="00156FB3" w:rsidP="00156FB3">
            <w:r>
              <w:lastRenderedPageBreak/>
              <w:t xml:space="preserve">  !*** ./resources/sass/app.scss ***!</w:t>
            </w:r>
          </w:p>
          <w:p w:rsidR="00156FB3" w:rsidRDefault="00156FB3" w:rsidP="00156FB3">
            <w:r>
              <w:t xml:space="preserve">  \*********************************/</w:t>
            </w:r>
          </w:p>
          <w:p w:rsidR="00156FB3" w:rsidRDefault="00156FB3" w:rsidP="00156FB3">
            <w:r>
              <w:t>/*! no static exports found */</w:t>
            </w:r>
          </w:p>
          <w:p w:rsidR="00156FB3" w:rsidRDefault="00156FB3" w:rsidP="00156FB3">
            <w:r>
              <w:t>/***/ (function(module, exports) {</w:t>
            </w:r>
          </w:p>
          <w:p w:rsidR="00156FB3" w:rsidRDefault="00156FB3" w:rsidP="00156FB3"/>
          <w:p w:rsidR="00156FB3" w:rsidRDefault="00156FB3" w:rsidP="00156FB3">
            <w:r>
              <w:t>// removed by extract-text-webpack-plugin</w:t>
            </w:r>
          </w:p>
          <w:p w:rsidR="00156FB3" w:rsidRDefault="00156FB3" w:rsidP="00156FB3"/>
          <w:p w:rsidR="00156FB3" w:rsidRDefault="00156FB3" w:rsidP="00156FB3">
            <w:r>
              <w:t>/***/ }),</w:t>
            </w:r>
          </w:p>
          <w:p w:rsidR="00156FB3" w:rsidRDefault="00156FB3" w:rsidP="00156FB3"/>
          <w:p w:rsidR="00156FB3" w:rsidRDefault="00156FB3" w:rsidP="00156FB3">
            <w:r>
              <w:t>/***/ "./resources/sites/common/sass/app.scss":</w:t>
            </w:r>
          </w:p>
          <w:p w:rsidR="00156FB3" w:rsidRDefault="00156FB3" w:rsidP="00156FB3">
            <w:r>
              <w:t>/*!**********************************************!*\</w:t>
            </w:r>
          </w:p>
          <w:p w:rsidR="00156FB3" w:rsidRDefault="00156FB3" w:rsidP="00156FB3">
            <w:r>
              <w:t xml:space="preserve">  !*** ./resources/sites/common/sass/app.scss ***!</w:t>
            </w:r>
          </w:p>
          <w:p w:rsidR="00156FB3" w:rsidRDefault="00156FB3" w:rsidP="00156FB3">
            <w:r>
              <w:t xml:space="preserve">  \**********************************************/</w:t>
            </w:r>
          </w:p>
          <w:p w:rsidR="00156FB3" w:rsidRDefault="00156FB3" w:rsidP="00156FB3">
            <w:r>
              <w:t>/*! no static exports found */</w:t>
            </w:r>
          </w:p>
          <w:p w:rsidR="00156FB3" w:rsidRDefault="00156FB3" w:rsidP="00156FB3">
            <w:r>
              <w:t>/***/ (function(module, exports) {</w:t>
            </w:r>
          </w:p>
          <w:p w:rsidR="00156FB3" w:rsidRDefault="00156FB3" w:rsidP="00156FB3"/>
          <w:p w:rsidR="00156FB3" w:rsidRDefault="00156FB3" w:rsidP="00156FB3">
            <w:r>
              <w:t>// removed by extract-text-webpack-plugin</w:t>
            </w:r>
          </w:p>
          <w:p w:rsidR="00156FB3" w:rsidRDefault="00156FB3" w:rsidP="00156FB3"/>
          <w:p w:rsidR="00156FB3" w:rsidRDefault="00156FB3" w:rsidP="00156FB3">
            <w:r>
              <w:t>/***/ }),</w:t>
            </w:r>
          </w:p>
          <w:p w:rsidR="00156FB3" w:rsidRDefault="00156FB3" w:rsidP="00156FB3"/>
          <w:p w:rsidR="00156FB3" w:rsidRDefault="00156FB3" w:rsidP="00156FB3">
            <w:r>
              <w:t>/***/ "./resources/sites/eiflc/sass/app.scss":</w:t>
            </w:r>
          </w:p>
          <w:p w:rsidR="00156FB3" w:rsidRDefault="00156FB3" w:rsidP="00156FB3">
            <w:r>
              <w:t>/*!*********************************************!*\</w:t>
            </w:r>
          </w:p>
          <w:p w:rsidR="00156FB3" w:rsidRDefault="00156FB3" w:rsidP="00156FB3">
            <w:r>
              <w:t xml:space="preserve">  !*** ./resources/sites/eiflc/sass/app.scss ***!</w:t>
            </w:r>
          </w:p>
          <w:p w:rsidR="00156FB3" w:rsidRDefault="00156FB3" w:rsidP="00156FB3">
            <w:r>
              <w:t xml:space="preserve">  \*********************************************/</w:t>
            </w:r>
          </w:p>
          <w:p w:rsidR="00156FB3" w:rsidRDefault="00156FB3" w:rsidP="00156FB3">
            <w:r>
              <w:t>/*! no static exports found */</w:t>
            </w:r>
          </w:p>
          <w:p w:rsidR="00156FB3" w:rsidRDefault="00156FB3" w:rsidP="00156FB3">
            <w:r>
              <w:t>/***/ (function(module, exports) {</w:t>
            </w:r>
          </w:p>
          <w:p w:rsidR="00156FB3" w:rsidRDefault="00156FB3" w:rsidP="00156FB3"/>
          <w:p w:rsidR="00156FB3" w:rsidRDefault="00156FB3" w:rsidP="00156FB3">
            <w:r>
              <w:t>// removed by extract-text-webpack-plugin</w:t>
            </w:r>
          </w:p>
          <w:p w:rsidR="00156FB3" w:rsidRDefault="00156FB3" w:rsidP="00156FB3"/>
          <w:p w:rsidR="00156FB3" w:rsidRDefault="00156FB3" w:rsidP="00156FB3">
            <w:r>
              <w:t>/***/ }),</w:t>
            </w:r>
          </w:p>
          <w:p w:rsidR="00156FB3" w:rsidRDefault="00156FB3" w:rsidP="00156FB3"/>
          <w:p w:rsidR="00156FB3" w:rsidRDefault="00156FB3" w:rsidP="00156FB3">
            <w:r>
              <w:t>/***/ "./resources/sites/eiflf/sass/app.scss":</w:t>
            </w:r>
          </w:p>
          <w:p w:rsidR="00156FB3" w:rsidRDefault="00156FB3" w:rsidP="00156FB3">
            <w:r>
              <w:t>/*!*********************************************!*\</w:t>
            </w:r>
          </w:p>
          <w:p w:rsidR="00156FB3" w:rsidRDefault="00156FB3" w:rsidP="00156FB3">
            <w:r>
              <w:t xml:space="preserve">  !*** ./resources/sites/eiflf/sass/app.scss ***!</w:t>
            </w:r>
          </w:p>
          <w:p w:rsidR="00156FB3" w:rsidRDefault="00156FB3" w:rsidP="00156FB3">
            <w:r>
              <w:t xml:space="preserve">  \*********************************************/</w:t>
            </w:r>
          </w:p>
          <w:p w:rsidR="00156FB3" w:rsidRDefault="00156FB3" w:rsidP="00156FB3">
            <w:r>
              <w:t>/*! no static exports found */</w:t>
            </w:r>
          </w:p>
          <w:p w:rsidR="00156FB3" w:rsidRDefault="00156FB3" w:rsidP="00156FB3">
            <w:r>
              <w:t>/***/ (function(module, exports) {</w:t>
            </w:r>
          </w:p>
          <w:p w:rsidR="00156FB3" w:rsidRDefault="00156FB3" w:rsidP="00156FB3"/>
          <w:p w:rsidR="00156FB3" w:rsidRDefault="00156FB3" w:rsidP="00156FB3">
            <w:r>
              <w:t>// removed by extract-text-webpack-plugin</w:t>
            </w:r>
          </w:p>
          <w:p w:rsidR="00156FB3" w:rsidRDefault="00156FB3" w:rsidP="00156FB3"/>
          <w:p w:rsidR="00156FB3" w:rsidRDefault="00156FB3" w:rsidP="00156FB3">
            <w:r>
              <w:t>/***/ }),</w:t>
            </w:r>
          </w:p>
          <w:p w:rsidR="00156FB3" w:rsidRDefault="00156FB3" w:rsidP="00156FB3"/>
          <w:p w:rsidR="00156FB3" w:rsidRDefault="00156FB3" w:rsidP="00156FB3">
            <w:r>
              <w:t>/***/ "./resources/sites/elf/sass/app.scss":</w:t>
            </w:r>
          </w:p>
          <w:p w:rsidR="00156FB3" w:rsidRDefault="00156FB3" w:rsidP="00156FB3">
            <w:r>
              <w:t>/*!*******************************************!*\</w:t>
            </w:r>
          </w:p>
          <w:p w:rsidR="00156FB3" w:rsidRDefault="00156FB3" w:rsidP="00156FB3">
            <w:r>
              <w:t xml:space="preserve">  !*** ./resources/sites/elf/sass/app.scss ***!</w:t>
            </w:r>
          </w:p>
          <w:p w:rsidR="00156FB3" w:rsidRDefault="00156FB3" w:rsidP="00156FB3">
            <w:r>
              <w:t xml:space="preserve">  \*******************************************/</w:t>
            </w:r>
          </w:p>
          <w:p w:rsidR="00156FB3" w:rsidRDefault="00156FB3" w:rsidP="00156FB3">
            <w:r>
              <w:t>/*! no static exports found */</w:t>
            </w:r>
          </w:p>
          <w:p w:rsidR="00156FB3" w:rsidRDefault="00156FB3" w:rsidP="00156FB3">
            <w:r>
              <w:t>/***/ (function(module, exports) {</w:t>
            </w:r>
          </w:p>
          <w:p w:rsidR="00156FB3" w:rsidRDefault="00156FB3" w:rsidP="00156FB3"/>
          <w:p w:rsidR="00156FB3" w:rsidRDefault="00156FB3" w:rsidP="00156FB3">
            <w:r>
              <w:t>// removed by extract-text-webpack-plugin</w:t>
            </w:r>
          </w:p>
          <w:p w:rsidR="00156FB3" w:rsidRDefault="00156FB3" w:rsidP="00156FB3"/>
          <w:p w:rsidR="00156FB3" w:rsidRDefault="00156FB3" w:rsidP="00156FB3">
            <w:r>
              <w:t>/***/ }),</w:t>
            </w:r>
          </w:p>
          <w:p w:rsidR="00156FB3" w:rsidRDefault="00156FB3" w:rsidP="00156FB3"/>
          <w:p w:rsidR="00156FB3" w:rsidRDefault="00156FB3" w:rsidP="00156FB3">
            <w:r>
              <w:t>/***/ "./resources/sites/espmf/sass/app.scss":</w:t>
            </w:r>
          </w:p>
          <w:p w:rsidR="00156FB3" w:rsidRDefault="00156FB3" w:rsidP="00156FB3">
            <w:r>
              <w:t>/*!*********************************************!*\</w:t>
            </w:r>
          </w:p>
          <w:p w:rsidR="00156FB3" w:rsidRDefault="00156FB3" w:rsidP="00156FB3">
            <w:r>
              <w:t xml:space="preserve">  !*** ./resources/sites/espmf/sass/app.scss ***!</w:t>
            </w:r>
          </w:p>
          <w:p w:rsidR="00156FB3" w:rsidRDefault="00156FB3" w:rsidP="00156FB3">
            <w:r>
              <w:t xml:space="preserve">  \*********************************************/</w:t>
            </w:r>
          </w:p>
          <w:p w:rsidR="00156FB3" w:rsidRDefault="00156FB3" w:rsidP="00156FB3">
            <w:r>
              <w:t>/*! no static exports found */</w:t>
            </w:r>
          </w:p>
          <w:p w:rsidR="00156FB3" w:rsidRDefault="00156FB3" w:rsidP="00156FB3">
            <w:r>
              <w:t>/***/ (function(module, exports) {</w:t>
            </w:r>
          </w:p>
          <w:p w:rsidR="00156FB3" w:rsidRDefault="00156FB3" w:rsidP="00156FB3"/>
          <w:p w:rsidR="00156FB3" w:rsidRDefault="00156FB3" w:rsidP="00156FB3">
            <w:r>
              <w:t>// removed by extract-text-webpack-plugin</w:t>
            </w:r>
          </w:p>
          <w:p w:rsidR="00156FB3" w:rsidRDefault="00156FB3" w:rsidP="00156FB3"/>
          <w:p w:rsidR="00156FB3" w:rsidRDefault="00156FB3" w:rsidP="00156FB3">
            <w:r>
              <w:t>/***/ }),</w:t>
            </w:r>
          </w:p>
          <w:p w:rsidR="00156FB3" w:rsidRDefault="00156FB3" w:rsidP="00156FB3"/>
          <w:p w:rsidR="00156FB3" w:rsidRDefault="00156FB3" w:rsidP="00156FB3">
            <w:r>
              <w:t>/***/ "./resources/sites/isf/sass/app.scss":</w:t>
            </w:r>
          </w:p>
          <w:p w:rsidR="00156FB3" w:rsidRDefault="00156FB3" w:rsidP="00156FB3">
            <w:r>
              <w:t>/*!*******************************************!*\</w:t>
            </w:r>
          </w:p>
          <w:p w:rsidR="00156FB3" w:rsidRDefault="00156FB3" w:rsidP="00156FB3">
            <w:r>
              <w:t xml:space="preserve">  !*** ./resources/sites/isf/sass/app.scss ***!</w:t>
            </w:r>
          </w:p>
          <w:p w:rsidR="00156FB3" w:rsidRDefault="00156FB3" w:rsidP="00156FB3">
            <w:r>
              <w:t xml:space="preserve">  \*******************************************/</w:t>
            </w:r>
          </w:p>
          <w:p w:rsidR="00156FB3" w:rsidRDefault="00156FB3" w:rsidP="00156FB3">
            <w:r>
              <w:t>/*! no static exports found */</w:t>
            </w:r>
          </w:p>
          <w:p w:rsidR="00156FB3" w:rsidRDefault="00156FB3" w:rsidP="00156FB3">
            <w:r>
              <w:t>/***/ (function(module, exports) {</w:t>
            </w:r>
          </w:p>
          <w:p w:rsidR="00156FB3" w:rsidRDefault="00156FB3" w:rsidP="00156FB3"/>
          <w:p w:rsidR="00156FB3" w:rsidRDefault="00156FB3" w:rsidP="00156FB3">
            <w:r>
              <w:t>// removed by extract-text-webpack-plugin</w:t>
            </w:r>
          </w:p>
          <w:p w:rsidR="00156FB3" w:rsidRDefault="00156FB3" w:rsidP="00156FB3"/>
          <w:p w:rsidR="00156FB3" w:rsidRDefault="00156FB3" w:rsidP="00156FB3">
            <w:r>
              <w:t>/***/ }),</w:t>
            </w:r>
          </w:p>
          <w:p w:rsidR="00156FB3" w:rsidRDefault="00156FB3" w:rsidP="00156FB3"/>
          <w:p w:rsidR="00156FB3" w:rsidRDefault="00156FB3" w:rsidP="00156FB3">
            <w:r>
              <w:t>/***/ "./resources/sites/slg/sass/app.scss":</w:t>
            </w:r>
          </w:p>
          <w:p w:rsidR="00156FB3" w:rsidRDefault="00156FB3" w:rsidP="00156FB3">
            <w:r>
              <w:t>/*!*******************************************!*\</w:t>
            </w:r>
          </w:p>
          <w:p w:rsidR="00156FB3" w:rsidRDefault="00156FB3" w:rsidP="00156FB3">
            <w:r>
              <w:t xml:space="preserve">  !*** ./resources/sites/slg/sass/app.scss ***!</w:t>
            </w:r>
          </w:p>
          <w:p w:rsidR="00156FB3" w:rsidRDefault="00156FB3" w:rsidP="00156FB3">
            <w:r>
              <w:t xml:space="preserve">  \*******************************************/</w:t>
            </w:r>
          </w:p>
          <w:p w:rsidR="00156FB3" w:rsidRDefault="00156FB3" w:rsidP="00156FB3">
            <w:r>
              <w:t>/*! no static exports found */</w:t>
            </w:r>
          </w:p>
          <w:p w:rsidR="00156FB3" w:rsidRDefault="00156FB3" w:rsidP="00156FB3">
            <w:r>
              <w:t>/***/ (function(module, exports) {</w:t>
            </w:r>
          </w:p>
          <w:p w:rsidR="00156FB3" w:rsidRDefault="00156FB3" w:rsidP="00156FB3"/>
          <w:p w:rsidR="00156FB3" w:rsidRDefault="00156FB3" w:rsidP="00156FB3">
            <w:r>
              <w:t>// removed by extract-text-webpack-plugin</w:t>
            </w:r>
          </w:p>
          <w:p w:rsidR="00156FB3" w:rsidRDefault="00156FB3" w:rsidP="00156FB3"/>
          <w:p w:rsidR="00156FB3" w:rsidRDefault="00156FB3" w:rsidP="00156FB3">
            <w:r>
              <w:t>/***/ }),</w:t>
            </w:r>
          </w:p>
          <w:p w:rsidR="00156FB3" w:rsidRDefault="00156FB3" w:rsidP="00156FB3"/>
          <w:p w:rsidR="00156FB3" w:rsidRDefault="00156FB3" w:rsidP="00156FB3">
            <w:r>
              <w:t>/***/ "./resources/sites/spf/sass/app.scss":</w:t>
            </w:r>
          </w:p>
          <w:p w:rsidR="00156FB3" w:rsidRDefault="00156FB3" w:rsidP="00156FB3">
            <w:r>
              <w:t>/*!*******************************************!*\</w:t>
            </w:r>
          </w:p>
          <w:p w:rsidR="00156FB3" w:rsidRDefault="00156FB3" w:rsidP="00156FB3">
            <w:r>
              <w:t xml:space="preserve">  !*** ./resources/sites/spf/sass/app.scss ***!</w:t>
            </w:r>
          </w:p>
          <w:p w:rsidR="00156FB3" w:rsidRDefault="00156FB3" w:rsidP="00156FB3">
            <w:r>
              <w:t xml:space="preserve">  \*******************************************/</w:t>
            </w:r>
          </w:p>
          <w:p w:rsidR="00156FB3" w:rsidRDefault="00156FB3" w:rsidP="00156FB3">
            <w:r>
              <w:t>/*! no static exports found */</w:t>
            </w:r>
          </w:p>
          <w:p w:rsidR="00156FB3" w:rsidRDefault="00156FB3" w:rsidP="00156FB3">
            <w:r>
              <w:t>/***/ (function(module, exports) {</w:t>
            </w:r>
          </w:p>
          <w:p w:rsidR="00156FB3" w:rsidRDefault="00156FB3" w:rsidP="00156FB3"/>
          <w:p w:rsidR="00156FB3" w:rsidRDefault="00156FB3" w:rsidP="00156FB3">
            <w:r>
              <w:t>// removed by extract-text-webpack-plugin</w:t>
            </w:r>
          </w:p>
          <w:p w:rsidR="00156FB3" w:rsidRDefault="00156FB3" w:rsidP="00156FB3"/>
          <w:p w:rsidR="00156FB3" w:rsidRDefault="00156FB3" w:rsidP="00156FB3">
            <w:r>
              <w:t>/***/ }),</w:t>
            </w:r>
          </w:p>
          <w:p w:rsidR="00156FB3" w:rsidRDefault="00156FB3" w:rsidP="00156FB3"/>
          <w:p w:rsidR="00156FB3" w:rsidRDefault="00156FB3" w:rsidP="00156FB3">
            <w:r>
              <w:t>/***/ "./resources/sites/srepc/sass/app.scss":</w:t>
            </w:r>
          </w:p>
          <w:p w:rsidR="00156FB3" w:rsidRDefault="00156FB3" w:rsidP="00156FB3">
            <w:r>
              <w:t>/*!*********************************************!*\</w:t>
            </w:r>
          </w:p>
          <w:p w:rsidR="00156FB3" w:rsidRDefault="00156FB3" w:rsidP="00156FB3">
            <w:r>
              <w:t xml:space="preserve">  !*** ./resources/sites/srepc/sass/app.scss ***!</w:t>
            </w:r>
          </w:p>
          <w:p w:rsidR="00156FB3" w:rsidRDefault="00156FB3" w:rsidP="00156FB3">
            <w:r>
              <w:t xml:space="preserve">  \*********************************************/</w:t>
            </w:r>
          </w:p>
          <w:p w:rsidR="00156FB3" w:rsidRDefault="00156FB3" w:rsidP="00156FB3">
            <w:r>
              <w:t>/*! no static exports found */</w:t>
            </w:r>
          </w:p>
          <w:p w:rsidR="00156FB3" w:rsidRDefault="00156FB3" w:rsidP="00156FB3">
            <w:r>
              <w:t>/***/ (function(module, exports) {</w:t>
            </w:r>
          </w:p>
          <w:p w:rsidR="00156FB3" w:rsidRDefault="00156FB3" w:rsidP="00156FB3"/>
          <w:p w:rsidR="00156FB3" w:rsidRDefault="00156FB3" w:rsidP="00156FB3">
            <w:r>
              <w:t>// removed by extract-text-webpack-plugin</w:t>
            </w:r>
          </w:p>
          <w:p w:rsidR="00156FB3" w:rsidRDefault="00156FB3" w:rsidP="00156FB3"/>
          <w:p w:rsidR="00156FB3" w:rsidRDefault="00156FB3" w:rsidP="00156FB3">
            <w:r>
              <w:t>/***/ }),</w:t>
            </w:r>
          </w:p>
          <w:p w:rsidR="00156FB3" w:rsidRDefault="00156FB3" w:rsidP="00156FB3"/>
          <w:p w:rsidR="00156FB3" w:rsidRDefault="00156FB3" w:rsidP="00156FB3">
            <w:r>
              <w:t>/***/ "./resources/sites/srepf/sass/app.scss":</w:t>
            </w:r>
          </w:p>
          <w:p w:rsidR="00156FB3" w:rsidRDefault="00156FB3" w:rsidP="00156FB3">
            <w:r>
              <w:t>/*!*********************************************!*\</w:t>
            </w:r>
          </w:p>
          <w:p w:rsidR="00156FB3" w:rsidRDefault="00156FB3" w:rsidP="00156FB3">
            <w:r>
              <w:t xml:space="preserve">  !*** ./resources/sites/srepf/sass/app.scss ***!</w:t>
            </w:r>
          </w:p>
          <w:p w:rsidR="00156FB3" w:rsidRDefault="00156FB3" w:rsidP="00156FB3">
            <w:r>
              <w:t xml:space="preserve">  \*********************************************/</w:t>
            </w:r>
          </w:p>
          <w:p w:rsidR="00156FB3" w:rsidRDefault="00156FB3" w:rsidP="00156FB3">
            <w:r>
              <w:t>/*! no static exports found */</w:t>
            </w:r>
          </w:p>
          <w:p w:rsidR="00156FB3" w:rsidRDefault="00156FB3" w:rsidP="00156FB3">
            <w:r>
              <w:t>/***/ (function(module, exports) {</w:t>
            </w:r>
          </w:p>
          <w:p w:rsidR="00156FB3" w:rsidRDefault="00156FB3" w:rsidP="00156FB3"/>
          <w:p w:rsidR="00156FB3" w:rsidRDefault="00156FB3" w:rsidP="00156FB3">
            <w:r>
              <w:t>// removed by extract-text-webpack-plugin</w:t>
            </w:r>
          </w:p>
          <w:p w:rsidR="00156FB3" w:rsidRDefault="00156FB3" w:rsidP="00156FB3"/>
          <w:p w:rsidR="00156FB3" w:rsidRDefault="00156FB3" w:rsidP="00156FB3">
            <w:r>
              <w:t>/***/ }),</w:t>
            </w:r>
          </w:p>
          <w:p w:rsidR="00156FB3" w:rsidRDefault="00156FB3" w:rsidP="00156FB3"/>
          <w:p w:rsidR="00156FB3" w:rsidRDefault="00156FB3" w:rsidP="00156FB3">
            <w:r>
              <w:t>/***/ "./resources/sites/ssp/sass/app.scss":</w:t>
            </w:r>
          </w:p>
          <w:p w:rsidR="00156FB3" w:rsidRDefault="00156FB3" w:rsidP="00156FB3">
            <w:r>
              <w:t>/*!*******************************************!*\</w:t>
            </w:r>
          </w:p>
          <w:p w:rsidR="00156FB3" w:rsidRDefault="00156FB3" w:rsidP="00156FB3">
            <w:r>
              <w:t xml:space="preserve">  !*** ./resources/sites/ssp/sass/app.scss ***!</w:t>
            </w:r>
          </w:p>
          <w:p w:rsidR="00156FB3" w:rsidRDefault="00156FB3" w:rsidP="00156FB3">
            <w:r>
              <w:t xml:space="preserve">  \*******************************************/</w:t>
            </w:r>
          </w:p>
          <w:p w:rsidR="00156FB3" w:rsidRDefault="00156FB3" w:rsidP="00156FB3">
            <w:r>
              <w:t>/*! no static exports found */</w:t>
            </w:r>
          </w:p>
          <w:p w:rsidR="00156FB3" w:rsidRDefault="00156FB3" w:rsidP="00156FB3">
            <w:r>
              <w:t>/***/ (function(module, exports) {</w:t>
            </w:r>
          </w:p>
          <w:p w:rsidR="00156FB3" w:rsidRDefault="00156FB3" w:rsidP="00156FB3"/>
          <w:p w:rsidR="00156FB3" w:rsidRDefault="00156FB3" w:rsidP="00156FB3">
            <w:r>
              <w:t>// removed by extract-text-webpack-plugin</w:t>
            </w:r>
          </w:p>
          <w:p w:rsidR="00156FB3" w:rsidRDefault="00156FB3" w:rsidP="00156FB3"/>
          <w:p w:rsidR="00156FB3" w:rsidRDefault="00156FB3" w:rsidP="00156FB3">
            <w:r>
              <w:t>/***/ }),</w:t>
            </w:r>
          </w:p>
          <w:p w:rsidR="00156FB3" w:rsidRDefault="00156FB3" w:rsidP="00156FB3"/>
          <w:p w:rsidR="00156FB3" w:rsidRDefault="00156FB3" w:rsidP="00156FB3">
            <w:r>
              <w:t>/***/ "./resources/sites/vabf/sass/app.scss":</w:t>
            </w:r>
          </w:p>
          <w:p w:rsidR="00156FB3" w:rsidRDefault="00156FB3" w:rsidP="00156FB3">
            <w:r>
              <w:t>/*!********************************************!*\</w:t>
            </w:r>
          </w:p>
          <w:p w:rsidR="00156FB3" w:rsidRDefault="00156FB3" w:rsidP="00156FB3">
            <w:r>
              <w:t xml:space="preserve">  !*** ./resources/sites/vabf/sass/app.scss ***!</w:t>
            </w:r>
          </w:p>
          <w:p w:rsidR="00156FB3" w:rsidRDefault="00156FB3" w:rsidP="00156FB3">
            <w:r>
              <w:t xml:space="preserve">  \********************************************/</w:t>
            </w:r>
          </w:p>
          <w:p w:rsidR="00156FB3" w:rsidRDefault="00156FB3" w:rsidP="00156FB3">
            <w:r>
              <w:t>/*! no static exports found */</w:t>
            </w:r>
          </w:p>
          <w:p w:rsidR="00156FB3" w:rsidRDefault="00156FB3" w:rsidP="00156FB3">
            <w:r>
              <w:t>/***/ (function(module, exports) {</w:t>
            </w:r>
          </w:p>
          <w:p w:rsidR="00156FB3" w:rsidRDefault="00156FB3" w:rsidP="00156FB3"/>
          <w:p w:rsidR="00156FB3" w:rsidRDefault="00156FB3" w:rsidP="00156FB3">
            <w:r>
              <w:t>// removed by extract-text-webpack-plugin</w:t>
            </w:r>
          </w:p>
          <w:p w:rsidR="00156FB3" w:rsidRDefault="00156FB3" w:rsidP="00156FB3"/>
          <w:p w:rsidR="00156FB3" w:rsidRDefault="00156FB3" w:rsidP="00156FB3">
            <w:r>
              <w:t>/***/ }),</w:t>
            </w:r>
          </w:p>
          <w:p w:rsidR="00156FB3" w:rsidRDefault="00156FB3" w:rsidP="00156FB3"/>
          <w:p w:rsidR="00156FB3" w:rsidRDefault="00156FB3" w:rsidP="00156FB3">
            <w:r>
              <w:t>/***/ 0:</w:t>
            </w:r>
          </w:p>
          <w:p w:rsidR="00156FB3" w:rsidRDefault="00156FB3" w:rsidP="00156FB3">
            <w:r>
              <w:t>/*!***********************************************************************************************************************************************************************</w:t>
            </w:r>
            <w:r>
              <w:lastRenderedPageBreak/>
              <w:t>****************************************************************************************************************************************************************************************************************************************************************************************************************************************************!*\</w:t>
            </w:r>
          </w:p>
          <w:p w:rsidR="00156FB3" w:rsidRDefault="00156FB3" w:rsidP="00156FB3">
            <w:r>
              <w:t xml:space="preserve">  !*** multi ./resources/js/app.js ./resources/sass/app.scss ./resources/sites/ssp/sass/app.scss ./resources/sites/common/sass/app.scss ./resources/sites/spf/sass/app.scss ./resources/sites/vabf/sass/app.scss ./resources/sites/isf/sass/app.scss ./resources/sites/elf/sass/app.scss ./resources/sites/eiflf/sass/app.scss ./resources/sites/espmf/sass/app.scss ./resources/sites/srepf/sass/app.scss ./resources/sites/slg/sass/app.scss ./resources/sites/srepc/sass/app.scss ./resources/sites/eiflc/sass/app.scss ***!</w:t>
            </w:r>
          </w:p>
          <w:p w:rsidR="00156FB3" w:rsidRDefault="00156FB3" w:rsidP="00156FB3">
            <w:r>
              <w:t xml:space="preserve">  \***************************************************************************************************************************************************************************************************************************************************************************************************************************************************************************************************************************************************************************************************************************/</w:t>
            </w:r>
          </w:p>
          <w:p w:rsidR="00156FB3" w:rsidRDefault="00156FB3" w:rsidP="00156FB3">
            <w:r>
              <w:t>/*! no static exports found */</w:t>
            </w:r>
          </w:p>
          <w:p w:rsidR="00156FB3" w:rsidRDefault="00156FB3" w:rsidP="00156FB3">
            <w:r>
              <w:t>/***/ (function(module, exports, __webpack_require__) {</w:t>
            </w:r>
          </w:p>
          <w:p w:rsidR="00156FB3" w:rsidRDefault="00156FB3" w:rsidP="00156FB3"/>
          <w:p w:rsidR="00156FB3" w:rsidRDefault="00156FB3" w:rsidP="00156FB3">
            <w:r>
              <w:t>__webpack_require__(/*! /var/www/html/SSP/resources/js/app.js */"./resources/js/app.js");</w:t>
            </w:r>
          </w:p>
          <w:p w:rsidR="00156FB3" w:rsidRDefault="00156FB3" w:rsidP="00156FB3">
            <w:r>
              <w:t>__webpack_require__(/*! /var/www/html/SSP/resources/sass/app.scss */"./resources/sass/app.scss");</w:t>
            </w:r>
          </w:p>
          <w:p w:rsidR="00156FB3" w:rsidRDefault="00156FB3" w:rsidP="00156FB3">
            <w:r>
              <w:t>__webpack_require__(/*! /var/www/html/SSP/resources/sites/ssp/sass/app.scss */"./resources/sites/ssp/sass/app.scss");</w:t>
            </w:r>
          </w:p>
          <w:p w:rsidR="00156FB3" w:rsidRDefault="00156FB3" w:rsidP="00156FB3">
            <w:r>
              <w:t>__webpack_require__(/*! /var/www/html/SSP/resources/sites/common/sass/app.scss */"./resources/sites/common/sass/app.scss");</w:t>
            </w:r>
          </w:p>
          <w:p w:rsidR="00156FB3" w:rsidRDefault="00156FB3" w:rsidP="00156FB3">
            <w:r>
              <w:t>__webpack_require__(/*! /var/www/html/SSP/resources/sites/spf/sass/app.scss */"./resources/sites/spf/sass/app.scss");</w:t>
            </w:r>
          </w:p>
          <w:p w:rsidR="00156FB3" w:rsidRDefault="00156FB3" w:rsidP="00156FB3">
            <w:r>
              <w:t>__webpack_require__(/*! /var/www/html/SSP/resources/sites/vabf/sass/app.scss */"./resources/sites/vabf/sass/app.scss");</w:t>
            </w:r>
          </w:p>
          <w:p w:rsidR="00156FB3" w:rsidRDefault="00156FB3" w:rsidP="00156FB3">
            <w:r>
              <w:t>__webpack_require__(/*! /var/www/html/SSP/resources/sites/isf/sass/app.scss */"./resources/sites/isf/sass/app.scss");</w:t>
            </w:r>
          </w:p>
          <w:p w:rsidR="00156FB3" w:rsidRDefault="00156FB3" w:rsidP="00156FB3">
            <w:r>
              <w:t>__webpack_require__(/*! /var/www/html/SSP/resources/sites/elf/sass/app.scss */"./resources/sites/elf/sass/app.scss");</w:t>
            </w:r>
          </w:p>
          <w:p w:rsidR="00156FB3" w:rsidRDefault="00156FB3" w:rsidP="00156FB3">
            <w:r>
              <w:t>__webpack_require__(/*! /var/www/html/SSP/resources/sites/eiflf/sass/app.scss */"./resources/sites/eiflf/sass/app.scss");</w:t>
            </w:r>
          </w:p>
          <w:p w:rsidR="00156FB3" w:rsidRDefault="00156FB3" w:rsidP="00156FB3">
            <w:r>
              <w:t>__webpack_require__(/*! /var/www/html/SSP/resources/sites/espmf/sass/app.scss */"./resources/sites/espmf/sass/app.scss");</w:t>
            </w:r>
          </w:p>
          <w:p w:rsidR="00156FB3" w:rsidRDefault="00156FB3" w:rsidP="00156FB3">
            <w:r>
              <w:t>__webpack_require__(/*! /var/www/html/SSP/resources/sites/srepf/sass/app.scss */"./resources/sites/srepf/sass/app.scss");</w:t>
            </w:r>
          </w:p>
          <w:p w:rsidR="00156FB3" w:rsidRDefault="00156FB3" w:rsidP="00156FB3">
            <w:r>
              <w:t>__webpack_require__(/*! /var/www/html/SSP/resources/sites/slg/sass/app.scss */"./resources/sites/slg/sass/app.scss");</w:t>
            </w:r>
          </w:p>
          <w:p w:rsidR="00156FB3" w:rsidRDefault="00156FB3" w:rsidP="00156FB3">
            <w:r>
              <w:t>__webpack_require__(/*! /var/www/html/SSP/resources/sites/srepc/sass/app.scss */"./resources/sites/srepc/sass/app.scss");</w:t>
            </w:r>
          </w:p>
          <w:p w:rsidR="00156FB3" w:rsidRDefault="00156FB3" w:rsidP="00156FB3">
            <w:r>
              <w:t>module.exports = __webpack_require__(/*! /var/www/html/SSP/resources/sites/eiflc/sass/app.scss */"./resources/sites/eiflc/sass/app.scss");</w:t>
            </w:r>
          </w:p>
          <w:p w:rsidR="00156FB3" w:rsidRDefault="00156FB3" w:rsidP="00156FB3"/>
          <w:p w:rsidR="00156FB3" w:rsidRDefault="00156FB3" w:rsidP="00156FB3"/>
          <w:p w:rsidR="00156FB3" w:rsidRDefault="00156FB3" w:rsidP="00156FB3">
            <w:r>
              <w:t>/***/ })</w:t>
            </w:r>
          </w:p>
          <w:p w:rsidR="00156FB3" w:rsidRDefault="00156FB3" w:rsidP="00156FB3"/>
          <w:p w:rsidR="0048012D" w:rsidRDefault="00156FB3" w:rsidP="00156FB3">
            <w:r>
              <w:t>/******/ });</w:t>
            </w:r>
          </w:p>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Bootstrap.js</w:t>
            </w:r>
          </w:p>
        </w:tc>
      </w:tr>
      <w:tr w:rsidR="0048012D" w:rsidTr="0048012D">
        <w:tc>
          <w:tcPr>
            <w:tcW w:w="9576" w:type="dxa"/>
          </w:tcPr>
          <w:p w:rsidR="00156FB3" w:rsidRDefault="00156FB3" w:rsidP="00156FB3">
            <w:r>
              <w:t>/*!</w:t>
            </w:r>
          </w:p>
          <w:p w:rsidR="00156FB3" w:rsidRDefault="00156FB3" w:rsidP="00156FB3">
            <w:r>
              <w:t xml:space="preserve">  * Bootstrap v4.3.1 (https://getbootstrap.com/)</w:t>
            </w:r>
          </w:p>
          <w:p w:rsidR="00156FB3" w:rsidRDefault="00156FB3" w:rsidP="00156FB3">
            <w:r>
              <w:t xml:space="preserve">  * Copyright 2011-2019 The Bootstrap Authors (https://github.com/twbs/bootstrap/graphs/contributors)</w:t>
            </w:r>
          </w:p>
          <w:p w:rsidR="00156FB3" w:rsidRDefault="00156FB3" w:rsidP="00156FB3">
            <w:r>
              <w:t xml:space="preserve">  * Licensed under MIT (https://github.com/twbs/bootstrap/blob/master/LICENSE)</w:t>
            </w:r>
          </w:p>
          <w:p w:rsidR="00156FB3" w:rsidRDefault="00156FB3" w:rsidP="00156FB3">
            <w:r>
              <w:t xml:space="preserve">  */</w:t>
            </w:r>
          </w:p>
          <w:p w:rsidR="00156FB3" w:rsidRDefault="00156FB3" w:rsidP="00156FB3">
            <w:r>
              <w:t xml:space="preserve">!function(t,e){"object"==typeof exports&amp;&amp;"undefined"!=typeof module?e(exports,require("jquery"),require("popper.js")):"function"==typeof define&amp;&amp;define.amd?define(["exports","jquery","popper.js"],e):e((t=t||self).bootstrap={},t.jQuery,t.Popper)}(this,function(t,g,u){"use strict";function i(t,e){for(var n=0;n&lt;e.length;n++){var i=e[n];i.enumerable=i.enumerable||!1,i.configurable=!0,"value"in i&amp;&amp;(i.writable=!0),Object.defineProperty(t,i.key,i)}}function s(t,e,n){return e&amp;&amp;i(t.prototype,e),n&amp;&amp;i(t,n),t}function l(o){for(var t=1;t&lt;arguments.length;t++){var r=null!=arguments[t]?arguments[t]:{},e=Object.keys(r);"function"==typeof Object.getOwnPropertySymbols&amp;&amp;(e=e.concat(Object.getOwnPropertySymbols(r).filter(function(t){return Object.getOwnPropertyDescriptor(r,t).enumerable}))),e.forEach(function(t){var e,n,i;e=o,i=r[n=t],n in e?Object.defineProperty(e,n,{value:i,enumerable:!0,configurable:!0,writable:!0}):e[n]=i})}return o}g=g&amp;&amp;g.hasOwnProperty("default")?g.default:g,u=u&amp;&amp;u.hasOwnProperty("default")?u.default:u;var e="transitionend";function n(t){var e=this,n=!1;return g(this).one(_.TRANSITION_END,function(){n=!0}),setTimeout(function(){n||_.triggerTransitionEnd(e)},t),this}var _={TRANSITION_END:"bsTransitionEnd",getUID:function(t){for(;t+=~~(1e6*Math.random()),document.getElementById(t););return t},getSelectorFromElement:function(t){var e=t.getAttribute("data-target");if(!e||"#"===e){var n=t.getAttribute("href");e=n&amp;&amp;"#"!==n?n.trim():""}try{return document.querySelector(e)?e:null}catch(t){return null}},getTransitionDurationFromElement:function(t){if(!t)return 0;var e=g(t).css("transition-duration"),n=g(t).css("transition-delay"),i=parseFloat(e),o=parseFloat(n);return i||o?(e=e.split(",")[0],n=n.split(",")[0],1e3*(parseFloat(e)+parseFloat(n))):0},reflow:function(t){return t.offsetHeight},triggerTransitionEnd:function(t){g(t).trigger(e)},supportsTransitionEnd:function(){return Boolean(e)},isElement:function(t){return(t[0]||t).nodeType},typeCheckConfig:function(t,e,n){for(var i in n)if(Object.prototype.hasOwnProperty.call(n,i)){var o=n[i],r=e[i],s=r&amp;&amp;_.isElement(r)?"element":(a=r,{}.toString.call(a).match(/\s([a-z]+)/i)[1].toLowerCase());if(!new RegExp(o).test(s))throw new Error(t.toUpperCase()+': Option "'+i+'" provided type "'+s+'" but expected type "'+o+'".')}var a},findShadowRoot:function(t){if(!document.documentElement.attachShadow)return null;if("function"!=typeof t.getRootNode)return t instanceof ShadowRoot?t:t.parentNode?_.findShadowRoot(t.parentNode):null;var e=t.getRootNode();return e </w:t>
            </w:r>
            <w:r>
              <w:lastRenderedPageBreak/>
              <w:t>instanceof ShadowRoot?e:null}};g.fn.emulateTransitionEnd=n,g.event.special[_.TRANSITION_END]={bindType:e,delegateType:e,handle:function(t){if(g(t.target).is(this))return t.handleObj.handler.apply(this,arguments)}};var o="alert",r="bs.alert",a="."+r,c=g.fn[o],h={CLOSE:"close"+a,CLOSED:"closed"+a,CLICK_DATA_API:"click"+a+".data-api"},f="alert",d="fade",m="show",p=function(){function i(t){this._element=t}var t=i.prototype;return t.close=function(t){var e=this._element;t&amp;&amp;(e=this._getRootElement(t)),this._triggerCloseEvent(e).isDefaultPrevented()||this._removeElement(e)},t.dispose=function(){g.removeData(this._element,r),this._element=null},t._getRootElement=function(t){var e=_.getSelectorFromElement(t),n=!1;return e&amp;&amp;(n=document.querySelector(e)),n||(n=g(t).closest("."+f)[0]),n},t._triggerCloseEvent=function(t){var e=g.Event(h.CLOSE);return g(t).trigger(e),e},t._removeElement=function(e){var n=this;if(g(e).removeClass(m),g(e).hasClass(d)){var t=_.getTransitionDurationFromElement(e);g(e).one(_.TRANSITION_END,function(t){return n._destroyElement(e,t)}).emulateTransitionEnd(t)}else this._destroyElement(e)},t._destroyElement=function(t){g(t).detach().trigger(h.CLOSED).remove()},i._jQueryInterface=function(n){return this.each(function(){var t=g(this),e=t.data(r);e||(e=new i(this),t.data(r,e)),"close"===n&amp;&amp;e[n](this)})},i._handleDismiss=function(e){return function(t){t&amp;&amp;t.preventDefault(),e.close(this)}},s(i,null,[{key:"VERSION",get:function(){return"4.3.1"}}]),i}();g(document).on(h.CLICK_DATA_API,'[data-dismiss="alert"]',p._handleDismiss(new p)),g.fn[o]=p._jQueryInterface,g.fn[o].Constructor=p,g.fn[o].noConflict=function(){return g.fn[o]=c,p._jQueryInterface};var v="button",y="bs.button",E="."+y,C=".data-api",T=g.fn[v],S="active",b="btn",I="focus",D='[data-toggle^="button"]',w='[data-toggle="buttons"]',A='input:not([type="hidden"])',N=".active",O=".btn",k={CLICK_DATA_API:"click"+E+C,FOCUS_BLUR_DATA_API:"focus"+E+C+" blur"+E+C},P=function(){function n(t){this._element=t}var t=n.prototype;return t.toggle=function(){var t=!0,e=!0,n=g(this._element).closest(w)[0];if(n){var i=this._element.querySelector(A);if(i){if("radio"===i.type)if(i.checked&amp;&amp;this._element.classList.contains(S))t=!1;else{var o=n.querySelector(N);o&amp;&amp;g(o).removeClass(S)}if(t){if(i.hasAttribute("disabled")||n.hasAttribute("disabled")||i.classList.contains("disabled")||n.classList.contains("disabled"))return;i.checked=!this._element.classList.contains(S),g(i).trigger("change")}i.focus(),e=!1}}e&amp;&amp;this._element.setAttribute("aria-pressed",!this._element.classList.contains(S)),t&amp;&amp;g(this._element).toggleClass(S)},t.dispose=function(){g.removeData(this._element,y),this._element=null},n._jQueryInterface=function(e){return this.each(function(){var t=g(this).data(y);t||(t=new n(this),g(this).data(y,t)),"toggle"===e&amp;&amp;t[e]()})},s(n,null,[{key:"VERSION",get:function(){return"4.3.1"}}]),n}();g(document).on(k.CLICK_DATA_API,D,function(t){t.preventDefault();var e=t.target;g(e).hasClass(b)||(e=g(e).closest(O)),P._jQueryInterface.call(g(e),"toggle")}).on(k.FOCUS_BLUR_DATA_API,D,function(t){var e=g(t.target).closest(O)[0];g(e).toggleClass(I,/^focus(in)?$/.test(t.type))}),g.fn[v]=P._jQueryInterface,g.fn[v].Constructor=P,g.fn[v].noConflict=function(){return g.fn[v]=T,P._jQueryInterface};var L="carousel",j="bs.carousel",H="."+j,R=".data-api",x=g.fn[L],F={interval:5e3,keyboard:!0,slide:!1,pause:"hover",wrap:!0,touch:!0},U={interval:"(number|boolean)",keyboard:"boolean",slide:"(boolean|string)",pause:"(string|boolean)",wrap:"boolean",touch:"boolean"},W="next",q="prev",M="left",K="right",Q={SLIDE:"slide"+H,SLID:"slid"+H,KEYDOWN:"keydown"+H,MOUSEENTER:"mouseenter"+H,MOUSELEAVE:"mouseleave"+H,TOUCHSTART:"touchstart"+H,TOUCHMOVE:"touchmove"+H,TOUCHEND:"touchend"+H,POINTERDOWN:"pointerdown"+H,POINTERUP:"pointerup"+H,DRAG_START:"dragstart"+H,LOAD_DATA_API:"load"+H+R,CLICK_DATA_API:"click"+H+R},B="carousel",V="active",Y="slide",z="carousel-item-right",X="carousel-item-left",$="carousel-item-</w:t>
            </w:r>
            <w:r>
              <w:lastRenderedPageBreak/>
              <w:t>next",G="carousel-item-prev",J="pointer-event",Z=".active",tt=".active.carousel-item",et=".carousel-item",nt=".carousel-item img",it=".carousel-item-next, .carousel-item-prev",ot=".carousel-indicators",rt="[data-slide], [data-slide-to]",st='[data-ride="carousel"]',at={TOUCH:"touch",PEN:"pen"},lt=function(){function r(t,e){this._items=null,this._interval=null,this._activeElement=null,this._isPaused=!1,this._isSliding=!1,this.touchTimeout=null,this.touchStartX=0,this.touchDeltaX=0,this._config=this._getConfig(e),this._element=t,this._indicatorsElement=this._element.querySelector(ot),this._touchSupported="ontouchstart"in document.documentElement||0&lt;navigator.maxTouchPoints,this._pointerEvent=Boolean(window.PointerEvent||window.MSPointerEvent),this._addEventListeners()}var t=r.prototype;return t.next=function(){this._isSliding||this._slide(W)},t.nextWhenVisible=function(){!document.hidden&amp;&amp;g(this._element).is(":visible")&amp;&amp;"hidden"!==g(this._element).css("visibility")&amp;&amp;this.next()},t.prev=function(){this._isSliding||this._slide(q)},t.pause=function(t){t||(this._isPaused=!0),this._element.querySelector(it)&amp;&amp;(_.triggerTransitionEnd(this._element),this.cycle(!0)),clearInterval(this._interval),this._interval=null},t.cycle=function(t){t||(this._isPaused=!1),this._interval&amp;&amp;(clearInterval(this._interval),this._interval=null),this._config.interval&amp;&amp;!this._isPaused&amp;&amp;(this._interval=setInterval((document.visibilityState?this.nextWhenVisible:this.next).bind(this),this._config.interval))},t.to=function(t){var e=this;this._activeElement=this._element.querySelector(tt);var n=this._getItemIndex(this._activeElement);if(!(t&gt;this._items.length-1||t&lt;0))if(this._isSliding)g(this._element).one(Q.SLID,function(){return e.to(t)});else{if(n===t)return this.pause(),void this.cycle();var i=n&lt;t?W:q;this._slide(i,this._items[t])}},t.dispose=function(){g(this._element).off(H),g.removeData(this._element,j),this._items=null,this._config=null,this._element=null,this._interval=null,this._isPaused=null,this._isSliding=null,this._activeElement=null,this._indicatorsElement=null},t._getConfig=function(t){return t=l({},F,t),_.typeCheckConfig(L,t,U),t},t._handleSwipe=function(){var t=Math.abs(this.touchDeltaX);if(!(t&lt;=40)){var e=t/this.touchDeltaX;0&lt;e&amp;&amp;this.prev(),e&lt;0&amp;&amp;this.next()}},t._addEventListeners=function(){var e=this;this._config.keyboard&amp;&amp;g(this._element).on(Q.KEYDOWN,function(t){return e._keydown(t)}),"hover"===this._config.pause&amp;&amp;g(this._element).on(Q.MOUSEENTER,function(t){return e.pause(t)}).on(Q.MOUSELEAVE,function(t){return e.cycle(t)}),this._config.touch&amp;&amp;this._addTouchEventListeners()},t._addTouchEventListeners=function(){var n=this;if(this._touchSupported){var e=function(t){n._pointerEvent&amp;&amp;at[t.originalEvent.pointerType.toUpperCase()]?n.touchStartX=t.originalEvent.clientX:n._pointerEvent||(n.touchStartX=t.originalEvent.touches[0].clientX)},i=function(t){n._pointerEvent&amp;&amp;at[t.originalEvent.pointerType.toUpperCase()]&amp;&amp;(n.touchDeltaX=t.originalEvent.clientX-n.touchStartX),n._handleSwipe(),"hover"===n._config.pause&amp;&amp;(n.pause(),n.touchTimeout&amp;&amp;clearTimeout(n.touchTimeout),n.touchTimeout=setTimeout(function(t){return n.cycle(t)},500+n._config.interval))};g(this._element.querySelectorAll(nt)).on(Q.DRAG_START,function(t){return t.preventDefault()}),this._pointerEvent?(g(this._element).on(Q.POINTERDOWN,function(t){return e(t)}),g(this._element).on(Q.POINTERUP,function(t){return i(t)}),this._element.classList.add(J)):(g(this._element).on(Q.TOUCHSTART,function(t){return e(t)}),g(this._element).on(Q.TOUCHMOVE,function(t){var e;(e=t).originalEvent.touches&amp;&amp;1&lt;e.originalEvent.touches.length?n.touchDeltaX=0:n.touchDeltaX=e.originalEvent.touches[0].clientX-n.touchStartX}),g(this._element).on(Q.TOUCHEND,function(t){return i(t)}))}},t._keydown=function(t){if(!/input|textarea/i.test(t.target.tagName))switch(t.which){case 37:t.preventDefault(),this.prev();break;case 39:t.preventDefault(),this.next()}},t._getItemIndex=function(t){return this._items=t&amp;&amp;t.parentNode?[].slice.call(t.parentNode.querySelectorAll(et)):[],this._items.indexOf(t)},t.</w:t>
            </w:r>
            <w:r>
              <w:lastRenderedPageBreak/>
              <w:t>_getItemByDirection=function(t,e){var n=t===W,i=t===q,o=this._getItemIndex(e),r=this._items.length-1;if((i&amp;&amp;0===o||n&amp;&amp;o===r)&amp;&amp;!this._config.wrap)return e;var s=(o+(t===q?-1:1))%this._items.length;return-1===s?this._items[this._items.length-1]:this._items[s]},t._triggerSlideEvent=function(t,e){var n=this._getItemIndex(t),i=this._getItemIndex(this._element.querySelector(tt)),o=g.Event(Q.SLIDE,{relatedTarget:t,direction:e,from:i,to:n});return g(this._element).trigger(o),o},t._setActiveIndicatorElement=function(t){if(this._indicatorsElement){var e=[].slice.call(this._indicatorsElement.querySelectorAll(Z));g(e).removeClass(V);var n=this._indicatorsElement.children[this._getItemIndex(t)];n&amp;&amp;g(n).addClass(V)}},t._slide=function(t,e){var n,i,o,r=this,s=this._element.querySelector(tt),a=this._getItemIndex(s),l=e||s&amp;&amp;this._getItemByDirection(t,s),c=this._getItemIndex(l),h=Boolean(this._interval);if(o=t===W?(n=X,i=$,M):(n=z,i=G,K),l&amp;&amp;g(l).hasClass(V))this._isSliding=!1;else if(!this._triggerSlideEvent(l,o).isDefaultPrevented()&amp;&amp;s&amp;&amp;l){this._isSliding=!0,h&amp;&amp;this.pause(),this._setActiveIndicatorElement(l);var u=g.Event(Q.SLID,{relatedTarget:l,direction:o,from:a,to:c});if(g(this._element).hasClass(Y)){g(l).addClass(i),_.reflow(l),g(s).addClass(n),g(l).addClass(n);var f=parseInt(l.getAttribute("data-interval"),10);this._config.interval=f?(this._config.defaultInterval=this._config.defaultInterval||this._config.interval,f):this._config.defaultInterval||this._config.interval;var d=_.getTransitionDurationFromElement(s);g(s).one(_.TRANSITION_END,function(){g(l).removeClass(n+" "+i).addClass(V),g(s).removeClass(V+" "+i+" "+n),r._isSliding=!1,setTimeout(function(){return g(r._element).trigger(u)},0)}).emulateTransitionEnd(d)}else g(s).removeClass(V),g(l).addClass(V),this._isSliding=!1,g(this._element).trigger(u);h&amp;&amp;this.cycle()}},r._jQueryInterface=function(i){return this.each(function(){var t=g(this).data(j),e=l({},F,g(this).data());"object"==typeof i&amp;&amp;(e=l({},e,i));var n="string"==typeof i?i:e.slide;if(t||(t=new r(this,e),g(this).data(j,t)),"number"==typeof i)t.to(i);else if("string"==typeof n){if("undefined"==typeof t[n])throw new TypeError('No method named "'+n+'"');t[n]()}else e.interval&amp;&amp;e.ride&amp;&amp;(t.pause(),t.cycle())})},r._dataApiClickHandler=function(t){var e=_.getSelectorFromElement(this);if(e){var n=g(e)[0];if(n&amp;&amp;g(n).hasClass(B)){var i=l({},g(n).data(),g(this).data()),o=this.getAttribute("data-slide-to");o&amp;&amp;(i.interval=!1),r._jQueryInterface.call(g(n),i),o&amp;&amp;g(n).data(j).to(o),t.preventDefault()}}},s(r,null,[{key:"VERSION",get:function(){return"4.3.1"}},{key:"Default",get:function(){return F}}]),r}();g(document).on(Q.CLICK_DATA_API,rt,lt._dataApiClickHandler),g(window).on(Q.LOAD_DATA_API,function(){for(var t=[].slice.call(document.querySelectorAll(st)),e=0,n=t.length;e&lt;n;e++){var i=g(t[e]);lt._jQueryInterface.call(i,i.data())}}),g.fn[L]=lt._jQueryInterface,g.fn[L].Constructor=lt,g.fn[L].noConflict=function(){return g.fn[L]=x,lt._jQueryInterface};var ct="collapse",ht="bs.collapse",ut="."+ht,ft=g.fn[ct],dt={toggle:!0,parent:""},gt={toggle:"boolean",parent:"(string|element)"},_t={SHOW:"show"+ut,SHOWN:"shown"+ut,HIDE:"hide"+ut,HIDDEN:"hidden"+ut,CLICK_DATA_API:"click"+ut+".data-api"},mt="show",pt="collapse",vt="collapsing",yt="collapsed",Et="width",Ct="height",Tt=".show, .collapsing",St='[data-toggle="collapse"]',bt=function(){function a(e,t){this._isTransitioning=!1,this._element=e,this._config=this._getConfig(t),this._triggerArray=[].slice.call(document.querySelectorAll('[data-toggle="collapse"][href="#'+e.id+'"],[data-toggle="collapse"][data-target="#'+e.id+'"]'));for(var n=[].slice.call(document.querySelectorAll(St)),i=0,o=n.length;i&lt;o;i++){var r=n[i],s=_.getSelectorFromElement(r),a=[].slice.call(document.querySelectorAll(s)).filter(function(t){return t===e});null!==s&amp;&amp;0&lt;a.length&amp;&amp;(this._selector=s,this._triggerArray.push(r))}this._parent=this._config.p</w:t>
            </w:r>
            <w:r>
              <w:lastRenderedPageBreak/>
              <w:t xml:space="preserve">arent?this._getParent():null,this._config.parent||this._addAriaAndCollapsedClass(this._element,this._triggerArray),this._config.toggle&amp;&amp;this.toggle()}var t=a.prototype;return t.toggle=function(){g(this._element).hasClass(mt)?this.hide():this.show()},t.show=function(){var t,e,n=this;if(!this._isTransitioning&amp;&amp;!g(this._element).hasClass(mt)&amp;&amp;(this._parent&amp;&amp;0===(t=[].slice.call(this._parent.querySelectorAll(Tt)).filter(function(t){return"string"==typeof n._config.parent?t.getAttribute("data-parent")===n._config.parent:t.classList.contains(pt)})).length&amp;&amp;(t=null),!(t&amp;&amp;(e=g(t).not(this._selector).data(ht))&amp;&amp;e._isTransitioning))){var i=g.Event(_t.SHOW);if(g(this._element).trigger(i),!i.isDefaultPrevented()){t&amp;&amp;(a._jQueryInterface.call(g(t).not(this._selector),"hide"),e||g(t).data(ht,null));var o=this._getDimension();g(this._element).removeClass(pt).addClass(vt),this._element.style[o]=0,this._triggerArray.length&amp;&amp;g(this._triggerArray).removeClass(yt).attr("aria-expanded",!0),this.setTransitioning(!0);var r="scroll"+(o[0].toUpperCase()+o.slice(1)),s=_.getTransitionDurationFromElement(this._element);g(this._element).one(_.TRANSITION_END,function(){g(n._element).removeClass(vt).addClass(pt).addClass(mt),n._element.style[o]="",n.setTransitioning(!1),g(n._element).trigger(_t.SHOWN)}).emulateTransitionEnd(s),this._element.style[o]=this._element[r]+"px"}}},t.hide=function(){var t=this;if(!this._isTransitioning&amp;&amp;g(this._element).hasClass(mt)){var e=g.Event(_t.HIDE);if(g(this._element).trigger(e),!e.isDefaultPrevented()){var n=this._getDimension();this._element.style[n]=this._element.getBoundingClientRect()[n]+"px",_.reflow(this._element),g(this._element).addClass(vt).removeClass(pt).removeClass(mt);var i=this._triggerArray.length;if(0&lt;i)for(var o=0;o&lt;i;o++){var r=this._triggerArray[o],s=_.getSelectorFromElement(r);if(null!==s)g([].slice.call(document.querySelectorAll(s))).hasClass(mt)||g(r).addClass(yt).attr("aria-expanded",!1)}this.setTransitioning(!0);this._element.style[n]="";var a=_.getTransitionDurationFromElement(this._element);g(this._element).one(_.TRANSITION_END,function(){t.setTransitioning(!1),g(t._element).removeClass(vt).addClass(pt).trigger(_t.HIDDEN)}).emulateTransitionEnd(a)}}},t.setTransitioning=function(t){this._isTransitioning=t},t.dispose=function(){g.removeData(this._element,ht),this._config=null,this._parent=null,this._element=null,this._triggerArray=null,this._isTransitioning=null},t._getConfig=function(t){return(t=l({},dt,t)).toggle=Boolean(t.toggle),_.typeCheckConfig(ct,t,gt),t},t._getDimension=function(){return g(this._element).hasClass(Et)?Et:Ct},t._getParent=function(){var t,n=this;_.isElement(this._config.parent)?(t=this._config.parent,"undefined"!=typeof this._config.parent.jquery&amp;&amp;(t=this._config.parent[0])):t=document.querySelector(this._config.parent);var e='[data-toggle="collapse"][data-parent="'+this._config.parent+'"]',i=[].slice.call(t.querySelectorAll(e));return g(i).each(function(t,e){n._addAriaAndCollapsedClass(a._getTargetFromElement(e),[e])}),t},t._addAriaAndCollapsedClass=function(t,e){var n=g(t).hasClass(mt);e.length&amp;&amp;g(e).toggleClass(yt,!n).attr("aria-expanded",n)},a._getTargetFromElement=function(t){var e=_.getSelectorFromElement(t);return e?document.querySelector(e):null},a._jQueryInterface=function(i){return this.each(function(){var t=g(this),e=t.data(ht),n=l({},dt,t.data(),"object"==typeof i&amp;&amp;i?i:{});if(!e&amp;&amp;n.toggle&amp;&amp;/show|hide/.test(i)&amp;&amp;(n.toggle=!1),e||(e=new a(this,n),t.data(ht,e)),"string"==typeof i){if("undefined"==typeof e[i])throw new TypeError('No method named "'+i+'"');e[i]()}})},s(a,null,[{key:"VERSION",get:function(){return"4.3.1"}},{key:"Default",get:function(){return dt}}]),a}();g(document).on(_t.CLICK_DATA_API,St,function(t){"A"===t.currentTarget.tagName&amp;&amp;t.preventDefault();var </w:t>
            </w:r>
            <w:r>
              <w:lastRenderedPageBreak/>
              <w:t xml:space="preserve">n=g(this),e=_.getSelectorFromElement(this),i=[].slice.call(document.querySelectorAll(e));g(i).each(function(){var t=g(this),e=t.data(ht)?"toggle":n.data();bt._jQueryInterface.call(t,e)})}),g.fn[ct]=bt._jQueryInterface,g.fn[ct].Constructor=bt,g.fn[ct].noConflict=function(){return g.fn[ct]=ft,bt._jQueryInterface};var It="dropdown",Dt="bs.dropdown",wt="."+Dt,At=".data-api",Nt=g.fn[It],Ot=new RegExp("38|40|27"),kt={HIDE:"hide"+wt,HIDDEN:"hidden"+wt,SHOW:"show"+wt,SHOWN:"shown"+wt,CLICK:"click"+wt,CLICK_DATA_API:"click"+wt+At,KEYDOWN_DATA_API:"keydown"+wt+At,KEYUP_DATA_API:"keyup"+wt+At},Pt="disabled",Lt="show",jt="dropup",Ht="dropright",Rt="dropleft",xt="dropdown-menu-right",Ft="position-static",Ut='[data-toggle="dropdown"]',Wt=".dropdown form",qt=".dropdown-menu",Mt=".navbar-nav",Kt=".dropdown-menu .dropdown-item:not(.disabled):not(:disabled)",Qt="top-start",Bt="top-end",Vt="bottom-start",Yt="bottom-end",zt="right-start",Xt="left-start",$t={offset:0,flip:!0,boundary:"scrollParent",reference:"toggle",display:"dynamic"},Gt={offset:"(number|string|function)",flip:"boolean",boundary:"(string|element)",reference:"(string|element)",display:"string"},Jt=function(){function c(t,e){this._element=t,this._popper=null,this._config=this._getConfig(e),this._menu=this._getMenuElement(),this._inNavbar=this._detectNavbar(),this._addEventListeners()}var t=c.prototype;return t.toggle=function(){if(!this._element.disabled&amp;&amp;!g(this._element).hasClass(Pt)){var t=c._getParentFromElement(this._element),e=g(this._menu).hasClass(Lt);if(c._clearMenus(),!e){var n={relatedTarget:this._element},i=g.Event(kt.SHOW,n);if(g(t).trigger(i),!i.isDefaultPrevented()){if(!this._inNavbar){if("undefined"==typeof u)throw new TypeError("Bootstrap's dropdowns require Popper.js (https://popper.js.org/)");var o=this._element;"parent"===this._config.reference?o=t:_.isElement(this._config.reference)&amp;&amp;(o=this._config.reference,"undefined"!=typeof this._config.reference.jquery&amp;&amp;(o=this._config.reference[0])),"scrollParent"!==this._config.boundary&amp;&amp;g(t).addClass(Ft),this._popper=new u(o,this._menu,this._getPopperConfig())}"ontouchstart"in document.documentElement&amp;&amp;0===g(t).closest(Mt).length&amp;&amp;g(document.body).children().on("mouseover",null,g.noop),this._element.focus(),this._element.setAttribute("aria-expanded",!0),g(this._menu).toggleClass(Lt),g(t).toggleClass(Lt).trigger(g.Event(kt.SHOWN,n))}}}},t.show=function(){if(!(this._element.disabled||g(this._element).hasClass(Pt)||g(this._menu).hasClass(Lt))){var t={relatedTarget:this._element},e=g.Event(kt.SHOW,t),n=c._getParentFromElement(this._element);g(n).trigger(e),e.isDefaultPrevented()||(g(this._menu).toggleClass(Lt),g(n).toggleClass(Lt).trigger(g.Event(kt.SHOWN,t)))}},t.hide=function(){if(!this._element.disabled&amp;&amp;!g(this._element).hasClass(Pt)&amp;&amp;g(this._menu).hasClass(Lt)){var t={relatedTarget:this._element},e=g.Event(kt.HIDE,t),n=c._getParentFromElement(this._element);g(n).trigger(e),e.isDefaultPrevented()||(g(this._menu).toggleClass(Lt),g(n).toggleClass(Lt).trigger(g.Event(kt.HIDDEN,t)))}},t.dispose=function(){g.removeData(this._element,Dt),g(this._element).off(wt),this._element=null,(this._menu=null)!==this._popper&amp;&amp;(this._popper.destroy(),this._popper=null)},t.update=function(){this._inNavbar=this._detectNavbar(),null!==this._popper&amp;&amp;this._popper.scheduleUpdate()},t._addEventListeners=function(){var e=this;g(this._element).on(kt.CLICK,function(t){t.preventDefault(),t.stopPropagation(),e.toggle()})},t._getConfig=function(t){return t=l({},this.constructor.Default,g(this._element).data(),t),_.typeCheckConfig(It,t,this.constructor.DefaultType),t},t._getMenuElement=function(){if(!this._menu){var t=c._getParentFromElement(this._element);t&amp;&amp;(this._menu=t.querySelector(qt))}return this._menu},t._getPlacement=function(){var t=g(this._element.parentNode),e=Vt;return t.hasClass(jt)?(e=Qt,g(this._menu).hasClass(xt)&amp;&amp;(e=Bt)):t.hasClass(Ht)?e=zt:t.hasClass(Rt)?e=Xt:g(this._menu).hasClass(xt)&amp;&amp;(e=Yt),e},t._detectNavbar=function(){return 0&lt;g(this._element).closest(".navbar").length},t._getOffset=function(){var </w:t>
            </w:r>
            <w:r>
              <w:lastRenderedPageBreak/>
              <w:t>e=this,t={};return"function"==typeof this._config.offset?t.fn=function(t){return t.offsets=l({},t.offsets,e._config.offset(t.offsets,e._element)||{}),t}:t.offset=this._config.offset,t},t._getPopperConfig=function(){var t={placement:this._getPlacement(),modifiers:{offset:this._getOffset(),flip:{enabled:this._config.flip},preventOverflow:{boundariesElement:this._config.boundary}}};return"static"===this._config.display&amp;&amp;(t.modifiers.applyStyle={enabled:!1}),t},c._jQueryInterface=function(e){return this.each(function(){var t=g(this).data(Dt);if(t||(t=new c(this,"object"==typeof e?e:null),g(this).data(Dt,t)),"string"==typeof e){if("undefined"==typeof t[e])throw new TypeError('No method named "'+e+'"');t[e]()}})},c._clearMenus=function(t){if(!t||3!==t.which&amp;&amp;("keyup"!==t.type||9===t.which))for(var e=[].slice.call(document.querySelectorAll(Ut)),n=0,i=e.length;n&lt;i;n++){var o=c._getParentFromElement(e[n]),r=g(e[n]).data(Dt),s={relatedTarget:e[n]};if(t&amp;&amp;"click"===t.type&amp;&amp;(s.clickEvent=t),r){var a=r._menu;if(g(o).hasClass(Lt)&amp;&amp;!(t&amp;&amp;("click"===t.type&amp;&amp;/input|textarea/i.test(t.target.tagName)||"keyup"===t.type&amp;&amp;9===t.which)&amp;&amp;g.contains(o,t.target))){var l=g.Event(kt.HIDE,s);g(o).trigger(l),l.isDefaultPrevented()||("ontouchstart"in document.documentElement&amp;&amp;g(document.body).children().off("mouseover",null,g.noop),e[n].setAttribute("aria-expanded","false"),g(a).removeClass(Lt),g(o).removeClass(Lt).trigger(g.Event(kt.HIDDEN,s)))}}}},c._getParentFromElement=function(t){var e,n=_.getSelectorFromElement(t);return n&amp;&amp;(e=document.querySelector(n)),e||t.parentNode},c._dataApiKeydownHandler=function(t){if((/input|textarea/i.test(t.target.tagName)?!(32===t.which||27!==t.which&amp;&amp;(40!==t.which&amp;&amp;38!==t.which||g(t.target).closest(qt).length)):Ot.test(t.which))&amp;&amp;(t.preventDefault(),t.stopPropagation(),!this.disabled&amp;&amp;!g(this).hasClass(Pt))){var e=c._getParentFromElement(this),n=g(e).hasClass(Lt);if(n&amp;&amp;(!n||27!==t.which&amp;&amp;32!==t.which)){var i=[].slice.call(e.querySelectorAll(Kt));if(0!==i.length){var o=i.indexOf(t.target);38===t.which&amp;&amp;0&lt;o&amp;&amp;o--,40===t.which&amp;&amp;o&lt;i.length-1&amp;&amp;o++,o&lt;0&amp;&amp;(o=0),i[o].focus()}}else{if(27===t.which){var r=e.querySelector(Ut);g(r).trigger("focus")}g(this).trigger("click")}}},s(c,null,[{key:"VERSION",get:function(){return"4.3.1"}},{key:"Default",get:function(){return $t}},{key:"DefaultType",get:function(){return Gt}}]),c}();g(document).on(kt.KEYDOWN_DATA_API,Ut,Jt._dataApiKeydownHandler).on(kt.KEYDOWN_DATA_API,qt,Jt._dataApiKeydownHandler).on(kt.CLICK_DATA_API+" "+kt.KEYUP_DATA_API,Jt._clearMenus).on(kt.CLICK_DATA_API,Ut,function(t){t.preventDefault(),t.stopPropagation(),Jt._jQueryInterface.call(g(this),"toggle")}).on(kt.CLICK_DATA_API,Wt,function(t){t.stopPropagation()}),g.fn[It]=Jt._jQueryInterface,g.fn[It].Constructor=Jt,g.fn[It].noConflict=function(){return g.fn[It]=Nt,Jt._jQueryInterface};var Zt="modal",te="bs.modal",ee="."+te,ne=g.fn[Zt],ie={backdrop:!0,keyboard:!0,focus:!0,show:!0},oe={backdrop:"(boolean|string)",keyboard:"boolean",focus:"boolean",show:"boolean"},re={HIDE:"hide"+ee,HIDDEN:"hidden"+ee,SHOW:"show"+ee,SHOWN:"shown"+ee,FOCUSIN:"focusin"+ee,RESIZE:"resize"+ee,CLICK_DISMISS:"click.dismiss"+ee,KEYDOWN_DISMISS:"keydown.dismiss"+ee,MOUSEUP_DISMISS:"mouseup.dismiss"+ee,MOUSEDOWN_DISMISS:"mousedown.dismiss"+ee,CLICK_DATA_API:"click"+ee+".data-api"},se="modal-dialog-scrollable",ae="modal-scrollbar-measure",le="modal-backdrop",ce="modal-open",he="fade",ue="show",fe=".modal-dialog",de=".modal-body",ge='[data-toggle="modal"]',_e='[data-dismiss="modal"]',me=".fixed-top, .fixed-bottom, .is-fixed, .sticky-top",pe=".sticky-top",ve=function(){function o(t,e){this._config=this._getConfig(e),this._element=t,this._dialog=t.querySelector(fe),this._backdrop=null,this._isShown=!1,this._isBodyOverflowing=!1,this._ignoreBackdropClick=!1,this._isTransitioning=!1,this._scrollbarWidth=0}var t=o.prototype;return t.toggle=function(t){return this._isShown?this.hide():this.show(t)},t.show=function(t){var e=this;if(!this._isShown&amp;&amp;!this._isTransitioning){g(this._element).hasClass(he)&amp;&amp;(this._isTransitioning=</w:t>
            </w:r>
            <w:r>
              <w:lastRenderedPageBreak/>
              <w:t>!0);var n=g.Event(re.SHOW,{relatedTarget:t});g(this._element).trigger(n),this._isShown||n.isDefaultPrevented()||(this._isShown=!0,this._checkScrollbar(),this._setScrollbar(),this._adjustDialog(),this._setEscapeEvent(),this._setResizeEvent(),g(this._element).on(re.CLICK_DISMISS,_e,function(t){return e.hide(t)}),g(this._dialog).on(re.MOUSEDOWN_DISMISS,function(){g(e._element).one(re.MOUSEUP_DISMISS,function(t){g(t.target).is(e._element)&amp;&amp;(e._ignoreBackdropClick=!0)})}),this._showBackdrop(function(){return e._showElement(t)}))}},t.hide=function(t){var e=this;if(t&amp;&amp;t.preventDefault(),this._isShown&amp;&amp;!this._isTransitioning){var n=g.Event(re.HIDE);if(g(this._element).trigger(n),this._isShown&amp;&amp;!n.isDefaultPrevented()){this._isShown=!1;var i=g(this._element).hasClass(he);if(i&amp;&amp;(this._isTransitioning=!0),this._setEscapeEvent(),this._setResizeEvent(),g(document).off(re.FOCUSIN),g(this._element).removeClass(ue),g(this._element).off(re.CLICK_DISMISS),g(this._dialog).off(re.MOUSEDOWN_DISMISS),i){var o=_.getTransitionDurationFromElement(this._element);g(this._element).one(_.TRANSITION_END,function(t){return e._hideModal(t)}).emulateTransitionEnd(o)}else this._hideModal()}}},t.dispose=function(){[window,this._element,this._dialog].forEach(function(t){return g(t).off(ee)}),g(document).off(re.FOCUSIN),g.removeData(this._element,te),this._config=null,this._element=null,this._dialog=null,this._backdrop=null,this._isShown=null,this._isBodyOverflowing=null,this._ignoreBackdropClick=null,this._isTransitioning=null,this._scrollbarWidth=null},t.handleUpdate=function(){this._adjustDialog()},t._getConfig=function(t){return t=l({},ie,t),_.typeCheckConfig(Zt,t,oe),t},t._showElement=function(t){var e=this,n=g(this._element).hasClass(he);this._element.parentNode&amp;&amp;this._element.parentNode.nodeType===Node.ELEMENT_NODE||document.body.appendChild(this._element),this._element.style.display="block",this._element.removeAttribute("aria-hidden"),this._element.setAttribute("aria-modal",!0),g(this._dialog).hasClass(se)?this._dialog.querySelector(de).scrollTop=0:this._element.scrollTop=0,n&amp;&amp;_.reflow(this._element),g(this._element).addClass(ue),this._config.focus&amp;&amp;this._enforceFocus();var i=g.Event(re.SHOWN,{relatedTarget:t}),o=function(){e._config.focus&amp;&amp;e._element.focus(),e._isTransitioning=!1,g(e._element).trigger(i)};if(n){var r=_.getTransitionDurationFromElement(this._dialog);g(this._dialog).one(_.TRANSITION_END,o).emulateTransitionEnd(r)}else o()},t._enforceFocus=function(){var e=this;g(document).off(re.FOCUSIN).on(re.FOCUSIN,function(t){document!==t.target&amp;&amp;e._element!==t.target&amp;&amp;0===g(e._element).has(t.target).length&amp;&amp;e._element.focus()})},t._setEscapeEvent=function(){var e=this;this._isShown&amp;&amp;this._config.keyboard?g(this._element).on(re.KEYDOWN_DISMISS,function(t){27===t.which&amp;&amp;(t.preventDefault(),e.hide())}):this._isShown||g(this._element).off(re.KEYDOWN_DISMISS)},t._setResizeEvent=function(){var e=this;this._isShown?g(window).on(re.RESIZE,function(t){return e.handleUpdate(t)}):g(window).off(re.RESIZE)},t._hideModal=function(){var t=this;this._element.style.display="none",this._element.setAttribute("aria-hidden",!0),this._element.removeAttribute("aria-modal"),this._isTransitioning=!1,this._showBackdrop(function(){g(document.body).removeClass(ce),t._resetAdjustments(),t._resetScrollbar(),g(t._element).trigger(re.HIDDEN)})},t._removeBackdrop=function(){this._backdrop&amp;&amp;(g(this._backdrop).remove(),this._backdrop=null)},t._showBackdrop=function(t){var e=this,n=g(this._element).hasClass(he)?he:"";if(this._isShown&amp;&amp;this._config.backdrop){if(this._backdrop=document.createElement("div"),this._backdrop.className=le,n&amp;&amp;this._backdrop.classList.add(n),g(this._backdrop).appendTo(document.body),g(this._element).on(re.CLICK_DISMISS,function(t){e._ignoreBackdropClick?e._ignoreBackdropClick=!1:t.target===t.currentTarget&amp;&amp;("static"===e._config.backdrop?e._element.focus():e.hide())}),n&amp;&amp;_.reflow(this._backdrop),g(this._backdrop).addClass(ue),!t)return;if(!n)</w:t>
            </w:r>
            <w:r>
              <w:lastRenderedPageBreak/>
              <w:t xml:space="preserve">return void t();var i=_.getTransitionDurationFromElement(this._backdrop);g(this._backdrop).one(_.TRANSITION_END,t).emulateTransitionEnd(i)}else if(!this._isShown&amp;&amp;this._backdrop){g(this._backdrop).removeClass(ue);var o=function(){e._removeBackdrop(),t&amp;&amp;t()};if(g(this._element).hasClass(he)){var r=_.getTransitionDurationFromElement(this._backdrop);g(this._backdrop).one(_.TRANSITION_END,o).emulateTransitionEnd(r)}else o()}else t&amp;&amp;t()},t._adjustDialog=function(){var t=this._element.scrollHeight&gt;document.documentElement.clientHeight;!this._isBodyOverflowing&amp;&amp;t&amp;&amp;(this._element.style.paddingLeft=this._scrollbarWidth+"px"),this._isBodyOverflowing&amp;&amp;!t&amp;&amp;(this._element.style.paddingRight=this._scrollbarWidth+"px")},t._resetAdjustments=function(){this._element.style.paddingLeft="",this._element.style.paddingRight=""},t._checkScrollbar=function(){var t=document.body.getBoundingClientRect();this._isBodyOverflowing=t.left+t.right&lt;window.innerWidth,this._scrollbarWidth=this._getScrollbarWidth()},t._setScrollbar=function(){var o=this;if(this._isBodyOverflowing){var t=[].slice.call(document.querySelectorAll(me)),e=[].slice.call(document.querySelectorAll(pe));g(t).each(function(t,e){var n=e.style.paddingRight,i=g(e).css("padding-right");g(e).data("padding-right",n).css("padding-right",parseFloat(i)+o._scrollbarWidth+"px")}),g(e).each(function(t,e){var n=e.style.marginRight,i=g(e).css("margin-right");g(e).data("margin-right",n).css("margin-right",parseFloat(i)-o._scrollbarWidth+"px")});var n=document.body.style.paddingRight,i=g(document.body).css("padding-right");g(document.body).data("padding-right",n).css("padding-right",parseFloat(i)+this._scrollbarWidth+"px")}g(document.body).addClass(ce)},t._resetScrollbar=function(){var t=[].slice.call(document.querySelectorAll(me));g(t).each(function(t,e){var n=g(e).data("padding-right");g(e).removeData("padding-right"),e.style.paddingRight=n||""});var e=[].slice.call(document.querySelectorAll(""+pe));g(e).each(function(t,e){var n=g(e).data("margin-right");"undefined"!=typeof n&amp;&amp;g(e).css("margin-right",n).removeData("margin-right")});var n=g(document.body).data("padding-right");g(document.body).removeData("padding-right"),document.body.style.paddingRight=n||""},t._getScrollbarWidth=function(){var t=document.createElement("div");t.className=ae,document.body.appendChild(t);var e=t.getBoundingClientRect().width-t.clientWidth;return document.body.removeChild(t),e},o._jQueryInterface=function(n,i){return this.each(function(){var t=g(this).data(te),e=l({},ie,g(this).data(),"object"==typeof n&amp;&amp;n?n:{});if(t||(t=new o(this,e),g(this).data(te,t)),"string"==typeof n){if("undefined"==typeof t[n])throw new TypeError('No method named "'+n+'"');t[n](i)}else e.show&amp;&amp;t.show(i)})},s(o,null,[{key:"VERSION",get:function(){return"4.3.1"}},{key:"Default",get:function(){return ie}}]),o}();g(document).on(re.CLICK_DATA_API,ge,function(t){var e,n=this,i=_.getSelectorFromElement(this);i&amp;&amp;(e=document.querySelector(i));var o=g(e).data(te)?"toggle":l({},g(e).data(),g(this).data());"A"!==this.tagName&amp;&amp;"AREA"!==this.tagName||t.preventDefault();var r=g(e).one(re.SHOW,function(t){t.isDefaultPrevented()||r.one(re.HIDDEN,function(){g(n).is(":visible")&amp;&amp;n.focus()})});ve._jQueryInterface.call(g(e),o,this)}),g.fn[Zt]=ve._jQueryInterface,g.fn[Zt].Constructor=ve,g.fn[Zt].noConflict=function(){return g.fn[Zt]=ne,ve._jQueryInterface};var ye=["background","cite","href","itemtype","longdesc","poster","src","xlink:href"],Ee={"*":["class","dir","id","lang","role",/^aria-[\w-]*$/i],a:["target","href","title","rel"],area:[],b:[],br:[],col:[],code:[],div:[],em:[],hr:[],h1:[],h2:[],h3:[],h4:[],h5:[],h6:[],i:[],img:["src","alt","title","width","height"],li:[],ol:[],p:[],pre:[],s:[],small:[],span:[],sub:[],sup:[],strong:[],u:[],ul:[]},Ce=/^(?:(?:https?|mailto|ftp|tel|file):|[^&amp;:/?#]*(?:[/?#]|$))/gi,Te=/^data:(?:image\/(?:bmp|gif|jpeg|jpg|png|tiff|webp)|video\/(?:mpeg|mp4|ogg|webm)|audio\/(?:mp3|oga|ogg|opus));base64,[a-z0-9+/]+=*$/i;function Se(t,s,e){if(0===t.length)return t;if(e&amp;&amp;"function"==typeof e)return </w:t>
            </w:r>
            <w:r>
              <w:lastRenderedPageBreak/>
              <w:t xml:space="preserve">e(t);for(var n=(new window.DOMParser).parseFromString(t,"text/html"),a=Object.keys(s),l=[].slice.call(n.body.querySelectorAll("*")),i=function(t,e){var n=l[t],i=n.nodeName.toLowerCase();if(-1===a.indexOf(n.nodeName.toLowerCase()))return n.parentNode.removeChild(n),"continue";var o=[].slice.call(n.attributes),r=[].concat(s["*"]||[],s[i]||[]);o.forEach(function(t){(function(t,e){var n=t.nodeName.toLowerCase();if(-1!==e.indexOf(n))return-1===ye.indexOf(n)||Boolean(t.nodeValue.match(Ce)||t.nodeValue.match(Te));for(var i=e.filter(function(t){return t instanceof RegExp}),o=0,r=i.length;o&lt;r;o++)if(n.match(i[o]))return!0;return!1})(t,r)||n.removeAttribute(t.nodeName)})},o=0,r=l.length;o&lt;r;o++)i(o);return n.body.innerHTML}var be="tooltip",Ie="bs.tooltip",De="."+Ie,we=g.fn[be],Ae="bs-tooltip",Ne=new RegExp("(^|\\s)"+Ae+"\\S+","g"),Oe=["sanitize","whiteList","sanitizeFn"],ke={animation:"boolean",template:"string",title:"(string|element|function)",trigger:"string",delay:"(number|object)",html:"boolean",selector:"(string|boolean)",placement:"(string|function)",offset:"(number|string|function)",container:"(string|element|boolean)",fallbackPlacement:"(string|array)",boundary:"(string|element)",sanitize:"boolean",sanitizeFn:"(null|function)",whiteList:"object"},Pe={AUTO:"auto",TOP:"top",RIGHT:"right",BOTTOM:"bottom",LEFT:"left"},Le={animation:!0,template:'&lt;div class="tooltip" role="tooltip"&gt;&lt;div class="arrow"&gt;&lt;/div&gt;&lt;div class="tooltip-inner"&gt;&lt;/div&gt;&lt;/div&gt;',trigger:"hover focus",title:"",delay:0,html:!1,selector:!1,placement:"top",offset:0,container:!1,fallbackPlacement:"flip",boundary:"scrollParent",sanitize:!0,sanitizeFn:null,whiteList:Ee},je="show",He="out",Re={HIDE:"hide"+De,HIDDEN:"hidden"+De,SHOW:"show"+De,SHOWN:"shown"+De,INSERTED:"inserted"+De,CLICK:"click"+De,FOCUSIN:"focusin"+De,FOCUSOUT:"focusout"+De,MOUSEENTER:"mouseenter"+De,MOUSELEAVE:"mouseleave"+De},xe="fade",Fe="show",Ue=".tooltip-inner",We=".arrow",qe="hover",Me="focus",Ke="click",Qe="manual",Be=function(){function i(t,e){if("undefined"==typeof u)throw new TypeError("Bootstrap's tooltips require Popper.js (https://popper.js.org/)");this._isEnabled=!0,this._timeout=0,this._hoverState="",this._activeTrigger={},this._popper=null,this.element=t,this.config=this._getConfig(e),this.tip=null,this._setListeners()}var t=i.prototype;return t.enable=function(){this._isEnabled=!0},t.disable=function(){this._isEnabled=!1},t.toggleEnabled=function(){this._isEnabled=!this._isEnabled},t.toggle=function(t){if(this._isEnabled)if(t){var e=this.constructor.DATA_KEY,n=g(t.currentTarget).data(e);n||(n=new this.constructor(t.currentTarget,this._getDelegateConfig()),g(t.currentTarget).data(e,n)),n._activeTrigger.click=!n._activeTrigger.click,n._isWithActiveTrigger()?n._enter(null,n):n._leave(null,n)}else{if(g(this.getTipElement()).hasClass(Fe))return void this._leave(null,this);this._enter(null,this)}},t.dispose=function(){clearTimeout(this._timeout),g.removeData(this.element,this.constructor.DATA_KEY),g(this.element).off(this.constructor.EVENT_KEY),g(this.element).closest(".modal").off("hide.bs.modal"),this.tip&amp;&amp;g(this.tip).remove(),this._isEnabled=null,this._timeout=null,this._hoverState=null,(this._activeTrigger=null)!==this._popper&amp;&amp;this._popper.destroy(),this._popper=null,this.element=null,this.config=null,this.tip=null},t.show=function(){var e=this;if("none"===g(this.element).css("display"))throw new Error("Please use show on visible elements");var t=g.Event(this.constructor.Event.SHOW);if(this.isWithContent()&amp;&amp;this._isEnabled){g(this.element).trigger(t);var n=_.findShadowRoot(this.element),i=g.contains(null!==n?n:this.element.ownerDocument.documentElement,this.element);if(t.isDefaultPrevented()||!i)return;var o=this.getTipElement(),r=_.getUID(this.constructor.NAME);o.setAttribute("id",r),this.element.setAttribute("aria-describedby",r),this.setContent(),this.config.animation&amp;&amp;g(o).addClass(xe);var s="function"==typeof </w:t>
            </w:r>
            <w:r>
              <w:lastRenderedPageBreak/>
              <w:t>this.config.placement?this.config.placement.call(this,o,this.element):this.config.placement,a=this._getAttachment(s);this.addAttachmentClass(a);var l=this._getContainer();g(o).data(this.constructor.DATA_KEY,this),g.contains(this.element.ownerDocument.documentElement,this.tip)||g(o).appendTo(l),g(this.element).trigger(this.constructor.Event.INSERTED),this._popper=new u(this.element,o,{placement:a,modifiers:{offset:this._getOffset(),flip:{behavior:this.config.fallbackPlacement},arrow:{element:We},preventOverflow:{boundariesElement:this.config.boundary}},onCreate:function(t){t.originalPlacement!==t.placement&amp;&amp;e._handlePopperPlacementChange(t)},onUpdate:function(t){return e._handlePopperPlacementChange(t)}}),g(o).addClass(Fe),"ontouchstart"in document.documentElement&amp;&amp;g(document.body).children().on("mouseover",null,g.noop);var c=function(){e.config.animation&amp;&amp;e._fixTransition();var t=e._hoverState;e._hoverState=null,g(e.element).trigger(e.constructor.Event.SHOWN),t===He&amp;&amp;e._leave(null,e)};if(g(this.tip).hasClass(xe)){var h=_.getTransitionDurationFromElement(this.tip);g(this.tip).one(_.TRANSITION_END,c).emulateTransitionEnd(h)}else c()}},t.hide=function(t){var e=this,n=this.getTipElement(),i=g.Event(this.constructor.Event.HIDE),o=function(){e._hoverState!==je&amp;&amp;n.parentNode&amp;&amp;n.parentNode.removeChild(n),e._cleanTipClass(),e.element.removeAttribute("aria-describedby"),g(e.element).trigger(e.constructor.Event.HIDDEN),null!==e._popper&amp;&amp;e._popper.destroy(),t&amp;&amp;t()};if(g(this.element).trigger(i),!i.isDefaultPrevented()){if(g(n).removeClass(Fe),"ontouchstart"in document.documentElement&amp;&amp;g(document.body).children().off("mouseover",null,g.noop),this._activeTrigger[Ke]=!1,this._activeTrigger[Me]=!1,this._activeTrigger[qe]=!1,g(this.tip).hasClass(xe)){var r=_.getTransitionDurationFromElement(n);g(n).one(_.TRANSITION_END,o).emulateTransitionEnd(r)}else o();this._hoverState=""}},t.update=function(){null!==this._popper&amp;&amp;this._popper.scheduleUpdate()},t.isWithContent=function(){return Boolean(this.getTitle())},t.addAttachmentClass=function(t){g(this.getTipElement()).addClass(Ae+"-"+t)},t.getTipElement=function(){return this.tip=this.tip||g(this.config.template)[0],this.tip},t.setContent=function(){var t=this.getTipElement();this.setElementContent(g(t.querySelectorAll(Ue)),this.getTitle()),g(t).removeClass(xe+" "+Fe)},t.setElementContent=function(t,e){"object"!=typeof e||!e.nodeType&amp;&amp;!e.jquery?this.config.html?(this.config.sanitize&amp;&amp;(e=Se(e,this.config.whiteList,this.config.sanitizeFn)),t.html(e)):t.text(e):this.config.html?g(e).parent().is(t)||t.empty().append(e):t.text(g(e).text())},t.getTitle=function(){var t=this.element.getAttribute("data-original-title");return t||(t="function"==typeof this.config.title?this.config.title.call(this.element):this.config.title),t},t._getOffset=function(){var e=this,t={};return"function"==typeof this.config.offset?t.fn=function(t){return t.offsets=l({},t.offsets,e.config.offset(t.offsets,e.element)||{}),t}:t.offset=this.config.offset,t},t._getContainer=function(){return!1===this.config.container?document.body:_.isElement(this.config.container)?g(this.config.container):g(document).find(this.config.container)},t._getAttachment=function(t){return Pe[t.toUpperCase()]},t._setListeners=function(){var i=this;this.config.trigger.split(" ").forEach(function(t){if("click"===t)g(i.element).on(i.constructor.Event.CLICK,i.config.selector,function(t){return i.toggle(t)});else if(t!==Qe){var e=t===qe?i.constructor.Event.MOUSEENTER:i.constructor.Event.FOCUSIN,n=t===qe?i.constructor.Event.MOUSELEAVE:i.constructor.Event.FOCUSOUT;g(i.element).on(e,i.config.selector,function(t){return i._enter(t)}).on(n,i.config.selector,function(t){return i._leave(t)})}}),g(this.element).closest(".modal").on("hide.bs.modal",function(){i.element&amp;&amp;i.hide()}),this.config.selector?this.config=l({},this.config,{trigger:"manual",selector:""}):this._fixTitle()},t._fixTitle=function(){var t=typeof this.element.getAttribute("data-original-title");(this.element.getAttribute("title")||"string"!==t)&amp;&amp;(this.element.setAttribute("data-original-</w:t>
            </w:r>
            <w:r>
              <w:lastRenderedPageBreak/>
              <w:t xml:space="preserve">title",this.element.getAttribute("title")||""),this.element.setAttribute("title",""))},t._enter=function(t,e){var n=this.constructor.DATA_KEY;(e=e||g(t.currentTarget).data(n))||(e=new this.constructor(t.currentTarget,this._getDelegateConfig()),g(t.currentTarget).data(n,e)),t&amp;&amp;(e._activeTrigger["focusin"===t.type?Me:qe]=!0),g(e.getTipElement()).hasClass(Fe)||e._hoverState===je?e._hoverState=je:(clearTimeout(e._timeout),e._hoverState=je,e.config.delay&amp;&amp;e.config.delay.show?e._timeout=setTimeout(function(){e._hoverState===je&amp;&amp;e.show()},e.config.delay.show):e.show())},t._leave=function(t,e){var n=this.constructor.DATA_KEY;(e=e||g(t.currentTarget).data(n))||(e=new this.constructor(t.currentTarget,this._getDelegateConfig()),g(t.currentTarget).data(n,e)),t&amp;&amp;(e._activeTrigger["focusout"===t.type?Me:qe]=!1),e._isWithActiveTrigger()||(clearTimeout(e._timeout),e._hoverState=He,e.config.delay&amp;&amp;e.config.delay.hide?e._timeout=setTimeout(function(){e._hoverState===He&amp;&amp;e.hide()},e.config.delay.hide):e.hide())},t._isWithActiveTrigger=function(){for(var t in this._activeTrigger)if(this._activeTrigger[t])return!0;return!1},t._getConfig=function(t){var e=g(this.element).data();return Object.keys(e).forEach(function(t){-1!==Oe.indexOf(t)&amp;&amp;delete e[t]}),"number"==typeof(t=l({},this.constructor.Default,e,"object"==typeof t&amp;&amp;t?t:{})).delay&amp;&amp;(t.delay={show:t.delay,hide:t.delay}),"number"==typeof t.title&amp;&amp;(t.title=t.title.toString()),"number"==typeof t.content&amp;&amp;(t.content=t.content.toString()),_.typeCheckConfig(be,t,this.constructor.DefaultType),t.sanitize&amp;&amp;(t.template=Se(t.template,t.whiteList,t.sanitizeFn)),t},t._getDelegateConfig=function(){var t={};if(this.config)for(var e in this.config)this.constructor.Default[e]!==this.config[e]&amp;&amp;(t[e]=this.config[e]);return t},t._cleanTipClass=function(){var t=g(this.getTipElement()),e=t.attr("class").match(Ne);null!==e&amp;&amp;e.length&amp;&amp;t.removeClass(e.join(""))},t._handlePopperPlacementChange=function(t){var e=t.instance;this.tip=e.popper,this._cleanTipClass(),this.addAttachmentClass(this._getAttachment(t.placement))},t._fixTransition=function(){var t=this.getTipElement(),e=this.config.animation;null===t.getAttribute("x-placement")&amp;&amp;(g(t).removeClass(xe),this.config.animation=!1,this.hide(),this.show(),this.config.animation=e)},i._jQueryInterface=function(n){return this.each(function(){var t=g(this).data(Ie),e="object"==typeof n&amp;&amp;n;if((t||!/dispose|hide/.test(n))&amp;&amp;(t||(t=new i(this,e),g(this).data(Ie,t)),"string"==typeof n)){if("undefined"==typeof t[n])throw new TypeError('No method named "'+n+'"');t[n]()}})},s(i,null,[{key:"VERSION",get:function(){return"4.3.1"}},{key:"Default",get:function(){return Le}},{key:"NAME",get:function(){return be}},{key:"DATA_KEY",get:function(){return Ie}},{key:"Event",get:function(){return Re}},{key:"EVENT_KEY",get:function(){return De}},{key:"DefaultType",get:function(){return ke}}]),i}();g.fn[be]=Be._jQueryInterface,g.fn[be].Constructor=Be,g.fn[be].noConflict=function(){return g.fn[be]=we,Be._jQueryInterface};var Ve="popover",Ye="bs.popover",ze="."+Ye,Xe=g.fn[Ve],$e="bs-popover",Ge=new RegExp("(^|\\s)"+$e+"\\S+","g"),Je=l({},Be.Default,{placement:"right",trigger:"click",content:"",template:'&lt;div class="popover" role="tooltip"&gt;&lt;div class="arrow"&gt;&lt;/div&gt;&lt;h3 class="popover-header"&gt;&lt;/h3&gt;&lt;div class="popover-body"&gt;&lt;/div&gt;&lt;/div&gt;'}),Ze=l({},Be.DefaultType,{content:"(string|element|function)"}),tn="fade",en="show",nn=".popover-header",on=".popover-body",rn={HIDE:"hide"+ze,HIDDEN:"hidden"+ze,SHOW:"show"+ze,SHOWN:"shown"+ze,INSERTED:"inserted"+ze,CLICK:"click"+ze,FOCUSIN:"focusin"+ze,FOCUSOUT:"focusout"+ze,MOUSEENTER:"mouseenter"+ze,MOUSELEAVE:"mouseleave"+ze},sn=function(t){var e,n;function i(){return t.apply(this,arguments)||this}n=t,(e=i).prototype=Object.create(n.prototype),(e.prototype.constructor=e).__proto__=n;var o=i.prototype;return o.isWithContent=function(){return </w:t>
            </w:r>
            <w:r>
              <w:lastRenderedPageBreak/>
              <w:t>this.getTitle()||this._getContent()},o.addAttachmentClass=function(t){g(this.getTipElement()).addClass($e+"-"+t)},o.getTipElement=function(){return this.tip=this.tip||g(this.config.template)[0],this.tip},o.setContent=function(){var t=g(this.getTipElement());this.setElementContent(t.find(nn),this.getTitle());var e=this._getContent();"function"==typeof e&amp;&amp;(e=e.call(this.element)),this.setElementContent(t.find(on),e),t.removeClass(tn+" "+en)},o._getContent=function(){return this.element.getAttribute("data-content")||this.config.content},o._cleanTipClass=function(){var t=g(this.getTipElement()),e=t.attr("class").match(Ge);null!==e&amp;&amp;0&lt;e.length&amp;&amp;t.removeClass(e.join(""))},i._jQueryInterface=function(n){return this.each(function(){var t=g(this).data(Ye),e="object"==typeof n?n:null;if((t||!/dispose|hide/.test(n))&amp;&amp;(t||(t=new i(this,e),g(this).data(Ye,t)),"string"==typeof n)){if("undefined"==typeof t[n])throw new TypeError('No method named "'+n+'"');t[n]()}})},s(i,null,[{key:"VERSION",get:function(){return"4.3.1"}},{key:"Default",get:function(){return Je}},{key:"NAME",get:function(){return Ve}},{key:"DATA_KEY",get:function(){return Ye}},{key:"Event",get:function(){return rn}},{key:"EVENT_KEY",get:function(){return ze}},{key:"DefaultType",get:function(){return Ze}}]),i}(Be);g.fn[Ve]=sn._jQueryInterface,g.fn[Ve].Constructor=sn,g.fn[Ve].noConflict=function(){return g.fn[Ve]=Xe,sn._jQueryInterface};var an="scrollspy",ln="bs.scrollspy",cn="."+ln,hn=g.fn[an],un={offset:10,method:"auto",target:""},fn={offset:"number",method:"string",target:"(string|element)"},dn={ACTIVATE:"activate"+cn,SCROLL:"scroll"+cn,LOAD_DATA_API:"load"+cn+".data-api"},gn="dropdown-item",_n="active",mn='[data-spy="scroll"]',pn=".nav, .list-group",vn=".nav-link",yn=".nav-item",En=".list-group-item",Cn=".dropdown",Tn=".dropdown-item",Sn=".dropdown-toggle",bn="offset",In="position",Dn=function(){function n(t,e){var n=this;this._element=t,this._scrollElement="BODY"===t.tagName?window:t,this._config=this._getConfig(e),this._selector=this._config.target+" "+vn+","+this._config.target+" "+En+","+this._config.target+" "+Tn,this._offsets=[],this._targets=[],this._activeTarget=null,this._scrollHeight=0,g(this._scrollElement).on(dn.SCROLL,function(t){return n._process(t)}),this.refresh(),this._process()}var t=n.prototype;return t.refresh=function(){var e=this,t=this._scrollElement===this._scrollElement.window?bn:In,o="auto"===this._config.method?t:this._config.method,r=o===In?this._getScrollTop():0;this._offsets=[],this._targets=[],this._scrollHeight=this._getScrollHeight(),[].slice.call(document.querySelectorAll(this._selector)).map(function(t){var e,n=_.getSelectorFromElement(t);if(n&amp;&amp;(e=document.querySelector(n)),e){var i=e.getBoundingClientRect();if(i.width||i.height)return[g(e)[o]().top+r,n]}return null}).filter(function(t){return t}).sort(function(t,e){return t[0]-e[0]}).forEach(function(t){e._offsets.push(t[0]),e._targets.push(t[1])})},t.dispose=function(){g.removeData(this._element,ln),g(this._scrollElement).off(cn),this._element=null,this._scrollElement=null,this._config=null,this._selector=null,this._offsets=null,this._targets=null,this._activeTarget=null,this._scrollHeight=null},t._getConfig=function(t){if("string"!=typeof(t=l({},un,"object"==typeof t&amp;&amp;t?t:{})).target){var e=g(t.target).attr("id");e||(e=_.getUID(an),g(t.target).attr("id",e)),t.target="#"+e}return _.typeCheckConfig(an,t,fn),t},t._getScrollTop=function(){return this._scrollElement===window?this._scrollElement.pageYOffset:this._scrollElement.scrollTop},t._getScrollHeight=function(){return this._scrollElement.scrollHeight||Math.max(document.body.scrollHeight,document.documentElement.scrollHeight)},t._getOffsetHeight=function(){return this._scrollElement===window?window.innerHeight:this._scrollElement.getBoundingClientRect().height},t._process=function(){var t=this._getScrollTop()+this._config.offset,e=this._getScrollHeight(),n=this._config.offset+e-</w:t>
            </w:r>
            <w:r>
              <w:lastRenderedPageBreak/>
              <w:t xml:space="preserve">this._getOffsetHeight();if(this._scrollHeight!==e&amp;&amp;this.refresh(),n&lt;=t){var i=this._targets[this._targets.length-1];this._activeTarget!==i&amp;&amp;this._activate(i)}else{if(this._activeTarget&amp;&amp;t&lt;this._offsets[0]&amp;&amp;0&lt;this._offsets[0])return this._activeTarget=null,void this._clear();for(var o=this._offsets.length;o--;){this._activeTarget!==this._targets[o]&amp;&amp;t&gt;=this._offsets[o]&amp;&amp;("undefined"==typeof this._offsets[o+1]||t&lt;this._offsets[o+1])&amp;&amp;this._activate(this._targets[o])}}},t._activate=function(e){this._activeTarget=e,this._clear();var t=this._selector.split(",").map(function(t){return t+'[data-target="'+e+'"],'+t+'[href="'+e+'"]'}),n=g([].slice.call(document.querySelectorAll(t.join(","))));n.hasClass(gn)?(n.closest(Cn).find(Sn).addClass(_n),n.addClass(_n)):(n.addClass(_n),n.parents(pn).prev(vn+", "+En).addClass(_n),n.parents(pn).prev(yn).children(vn).addClass(_n)),g(this._scrollElement).trigger(dn.ACTIVATE,{relatedTarget:e})},t._clear=function(){[].slice.call(document.querySelectorAll(this._selector)).filter(function(t){return t.classList.contains(_n)}).forEach(function(t){return t.classList.remove(_n)})},n._jQueryInterface=function(e){return this.each(function(){var t=g(this).data(ln);if(t||(t=new n(this,"object"==typeof e&amp;&amp;e),g(this).data(ln,t)),"string"==typeof e){if("undefined"==typeof t[e])throw new TypeError('No method named "'+e+'"');t[e]()}})},s(n,null,[{key:"VERSION",get:function(){return"4.3.1"}},{key:"Default",get:function(){return un}}]),n}();g(window).on(dn.LOAD_DATA_API,function(){for(var t=[].slice.call(document.querySelectorAll(mn)),e=t.length;e--;){var n=g(t[e]);Dn._jQueryInterface.call(n,n.data())}}),g.fn[an]=Dn._jQueryInterface,g.fn[an].Constructor=Dn,g.fn[an].noConflict=function(){return g.fn[an]=hn,Dn._jQueryInterface};var wn="bs.tab",An="."+wn,Nn=g.fn.tab,On={HIDE:"hide"+An,HIDDEN:"hidden"+An,SHOW:"show"+An,SHOWN:"shown"+An,CLICK_DATA_API:"click"+An+".data-api"},kn="dropdown-menu",Pn="active",Ln="disabled",jn="fade",Hn="show",Rn=".dropdown",xn=".nav, .list-group",Fn=".active",Un="&gt; li &gt; .active",Wn='[data-toggle="tab"], [data-toggle="pill"], [data-toggle="list"]',qn=".dropdown-toggle",Mn="&gt; .dropdown-menu .active",Kn=function(){function i(t){this._element=t}var t=i.prototype;return t.show=function(){var n=this;if(!(this._element.parentNode&amp;&amp;this._element.parentNode.nodeType===Node.ELEMENT_NODE&amp;&amp;g(this._element).hasClass(Pn)||g(this._element).hasClass(Ln))){var t,i,e=g(this._element).closest(xn)[0],o=_.getSelectorFromElement(this._element);if(e){var r="UL"===e.nodeName||"OL"===e.nodeName?Un:Fn;i=(i=g.makeArray(g(e).find(r)))[i.length-1]}var s=g.Event(On.HIDE,{relatedTarget:this._element}),a=g.Event(On.SHOW,{relatedTarget:i});if(i&amp;&amp;g(i).trigger(s),g(this._element).trigger(a),!a.isDefaultPrevented()&amp;&amp;!s.isDefaultPrevented()){o&amp;&amp;(t=document.querySelector(o)),this._activate(this._element,e);var l=function(){var t=g.Event(On.HIDDEN,{relatedTarget:n._element}),e=g.Event(On.SHOWN,{relatedTarget:i});g(i).trigger(t),g(n._element).trigger(e)};t?this._activate(t,t.parentNode,l):l()}}},t.dispose=function(){g.removeData(this._element,wn),this._element=null},t._activate=function(t,e,n){var i=this,o=(!e||"UL"!==e.nodeName&amp;&amp;"OL"!==e.nodeName?g(e).children(Fn):g(e).find(Un))[0],r=n&amp;&amp;o&amp;&amp;g(o).hasClass(jn),s=function(){return i._transitionComplete(t,o,n)};if(o&amp;&amp;r){var a=_.getTransitionDurationFromElement(o);g(o).removeClass(Hn).one(_.TRANSITION_END,s).emulateTransitionEnd(a)}else s()},t._transitionComplete=function(t,e,n){if(e){g(e).removeClass(Pn);var i=g(e.parentNode).find(Mn)[0];i&amp;&amp;g(i).removeClass(Pn),"tab"===e.getAttribute("role")&amp;&amp;e.setAttribute("aria-selected",!1)}if(g(t).addClass(Pn),"tab"===t.getAttribute("role")&amp;&amp;t.setAttribute("aria-selected",!0),_.reflow(t),t.classList.contains(jn)&amp;&amp;t.classList.add(Hn),t.parentNode&amp;&amp;g(t.parentNode).hasClass(kn)){var o=g(t).closest(Rn)[0];if(o){var r=[].slice.call(o.querySelectorAll(qn));g(r).addClass(Pn)}t.setAttribute("aria-expanded",!0)}n&amp;&amp;n()},i._jQueryInterface=function(n){return this.each(function(){var t=g(this),e=t.data(wn);if(e||(e=new i(this),t.data(wn,e)),"string"==typeof n){if("undefined"==typeof e[n])throw new TypeError('No method named </w:t>
            </w:r>
            <w:r>
              <w:lastRenderedPageBreak/>
              <w:t>"'+n+'"');e[n]()}})},s(i,null,[{key:"VERSION",get:function(){return"4.3.1"}}]),i}();g(document).on(On.CLICK_DATA_API,Wn,function(t){t.preventDefault(),Kn._jQueryInterface.call(g(this),"show")}),g.fn.tab=Kn._jQueryInterface,g.fn.tab.Constructor=Kn,g.fn.tab.noConflict=function(){return g.fn.tab=Nn,Kn._jQueryInterface};var Qn="toast",Bn="bs.toast",Vn="."+Bn,Yn=g.fn[Qn],zn={CLICK_DISMISS:"click.dismiss"+Vn,HIDE:"hide"+Vn,HIDDEN:"hidden"+Vn,SHOW:"show"+Vn,SHOWN:"shown"+Vn},Xn="fade",$n="hide",Gn="show",Jn="showing",Zn={animation:"boolean",autohide:"boolean",delay:"number"},ti={animation:!0,autohide:!0,delay:500},ei='[data-dismiss="toast"]',ni=function(){function i(t,e){this._element=t,this._config=this._getConfig(e),this._timeout=null,this._setListeners()}var t=i.prototype;return t.show=function(){var t=this;g(this._element).trigger(zn.SHOW),this._config.animation&amp;&amp;this._element.classList.add(Xn);var e=function(){t._element.classList.remove(Jn),t._element.classList.add(Gn),g(t._element).trigger(zn.SHOWN),t._config.autohide&amp;&amp;t.hide()};if(this._element.classList.remove($n),this._element.classList.add(Jn),this._config.animation){var n=_.getTransitionDurationFromElement(this._element);g(this._element).one(_.TRANSITION_END,e).emulateTransitionEnd(n)}else e()},t.hide=function(t){var e=this;this._element.classList.contains(Gn)&amp;&amp;(g(this._element).trigger(zn.HIDE),t?this._close():this._timeout=setTimeout(function(){e._close()},this._config.delay))},t.dispose=function(){clearTimeout(this._timeout),this._timeout=null,this._element.classList.contains(Gn)&amp;&amp;this._element.classList.remove(Gn),g(this._element).off(zn.CLICK_DISMISS),g.removeData(this._element,Bn),this._element=null,this._config=null},t._getConfig=function(t){return t=l({},ti,g(this._element).data(),"object"==typeof t&amp;&amp;t?t:{}),_.typeCheckConfig(Qn,t,this.constructor.DefaultType),t},t._setListeners=function(){var t=this;g(this._element).on(zn.CLICK_DISMISS,ei,function(){return t.hide(!0)})},t._close=function(){var t=this,e=function(){t._element.classList.add($n),g(t._element).trigger(zn.HIDDEN)};if(this._element.classList.remove(Gn),this._config.animation){var n=_.getTransitionDurationFromElement(this._element);g(this._element).one(_.TRANSITION_END,e).emulateTransitionEnd(n)}else e()},i._jQueryInterface=function(n){return this.each(function(){var t=g(this),e=t.data(Bn);if(e||(e=new i(this,"object"==typeof n&amp;&amp;n),t.data(Bn,e)),"string"==typeof n){if("undefined"==typeof e[n])throw new TypeError('No method named "'+n+'"');e[n](this)}})},s(i,null,[{key:"VERSION",get:function(){return"4.3.1"}},{key:"DefaultType",get:function(){return Zn}},{key:"Default",get:function(){return ti}}]),i}();g.fn[Qn]=ni._jQueryInterface,g.fn[Qn].Constructor=ni,g.fn[Qn].noConflict=function(){return g.fn[Qn]=Yn,ni._jQueryInterface},function(){if("undefined"==typeof g)throw new TypeError("Bootstrap's JavaScript requires jQuery. jQuery must be included before Bootstrap's JavaScript.");var t=g.fn.jquery.split(" ")[0].split(".");if(t[0]&lt;2&amp;&amp;t[1]&lt;9||1===t[0]&amp;&amp;9===t[1]&amp;&amp;t[2]&lt;1||4&lt;=t[0])throw new Error("Bootstrap's JavaScript requires at least jQuery v1.9.1 but less than v4.0.0")}(),t.Util=_,t.Alert=p,t.Button=P,t.Carousel=lt,t.Collapse=bt,t.Dropdown=Jt,t.Modal=ve,t.Popover=sn,t.Scrollspy=Dn,t.Tab=Kn,t.Toast=ni,t.Tooltip=Be,Object.defineProperty(t,"__esModule",{value:!0})});</w:t>
            </w:r>
          </w:p>
          <w:p w:rsidR="0048012D" w:rsidRDefault="00156FB3" w:rsidP="00156FB3">
            <w:r>
              <w:t>//# sourceMappingURL=bootstrap.min.js.map</w:t>
            </w:r>
          </w:p>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Boostrap-modal.js</w:t>
            </w:r>
          </w:p>
        </w:tc>
      </w:tr>
      <w:tr w:rsidR="0048012D" w:rsidTr="0048012D">
        <w:tc>
          <w:tcPr>
            <w:tcW w:w="9576" w:type="dxa"/>
          </w:tcPr>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 bootstrap-modal.js v2.2.5</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 ===========================================================</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lastRenderedPageBreak/>
              <w:t xml:space="preserve"> * Copyright 2012 Jordan Schroter</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 Licensed under the Apache License, Version 2.0 (the "License");</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 you may not use this file except in compliance with the License.</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 You may obtain a copy of the License at</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 http://www.apache.org/licenses/LICENSE-2.0</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 Unless required by applicable law or agreed to in writing, software</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 distributed under the License is distributed on an "AS IS" BASIS,</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 WITHOUT WARRANTIES OR CONDITIONS OF ANY KIND, either express or implied.</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 See the License for the specific language governing permissions and</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 limitations under the Licens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 ========================================================== */</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A31515"/>
                <w:sz w:val="19"/>
                <w:szCs w:val="19"/>
              </w:rPr>
              <w:t>"use strict"</w:t>
            </w:r>
            <w:r>
              <w:rPr>
                <w:rFonts w:ascii="Cascadia Mono" w:hAnsi="Cascadia Mono" w:cs="Cascadia Mono"/>
                <w:color w:val="000000"/>
                <w:sz w:val="19"/>
                <w:szCs w:val="19"/>
              </w:rPr>
              <w:t xml:space="preserve">; </w:t>
            </w:r>
            <w:r>
              <w:rPr>
                <w:rFonts w:ascii="Cascadia Mono" w:hAnsi="Cascadia Mono" w:cs="Cascadia Mono"/>
                <w:color w:val="008000"/>
                <w:sz w:val="19"/>
                <w:szCs w:val="19"/>
              </w:rPr>
              <w:t>// jshint ;_;</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ab/>
            </w:r>
            <w:r>
              <w:rPr>
                <w:rFonts w:ascii="Cascadia Mono" w:hAnsi="Cascadia Mono" w:cs="Cascadia Mono"/>
                <w:color w:val="008000"/>
                <w:sz w:val="19"/>
                <w:szCs w:val="19"/>
              </w:rPr>
              <w:t>/* MODAL CLASS DEFINITION</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ab/>
              <w:t>* ====================== */</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Modal =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element, options)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init(element, options);</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t>Modal.prototype = {</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constructor: Modal,</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init: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element, options)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that = </w:t>
            </w:r>
            <w:r>
              <w:rPr>
                <w:rFonts w:ascii="Cascadia Mono" w:hAnsi="Cascadia Mono" w:cs="Cascadia Mono"/>
                <w:color w:val="0000FF"/>
                <w:sz w:val="19"/>
                <w:szCs w:val="19"/>
              </w:rPr>
              <w:t>this</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options = options;</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 = $(elemen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delegate(</w:t>
            </w:r>
            <w:r>
              <w:rPr>
                <w:rFonts w:ascii="Cascadia Mono" w:hAnsi="Cascadia Mono" w:cs="Cascadia Mono"/>
                <w:color w:val="A31515"/>
                <w:sz w:val="19"/>
                <w:szCs w:val="19"/>
              </w:rPr>
              <w:t>'[data-dismiss="modal"]'</w:t>
            </w:r>
            <w:r>
              <w:rPr>
                <w:rFonts w:ascii="Cascadia Mono" w:hAnsi="Cascadia Mono" w:cs="Cascadia Mono"/>
                <w:color w:val="000000"/>
                <w:sz w:val="19"/>
                <w:szCs w:val="19"/>
              </w:rPr>
              <w:t xml:space="preserve">, </w:t>
            </w:r>
            <w:r>
              <w:rPr>
                <w:rFonts w:ascii="Cascadia Mono" w:hAnsi="Cascadia Mono" w:cs="Cascadia Mono"/>
                <w:color w:val="A31515"/>
                <w:sz w:val="19"/>
                <w:szCs w:val="19"/>
              </w:rPr>
              <w:t>'click.dismiss.modal'</w:t>
            </w:r>
            <w:r>
              <w:rPr>
                <w:rFonts w:ascii="Cascadia Mono" w:hAnsi="Cascadia Mono" w:cs="Cascadia Mono"/>
                <w:color w:val="000000"/>
                <w:sz w:val="19"/>
                <w:szCs w:val="19"/>
              </w:rPr>
              <w:t>, $.proxy(</w:t>
            </w:r>
            <w:r>
              <w:rPr>
                <w:rFonts w:ascii="Cascadia Mono" w:hAnsi="Cascadia Mono" w:cs="Cascadia Mono"/>
                <w:color w:val="0000FF"/>
                <w:sz w:val="19"/>
                <w:szCs w:val="19"/>
              </w:rPr>
              <w:t>this</w:t>
            </w:r>
            <w:r>
              <w:rPr>
                <w:rFonts w:ascii="Cascadia Mono" w:hAnsi="Cascadia Mono" w:cs="Cascadia Mono"/>
                <w:color w:val="000000"/>
                <w:sz w:val="19"/>
                <w:szCs w:val="19"/>
              </w:rPr>
              <w:t xml:space="preserve">.hide, </w:t>
            </w:r>
            <w:r>
              <w:rPr>
                <w:rFonts w:ascii="Cascadia Mono" w:hAnsi="Cascadia Mono" w:cs="Cascadia Mono"/>
                <w:color w:val="0000FF"/>
                <w:sz w:val="19"/>
                <w:szCs w:val="19"/>
              </w:rPr>
              <w:t>this</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 xml:space="preserve">.options.remote &amp;&amp; </w:t>
            </w:r>
            <w:r>
              <w:rPr>
                <w:rFonts w:ascii="Cascadia Mono" w:hAnsi="Cascadia Mono" w:cs="Cascadia Mono"/>
                <w:color w:val="0000FF"/>
                <w:sz w:val="19"/>
                <w:szCs w:val="19"/>
              </w:rPr>
              <w:t>this</w:t>
            </w:r>
            <w:r>
              <w:rPr>
                <w:rFonts w:ascii="Cascadia Mono" w:hAnsi="Cascadia Mono" w:cs="Cascadia Mono"/>
                <w:color w:val="000000"/>
                <w:sz w:val="19"/>
                <w:szCs w:val="19"/>
              </w:rPr>
              <w:t>.$element.find(</w:t>
            </w:r>
            <w:r>
              <w:rPr>
                <w:rFonts w:ascii="Cascadia Mono" w:hAnsi="Cascadia Mono" w:cs="Cascadia Mono"/>
                <w:color w:val="A31515"/>
                <w:sz w:val="19"/>
                <w:szCs w:val="19"/>
              </w:rPr>
              <w:t>'.modal-body'</w:t>
            </w:r>
            <w:r>
              <w:rPr>
                <w:rFonts w:ascii="Cascadia Mono" w:hAnsi="Cascadia Mono" w:cs="Cascadia Mono"/>
                <w:color w:val="000000"/>
                <w:sz w:val="19"/>
                <w:szCs w:val="19"/>
              </w:rPr>
              <w:t>).load(</w:t>
            </w:r>
            <w:r>
              <w:rPr>
                <w:rFonts w:ascii="Cascadia Mono" w:hAnsi="Cascadia Mono" w:cs="Cascadia Mono"/>
                <w:color w:val="0000FF"/>
                <w:sz w:val="19"/>
                <w:szCs w:val="19"/>
              </w:rPr>
              <w:t>this</w:t>
            </w:r>
            <w:r>
              <w:rPr>
                <w:rFonts w:ascii="Cascadia Mono" w:hAnsi="Cascadia Mono" w:cs="Cascadia Mono"/>
                <w:color w:val="000000"/>
                <w:sz w:val="19"/>
                <w:szCs w:val="19"/>
              </w:rPr>
              <w:t xml:space="preserve">.options.remot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e = $.Event(</w:t>
            </w:r>
            <w:r>
              <w:rPr>
                <w:rFonts w:ascii="Cascadia Mono" w:hAnsi="Cascadia Mono" w:cs="Cascadia Mono"/>
                <w:color w:val="A31515"/>
                <w:sz w:val="19"/>
                <w:szCs w:val="19"/>
              </w:rPr>
              <w:t>'loaded'</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that.$element.trigger(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manager = </w:t>
            </w:r>
            <w:r>
              <w:rPr>
                <w:rFonts w:ascii="Cascadia Mono" w:hAnsi="Cascadia Mono" w:cs="Cascadia Mono"/>
                <w:color w:val="0000FF"/>
                <w:sz w:val="19"/>
                <w:szCs w:val="19"/>
              </w:rPr>
              <w:t>typeof</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 xml:space="preserve">.options.manager === </w:t>
            </w:r>
            <w:r>
              <w:rPr>
                <w:rFonts w:ascii="Cascadia Mono" w:hAnsi="Cascadia Mono" w:cs="Cascadia Mono"/>
                <w:color w:val="A31515"/>
                <w:sz w:val="19"/>
                <w:szCs w:val="19"/>
              </w:rPr>
              <w:t>'function'</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options.manager.call(</w:t>
            </w:r>
            <w:r>
              <w:rPr>
                <w:rFonts w:ascii="Cascadia Mono" w:hAnsi="Cascadia Mono" w:cs="Cascadia Mono"/>
                <w:color w:val="0000FF"/>
                <w:sz w:val="19"/>
                <w:szCs w:val="19"/>
              </w:rPr>
              <w:t>this</w:t>
            </w:r>
            <w:r>
              <w:rPr>
                <w:rFonts w:ascii="Cascadia Mono" w:hAnsi="Cascadia Mono" w:cs="Cascadia Mono"/>
                <w:color w:val="000000"/>
                <w:sz w:val="19"/>
                <w:szCs w:val="19"/>
              </w:rPr>
              <w:t xml:space="preserve">) : </w:t>
            </w:r>
            <w:r>
              <w:rPr>
                <w:rFonts w:ascii="Cascadia Mono" w:hAnsi="Cascadia Mono" w:cs="Cascadia Mono"/>
                <w:color w:val="0000FF"/>
                <w:sz w:val="19"/>
                <w:szCs w:val="19"/>
              </w:rPr>
              <w:t>this</w:t>
            </w:r>
            <w:r>
              <w:rPr>
                <w:rFonts w:ascii="Cascadia Mono" w:hAnsi="Cascadia Mono" w:cs="Cascadia Mono"/>
                <w:color w:val="000000"/>
                <w:sz w:val="19"/>
                <w:szCs w:val="19"/>
              </w:rPr>
              <w:t>.options.manager;</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manager = manager.appendModal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manager : $(manager).modalmanager().data(</w:t>
            </w:r>
            <w:r>
              <w:rPr>
                <w:rFonts w:ascii="Cascadia Mono" w:hAnsi="Cascadia Mono" w:cs="Cascadia Mono"/>
                <w:color w:val="A31515"/>
                <w:sz w:val="19"/>
                <w:szCs w:val="19"/>
              </w:rPr>
              <w:t>'modalmanager'</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manager.appendModal(</w:t>
            </w:r>
            <w:r>
              <w:rPr>
                <w:rFonts w:ascii="Cascadia Mono" w:hAnsi="Cascadia Mono" w:cs="Cascadia Mono"/>
                <w:color w:val="0000FF"/>
                <w:sz w:val="19"/>
                <w:szCs w:val="19"/>
              </w:rPr>
              <w:t>this</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toggl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return</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w:t>
            </w:r>
            <w:r>
              <w:rPr>
                <w:rFonts w:ascii="Cascadia Mono" w:hAnsi="Cascadia Mono" w:cs="Cascadia Mono"/>
                <w:color w:val="0000FF"/>
                <w:sz w:val="19"/>
                <w:szCs w:val="19"/>
              </w:rPr>
              <w:t>this</w:t>
            </w:r>
            <w:r>
              <w:rPr>
                <w:rFonts w:ascii="Cascadia Mono" w:hAnsi="Cascadia Mono" w:cs="Cascadia Mono"/>
                <w:color w:val="000000"/>
                <w:sz w:val="19"/>
                <w:szCs w:val="19"/>
              </w:rPr>
              <w:t xml:space="preserve">.isShown ? </w:t>
            </w:r>
            <w:r>
              <w:rPr>
                <w:rFonts w:ascii="Cascadia Mono" w:hAnsi="Cascadia Mono" w:cs="Cascadia Mono"/>
                <w:color w:val="A31515"/>
                <w:sz w:val="19"/>
                <w:szCs w:val="19"/>
              </w:rPr>
              <w:t>'show'</w:t>
            </w:r>
            <w:r>
              <w:rPr>
                <w:rFonts w:ascii="Cascadia Mono" w:hAnsi="Cascadia Mono" w:cs="Cascadia Mono"/>
                <w:color w:val="000000"/>
                <w:sz w:val="19"/>
                <w:szCs w:val="19"/>
              </w:rPr>
              <w:t xml:space="preserve"> : </w:t>
            </w:r>
            <w:r>
              <w:rPr>
                <w:rFonts w:ascii="Cascadia Mono" w:hAnsi="Cascadia Mono" w:cs="Cascadia Mono"/>
                <w:color w:val="A31515"/>
                <w:sz w:val="19"/>
                <w:szCs w:val="19"/>
              </w:rPr>
              <w:t>'hid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show: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e = $.Event(</w:t>
            </w:r>
            <w:r>
              <w:rPr>
                <w:rFonts w:ascii="Cascadia Mono" w:hAnsi="Cascadia Mono" w:cs="Cascadia Mono"/>
                <w:color w:val="A31515"/>
                <w:sz w:val="19"/>
                <w:szCs w:val="19"/>
              </w:rPr>
              <w:t>'show'</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 xml:space="preserve">.isShown) </w:t>
            </w:r>
            <w:r>
              <w:rPr>
                <w:rFonts w:ascii="Cascadia Mono" w:hAnsi="Cascadia Mono" w:cs="Cascadia Mono"/>
                <w:color w:val="0000FF"/>
                <w:sz w:val="19"/>
                <w:szCs w:val="19"/>
              </w:rPr>
              <w:t>return</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trigger(e);</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 (e.isDefaultPrevented()) </w:t>
            </w:r>
            <w:r>
              <w:rPr>
                <w:rFonts w:ascii="Cascadia Mono" w:hAnsi="Cascadia Mono" w:cs="Cascadia Mono"/>
                <w:color w:val="0000FF"/>
                <w:sz w:val="19"/>
                <w:szCs w:val="19"/>
              </w:rPr>
              <w:t>return</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scape();</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tab();</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 xml:space="preserve">.options.loading &amp;&amp; </w:t>
            </w:r>
            <w:r>
              <w:rPr>
                <w:rFonts w:ascii="Cascadia Mono" w:hAnsi="Cascadia Mono" w:cs="Cascadia Mono"/>
                <w:color w:val="0000FF"/>
                <w:sz w:val="19"/>
                <w:szCs w:val="19"/>
              </w:rPr>
              <w:t>this</w:t>
            </w:r>
            <w:r>
              <w:rPr>
                <w:rFonts w:ascii="Cascadia Mono" w:hAnsi="Cascadia Mono" w:cs="Cascadia Mono"/>
                <w:color w:val="000000"/>
                <w:sz w:val="19"/>
                <w:szCs w:val="19"/>
              </w:rPr>
              <w:t>.loading();</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hid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e &amp;&amp; e.preventDefaul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e = $.Event(</w:t>
            </w:r>
            <w:r>
              <w:rPr>
                <w:rFonts w:ascii="Cascadia Mono" w:hAnsi="Cascadia Mono" w:cs="Cascadia Mono"/>
                <w:color w:val="A31515"/>
                <w:sz w:val="19"/>
                <w:szCs w:val="19"/>
              </w:rPr>
              <w:t>'hid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trigger(e);</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 xml:space="preserve">.isShown || e.isDefaultPrevented()) </w:t>
            </w:r>
            <w:r>
              <w:rPr>
                <w:rFonts w:ascii="Cascadia Mono" w:hAnsi="Cascadia Mono" w:cs="Cascadia Mono"/>
                <w:color w:val="0000FF"/>
                <w:sz w:val="19"/>
                <w:szCs w:val="19"/>
              </w:rPr>
              <w:t>return</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 xml:space="preserve">.isShown = </w:t>
            </w:r>
            <w:r>
              <w:rPr>
                <w:rFonts w:ascii="Cascadia Mono" w:hAnsi="Cascadia Mono" w:cs="Cascadia Mono"/>
                <w:color w:val="0000FF"/>
                <w:sz w:val="19"/>
                <w:szCs w:val="19"/>
              </w:rPr>
              <w:t>fals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scape();</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tab();</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 xml:space="preserve">.isLoading &amp;&amp; </w:t>
            </w:r>
            <w:r>
              <w:rPr>
                <w:rFonts w:ascii="Cascadia Mono" w:hAnsi="Cascadia Mono" w:cs="Cascadia Mono"/>
                <w:color w:val="0000FF"/>
                <w:sz w:val="19"/>
                <w:szCs w:val="19"/>
              </w:rPr>
              <w:t>this</w:t>
            </w:r>
            <w:r>
              <w:rPr>
                <w:rFonts w:ascii="Cascadia Mono" w:hAnsi="Cascadia Mono" w:cs="Cascadia Mono"/>
                <w:color w:val="000000"/>
                <w:sz w:val="19"/>
                <w:szCs w:val="19"/>
              </w:rPr>
              <w:t>.loading();</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document).off(</w:t>
            </w:r>
            <w:r>
              <w:rPr>
                <w:rFonts w:ascii="Cascadia Mono" w:hAnsi="Cascadia Mono" w:cs="Cascadia Mono"/>
                <w:color w:val="A31515"/>
                <w:sz w:val="19"/>
                <w:szCs w:val="19"/>
              </w:rPr>
              <w:t>'focusin.modal'</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removeClass(</w:t>
            </w:r>
            <w:r>
              <w:rPr>
                <w:rFonts w:ascii="Cascadia Mono" w:hAnsi="Cascadia Mono" w:cs="Cascadia Mono"/>
                <w:color w:val="A31515"/>
                <w:sz w:val="19"/>
                <w:szCs w:val="19"/>
              </w:rPr>
              <w:t>'in'</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removeClass(</w:t>
            </w:r>
            <w:r>
              <w:rPr>
                <w:rFonts w:ascii="Cascadia Mono" w:hAnsi="Cascadia Mono" w:cs="Cascadia Mono"/>
                <w:color w:val="A31515"/>
                <w:sz w:val="19"/>
                <w:szCs w:val="19"/>
              </w:rPr>
              <w:t>'animated'</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removeClass(</w:t>
            </w:r>
            <w:r>
              <w:rPr>
                <w:rFonts w:ascii="Cascadia Mono" w:hAnsi="Cascadia Mono" w:cs="Cascadia Mono"/>
                <w:color w:val="0000FF"/>
                <w:sz w:val="19"/>
                <w:szCs w:val="19"/>
              </w:rPr>
              <w:t>this</w:t>
            </w:r>
            <w:r>
              <w:rPr>
                <w:rFonts w:ascii="Cascadia Mono" w:hAnsi="Cascadia Mono" w:cs="Cascadia Mono"/>
                <w:color w:val="000000"/>
                <w:sz w:val="19"/>
                <w:szCs w:val="19"/>
              </w:rPr>
              <w:t>.options.attentionAnimation)</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removeClass(</w:t>
            </w:r>
            <w:r>
              <w:rPr>
                <w:rFonts w:ascii="Cascadia Mono" w:hAnsi="Cascadia Mono" w:cs="Cascadia Mono"/>
                <w:color w:val="A31515"/>
                <w:sz w:val="19"/>
                <w:szCs w:val="19"/>
              </w:rPr>
              <w:t>'modal-overflow'</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attr(</w:t>
            </w:r>
            <w:r>
              <w:rPr>
                <w:rFonts w:ascii="Cascadia Mono" w:hAnsi="Cascadia Mono" w:cs="Cascadia Mono"/>
                <w:color w:val="A31515"/>
                <w:sz w:val="19"/>
                <w:szCs w:val="19"/>
              </w:rPr>
              <w:t>'aria-hidden'</w:t>
            </w:r>
            <w:r>
              <w:rPr>
                <w:rFonts w:ascii="Cascadia Mono" w:hAnsi="Cascadia Mono" w:cs="Cascadia Mono"/>
                <w:color w:val="000000"/>
                <w:sz w:val="19"/>
                <w:szCs w:val="19"/>
              </w:rPr>
              <w:t xml:space="preserve">, </w:t>
            </w:r>
            <w:r>
              <w:rPr>
                <w:rFonts w:ascii="Cascadia Mono" w:hAnsi="Cascadia Mono" w:cs="Cascadia Mono"/>
                <w:color w:val="0000FF"/>
                <w:sz w:val="19"/>
                <w:szCs w:val="19"/>
              </w:rPr>
              <w:t>tru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support.transition &amp;&amp; </w:t>
            </w:r>
            <w:r>
              <w:rPr>
                <w:rFonts w:ascii="Cascadia Mono" w:hAnsi="Cascadia Mono" w:cs="Cascadia Mono"/>
                <w:color w:val="0000FF"/>
                <w:sz w:val="19"/>
                <w:szCs w:val="19"/>
              </w:rPr>
              <w:t>this</w:t>
            </w:r>
            <w:r>
              <w:rPr>
                <w:rFonts w:ascii="Cascadia Mono" w:hAnsi="Cascadia Mono" w:cs="Cascadia Mono"/>
                <w:color w:val="000000"/>
                <w:sz w:val="19"/>
                <w:szCs w:val="19"/>
              </w:rPr>
              <w:t>.$element.hasClass(</w:t>
            </w:r>
            <w:r>
              <w:rPr>
                <w:rFonts w:ascii="Cascadia Mono" w:hAnsi="Cascadia Mono" w:cs="Cascadia Mono"/>
                <w:color w:val="A31515"/>
                <w:sz w:val="19"/>
                <w:szCs w:val="19"/>
              </w:rPr>
              <w:t>'fade'</w:t>
            </w:r>
            <w:r>
              <w:rPr>
                <w:rFonts w:ascii="Cascadia Mono" w:hAnsi="Cascadia Mono" w:cs="Cascadia Mono"/>
                <w:color w:val="000000"/>
                <w:sz w:val="19"/>
                <w:szCs w:val="19"/>
              </w:rPr>
              <w:t>)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hideWithTransition()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hideModal();</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layout: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prop = </w:t>
            </w:r>
            <w:r>
              <w:rPr>
                <w:rFonts w:ascii="Cascadia Mono" w:hAnsi="Cascadia Mono" w:cs="Cascadia Mono"/>
                <w:color w:val="0000FF"/>
                <w:sz w:val="19"/>
                <w:szCs w:val="19"/>
              </w:rPr>
              <w:t>this</w:t>
            </w:r>
            <w:r>
              <w:rPr>
                <w:rFonts w:ascii="Cascadia Mono" w:hAnsi="Cascadia Mono" w:cs="Cascadia Mono"/>
                <w:color w:val="000000"/>
                <w:sz w:val="19"/>
                <w:szCs w:val="19"/>
              </w:rPr>
              <w:t xml:space="preserve">.options.height ? </w:t>
            </w:r>
            <w:r>
              <w:rPr>
                <w:rFonts w:ascii="Cascadia Mono" w:hAnsi="Cascadia Mono" w:cs="Cascadia Mono"/>
                <w:color w:val="A31515"/>
                <w:sz w:val="19"/>
                <w:szCs w:val="19"/>
              </w:rPr>
              <w:t>'height'</w:t>
            </w:r>
            <w:r>
              <w:rPr>
                <w:rFonts w:ascii="Cascadia Mono" w:hAnsi="Cascadia Mono" w:cs="Cascadia Mono"/>
                <w:color w:val="000000"/>
                <w:sz w:val="19"/>
                <w:szCs w:val="19"/>
              </w:rPr>
              <w:t xml:space="preserve"> : </w:t>
            </w:r>
            <w:r>
              <w:rPr>
                <w:rFonts w:ascii="Cascadia Mono" w:hAnsi="Cascadia Mono" w:cs="Cascadia Mono"/>
                <w:color w:val="A31515"/>
                <w:sz w:val="19"/>
                <w:szCs w:val="19"/>
              </w:rPr>
              <w:t>'max-heigh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value = </w:t>
            </w:r>
            <w:r>
              <w:rPr>
                <w:rFonts w:ascii="Cascadia Mono" w:hAnsi="Cascadia Mono" w:cs="Cascadia Mono"/>
                <w:color w:val="0000FF"/>
                <w:sz w:val="19"/>
                <w:szCs w:val="19"/>
              </w:rPr>
              <w:t>this</w:t>
            </w:r>
            <w:r>
              <w:rPr>
                <w:rFonts w:ascii="Cascadia Mono" w:hAnsi="Cascadia Mono" w:cs="Cascadia Mono"/>
                <w:color w:val="000000"/>
                <w:sz w:val="19"/>
                <w:szCs w:val="19"/>
              </w:rPr>
              <w:t xml:space="preserve">.options.height || </w:t>
            </w:r>
            <w:r>
              <w:rPr>
                <w:rFonts w:ascii="Cascadia Mono" w:hAnsi="Cascadia Mono" w:cs="Cascadia Mono"/>
                <w:color w:val="0000FF"/>
                <w:sz w:val="19"/>
                <w:szCs w:val="19"/>
              </w:rPr>
              <w:t>this</w:t>
            </w:r>
            <w:r>
              <w:rPr>
                <w:rFonts w:ascii="Cascadia Mono" w:hAnsi="Cascadia Mono" w:cs="Cascadia Mono"/>
                <w:color w:val="000000"/>
                <w:sz w:val="19"/>
                <w:szCs w:val="19"/>
              </w:rPr>
              <w:t>.options.maxHeigh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options.width){</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css(</w:t>
            </w:r>
            <w:r>
              <w:rPr>
                <w:rFonts w:ascii="Cascadia Mono" w:hAnsi="Cascadia Mono" w:cs="Cascadia Mono"/>
                <w:color w:val="A31515"/>
                <w:sz w:val="19"/>
                <w:szCs w:val="19"/>
              </w:rPr>
              <w:t>'width'</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options.width);</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that = </w:t>
            </w:r>
            <w:r>
              <w:rPr>
                <w:rFonts w:ascii="Cascadia Mono" w:hAnsi="Cascadia Mono" w:cs="Cascadia Mono"/>
                <w:color w:val="0000FF"/>
                <w:sz w:val="19"/>
                <w:szCs w:val="19"/>
              </w:rPr>
              <w:t>this</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css(</w:t>
            </w:r>
            <w:r>
              <w:rPr>
                <w:rFonts w:ascii="Cascadia Mono" w:hAnsi="Cascadia Mono" w:cs="Cascadia Mono"/>
                <w:color w:val="A31515"/>
                <w:sz w:val="19"/>
                <w:szCs w:val="19"/>
              </w:rPr>
              <w:t>'margin-left'</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 (</w:t>
            </w:r>
            <w:r>
              <w:rPr>
                <w:rFonts w:ascii="Cascadia Mono" w:hAnsi="Cascadia Mono" w:cs="Cascadia Mono"/>
                <w:color w:val="A31515"/>
                <w:sz w:val="19"/>
                <w:szCs w:val="19"/>
              </w:rPr>
              <w:t>/%/ig</w:t>
            </w:r>
            <w:r>
              <w:rPr>
                <w:rFonts w:ascii="Cascadia Mono" w:hAnsi="Cascadia Mono" w:cs="Cascadia Mono"/>
                <w:color w:val="000000"/>
                <w:sz w:val="19"/>
                <w:szCs w:val="19"/>
              </w:rPr>
              <w:t>.test(that.options.width)){</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return</w:t>
            </w:r>
            <w:r>
              <w:rPr>
                <w:rFonts w:ascii="Cascadia Mono" w:hAnsi="Cascadia Mono" w:cs="Cascadia Mono"/>
                <w:color w:val="000000"/>
                <w:sz w:val="19"/>
                <w:szCs w:val="19"/>
              </w:rPr>
              <w:t xml:space="preserve"> -(parseInt(that.options.width) / 2) + </w:t>
            </w:r>
            <w:r>
              <w:rPr>
                <w:rFonts w:ascii="Cascadia Mono" w:hAnsi="Cascadia Mono" w:cs="Cascadia Mono"/>
                <w:color w:val="A31515"/>
                <w:sz w:val="19"/>
                <w:szCs w:val="19"/>
              </w:rPr>
              <w: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 </w:t>
            </w:r>
            <w:r>
              <w:rPr>
                <w:rFonts w:ascii="Cascadia Mono" w:hAnsi="Cascadia Mono" w:cs="Cascadia Mono"/>
                <w:color w:val="0000FF"/>
                <w:sz w:val="19"/>
                <w:szCs w:val="19"/>
              </w:rPr>
              <w:t>els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return</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 xml:space="preserve">).width() / 2) + </w:t>
            </w:r>
            <w:r>
              <w:rPr>
                <w:rFonts w:ascii="Cascadia Mono" w:hAnsi="Cascadia Mono" w:cs="Cascadia Mono"/>
                <w:color w:val="A31515"/>
                <w:sz w:val="19"/>
                <w:szCs w:val="19"/>
              </w:rPr>
              <w:t>'p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 </w:t>
            </w:r>
            <w:r>
              <w:rPr>
                <w:rFonts w:ascii="Cascadia Mono" w:hAnsi="Cascadia Mono" w:cs="Cascadia Mono"/>
                <w:color w:val="0000FF"/>
                <w:sz w:val="19"/>
                <w:szCs w:val="19"/>
              </w:rPr>
              <w:t>els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css(</w:t>
            </w:r>
            <w:r>
              <w:rPr>
                <w:rFonts w:ascii="Cascadia Mono" w:hAnsi="Cascadia Mono" w:cs="Cascadia Mono"/>
                <w:color w:val="A31515"/>
                <w:sz w:val="19"/>
                <w:szCs w:val="19"/>
              </w:rPr>
              <w:t>'width'</w:t>
            </w:r>
            <w:r>
              <w:rPr>
                <w:rFonts w:ascii="Cascadia Mono" w:hAnsi="Cascadia Mono" w:cs="Cascadia Mono"/>
                <w:color w:val="000000"/>
                <w:sz w:val="19"/>
                <w:szCs w:val="19"/>
              </w:rPr>
              <w:t xml:space="preserve">, </w:t>
            </w:r>
            <w:r>
              <w:rPr>
                <w:rFonts w:ascii="Cascadia Mono" w:hAnsi="Cascadia Mono" w:cs="Cascadia Mono"/>
                <w:color w:val="A31515"/>
                <w:sz w:val="19"/>
                <w:szCs w:val="19"/>
              </w:rPr>
              <w: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css(</w:t>
            </w:r>
            <w:r>
              <w:rPr>
                <w:rFonts w:ascii="Cascadia Mono" w:hAnsi="Cascadia Mono" w:cs="Cascadia Mono"/>
                <w:color w:val="A31515"/>
                <w:sz w:val="19"/>
                <w:szCs w:val="19"/>
              </w:rPr>
              <w:t>'margin-left'</w:t>
            </w:r>
            <w:r>
              <w:rPr>
                <w:rFonts w:ascii="Cascadia Mono" w:hAnsi="Cascadia Mono" w:cs="Cascadia Mono"/>
                <w:color w:val="000000"/>
                <w:sz w:val="19"/>
                <w:szCs w:val="19"/>
              </w:rPr>
              <w:t xml:space="preserve">, </w:t>
            </w:r>
            <w:r>
              <w:rPr>
                <w:rFonts w:ascii="Cascadia Mono" w:hAnsi="Cascadia Mono" w:cs="Cascadia Mono"/>
                <w:color w:val="A31515"/>
                <w:sz w:val="19"/>
                <w:szCs w:val="19"/>
              </w:rPr>
              <w: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find(</w:t>
            </w:r>
            <w:r>
              <w:rPr>
                <w:rFonts w:ascii="Cascadia Mono" w:hAnsi="Cascadia Mono" w:cs="Cascadia Mono"/>
                <w:color w:val="A31515"/>
                <w:sz w:val="19"/>
                <w:szCs w:val="19"/>
              </w:rPr>
              <w:t>'.modal-body'</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css(</w:t>
            </w:r>
            <w:r>
              <w:rPr>
                <w:rFonts w:ascii="Cascadia Mono" w:hAnsi="Cascadia Mono" w:cs="Cascadia Mono"/>
                <w:color w:val="A31515"/>
                <w:sz w:val="19"/>
                <w:szCs w:val="19"/>
              </w:rPr>
              <w:t>'overflow'</w:t>
            </w:r>
            <w:r>
              <w:rPr>
                <w:rFonts w:ascii="Cascadia Mono" w:hAnsi="Cascadia Mono" w:cs="Cascadia Mono"/>
                <w:color w:val="000000"/>
                <w:sz w:val="19"/>
                <w:szCs w:val="19"/>
              </w:rPr>
              <w:t xml:space="preserve">, </w:t>
            </w:r>
            <w:r>
              <w:rPr>
                <w:rFonts w:ascii="Cascadia Mono" w:hAnsi="Cascadia Mono" w:cs="Cascadia Mono"/>
                <w:color w:val="A31515"/>
                <w:sz w:val="19"/>
                <w:szCs w:val="19"/>
              </w:rPr>
              <w: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css(prop, </w:t>
            </w:r>
            <w:r>
              <w:rPr>
                <w:rFonts w:ascii="Cascadia Mono" w:hAnsi="Cascadia Mono" w:cs="Cascadia Mono"/>
                <w:color w:val="A31515"/>
                <w:sz w:val="19"/>
                <w:szCs w:val="19"/>
              </w:rPr>
              <w: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 (valu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find(</w:t>
            </w:r>
            <w:r>
              <w:rPr>
                <w:rFonts w:ascii="Cascadia Mono" w:hAnsi="Cascadia Mono" w:cs="Cascadia Mono"/>
                <w:color w:val="A31515"/>
                <w:sz w:val="19"/>
                <w:szCs w:val="19"/>
              </w:rPr>
              <w:t>'.modal-body'</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css(</w:t>
            </w:r>
            <w:r>
              <w:rPr>
                <w:rFonts w:ascii="Cascadia Mono" w:hAnsi="Cascadia Mono" w:cs="Cascadia Mono"/>
                <w:color w:val="A31515"/>
                <w:sz w:val="19"/>
                <w:szCs w:val="19"/>
              </w:rPr>
              <w:t>'overflow'</w:t>
            </w:r>
            <w:r>
              <w:rPr>
                <w:rFonts w:ascii="Cascadia Mono" w:hAnsi="Cascadia Mono" w:cs="Cascadia Mono"/>
                <w:color w:val="000000"/>
                <w:sz w:val="19"/>
                <w:szCs w:val="19"/>
              </w:rPr>
              <w:t xml:space="preserve">, </w:t>
            </w:r>
            <w:r>
              <w:rPr>
                <w:rFonts w:ascii="Cascadia Mono" w:hAnsi="Cascadia Mono" w:cs="Cascadia Mono"/>
                <w:color w:val="A31515"/>
                <w:sz w:val="19"/>
                <w:szCs w:val="19"/>
              </w:rPr>
              <w:t>'auto'</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css(prop, valu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modalOverflow = $(window).height() - 10 &lt; </w:t>
            </w:r>
            <w:r>
              <w:rPr>
                <w:rFonts w:ascii="Cascadia Mono" w:hAnsi="Cascadia Mono" w:cs="Cascadia Mono"/>
                <w:color w:val="0000FF"/>
                <w:sz w:val="19"/>
                <w:szCs w:val="19"/>
              </w:rPr>
              <w:t>this</w:t>
            </w:r>
            <w:r>
              <w:rPr>
                <w:rFonts w:ascii="Cascadia Mono" w:hAnsi="Cascadia Mono" w:cs="Cascadia Mono"/>
                <w:color w:val="000000"/>
                <w:sz w:val="19"/>
                <w:szCs w:val="19"/>
              </w:rPr>
              <w:t>.$element.heigh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 (modalOverflow || </w:t>
            </w:r>
            <w:r>
              <w:rPr>
                <w:rFonts w:ascii="Cascadia Mono" w:hAnsi="Cascadia Mono" w:cs="Cascadia Mono"/>
                <w:color w:val="0000FF"/>
                <w:sz w:val="19"/>
                <w:szCs w:val="19"/>
              </w:rPr>
              <w:t>this</w:t>
            </w:r>
            <w:r>
              <w:rPr>
                <w:rFonts w:ascii="Cascadia Mono" w:hAnsi="Cascadia Mono" w:cs="Cascadia Mono"/>
                <w:color w:val="000000"/>
                <w:sz w:val="19"/>
                <w:szCs w:val="19"/>
              </w:rPr>
              <w:t>.options.modalOverflow)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css(</w:t>
            </w:r>
            <w:r>
              <w:rPr>
                <w:rFonts w:ascii="Cascadia Mono" w:hAnsi="Cascadia Mono" w:cs="Cascadia Mono"/>
                <w:color w:val="A31515"/>
                <w:sz w:val="19"/>
                <w:szCs w:val="19"/>
              </w:rPr>
              <w:t>'margin-top'</w:t>
            </w:r>
            <w:r>
              <w:rPr>
                <w:rFonts w:ascii="Cascadia Mono" w:hAnsi="Cascadia Mono" w:cs="Cascadia Mono"/>
                <w:color w:val="000000"/>
                <w:sz w:val="19"/>
                <w:szCs w:val="19"/>
              </w:rPr>
              <w:t>, 0)</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addClass(</w:t>
            </w:r>
            <w:r>
              <w:rPr>
                <w:rFonts w:ascii="Cascadia Mono" w:hAnsi="Cascadia Mono" w:cs="Cascadia Mono"/>
                <w:color w:val="A31515"/>
                <w:sz w:val="19"/>
                <w:szCs w:val="19"/>
              </w:rPr>
              <w:t>'modal-overflow'</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 </w:t>
            </w:r>
            <w:r>
              <w:rPr>
                <w:rFonts w:ascii="Cascadia Mono" w:hAnsi="Cascadia Mono" w:cs="Cascadia Mono"/>
                <w:color w:val="0000FF"/>
                <w:sz w:val="19"/>
                <w:szCs w:val="19"/>
              </w:rPr>
              <w:t>els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css(</w:t>
            </w:r>
            <w:r>
              <w:rPr>
                <w:rFonts w:ascii="Cascadia Mono" w:hAnsi="Cascadia Mono" w:cs="Cascadia Mono"/>
                <w:color w:val="A31515"/>
                <w:sz w:val="19"/>
                <w:szCs w:val="19"/>
              </w:rPr>
              <w:t>'margin-top'</w:t>
            </w:r>
            <w:r>
              <w:rPr>
                <w:rFonts w:ascii="Cascadia Mono" w:hAnsi="Cascadia Mono" w:cs="Cascadia Mono"/>
                <w:color w:val="000000"/>
                <w:sz w:val="19"/>
                <w:szCs w:val="19"/>
              </w:rPr>
              <w:t xml:space="preserve">, 0 - </w:t>
            </w:r>
            <w:r>
              <w:rPr>
                <w:rFonts w:ascii="Cascadia Mono" w:hAnsi="Cascadia Mono" w:cs="Cascadia Mono"/>
                <w:color w:val="0000FF"/>
                <w:sz w:val="19"/>
                <w:szCs w:val="19"/>
              </w:rPr>
              <w:t>this</w:t>
            </w:r>
            <w:r>
              <w:rPr>
                <w:rFonts w:ascii="Cascadia Mono" w:hAnsi="Cascadia Mono" w:cs="Cascadia Mono"/>
                <w:color w:val="000000"/>
                <w:sz w:val="19"/>
                <w:szCs w:val="19"/>
              </w:rPr>
              <w:t>.$element.height() / 2)</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removeClass(</w:t>
            </w:r>
            <w:r>
              <w:rPr>
                <w:rFonts w:ascii="Cascadia Mono" w:hAnsi="Cascadia Mono" w:cs="Cascadia Mono"/>
                <w:color w:val="A31515"/>
                <w:sz w:val="19"/>
                <w:szCs w:val="19"/>
              </w:rPr>
              <w:t>'modal-overflow'</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tab: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that = </w:t>
            </w:r>
            <w:r>
              <w:rPr>
                <w:rFonts w:ascii="Cascadia Mono" w:hAnsi="Cascadia Mono" w:cs="Cascadia Mono"/>
                <w:color w:val="0000FF"/>
                <w:sz w:val="19"/>
                <w:szCs w:val="19"/>
              </w:rPr>
              <w:t>this</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 xml:space="preserve">.isShown &amp;&amp; </w:t>
            </w:r>
            <w:r>
              <w:rPr>
                <w:rFonts w:ascii="Cascadia Mono" w:hAnsi="Cascadia Mono" w:cs="Cascadia Mono"/>
                <w:color w:val="0000FF"/>
                <w:sz w:val="19"/>
                <w:szCs w:val="19"/>
              </w:rPr>
              <w:t>this</w:t>
            </w:r>
            <w:r>
              <w:rPr>
                <w:rFonts w:ascii="Cascadia Mono" w:hAnsi="Cascadia Mono" w:cs="Cascadia Mono"/>
                <w:color w:val="000000"/>
                <w:sz w:val="19"/>
                <w:szCs w:val="19"/>
              </w:rPr>
              <w:t>.options.consumeTab)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on(</w:t>
            </w:r>
            <w:r>
              <w:rPr>
                <w:rFonts w:ascii="Cascadia Mono" w:hAnsi="Cascadia Mono" w:cs="Cascadia Mono"/>
                <w:color w:val="A31515"/>
                <w:sz w:val="19"/>
                <w:szCs w:val="19"/>
              </w:rPr>
              <w:t>'keydown.tabindex.modal'</w:t>
            </w:r>
            <w:r>
              <w:rPr>
                <w:rFonts w:ascii="Cascadia Mono" w:hAnsi="Cascadia Mono" w:cs="Cascadia Mono"/>
                <w:color w:val="000000"/>
                <w:sz w:val="19"/>
                <w:szCs w:val="19"/>
              </w:rPr>
              <w:t xml:space="preserve">, </w:t>
            </w:r>
            <w:r>
              <w:rPr>
                <w:rFonts w:ascii="Cascadia Mono" w:hAnsi="Cascadia Mono" w:cs="Cascadia Mono"/>
                <w:color w:val="A31515"/>
                <w:sz w:val="19"/>
                <w:szCs w:val="19"/>
              </w:rPr>
              <w:t>'[data-tabindex]'</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    </w:t>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 (e.keyCode &amp;&amp; e.keyCode == 9){</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elements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tabindex = Number($(</w:t>
            </w:r>
            <w:r>
              <w:rPr>
                <w:rFonts w:ascii="Cascadia Mono" w:hAnsi="Cascadia Mono" w:cs="Cascadia Mono"/>
                <w:color w:val="0000FF"/>
                <w:sz w:val="19"/>
                <w:szCs w:val="19"/>
              </w:rPr>
              <w:t>this</w:t>
            </w:r>
            <w:r>
              <w:rPr>
                <w:rFonts w:ascii="Cascadia Mono" w:hAnsi="Cascadia Mono" w:cs="Cascadia Mono"/>
                <w:color w:val="000000"/>
                <w:sz w:val="19"/>
                <w:szCs w:val="19"/>
              </w:rPr>
              <w:t>).data(</w:t>
            </w:r>
            <w:r>
              <w:rPr>
                <w:rFonts w:ascii="Cascadia Mono" w:hAnsi="Cascadia Mono" w:cs="Cascadia Mono"/>
                <w:color w:val="A31515"/>
                <w:sz w:val="19"/>
                <w:szCs w:val="19"/>
              </w:rPr>
              <w:t>'tabinde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that.$element.find(</w:t>
            </w:r>
            <w:r>
              <w:rPr>
                <w:rFonts w:ascii="Cascadia Mono" w:hAnsi="Cascadia Mono" w:cs="Cascadia Mono"/>
                <w:color w:val="A31515"/>
                <w:sz w:val="19"/>
                <w:szCs w:val="19"/>
              </w:rPr>
              <w:t>'[data-tabindex]:enabled:visible:not([readonly])'</w:t>
            </w:r>
            <w:r>
              <w:rPr>
                <w:rFonts w:ascii="Cascadia Mono" w:hAnsi="Cascadia Mono" w:cs="Cascadia Mono"/>
                <w:color w:val="000000"/>
                <w:sz w:val="19"/>
                <w:szCs w:val="19"/>
              </w:rPr>
              <w:t>).each(</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ev)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elements.push(Number($(</w:t>
            </w:r>
            <w:r>
              <w:rPr>
                <w:rFonts w:ascii="Cascadia Mono" w:hAnsi="Cascadia Mono" w:cs="Cascadia Mono"/>
                <w:color w:val="0000FF"/>
                <w:sz w:val="19"/>
                <w:szCs w:val="19"/>
              </w:rPr>
              <w:t>this</w:t>
            </w:r>
            <w:r>
              <w:rPr>
                <w:rFonts w:ascii="Cascadia Mono" w:hAnsi="Cascadia Mono" w:cs="Cascadia Mono"/>
                <w:color w:val="000000"/>
                <w:sz w:val="19"/>
                <w:szCs w:val="19"/>
              </w:rPr>
              <w:t>).data(</w:t>
            </w:r>
            <w:r>
              <w:rPr>
                <w:rFonts w:ascii="Cascadia Mono" w:hAnsi="Cascadia Mono" w:cs="Cascadia Mono"/>
                <w:color w:val="A31515"/>
                <w:sz w:val="19"/>
                <w:szCs w:val="19"/>
              </w:rPr>
              <w:t>'tabindex'</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elements.sort(</w:t>
            </w:r>
            <w:r>
              <w:rPr>
                <w:rFonts w:ascii="Cascadia Mono" w:hAnsi="Cascadia Mono" w:cs="Cascadia Mono"/>
                <w:color w:val="0000FF"/>
                <w:sz w:val="19"/>
                <w:szCs w:val="19"/>
              </w:rPr>
              <w:t>function</w:t>
            </w:r>
            <w:r>
              <w:rPr>
                <w:rFonts w:ascii="Cascadia Mono" w:hAnsi="Cascadia Mono" w:cs="Cascadia Mono"/>
                <w:color w:val="000000"/>
                <w:sz w:val="19"/>
                <w:szCs w:val="19"/>
              </w:rPr>
              <w:t>(a,b){</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a-b});</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arrayPos = $.inArray(tabindex, elements);</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 (!e.shiftKey){</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 </w:t>
            </w:r>
            <w:r>
              <w:rPr>
                <w:rFonts w:ascii="Cascadia Mono" w:hAnsi="Cascadia Mono" w:cs="Cascadia Mono"/>
                <w:color w:val="000000"/>
                <w:sz w:val="19"/>
                <w:szCs w:val="19"/>
              </w:rPr>
              <w:tab/>
            </w:r>
            <w:r>
              <w:rPr>
                <w:rFonts w:ascii="Cascadia Mono" w:hAnsi="Cascadia Mono" w:cs="Cascadia Mono"/>
                <w:color w:val="000000"/>
                <w:sz w:val="19"/>
                <w:szCs w:val="19"/>
              </w:rPr>
              <w:tab/>
              <w:t>arrayPos &lt; elements.length-1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that.$element.find(</w:t>
            </w:r>
            <w:r>
              <w:rPr>
                <w:rFonts w:ascii="Cascadia Mono" w:hAnsi="Cascadia Mono" w:cs="Cascadia Mono"/>
                <w:color w:val="A31515"/>
                <w:sz w:val="19"/>
                <w:szCs w:val="19"/>
              </w:rPr>
              <w:t>'[data-tabindex='</w:t>
            </w:r>
            <w:r>
              <w:rPr>
                <w:rFonts w:ascii="Cascadia Mono" w:hAnsi="Cascadia Mono" w:cs="Cascadia Mono"/>
                <w:color w:val="000000"/>
                <w:sz w:val="19"/>
                <w:szCs w:val="19"/>
              </w:rPr>
              <w:t>+elements[arrayPos+1]+</w:t>
            </w:r>
            <w:r>
              <w:rPr>
                <w:rFonts w:ascii="Cascadia Mono" w:hAnsi="Cascadia Mono" w:cs="Cascadia Mono"/>
                <w:color w:val="A31515"/>
                <w:sz w:val="19"/>
                <w:szCs w:val="19"/>
              </w:rPr>
              <w:t>']'</w:t>
            </w:r>
            <w:r>
              <w:rPr>
                <w:rFonts w:ascii="Cascadia Mono" w:hAnsi="Cascadia Mono" w:cs="Cascadia Mono"/>
                <w:color w:val="000000"/>
                <w:sz w:val="19"/>
                <w:szCs w:val="19"/>
              </w:rPr>
              <w:t>).focus()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that.$element.find(</w:t>
            </w:r>
            <w:r>
              <w:rPr>
                <w:rFonts w:ascii="Cascadia Mono" w:hAnsi="Cascadia Mono" w:cs="Cascadia Mono"/>
                <w:color w:val="A31515"/>
                <w:sz w:val="19"/>
                <w:szCs w:val="19"/>
              </w:rPr>
              <w:t>'[data-tabindex='</w:t>
            </w:r>
            <w:r>
              <w:rPr>
                <w:rFonts w:ascii="Cascadia Mono" w:hAnsi="Cascadia Mono" w:cs="Cascadia Mono"/>
                <w:color w:val="000000"/>
                <w:sz w:val="19"/>
                <w:szCs w:val="19"/>
              </w:rPr>
              <w:t>+elements[0]+</w:t>
            </w:r>
            <w:r>
              <w:rPr>
                <w:rFonts w:ascii="Cascadia Mono" w:hAnsi="Cascadia Mono" w:cs="Cascadia Mono"/>
                <w:color w:val="A31515"/>
                <w:sz w:val="19"/>
                <w:szCs w:val="19"/>
              </w:rPr>
              <w:t>']'</w:t>
            </w:r>
            <w:r>
              <w:rPr>
                <w:rFonts w:ascii="Cascadia Mono" w:hAnsi="Cascadia Mono" w:cs="Cascadia Mono"/>
                <w:color w:val="000000"/>
                <w:sz w:val="19"/>
                <w:szCs w:val="19"/>
              </w:rPr>
              <w:t>).focus();</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 </w:t>
            </w:r>
            <w:r>
              <w:rPr>
                <w:rFonts w:ascii="Cascadia Mono" w:hAnsi="Cascadia Mono" w:cs="Cascadia Mono"/>
                <w:color w:val="0000FF"/>
                <w:sz w:val="19"/>
                <w:szCs w:val="19"/>
              </w:rPr>
              <w:t>els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arrayPos == 0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that.$element.find(</w:t>
            </w:r>
            <w:r>
              <w:rPr>
                <w:rFonts w:ascii="Cascadia Mono" w:hAnsi="Cascadia Mono" w:cs="Cascadia Mono"/>
                <w:color w:val="A31515"/>
                <w:sz w:val="19"/>
                <w:szCs w:val="19"/>
              </w:rPr>
              <w:t>'[data-tabindex='</w:t>
            </w:r>
            <w:r>
              <w:rPr>
                <w:rFonts w:ascii="Cascadia Mono" w:hAnsi="Cascadia Mono" w:cs="Cascadia Mono"/>
                <w:color w:val="000000"/>
                <w:sz w:val="19"/>
                <w:szCs w:val="19"/>
              </w:rPr>
              <w:t>+elements[elements.length-1]+</w:t>
            </w:r>
            <w:r>
              <w:rPr>
                <w:rFonts w:ascii="Cascadia Mono" w:hAnsi="Cascadia Mono" w:cs="Cascadia Mono"/>
                <w:color w:val="A31515"/>
                <w:sz w:val="19"/>
                <w:szCs w:val="19"/>
              </w:rPr>
              <w:t>']'</w:t>
            </w:r>
            <w:r>
              <w:rPr>
                <w:rFonts w:ascii="Cascadia Mono" w:hAnsi="Cascadia Mono" w:cs="Cascadia Mono"/>
                <w:color w:val="000000"/>
                <w:sz w:val="19"/>
                <w:szCs w:val="19"/>
              </w:rPr>
              <w:t>).focus()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that.$element.find(</w:t>
            </w:r>
            <w:r>
              <w:rPr>
                <w:rFonts w:ascii="Cascadia Mono" w:hAnsi="Cascadia Mono" w:cs="Cascadia Mono"/>
                <w:color w:val="A31515"/>
                <w:sz w:val="19"/>
                <w:szCs w:val="19"/>
              </w:rPr>
              <w:t>'[data-tabindex='</w:t>
            </w:r>
            <w:r>
              <w:rPr>
                <w:rFonts w:ascii="Cascadia Mono" w:hAnsi="Cascadia Mono" w:cs="Cascadia Mono"/>
                <w:color w:val="000000"/>
                <w:sz w:val="19"/>
                <w:szCs w:val="19"/>
              </w:rPr>
              <w:t>+elements[arrayPos-1]+</w:t>
            </w:r>
            <w:r>
              <w:rPr>
                <w:rFonts w:ascii="Cascadia Mono" w:hAnsi="Cascadia Mono" w:cs="Cascadia Mono"/>
                <w:color w:val="A31515"/>
                <w:sz w:val="19"/>
                <w:szCs w:val="19"/>
              </w:rPr>
              <w:t>']'</w:t>
            </w:r>
            <w:r>
              <w:rPr>
                <w:rFonts w:ascii="Cascadia Mono" w:hAnsi="Cascadia Mono" w:cs="Cascadia Mono"/>
                <w:color w:val="000000"/>
                <w:sz w:val="19"/>
                <w:szCs w:val="19"/>
              </w:rPr>
              <w:t>).focus();</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e.preventDefaul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 </w:t>
            </w:r>
            <w:r>
              <w:rPr>
                <w:rFonts w:ascii="Cascadia Mono" w:hAnsi="Cascadia Mono" w:cs="Cascadia Mono"/>
                <w:color w:val="0000FF"/>
                <w:sz w:val="19"/>
                <w:szCs w:val="19"/>
              </w:rPr>
              <w:t>else</w:t>
            </w: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isShown)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off(</w:t>
            </w:r>
            <w:r>
              <w:rPr>
                <w:rFonts w:ascii="Cascadia Mono" w:hAnsi="Cascadia Mono" w:cs="Cascadia Mono"/>
                <w:color w:val="A31515"/>
                <w:sz w:val="19"/>
                <w:szCs w:val="19"/>
              </w:rPr>
              <w:t>'keydown.tabindex.modal'</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escap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that = </w:t>
            </w:r>
            <w:r>
              <w:rPr>
                <w:rFonts w:ascii="Cascadia Mono" w:hAnsi="Cascadia Mono" w:cs="Cascadia Mono"/>
                <w:color w:val="0000FF"/>
                <w:sz w:val="19"/>
                <w:szCs w:val="19"/>
              </w:rPr>
              <w:t>this</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 xml:space="preserve">.isShown &amp;&amp; </w:t>
            </w:r>
            <w:r>
              <w:rPr>
                <w:rFonts w:ascii="Cascadia Mono" w:hAnsi="Cascadia Mono" w:cs="Cascadia Mono"/>
                <w:color w:val="0000FF"/>
                <w:sz w:val="19"/>
                <w:szCs w:val="19"/>
              </w:rPr>
              <w:t>this</w:t>
            </w:r>
            <w:r>
              <w:rPr>
                <w:rFonts w:ascii="Cascadia Mono" w:hAnsi="Cascadia Mono" w:cs="Cascadia Mono"/>
                <w:color w:val="000000"/>
                <w:sz w:val="19"/>
                <w:szCs w:val="19"/>
              </w:rPr>
              <w:t>.options.keyboard)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element.attr(</w:t>
            </w:r>
            <w:r>
              <w:rPr>
                <w:rFonts w:ascii="Cascadia Mono" w:hAnsi="Cascadia Mono" w:cs="Cascadia Mono"/>
                <w:color w:val="A31515"/>
                <w:sz w:val="19"/>
                <w:szCs w:val="19"/>
              </w:rPr>
              <w:t>'tabindex'</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element.attr(</w:t>
            </w:r>
            <w:r>
              <w:rPr>
                <w:rFonts w:ascii="Cascadia Mono" w:hAnsi="Cascadia Mono" w:cs="Cascadia Mono"/>
                <w:color w:val="A31515"/>
                <w:sz w:val="19"/>
                <w:szCs w:val="19"/>
              </w:rPr>
              <w:t>'tabindex'</w:t>
            </w:r>
            <w:r>
              <w:rPr>
                <w:rFonts w:ascii="Cascadia Mono" w:hAnsi="Cascadia Mono" w:cs="Cascadia Mono"/>
                <w:color w:val="000000"/>
                <w:sz w:val="19"/>
                <w:szCs w:val="19"/>
              </w:rPr>
              <w:t>, -1);</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on(</w:t>
            </w:r>
            <w:r>
              <w:rPr>
                <w:rFonts w:ascii="Cascadia Mono" w:hAnsi="Cascadia Mono" w:cs="Cascadia Mono"/>
                <w:color w:val="A31515"/>
                <w:sz w:val="19"/>
                <w:szCs w:val="19"/>
              </w:rPr>
              <w:t>'keyup.dismiss.modal'</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e.which == 27 &amp;&amp; that.hid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 </w:t>
            </w:r>
            <w:r>
              <w:rPr>
                <w:rFonts w:ascii="Cascadia Mono" w:hAnsi="Cascadia Mono" w:cs="Cascadia Mono"/>
                <w:color w:val="0000FF"/>
                <w:sz w:val="19"/>
                <w:szCs w:val="19"/>
              </w:rPr>
              <w:t>else</w:t>
            </w: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isShown)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off(</w:t>
            </w:r>
            <w:r>
              <w:rPr>
                <w:rFonts w:ascii="Cascadia Mono" w:hAnsi="Cascadia Mono" w:cs="Cascadia Mono"/>
                <w:color w:val="A31515"/>
                <w:sz w:val="19"/>
                <w:szCs w:val="19"/>
              </w:rPr>
              <w:t>'keyup.dismiss.modal'</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hideWithTransition: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that = </w:t>
            </w:r>
            <w:r>
              <w:rPr>
                <w:rFonts w:ascii="Cascadia Mono" w:hAnsi="Cascadia Mono" w:cs="Cascadia Mono"/>
                <w:color w:val="0000FF"/>
                <w:sz w:val="19"/>
                <w:szCs w:val="19"/>
              </w:rPr>
              <w:t>this</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timeout = setTimeout(</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that.$element.off($.support.transition.end);</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that.hideModal();</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500);</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 xml:space="preserve">.$element.one($.support.transition.end,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clearTimeout(timeou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that.hideModal();</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hideModal: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prop = </w:t>
            </w:r>
            <w:r>
              <w:rPr>
                <w:rFonts w:ascii="Cascadia Mono" w:hAnsi="Cascadia Mono" w:cs="Cascadia Mono"/>
                <w:color w:val="0000FF"/>
                <w:sz w:val="19"/>
                <w:szCs w:val="19"/>
              </w:rPr>
              <w:t>this</w:t>
            </w:r>
            <w:r>
              <w:rPr>
                <w:rFonts w:ascii="Cascadia Mono" w:hAnsi="Cascadia Mono" w:cs="Cascadia Mono"/>
                <w:color w:val="000000"/>
                <w:sz w:val="19"/>
                <w:szCs w:val="19"/>
              </w:rPr>
              <w:t xml:space="preserve">.options.height ? </w:t>
            </w:r>
            <w:r>
              <w:rPr>
                <w:rFonts w:ascii="Cascadia Mono" w:hAnsi="Cascadia Mono" w:cs="Cascadia Mono"/>
                <w:color w:val="A31515"/>
                <w:sz w:val="19"/>
                <w:szCs w:val="19"/>
              </w:rPr>
              <w:t>'height'</w:t>
            </w:r>
            <w:r>
              <w:rPr>
                <w:rFonts w:ascii="Cascadia Mono" w:hAnsi="Cascadia Mono" w:cs="Cascadia Mono"/>
                <w:color w:val="000000"/>
                <w:sz w:val="19"/>
                <w:szCs w:val="19"/>
              </w:rPr>
              <w:t xml:space="preserve"> : </w:t>
            </w:r>
            <w:r>
              <w:rPr>
                <w:rFonts w:ascii="Cascadia Mono" w:hAnsi="Cascadia Mono" w:cs="Cascadia Mono"/>
                <w:color w:val="A31515"/>
                <w:sz w:val="19"/>
                <w:szCs w:val="19"/>
              </w:rPr>
              <w:t>'max-heigh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value = </w:t>
            </w:r>
            <w:r>
              <w:rPr>
                <w:rFonts w:ascii="Cascadia Mono" w:hAnsi="Cascadia Mono" w:cs="Cascadia Mono"/>
                <w:color w:val="0000FF"/>
                <w:sz w:val="19"/>
                <w:szCs w:val="19"/>
              </w:rPr>
              <w:t>this</w:t>
            </w:r>
            <w:r>
              <w:rPr>
                <w:rFonts w:ascii="Cascadia Mono" w:hAnsi="Cascadia Mono" w:cs="Cascadia Mono"/>
                <w:color w:val="000000"/>
                <w:sz w:val="19"/>
                <w:szCs w:val="19"/>
              </w:rPr>
              <w:t xml:space="preserve">.options.height || </w:t>
            </w:r>
            <w:r>
              <w:rPr>
                <w:rFonts w:ascii="Cascadia Mono" w:hAnsi="Cascadia Mono" w:cs="Cascadia Mono"/>
                <w:color w:val="0000FF"/>
                <w:sz w:val="19"/>
                <w:szCs w:val="19"/>
              </w:rPr>
              <w:t>this</w:t>
            </w:r>
            <w:r>
              <w:rPr>
                <w:rFonts w:ascii="Cascadia Mono" w:hAnsi="Cascadia Mono" w:cs="Cascadia Mono"/>
                <w:color w:val="000000"/>
                <w:sz w:val="19"/>
                <w:szCs w:val="19"/>
              </w:rPr>
              <w:t>.options.maxHeigh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 (valu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find(</w:t>
            </w:r>
            <w:r>
              <w:rPr>
                <w:rFonts w:ascii="Cascadia Mono" w:hAnsi="Cascadia Mono" w:cs="Cascadia Mono"/>
                <w:color w:val="A31515"/>
                <w:sz w:val="19"/>
                <w:szCs w:val="19"/>
              </w:rPr>
              <w:t>'.modal-body'</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css(</w:t>
            </w:r>
            <w:r>
              <w:rPr>
                <w:rFonts w:ascii="Cascadia Mono" w:hAnsi="Cascadia Mono" w:cs="Cascadia Mono"/>
                <w:color w:val="A31515"/>
                <w:sz w:val="19"/>
                <w:szCs w:val="19"/>
              </w:rPr>
              <w:t>'overflow'</w:t>
            </w:r>
            <w:r>
              <w:rPr>
                <w:rFonts w:ascii="Cascadia Mono" w:hAnsi="Cascadia Mono" w:cs="Cascadia Mono"/>
                <w:color w:val="000000"/>
                <w:sz w:val="19"/>
                <w:szCs w:val="19"/>
              </w:rPr>
              <w:t xml:space="preserve">, </w:t>
            </w:r>
            <w:r>
              <w:rPr>
                <w:rFonts w:ascii="Cascadia Mono" w:hAnsi="Cascadia Mono" w:cs="Cascadia Mono"/>
                <w:color w:val="A31515"/>
                <w:sz w:val="19"/>
                <w:szCs w:val="19"/>
              </w:rPr>
              <w: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css(prop, </w:t>
            </w:r>
            <w:r>
              <w:rPr>
                <w:rFonts w:ascii="Cascadia Mono" w:hAnsi="Cascadia Mono" w:cs="Cascadia Mono"/>
                <w:color w:val="A31515"/>
                <w:sz w:val="19"/>
                <w:szCs w:val="19"/>
              </w:rPr>
              <w: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hid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trigger(</w:t>
            </w:r>
            <w:r>
              <w:rPr>
                <w:rFonts w:ascii="Cascadia Mono" w:hAnsi="Cascadia Mono" w:cs="Cascadia Mono"/>
                <w:color w:val="A31515"/>
                <w:sz w:val="19"/>
                <w:szCs w:val="19"/>
              </w:rPr>
              <w:t>'hidden'</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removeLoading: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loading.remov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 xml:space="preserve">.$loading = </w:t>
            </w:r>
            <w:r>
              <w:rPr>
                <w:rFonts w:ascii="Cascadia Mono" w:hAnsi="Cascadia Mono" w:cs="Cascadia Mono"/>
                <w:color w:val="0000FF"/>
                <w:sz w:val="19"/>
                <w:szCs w:val="19"/>
              </w:rPr>
              <w:t>null</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 xml:space="preserve">.isLoading = </w:t>
            </w:r>
            <w:r>
              <w:rPr>
                <w:rFonts w:ascii="Cascadia Mono" w:hAnsi="Cascadia Mono" w:cs="Cascadia Mono"/>
                <w:color w:val="0000FF"/>
                <w:sz w:val="19"/>
                <w:szCs w:val="19"/>
              </w:rPr>
              <w:t>fals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loading: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callback)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callback = callback ||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animate = </w:t>
            </w:r>
            <w:r>
              <w:rPr>
                <w:rFonts w:ascii="Cascadia Mono" w:hAnsi="Cascadia Mono" w:cs="Cascadia Mono"/>
                <w:color w:val="0000FF"/>
                <w:sz w:val="19"/>
                <w:szCs w:val="19"/>
              </w:rPr>
              <w:t>this</w:t>
            </w:r>
            <w:r>
              <w:rPr>
                <w:rFonts w:ascii="Cascadia Mono" w:hAnsi="Cascadia Mono" w:cs="Cascadia Mono"/>
                <w:color w:val="000000"/>
                <w:sz w:val="19"/>
                <w:szCs w:val="19"/>
              </w:rPr>
              <w:t>.$element.hasClass(</w:t>
            </w:r>
            <w:r>
              <w:rPr>
                <w:rFonts w:ascii="Cascadia Mono" w:hAnsi="Cascadia Mono" w:cs="Cascadia Mono"/>
                <w:color w:val="A31515"/>
                <w:sz w:val="19"/>
                <w:szCs w:val="19"/>
              </w:rPr>
              <w:t>'fade'</w:t>
            </w:r>
            <w:r>
              <w:rPr>
                <w:rFonts w:ascii="Cascadia Mono" w:hAnsi="Cascadia Mono" w:cs="Cascadia Mono"/>
                <w:color w:val="000000"/>
                <w:sz w:val="19"/>
                <w:szCs w:val="19"/>
              </w:rPr>
              <w:t xml:space="preserve">) ? </w:t>
            </w:r>
            <w:r>
              <w:rPr>
                <w:rFonts w:ascii="Cascadia Mono" w:hAnsi="Cascadia Mono" w:cs="Cascadia Mono"/>
                <w:color w:val="A31515"/>
                <w:sz w:val="19"/>
                <w:szCs w:val="19"/>
              </w:rPr>
              <w:t>'fade'</w:t>
            </w:r>
            <w:r>
              <w:rPr>
                <w:rFonts w:ascii="Cascadia Mono" w:hAnsi="Cascadia Mono" w:cs="Cascadia Mono"/>
                <w:color w:val="000000"/>
                <w:sz w:val="19"/>
                <w:szCs w:val="19"/>
              </w:rPr>
              <w:t xml:space="preserve"> : </w:t>
            </w:r>
            <w:r>
              <w:rPr>
                <w:rFonts w:ascii="Cascadia Mono" w:hAnsi="Cascadia Mono" w:cs="Cascadia Mono"/>
                <w:color w:val="A31515"/>
                <w:sz w:val="19"/>
                <w:szCs w:val="19"/>
              </w:rPr>
              <w: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isLoading)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doAnimate = $.support.transition &amp;&amp; animate;</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loading = $(</w:t>
            </w:r>
            <w:r>
              <w:rPr>
                <w:rFonts w:ascii="Cascadia Mono" w:hAnsi="Cascadia Mono" w:cs="Cascadia Mono"/>
                <w:color w:val="A31515"/>
                <w:sz w:val="19"/>
                <w:szCs w:val="19"/>
              </w:rPr>
              <w:t>'&lt;div class="loading-mask '</w:t>
            </w:r>
            <w:r>
              <w:rPr>
                <w:rFonts w:ascii="Cascadia Mono" w:hAnsi="Cascadia Mono" w:cs="Cascadia Mono"/>
                <w:color w:val="000000"/>
                <w:sz w:val="19"/>
                <w:szCs w:val="19"/>
              </w:rPr>
              <w:t xml:space="preserve"> + animate + </w:t>
            </w:r>
            <w:r>
              <w:rPr>
                <w:rFonts w:ascii="Cascadia Mono" w:hAnsi="Cascadia Mono" w:cs="Cascadia Mono"/>
                <w:color w:val="A31515"/>
                <w:sz w:val="19"/>
                <w:szCs w:val="19"/>
              </w:rPr>
              <w:t>'"&g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append(</w:t>
            </w:r>
            <w:r>
              <w:rPr>
                <w:rFonts w:ascii="Cascadia Mono" w:hAnsi="Cascadia Mono" w:cs="Cascadia Mono"/>
                <w:color w:val="0000FF"/>
                <w:sz w:val="19"/>
                <w:szCs w:val="19"/>
              </w:rPr>
              <w:t>this</w:t>
            </w:r>
            <w:r>
              <w:rPr>
                <w:rFonts w:ascii="Cascadia Mono" w:hAnsi="Cascadia Mono" w:cs="Cascadia Mono"/>
                <w:color w:val="000000"/>
                <w:sz w:val="19"/>
                <w:szCs w:val="19"/>
              </w:rPr>
              <w:t>.options.spinner)</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appendTo(</w:t>
            </w:r>
            <w:r>
              <w:rPr>
                <w:rFonts w:ascii="Cascadia Mono" w:hAnsi="Cascadia Mono" w:cs="Cascadia Mono"/>
                <w:color w:val="0000FF"/>
                <w:sz w:val="19"/>
                <w:szCs w:val="19"/>
              </w:rPr>
              <w:t>this</w:t>
            </w:r>
            <w:r>
              <w:rPr>
                <w:rFonts w:ascii="Cascadia Mono" w:hAnsi="Cascadia Mono" w:cs="Cascadia Mono"/>
                <w:color w:val="000000"/>
                <w:sz w:val="19"/>
                <w:szCs w:val="19"/>
              </w:rPr>
              <w:t>.$elemen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 (doAnimate) </w:t>
            </w:r>
            <w:r>
              <w:rPr>
                <w:rFonts w:ascii="Cascadia Mono" w:hAnsi="Cascadia Mono" w:cs="Cascadia Mono"/>
                <w:color w:val="0000FF"/>
                <w:sz w:val="19"/>
                <w:szCs w:val="19"/>
              </w:rPr>
              <w:t>this</w:t>
            </w:r>
            <w:r>
              <w:rPr>
                <w:rFonts w:ascii="Cascadia Mono" w:hAnsi="Cascadia Mono" w:cs="Cascadia Mono"/>
                <w:color w:val="000000"/>
                <w:sz w:val="19"/>
                <w:szCs w:val="19"/>
              </w:rPr>
              <w:t xml:space="preserve">.$loading[0].offsetWidth; </w:t>
            </w:r>
            <w:r>
              <w:rPr>
                <w:rFonts w:ascii="Cascadia Mono" w:hAnsi="Cascadia Mono" w:cs="Cascadia Mono"/>
                <w:color w:val="008000"/>
                <w:sz w:val="19"/>
                <w:szCs w:val="19"/>
              </w:rPr>
              <w:t>// force reflow</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loading.addClass(</w:t>
            </w:r>
            <w:r>
              <w:rPr>
                <w:rFonts w:ascii="Cascadia Mono" w:hAnsi="Cascadia Mono" w:cs="Cascadia Mono"/>
                <w:color w:val="A31515"/>
                <w:sz w:val="19"/>
                <w:szCs w:val="19"/>
              </w:rPr>
              <w:t>'in'</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 xml:space="preserve">.isLoading = </w:t>
            </w:r>
            <w:r>
              <w:rPr>
                <w:rFonts w:ascii="Cascadia Mono" w:hAnsi="Cascadia Mono" w:cs="Cascadia Mono"/>
                <w:color w:val="0000FF"/>
                <w:sz w:val="19"/>
                <w:szCs w:val="19"/>
              </w:rPr>
              <w:t>tru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doAnimat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loading.one($.support.transition.end, callback)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callback();</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 </w:t>
            </w:r>
            <w:r>
              <w:rPr>
                <w:rFonts w:ascii="Cascadia Mono" w:hAnsi="Cascadia Mono" w:cs="Cascadia Mono"/>
                <w:color w:val="0000FF"/>
                <w:sz w:val="19"/>
                <w:szCs w:val="19"/>
              </w:rPr>
              <w:t>else</w:t>
            </w: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 xml:space="preserve">.isLoading &amp;&amp; </w:t>
            </w:r>
            <w:r>
              <w:rPr>
                <w:rFonts w:ascii="Cascadia Mono" w:hAnsi="Cascadia Mono" w:cs="Cascadia Mono"/>
                <w:color w:val="0000FF"/>
                <w:sz w:val="19"/>
                <w:szCs w:val="19"/>
              </w:rPr>
              <w:t>this</w:t>
            </w:r>
            <w:r>
              <w:rPr>
                <w:rFonts w:ascii="Cascadia Mono" w:hAnsi="Cascadia Mono" w:cs="Cascadia Mono"/>
                <w:color w:val="000000"/>
                <w:sz w:val="19"/>
                <w:szCs w:val="19"/>
              </w:rPr>
              <w:t>.$loading)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loading.removeClass(</w:t>
            </w:r>
            <w:r>
              <w:rPr>
                <w:rFonts w:ascii="Cascadia Mono" w:hAnsi="Cascadia Mono" w:cs="Cascadia Mono"/>
                <w:color w:val="A31515"/>
                <w:sz w:val="19"/>
                <w:szCs w:val="19"/>
              </w:rPr>
              <w:t>'in'</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that = </w:t>
            </w:r>
            <w:r>
              <w:rPr>
                <w:rFonts w:ascii="Cascadia Mono" w:hAnsi="Cascadia Mono" w:cs="Cascadia Mono"/>
                <w:color w:val="0000FF"/>
                <w:sz w:val="19"/>
                <w:szCs w:val="19"/>
              </w:rPr>
              <w:t>this</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support.transition &amp;&amp; </w:t>
            </w:r>
            <w:r>
              <w:rPr>
                <w:rFonts w:ascii="Cascadia Mono" w:hAnsi="Cascadia Mono" w:cs="Cascadia Mono"/>
                <w:color w:val="0000FF"/>
                <w:sz w:val="19"/>
                <w:szCs w:val="19"/>
              </w:rPr>
              <w:t>this</w:t>
            </w:r>
            <w:r>
              <w:rPr>
                <w:rFonts w:ascii="Cascadia Mono" w:hAnsi="Cascadia Mono" w:cs="Cascadia Mono"/>
                <w:color w:val="000000"/>
                <w:sz w:val="19"/>
                <w:szCs w:val="19"/>
              </w:rPr>
              <w:t>.$element.hasClass(</w:t>
            </w:r>
            <w:r>
              <w:rPr>
                <w:rFonts w:ascii="Cascadia Mono" w:hAnsi="Cascadia Mono" w:cs="Cascadia Mono"/>
                <w:color w:val="A31515"/>
                <w:sz w:val="19"/>
                <w:szCs w:val="19"/>
              </w:rPr>
              <w:t>'fad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 xml:space="preserve">.$loading.one($.support.transition.end,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 that.removeLoading()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that.removeLoading();</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 </w:t>
            </w:r>
            <w:r>
              <w:rPr>
                <w:rFonts w:ascii="Cascadia Mono" w:hAnsi="Cascadia Mono" w:cs="Cascadia Mono"/>
                <w:color w:val="0000FF"/>
                <w:sz w:val="19"/>
                <w:szCs w:val="19"/>
              </w:rPr>
              <w:t>else</w:t>
            </w: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callback)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callback(</w:t>
            </w:r>
            <w:r>
              <w:rPr>
                <w:rFonts w:ascii="Cascadia Mono" w:hAnsi="Cascadia Mono" w:cs="Cascadia Mono"/>
                <w:color w:val="0000FF"/>
                <w:sz w:val="19"/>
                <w:szCs w:val="19"/>
              </w:rPr>
              <w:t>this</w:t>
            </w:r>
            <w:r>
              <w:rPr>
                <w:rFonts w:ascii="Cascadia Mono" w:hAnsi="Cascadia Mono" w:cs="Cascadia Mono"/>
                <w:color w:val="000000"/>
                <w:sz w:val="19"/>
                <w:szCs w:val="19"/>
              </w:rPr>
              <w:t>.isLoading);</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focus: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focusElem = </w:t>
            </w:r>
            <w:r>
              <w:rPr>
                <w:rFonts w:ascii="Cascadia Mono" w:hAnsi="Cascadia Mono" w:cs="Cascadia Mono"/>
                <w:color w:val="0000FF"/>
                <w:sz w:val="19"/>
                <w:szCs w:val="19"/>
              </w:rPr>
              <w:t>this</w:t>
            </w:r>
            <w:r>
              <w:rPr>
                <w:rFonts w:ascii="Cascadia Mono" w:hAnsi="Cascadia Mono" w:cs="Cascadia Mono"/>
                <w:color w:val="000000"/>
                <w:sz w:val="19"/>
                <w:szCs w:val="19"/>
              </w:rPr>
              <w:t>.$element.find(</w:t>
            </w:r>
            <w:r>
              <w:rPr>
                <w:rFonts w:ascii="Cascadia Mono" w:hAnsi="Cascadia Mono" w:cs="Cascadia Mono"/>
                <w:color w:val="0000FF"/>
                <w:sz w:val="19"/>
                <w:szCs w:val="19"/>
              </w:rPr>
              <w:t>this</w:t>
            </w:r>
            <w:r>
              <w:rPr>
                <w:rFonts w:ascii="Cascadia Mono" w:hAnsi="Cascadia Mono" w:cs="Cascadia Mono"/>
                <w:color w:val="000000"/>
                <w:sz w:val="19"/>
                <w:szCs w:val="19"/>
              </w:rPr>
              <w:t>.options.focusOn);</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focusElem = $focusElem.length ? $focusElem : </w:t>
            </w:r>
            <w:r>
              <w:rPr>
                <w:rFonts w:ascii="Cascadia Mono" w:hAnsi="Cascadia Mono" w:cs="Cascadia Mono"/>
                <w:color w:val="0000FF"/>
                <w:sz w:val="19"/>
                <w:szCs w:val="19"/>
              </w:rPr>
              <w:t>this</w:t>
            </w:r>
            <w:r>
              <w:rPr>
                <w:rFonts w:ascii="Cascadia Mono" w:hAnsi="Cascadia Mono" w:cs="Cascadia Mono"/>
                <w:color w:val="000000"/>
                <w:sz w:val="19"/>
                <w:szCs w:val="19"/>
              </w:rPr>
              <w:t>.$elemen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focusElem.focus();</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attention: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8000"/>
                <w:sz w:val="19"/>
                <w:szCs w:val="19"/>
              </w:rPr>
              <w:t>// NOTE: transitionEnd with keyframes causes odd behaviour</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options.attentionAnimation){</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removeClass(</w:t>
            </w:r>
            <w:r>
              <w:rPr>
                <w:rFonts w:ascii="Cascadia Mono" w:hAnsi="Cascadia Mono" w:cs="Cascadia Mono"/>
                <w:color w:val="A31515"/>
                <w:sz w:val="19"/>
                <w:szCs w:val="19"/>
              </w:rPr>
              <w:t>'animated'</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removeClass(</w:t>
            </w:r>
            <w:r>
              <w:rPr>
                <w:rFonts w:ascii="Cascadia Mono" w:hAnsi="Cascadia Mono" w:cs="Cascadia Mono"/>
                <w:color w:val="0000FF"/>
                <w:sz w:val="19"/>
                <w:szCs w:val="19"/>
              </w:rPr>
              <w:t>this</w:t>
            </w:r>
            <w:r>
              <w:rPr>
                <w:rFonts w:ascii="Cascadia Mono" w:hAnsi="Cascadia Mono" w:cs="Cascadia Mono"/>
                <w:color w:val="000000"/>
                <w:sz w:val="19"/>
                <w:szCs w:val="19"/>
              </w:rPr>
              <w:t>.options.attentionAnimation);</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that = </w:t>
            </w:r>
            <w:r>
              <w:rPr>
                <w:rFonts w:ascii="Cascadia Mono" w:hAnsi="Cascadia Mono" w:cs="Cascadia Mono"/>
                <w:color w:val="0000FF"/>
                <w:sz w:val="19"/>
                <w:szCs w:val="19"/>
              </w:rPr>
              <w:t>this</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setTimeout(</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that.$elemen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addClass(</w:t>
            </w:r>
            <w:r>
              <w:rPr>
                <w:rFonts w:ascii="Cascadia Mono" w:hAnsi="Cascadia Mono" w:cs="Cascadia Mono"/>
                <w:color w:val="A31515"/>
                <w:sz w:val="19"/>
                <w:szCs w:val="19"/>
              </w:rPr>
              <w:t>'animated'</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addClass(that.options.attentionAnimation);</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0);</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focus();</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destroy: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e = $.Event(</w:t>
            </w:r>
            <w:r>
              <w:rPr>
                <w:rFonts w:ascii="Cascadia Mono" w:hAnsi="Cascadia Mono" w:cs="Cascadia Mono"/>
                <w:color w:val="A31515"/>
                <w:sz w:val="19"/>
                <w:szCs w:val="19"/>
              </w:rPr>
              <w:t>'destroy'</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trigger(e);</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 (e.isDefaultPrevented()) </w:t>
            </w:r>
            <w:r>
              <w:rPr>
                <w:rFonts w:ascii="Cascadia Mono" w:hAnsi="Cascadia Mono" w:cs="Cascadia Mono"/>
                <w:color w:val="0000FF"/>
                <w:sz w:val="19"/>
                <w:szCs w:val="19"/>
              </w:rPr>
              <w:t>return</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off(</w:t>
            </w:r>
            <w:r>
              <w:rPr>
                <w:rFonts w:ascii="Cascadia Mono" w:hAnsi="Cascadia Mono" w:cs="Cascadia Mono"/>
                <w:color w:val="A31515"/>
                <w:sz w:val="19"/>
                <w:szCs w:val="19"/>
              </w:rPr>
              <w:t>'.modal'</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removeData(</w:t>
            </w:r>
            <w:r>
              <w:rPr>
                <w:rFonts w:ascii="Cascadia Mono" w:hAnsi="Cascadia Mono" w:cs="Cascadia Mono"/>
                <w:color w:val="A31515"/>
                <w:sz w:val="19"/>
                <w:szCs w:val="19"/>
              </w:rPr>
              <w:t>'modal'</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removeClass(</w:t>
            </w:r>
            <w:r>
              <w:rPr>
                <w:rFonts w:ascii="Cascadia Mono" w:hAnsi="Cascadia Mono" w:cs="Cascadia Mono"/>
                <w:color w:val="A31515"/>
                <w:sz w:val="19"/>
                <w:szCs w:val="19"/>
              </w:rPr>
              <w:t>'in'</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attr(</w:t>
            </w:r>
            <w:r>
              <w:rPr>
                <w:rFonts w:ascii="Cascadia Mono" w:hAnsi="Cascadia Mono" w:cs="Cascadia Mono"/>
                <w:color w:val="A31515"/>
                <w:sz w:val="19"/>
                <w:szCs w:val="19"/>
              </w:rPr>
              <w:t>'aria-hidden'</w:t>
            </w:r>
            <w:r>
              <w:rPr>
                <w:rFonts w:ascii="Cascadia Mono" w:hAnsi="Cascadia Mono" w:cs="Cascadia Mono"/>
                <w:color w:val="000000"/>
                <w:sz w:val="19"/>
                <w:szCs w:val="19"/>
              </w:rPr>
              <w:t xml:space="preserve">, </w:t>
            </w:r>
            <w:r>
              <w:rPr>
                <w:rFonts w:ascii="Cascadia Mono" w:hAnsi="Cascadia Mono" w:cs="Cascadia Mono"/>
                <w:color w:val="0000FF"/>
                <w:sz w:val="19"/>
                <w:szCs w:val="19"/>
              </w:rPr>
              <w:t>tru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 xml:space="preserve">.$parent !== </w:t>
            </w:r>
            <w:r>
              <w:rPr>
                <w:rFonts w:ascii="Cascadia Mono" w:hAnsi="Cascadia Mono" w:cs="Cascadia Mono"/>
                <w:color w:val="0000FF"/>
                <w:sz w:val="19"/>
                <w:szCs w:val="19"/>
              </w:rPr>
              <w:t>this</w:t>
            </w:r>
            <w:r>
              <w:rPr>
                <w:rFonts w:ascii="Cascadia Mono" w:hAnsi="Cascadia Mono" w:cs="Cascadia Mono"/>
                <w:color w:val="000000"/>
                <w:sz w:val="19"/>
                <w:szCs w:val="19"/>
              </w:rPr>
              <w:t>.$element.parent())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appendTo(</w:t>
            </w:r>
            <w:r>
              <w:rPr>
                <w:rFonts w:ascii="Cascadia Mono" w:hAnsi="Cascadia Mono" w:cs="Cascadia Mono"/>
                <w:color w:val="0000FF"/>
                <w:sz w:val="19"/>
                <w:szCs w:val="19"/>
              </w:rPr>
              <w:t>this</w:t>
            </w:r>
            <w:r>
              <w:rPr>
                <w:rFonts w:ascii="Cascadia Mono" w:hAnsi="Cascadia Mono" w:cs="Cascadia Mono"/>
                <w:color w:val="000000"/>
                <w:sz w:val="19"/>
                <w:szCs w:val="19"/>
              </w:rPr>
              <w:t>.$paren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 </w:t>
            </w:r>
            <w:r>
              <w:rPr>
                <w:rFonts w:ascii="Cascadia Mono" w:hAnsi="Cascadia Mono" w:cs="Cascadia Mono"/>
                <w:color w:val="0000FF"/>
                <w:sz w:val="19"/>
                <w:szCs w:val="19"/>
              </w:rPr>
              <w:t>else</w:t>
            </w: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parent.length)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8000"/>
                <w:sz w:val="19"/>
                <w:szCs w:val="19"/>
              </w:rPr>
              <w:t>// modal is not part of the DOM so remove i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remov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 xml:space="preserve">.$element = </w:t>
            </w:r>
            <w:r>
              <w:rPr>
                <w:rFonts w:ascii="Cascadia Mono" w:hAnsi="Cascadia Mono" w:cs="Cascadia Mono"/>
                <w:color w:val="0000FF"/>
                <w:sz w:val="19"/>
                <w:szCs w:val="19"/>
              </w:rPr>
              <w:t>null</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this</w:t>
            </w:r>
            <w:r>
              <w:rPr>
                <w:rFonts w:ascii="Cascadia Mono" w:hAnsi="Cascadia Mono" w:cs="Cascadia Mono"/>
                <w:color w:val="000000"/>
                <w:sz w:val="19"/>
                <w:szCs w:val="19"/>
              </w:rPr>
              <w:t>.$element.trigger(</w:t>
            </w:r>
            <w:r>
              <w:rPr>
                <w:rFonts w:ascii="Cascadia Mono" w:hAnsi="Cascadia Mono" w:cs="Cascadia Mono"/>
                <w:color w:val="A31515"/>
                <w:sz w:val="19"/>
                <w:szCs w:val="19"/>
              </w:rPr>
              <w:t>'destroyed'</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ab/>
            </w:r>
            <w:r>
              <w:rPr>
                <w:rFonts w:ascii="Cascadia Mono" w:hAnsi="Cascadia Mono" w:cs="Cascadia Mono"/>
                <w:color w:val="008000"/>
                <w:sz w:val="19"/>
                <w:szCs w:val="19"/>
              </w:rPr>
              <w:t>/* MODAL PLUGIN DEFINITION</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ab/>
              <w:t>* ======================= */</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t xml:space="preserve">$.fn.modal =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option, args)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return</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each(</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this = $(</w:t>
            </w:r>
            <w:r>
              <w:rPr>
                <w:rFonts w:ascii="Cascadia Mono" w:hAnsi="Cascadia Mono" w:cs="Cascadia Mono"/>
                <w:color w:val="0000FF"/>
                <w:sz w:val="19"/>
                <w:szCs w:val="19"/>
              </w:rPr>
              <w:t>this</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data = $this.data(</w:t>
            </w:r>
            <w:r>
              <w:rPr>
                <w:rFonts w:ascii="Cascadia Mono" w:hAnsi="Cascadia Mono" w:cs="Cascadia Mono"/>
                <w:color w:val="A31515"/>
                <w:sz w:val="19"/>
                <w:szCs w:val="19"/>
              </w:rPr>
              <w:t>'modal'</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 xml:space="preserve">options = $.extend({}, $.fn.modal.defaults, $this.data(), </w:t>
            </w:r>
            <w:r>
              <w:rPr>
                <w:rFonts w:ascii="Cascadia Mono" w:hAnsi="Cascadia Mono" w:cs="Cascadia Mono"/>
                <w:color w:val="0000FF"/>
                <w:sz w:val="19"/>
                <w:szCs w:val="19"/>
              </w:rPr>
              <w:t>typeof</w:t>
            </w:r>
            <w:r>
              <w:rPr>
                <w:rFonts w:ascii="Cascadia Mono" w:hAnsi="Cascadia Mono" w:cs="Cascadia Mono"/>
                <w:color w:val="000000"/>
                <w:sz w:val="19"/>
                <w:szCs w:val="19"/>
              </w:rPr>
              <w:t xml:space="preserve"> option == </w:t>
            </w:r>
            <w:r>
              <w:rPr>
                <w:rFonts w:ascii="Cascadia Mono" w:hAnsi="Cascadia Mono" w:cs="Cascadia Mono"/>
                <w:color w:val="A31515"/>
                <w:sz w:val="19"/>
                <w:szCs w:val="19"/>
              </w:rPr>
              <w:t>'object'</w:t>
            </w:r>
            <w:r>
              <w:rPr>
                <w:rFonts w:ascii="Cascadia Mono" w:hAnsi="Cascadia Mono" w:cs="Cascadia Mono"/>
                <w:color w:val="000000"/>
                <w:sz w:val="19"/>
                <w:szCs w:val="19"/>
              </w:rPr>
              <w:t xml:space="preserve"> &amp;&amp; option);</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 (!data) $this.data(</w:t>
            </w:r>
            <w:r>
              <w:rPr>
                <w:rFonts w:ascii="Cascadia Mono" w:hAnsi="Cascadia Mono" w:cs="Cascadia Mono"/>
                <w:color w:val="A31515"/>
                <w:sz w:val="19"/>
                <w:szCs w:val="19"/>
              </w:rPr>
              <w:t>'modal'</w:t>
            </w:r>
            <w:r>
              <w:rPr>
                <w:rFonts w:ascii="Cascadia Mono" w:hAnsi="Cascadia Mono" w:cs="Cascadia Mono"/>
                <w:color w:val="000000"/>
                <w:sz w:val="19"/>
                <w:szCs w:val="19"/>
              </w:rPr>
              <w:t xml:space="preserve">, (data = </w:t>
            </w:r>
            <w:r>
              <w:rPr>
                <w:rFonts w:ascii="Cascadia Mono" w:hAnsi="Cascadia Mono" w:cs="Cascadia Mono"/>
                <w:color w:val="0000FF"/>
                <w:sz w:val="19"/>
                <w:szCs w:val="19"/>
              </w:rPr>
              <w:t>new</w:t>
            </w:r>
            <w:r>
              <w:rPr>
                <w:rFonts w:ascii="Cascadia Mono" w:hAnsi="Cascadia Mono" w:cs="Cascadia Mono"/>
                <w:color w:val="000000"/>
                <w:sz w:val="19"/>
                <w:szCs w:val="19"/>
              </w:rPr>
              <w:t xml:space="preserve"> Modal(</w:t>
            </w:r>
            <w:r>
              <w:rPr>
                <w:rFonts w:ascii="Cascadia Mono" w:hAnsi="Cascadia Mono" w:cs="Cascadia Mono"/>
                <w:color w:val="0000FF"/>
                <w:sz w:val="19"/>
                <w:szCs w:val="19"/>
              </w:rPr>
              <w:t>this</w:t>
            </w:r>
            <w:r>
              <w:rPr>
                <w:rFonts w:ascii="Cascadia Mono" w:hAnsi="Cascadia Mono" w:cs="Cascadia Mono"/>
                <w:color w:val="000000"/>
                <w:sz w:val="19"/>
                <w:szCs w:val="19"/>
              </w:rPr>
              <w:t>, options)));</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if</w:t>
            </w:r>
            <w:r>
              <w:rPr>
                <w:rFonts w:ascii="Cascadia Mono" w:hAnsi="Cascadia Mono" w:cs="Cascadia Mono"/>
                <w:color w:val="000000"/>
                <w:sz w:val="19"/>
                <w:szCs w:val="19"/>
              </w:rPr>
              <w:t xml:space="preserve"> (</w:t>
            </w:r>
            <w:r>
              <w:rPr>
                <w:rFonts w:ascii="Cascadia Mono" w:hAnsi="Cascadia Mono" w:cs="Cascadia Mono"/>
                <w:color w:val="0000FF"/>
                <w:sz w:val="19"/>
                <w:szCs w:val="19"/>
              </w:rPr>
              <w:t>typeof</w:t>
            </w:r>
            <w:r>
              <w:rPr>
                <w:rFonts w:ascii="Cascadia Mono" w:hAnsi="Cascadia Mono" w:cs="Cascadia Mono"/>
                <w:color w:val="000000"/>
                <w:sz w:val="19"/>
                <w:szCs w:val="19"/>
              </w:rPr>
              <w:t xml:space="preserve"> option == </w:t>
            </w:r>
            <w:r>
              <w:rPr>
                <w:rFonts w:ascii="Cascadia Mono" w:hAnsi="Cascadia Mono" w:cs="Cascadia Mono"/>
                <w:color w:val="A31515"/>
                <w:sz w:val="19"/>
                <w:szCs w:val="19"/>
              </w:rPr>
              <w:t>'string'</w:t>
            </w:r>
            <w:r>
              <w:rPr>
                <w:rFonts w:ascii="Cascadia Mono" w:hAnsi="Cascadia Mono" w:cs="Cascadia Mono"/>
                <w:color w:val="000000"/>
                <w:sz w:val="19"/>
                <w:szCs w:val="19"/>
              </w:rPr>
              <w:t>) data[option].apply(data, [].concat(args));</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else</w:t>
            </w: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options.show) data.show()</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t>$.fn.modal.defaults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keyboard: </w:t>
            </w:r>
            <w:r>
              <w:rPr>
                <w:rFonts w:ascii="Cascadia Mono" w:hAnsi="Cascadia Mono" w:cs="Cascadia Mono"/>
                <w:color w:val="0000FF"/>
                <w:sz w:val="19"/>
                <w:szCs w:val="19"/>
              </w:rPr>
              <w:t>tru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backdrop: </w:t>
            </w:r>
            <w:r>
              <w:rPr>
                <w:rFonts w:ascii="Cascadia Mono" w:hAnsi="Cascadia Mono" w:cs="Cascadia Mono"/>
                <w:color w:val="0000FF"/>
                <w:sz w:val="19"/>
                <w:szCs w:val="19"/>
              </w:rPr>
              <w:t>tru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loading: </w:t>
            </w:r>
            <w:r>
              <w:rPr>
                <w:rFonts w:ascii="Cascadia Mono" w:hAnsi="Cascadia Mono" w:cs="Cascadia Mono"/>
                <w:color w:val="0000FF"/>
                <w:sz w:val="19"/>
                <w:szCs w:val="19"/>
              </w:rPr>
              <w:t>fals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show: </w:t>
            </w:r>
            <w:r>
              <w:rPr>
                <w:rFonts w:ascii="Cascadia Mono" w:hAnsi="Cascadia Mono" w:cs="Cascadia Mono"/>
                <w:color w:val="0000FF"/>
                <w:sz w:val="19"/>
                <w:szCs w:val="19"/>
              </w:rPr>
              <w:t>tru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width: </w:t>
            </w:r>
            <w:r>
              <w:rPr>
                <w:rFonts w:ascii="Cascadia Mono" w:hAnsi="Cascadia Mono" w:cs="Cascadia Mono"/>
                <w:color w:val="0000FF"/>
                <w:sz w:val="19"/>
                <w:szCs w:val="19"/>
              </w:rPr>
              <w:t>null</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height: </w:t>
            </w:r>
            <w:r>
              <w:rPr>
                <w:rFonts w:ascii="Cascadia Mono" w:hAnsi="Cascadia Mono" w:cs="Cascadia Mono"/>
                <w:color w:val="0000FF"/>
                <w:sz w:val="19"/>
                <w:szCs w:val="19"/>
              </w:rPr>
              <w:t>null</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maxHeight: </w:t>
            </w:r>
            <w:r>
              <w:rPr>
                <w:rFonts w:ascii="Cascadia Mono" w:hAnsi="Cascadia Mono" w:cs="Cascadia Mono"/>
                <w:color w:val="0000FF"/>
                <w:sz w:val="19"/>
                <w:szCs w:val="19"/>
              </w:rPr>
              <w:t>null</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modalOverflow: </w:t>
            </w:r>
            <w:r>
              <w:rPr>
                <w:rFonts w:ascii="Cascadia Mono" w:hAnsi="Cascadia Mono" w:cs="Cascadia Mono"/>
                <w:color w:val="0000FF"/>
                <w:sz w:val="19"/>
                <w:szCs w:val="19"/>
              </w:rPr>
              <w:t>fals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consumeTab: </w:t>
            </w:r>
            <w:r>
              <w:rPr>
                <w:rFonts w:ascii="Cascadia Mono" w:hAnsi="Cascadia Mono" w:cs="Cascadia Mono"/>
                <w:color w:val="0000FF"/>
                <w:sz w:val="19"/>
                <w:szCs w:val="19"/>
              </w:rPr>
              <w:t>tru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focusOn: </w:t>
            </w:r>
            <w:r>
              <w:rPr>
                <w:rFonts w:ascii="Cascadia Mono" w:hAnsi="Cascadia Mono" w:cs="Cascadia Mono"/>
                <w:color w:val="0000FF"/>
                <w:sz w:val="19"/>
                <w:szCs w:val="19"/>
              </w:rPr>
              <w:t>null</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replace: </w:t>
            </w:r>
            <w:r>
              <w:rPr>
                <w:rFonts w:ascii="Cascadia Mono" w:hAnsi="Cascadia Mono" w:cs="Cascadia Mono"/>
                <w:color w:val="0000FF"/>
                <w:sz w:val="19"/>
                <w:szCs w:val="19"/>
              </w:rPr>
              <w:t>fals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resize: </w:t>
            </w:r>
            <w:r>
              <w:rPr>
                <w:rFonts w:ascii="Cascadia Mono" w:hAnsi="Cascadia Mono" w:cs="Cascadia Mono"/>
                <w:color w:val="0000FF"/>
                <w:sz w:val="19"/>
                <w:szCs w:val="19"/>
              </w:rPr>
              <w:t>fals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attentionAnimation: </w:t>
            </w:r>
            <w:r>
              <w:rPr>
                <w:rFonts w:ascii="Cascadia Mono" w:hAnsi="Cascadia Mono" w:cs="Cascadia Mono"/>
                <w:color w:val="A31515"/>
                <w:sz w:val="19"/>
                <w:szCs w:val="19"/>
              </w:rPr>
              <w:t>'shak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manager: </w:t>
            </w:r>
            <w:r>
              <w:rPr>
                <w:rFonts w:ascii="Cascadia Mono" w:hAnsi="Cascadia Mono" w:cs="Cascadia Mono"/>
                <w:color w:val="A31515"/>
                <w:sz w:val="19"/>
                <w:szCs w:val="19"/>
              </w:rPr>
              <w:t>'body'</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spinner: </w:t>
            </w:r>
            <w:r>
              <w:rPr>
                <w:rFonts w:ascii="Cascadia Mono" w:hAnsi="Cascadia Mono" w:cs="Cascadia Mono"/>
                <w:color w:val="A31515"/>
                <w:sz w:val="19"/>
                <w:szCs w:val="19"/>
              </w:rPr>
              <w:t>'&lt;div class="loading-spinner" style="width: 200px; margin-left: -100px;"&gt;&lt;div class="progress progress-striped active"&gt;&lt;div class="bar" style="width: 100%;"&gt;&lt;/div&gt;&lt;/div&gt;&lt;/div&g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 xml:space="preserve">backdropTemplate: </w:t>
            </w:r>
            <w:r>
              <w:rPr>
                <w:rFonts w:ascii="Cascadia Mono" w:hAnsi="Cascadia Mono" w:cs="Cascadia Mono"/>
                <w:color w:val="A31515"/>
                <w:sz w:val="19"/>
                <w:szCs w:val="19"/>
              </w:rPr>
              <w:t>'&lt;div class="modal-backdrop" /&g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t>$.fn.modal.Constructor = Modal;</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ab/>
            </w:r>
            <w:r>
              <w:rPr>
                <w:rFonts w:ascii="Cascadia Mono" w:hAnsi="Cascadia Mono" w:cs="Cascadia Mono"/>
                <w:color w:val="008000"/>
                <w:sz w:val="19"/>
                <w:szCs w:val="19"/>
              </w:rPr>
              <w:t>/* MODAL DATA-API</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ab/>
              <w:t>* ============== */</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t>$(</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document).off(</w:t>
            </w:r>
            <w:r>
              <w:rPr>
                <w:rFonts w:ascii="Cascadia Mono" w:hAnsi="Cascadia Mono" w:cs="Cascadia Mono"/>
                <w:color w:val="A31515"/>
                <w:sz w:val="19"/>
                <w:szCs w:val="19"/>
              </w:rPr>
              <w:t>'click.modal'</w:t>
            </w:r>
            <w:r>
              <w:rPr>
                <w:rFonts w:ascii="Cascadia Mono" w:hAnsi="Cascadia Mono" w:cs="Cascadia Mono"/>
                <w:color w:val="000000"/>
                <w:sz w:val="19"/>
                <w:szCs w:val="19"/>
              </w:rPr>
              <w:t>).on(</w:t>
            </w:r>
            <w:r>
              <w:rPr>
                <w:rFonts w:ascii="Cascadia Mono" w:hAnsi="Cascadia Mono" w:cs="Cascadia Mono"/>
                <w:color w:val="A31515"/>
                <w:sz w:val="19"/>
                <w:szCs w:val="19"/>
              </w:rPr>
              <w:t>'click.modal.data-api'</w:t>
            </w:r>
            <w:r>
              <w:rPr>
                <w:rFonts w:ascii="Cascadia Mono" w:hAnsi="Cascadia Mono" w:cs="Cascadia Mono"/>
                <w:color w:val="000000"/>
                <w:sz w:val="19"/>
                <w:szCs w:val="19"/>
              </w:rPr>
              <w:t xml:space="preserve">, </w:t>
            </w:r>
            <w:r>
              <w:rPr>
                <w:rFonts w:ascii="Cascadia Mono" w:hAnsi="Cascadia Mono" w:cs="Cascadia Mono"/>
                <w:color w:val="A31515"/>
                <w:sz w:val="19"/>
                <w:szCs w:val="19"/>
              </w:rPr>
              <w:t>'[data-toggle="modal"]'</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e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FF"/>
                <w:sz w:val="19"/>
                <w:szCs w:val="19"/>
              </w:rPr>
              <w:t>var</w:t>
            </w:r>
            <w:r>
              <w:rPr>
                <w:rFonts w:ascii="Cascadia Mono" w:hAnsi="Cascadia Mono" w:cs="Cascadia Mono"/>
                <w:color w:val="000000"/>
                <w:sz w:val="19"/>
                <w:szCs w:val="19"/>
              </w:rPr>
              <w:t xml:space="preserve"> $this = $(</w:t>
            </w:r>
            <w:r>
              <w:rPr>
                <w:rFonts w:ascii="Cascadia Mono" w:hAnsi="Cascadia Mono" w:cs="Cascadia Mono"/>
                <w:color w:val="0000FF"/>
                <w:sz w:val="19"/>
                <w:szCs w:val="19"/>
              </w:rPr>
              <w:t>this</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href = $this.attr(</w:t>
            </w:r>
            <w:r>
              <w:rPr>
                <w:rFonts w:ascii="Cascadia Mono" w:hAnsi="Cascadia Mono" w:cs="Cascadia Mono"/>
                <w:color w:val="A31515"/>
                <w:sz w:val="19"/>
                <w:szCs w:val="19"/>
              </w:rPr>
              <w:t>'href'</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target = $($this.attr(</w:t>
            </w:r>
            <w:r>
              <w:rPr>
                <w:rFonts w:ascii="Cascadia Mono" w:hAnsi="Cascadia Mono" w:cs="Cascadia Mono"/>
                <w:color w:val="A31515"/>
                <w:sz w:val="19"/>
                <w:szCs w:val="19"/>
              </w:rPr>
              <w:t>'data-target'</w:t>
            </w:r>
            <w:r>
              <w:rPr>
                <w:rFonts w:ascii="Cascadia Mono" w:hAnsi="Cascadia Mono" w:cs="Cascadia Mono"/>
                <w:color w:val="000000"/>
                <w:sz w:val="19"/>
                <w:szCs w:val="19"/>
              </w:rPr>
              <w:t>) || (href &amp;&amp; href.replace(</w:t>
            </w:r>
            <w:r>
              <w:rPr>
                <w:rFonts w:ascii="Cascadia Mono" w:hAnsi="Cascadia Mono" w:cs="Cascadia Mono"/>
                <w:color w:val="A31515"/>
                <w:sz w:val="19"/>
                <w:szCs w:val="19"/>
              </w:rPr>
              <w:t>/.*(?=#[^\s]+$)/</w:t>
            </w:r>
            <w:r>
              <w:rPr>
                <w:rFonts w:ascii="Cascadia Mono" w:hAnsi="Cascadia Mono" w:cs="Cascadia Mono"/>
                <w:color w:val="000000"/>
                <w:sz w:val="19"/>
                <w:szCs w:val="19"/>
              </w:rPr>
              <w:t xml:space="preserve">, </w:t>
            </w:r>
            <w:r>
              <w:rPr>
                <w:rFonts w:ascii="Cascadia Mono" w:hAnsi="Cascadia Mono" w:cs="Cascadia Mono"/>
                <w:color w:val="A31515"/>
                <w:sz w:val="19"/>
                <w:szCs w:val="19"/>
              </w:rPr>
              <w:t>''</w:t>
            </w:r>
            <w:r>
              <w:rPr>
                <w:rFonts w:ascii="Cascadia Mono" w:hAnsi="Cascadia Mono" w:cs="Cascadia Mono"/>
                <w:color w:val="000000"/>
                <w:sz w:val="19"/>
                <w:szCs w:val="19"/>
              </w:rPr>
              <w:t xml:space="preserve">))), </w:t>
            </w:r>
            <w:r>
              <w:rPr>
                <w:rFonts w:ascii="Cascadia Mono" w:hAnsi="Cascadia Mono" w:cs="Cascadia Mono"/>
                <w:color w:val="008000"/>
                <w:sz w:val="19"/>
                <w:szCs w:val="19"/>
              </w:rPr>
              <w:t>//strip for ie7</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option = $target.data(</w:t>
            </w:r>
            <w:r>
              <w:rPr>
                <w:rFonts w:ascii="Cascadia Mono" w:hAnsi="Cascadia Mono" w:cs="Cascadia Mono"/>
                <w:color w:val="A31515"/>
                <w:sz w:val="19"/>
                <w:szCs w:val="19"/>
              </w:rPr>
              <w:t>'modal'</w:t>
            </w:r>
            <w:r>
              <w:rPr>
                <w:rFonts w:ascii="Cascadia Mono" w:hAnsi="Cascadia Mono" w:cs="Cascadia Mono"/>
                <w:color w:val="000000"/>
                <w:sz w:val="19"/>
                <w:szCs w:val="19"/>
              </w:rPr>
              <w:t xml:space="preserve">) ? </w:t>
            </w:r>
            <w:r>
              <w:rPr>
                <w:rFonts w:ascii="Cascadia Mono" w:hAnsi="Cascadia Mono" w:cs="Cascadia Mono"/>
                <w:color w:val="A31515"/>
                <w:sz w:val="19"/>
                <w:szCs w:val="19"/>
              </w:rPr>
              <w:t>'toggle'</w:t>
            </w:r>
            <w:r>
              <w:rPr>
                <w:rFonts w:ascii="Cascadia Mono" w:hAnsi="Cascadia Mono" w:cs="Cascadia Mono"/>
                <w:color w:val="000000"/>
                <w:sz w:val="19"/>
                <w:szCs w:val="19"/>
              </w:rPr>
              <w:t xml:space="preserve"> : $.extend({ remote: !</w:t>
            </w:r>
            <w:r>
              <w:rPr>
                <w:rFonts w:ascii="Cascadia Mono" w:hAnsi="Cascadia Mono" w:cs="Cascadia Mono"/>
                <w:color w:val="A31515"/>
                <w:sz w:val="19"/>
                <w:szCs w:val="19"/>
              </w:rPr>
              <w:t>/#/</w:t>
            </w:r>
            <w:r>
              <w:rPr>
                <w:rFonts w:ascii="Cascadia Mono" w:hAnsi="Cascadia Mono" w:cs="Cascadia Mono"/>
                <w:color w:val="000000"/>
                <w:sz w:val="19"/>
                <w:szCs w:val="19"/>
              </w:rPr>
              <w:t>.test(href) &amp;&amp; href }, $target.data(), $this.data());</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e.preventDefaul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targe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modal(option)</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one(</w:t>
            </w:r>
            <w:r>
              <w:rPr>
                <w:rFonts w:ascii="Cascadia Mono" w:hAnsi="Cascadia Mono" w:cs="Cascadia Mono"/>
                <w:color w:val="A31515"/>
                <w:sz w:val="19"/>
                <w:szCs w:val="19"/>
              </w:rPr>
              <w:t>'hide'</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this.focus();</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ab/>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indow.jQuery);</w:t>
            </w:r>
          </w:p>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Common.js</w:t>
            </w:r>
          </w:p>
        </w:tc>
      </w:tr>
      <w:tr w:rsidR="0048012D" w:rsidTr="0048012D">
        <w:tc>
          <w:tcPr>
            <w:tcW w:w="9576" w:type="dxa"/>
          </w:tcPr>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document).ready(</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document.body).on(</w:t>
            </w:r>
            <w:r>
              <w:rPr>
                <w:rFonts w:ascii="Cascadia Mono" w:hAnsi="Cascadia Mono" w:cs="Cascadia Mono"/>
                <w:color w:val="A31515"/>
                <w:sz w:val="19"/>
                <w:szCs w:val="19"/>
              </w:rPr>
              <w:t>"click"</w:t>
            </w:r>
            <w:r>
              <w:rPr>
                <w:rFonts w:ascii="Cascadia Mono" w:hAnsi="Cascadia Mono" w:cs="Cascadia Mono"/>
                <w:color w:val="000000"/>
                <w:sz w:val="19"/>
                <w:szCs w:val="19"/>
              </w:rPr>
              <w:t xml:space="preserve">, </w:t>
            </w:r>
            <w:r>
              <w:rPr>
                <w:rFonts w:ascii="Cascadia Mono" w:hAnsi="Cascadia Mono" w:cs="Cascadia Mono"/>
                <w:color w:val="A31515"/>
                <w:sz w:val="19"/>
                <w:szCs w:val="19"/>
              </w:rPr>
              <w:t>".togglePassword"</w:t>
            </w:r>
            <w:r>
              <w:rPr>
                <w:rFonts w:ascii="Cascadia Mono" w:hAnsi="Cascadia Mono" w:cs="Cascadia Mono"/>
                <w:color w:val="000000"/>
                <w:sz w:val="19"/>
                <w:szCs w:val="19"/>
              </w:rPr>
              <w:t xml:space="preserve">,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var</w:t>
            </w:r>
            <w:r>
              <w:rPr>
                <w:rFonts w:ascii="Cascadia Mono" w:hAnsi="Cascadia Mono" w:cs="Cascadia Mono"/>
                <w:color w:val="000000"/>
                <w:sz w:val="19"/>
                <w:szCs w:val="19"/>
              </w:rPr>
              <w:t xml:space="preserve"> target = $(</w:t>
            </w:r>
            <w:r>
              <w:rPr>
                <w:rFonts w:ascii="Cascadia Mono" w:hAnsi="Cascadia Mono" w:cs="Cascadia Mono"/>
                <w:color w:val="0000FF"/>
                <w:sz w:val="19"/>
                <w:szCs w:val="19"/>
              </w:rPr>
              <w:t>this</w:t>
            </w:r>
            <w:r>
              <w:rPr>
                <w:rFonts w:ascii="Cascadia Mono" w:hAnsi="Cascadia Mono" w:cs="Cascadia Mono"/>
                <w:color w:val="000000"/>
                <w:sz w:val="19"/>
                <w:szCs w:val="19"/>
              </w:rPr>
              <w:t>).parents(</w:t>
            </w:r>
            <w:r>
              <w:rPr>
                <w:rFonts w:ascii="Cascadia Mono" w:hAnsi="Cascadia Mono" w:cs="Cascadia Mono"/>
                <w:color w:val="A31515"/>
                <w:sz w:val="19"/>
                <w:szCs w:val="19"/>
              </w:rPr>
              <w:t>".form-group"</w:t>
            </w:r>
            <w:r>
              <w:rPr>
                <w:rFonts w:ascii="Cascadia Mono" w:hAnsi="Cascadia Mono" w:cs="Cascadia Mono"/>
                <w:color w:val="000000"/>
                <w:sz w:val="19"/>
                <w:szCs w:val="19"/>
              </w:rPr>
              <w:t>).find(</w:t>
            </w:r>
            <w:r>
              <w:rPr>
                <w:rFonts w:ascii="Cascadia Mono" w:hAnsi="Cascadia Mono" w:cs="Cascadia Mono"/>
                <w:color w:val="A31515"/>
                <w:sz w:val="19"/>
                <w:szCs w:val="19"/>
              </w:rPr>
              <w:t>"inpu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const</w:t>
            </w:r>
            <w:r>
              <w:rPr>
                <w:rFonts w:ascii="Cascadia Mono" w:hAnsi="Cascadia Mono" w:cs="Cascadia Mono"/>
                <w:color w:val="000000"/>
                <w:sz w:val="19"/>
                <w:szCs w:val="19"/>
              </w:rPr>
              <w:t xml:space="preserve"> type = target.attr(</w:t>
            </w:r>
            <w:r>
              <w:rPr>
                <w:rFonts w:ascii="Cascadia Mono" w:hAnsi="Cascadia Mono" w:cs="Cascadia Mono"/>
                <w:color w:val="A31515"/>
                <w:sz w:val="19"/>
                <w:szCs w:val="19"/>
              </w:rPr>
              <w:t>'type'</w:t>
            </w:r>
            <w:r>
              <w:rPr>
                <w:rFonts w:ascii="Cascadia Mono" w:hAnsi="Cascadia Mono" w:cs="Cascadia Mono"/>
                <w:color w:val="000000"/>
                <w:sz w:val="19"/>
                <w:szCs w:val="19"/>
              </w:rPr>
              <w:t xml:space="preserve">) === </w:t>
            </w:r>
            <w:r>
              <w:rPr>
                <w:rFonts w:ascii="Cascadia Mono" w:hAnsi="Cascadia Mono" w:cs="Cascadia Mono"/>
                <w:color w:val="A31515"/>
                <w:sz w:val="19"/>
                <w:szCs w:val="19"/>
              </w:rPr>
              <w:t>'password'</w:t>
            </w:r>
            <w:r>
              <w:rPr>
                <w:rFonts w:ascii="Cascadia Mono" w:hAnsi="Cascadia Mono" w:cs="Cascadia Mono"/>
                <w:color w:val="000000"/>
                <w:sz w:val="19"/>
                <w:szCs w:val="19"/>
              </w:rPr>
              <w:t xml:space="preserve"> ? </w:t>
            </w:r>
            <w:r>
              <w:rPr>
                <w:rFonts w:ascii="Cascadia Mono" w:hAnsi="Cascadia Mono" w:cs="Cascadia Mono"/>
                <w:color w:val="A31515"/>
                <w:sz w:val="19"/>
                <w:szCs w:val="19"/>
              </w:rPr>
              <w:t>'text'</w:t>
            </w:r>
            <w:r>
              <w:rPr>
                <w:rFonts w:ascii="Cascadia Mono" w:hAnsi="Cascadia Mono" w:cs="Cascadia Mono"/>
                <w:color w:val="000000"/>
                <w:sz w:val="19"/>
                <w:szCs w:val="19"/>
              </w:rPr>
              <w:t xml:space="preserve"> : </w:t>
            </w:r>
            <w:r>
              <w:rPr>
                <w:rFonts w:ascii="Cascadia Mono" w:hAnsi="Cascadia Mono" w:cs="Cascadia Mono"/>
                <w:color w:val="A31515"/>
                <w:sz w:val="19"/>
                <w:szCs w:val="19"/>
              </w:rPr>
              <w:t>'password'</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arget.attr(</w:t>
            </w:r>
            <w:r>
              <w:rPr>
                <w:rFonts w:ascii="Cascadia Mono" w:hAnsi="Cascadia Mono" w:cs="Cascadia Mono"/>
                <w:color w:val="A31515"/>
                <w:sz w:val="19"/>
                <w:szCs w:val="19"/>
              </w:rPr>
              <w:t>'type'</w:t>
            </w:r>
            <w:r>
              <w:rPr>
                <w:rFonts w:ascii="Cascadia Mono" w:hAnsi="Cascadia Mono" w:cs="Cascadia Mono"/>
                <w:color w:val="000000"/>
                <w:sz w:val="19"/>
                <w:szCs w:val="19"/>
              </w:rPr>
              <w:t>, typ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classList.toggle(</w:t>
            </w:r>
            <w:r>
              <w:rPr>
                <w:rFonts w:ascii="Cascadia Mono" w:hAnsi="Cascadia Mono" w:cs="Cascadia Mono"/>
                <w:color w:val="A31515"/>
                <w:sz w:val="19"/>
                <w:szCs w:val="19"/>
              </w:rPr>
              <w:t>'fa-eye-slash'</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String.prototype.ellipsis =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n)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substr(0, n - 1) + (</w:t>
            </w:r>
            <w:r>
              <w:rPr>
                <w:rFonts w:ascii="Cascadia Mono" w:hAnsi="Cascadia Mono" w:cs="Cascadia Mono"/>
                <w:color w:val="0000FF"/>
                <w:sz w:val="19"/>
                <w:szCs w:val="19"/>
              </w:rPr>
              <w:t>this</w:t>
            </w:r>
            <w:r>
              <w:rPr>
                <w:rFonts w:ascii="Cascadia Mono" w:hAnsi="Cascadia Mono" w:cs="Cascadia Mono"/>
                <w:color w:val="000000"/>
                <w:sz w:val="19"/>
                <w:szCs w:val="19"/>
              </w:rPr>
              <w:t xml:space="preserve">.length &gt; n ? </w:t>
            </w:r>
            <w:r>
              <w:rPr>
                <w:rFonts w:ascii="Cascadia Mono" w:hAnsi="Cascadia Mono" w:cs="Cascadia Mono"/>
                <w:color w:val="A31515"/>
                <w:sz w:val="19"/>
                <w:szCs w:val="19"/>
              </w:rPr>
              <w:t>'&amp;hellip;'</w:t>
            </w:r>
            <w:r>
              <w:rPr>
                <w:rFonts w:ascii="Cascadia Mono" w:hAnsi="Cascadia Mono" w:cs="Cascadia Mono"/>
                <w:color w:val="000000"/>
                <w:sz w:val="19"/>
                <w:szCs w:val="19"/>
              </w:rPr>
              <w:t xml:space="preserve"> : </w:t>
            </w:r>
            <w:r>
              <w:rPr>
                <w:rFonts w:ascii="Cascadia Mono" w:hAnsi="Cascadia Mono" w:cs="Cascadia Mono"/>
                <w:color w:val="A31515"/>
                <w:sz w:val="19"/>
                <w:szCs w:val="19"/>
              </w:rPr>
              <w: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String.prototype.capitalize =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 xml:space="preserve">.charAt(0).toUpperCase() + </w:t>
            </w:r>
            <w:r>
              <w:rPr>
                <w:rFonts w:ascii="Cascadia Mono" w:hAnsi="Cascadia Mono" w:cs="Cascadia Mono"/>
                <w:color w:val="0000FF"/>
                <w:sz w:val="19"/>
                <w:szCs w:val="19"/>
              </w:rPr>
              <w:t>this</w:t>
            </w:r>
            <w:r>
              <w:rPr>
                <w:rFonts w:ascii="Cascadia Mono" w:hAnsi="Cascadia Mono" w:cs="Cascadia Mono"/>
                <w:color w:val="000000"/>
                <w:sz w:val="19"/>
                <w:szCs w:val="19"/>
              </w:rPr>
              <w:t>.slice(1);</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Date.prototype.addDays =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days)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setDate(</w:t>
            </w:r>
            <w:r>
              <w:rPr>
                <w:rFonts w:ascii="Cascadia Mono" w:hAnsi="Cascadia Mono" w:cs="Cascadia Mono"/>
                <w:color w:val="0000FF"/>
                <w:sz w:val="19"/>
                <w:szCs w:val="19"/>
              </w:rPr>
              <w:t>this</w:t>
            </w:r>
            <w:r>
              <w:rPr>
                <w:rFonts w:ascii="Cascadia Mono" w:hAnsi="Cascadia Mono" w:cs="Cascadia Mono"/>
                <w:color w:val="000000"/>
                <w:sz w:val="19"/>
                <w:szCs w:val="19"/>
              </w:rPr>
              <w:t>.getDate() + parseInt(days));</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w:t>
            </w:r>
            <w:r>
              <w:rPr>
                <w:rFonts w:ascii="Cascadia Mono" w:hAnsi="Cascadia Mono" w:cs="Cascadia Mono"/>
                <w:color w:val="0000FF"/>
                <w:sz w:val="19"/>
                <w:szCs w:val="19"/>
              </w:rPr>
              <w:t>this</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Placeholders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FF"/>
                <w:sz w:val="19"/>
                <w:szCs w:val="19"/>
              </w:rPr>
              <w:t>function</w:t>
            </w:r>
            <w:r>
              <w:rPr>
                <w:rFonts w:ascii="Cascadia Mono" w:hAnsi="Cascadia Mono" w:cs="Cascadia Mono"/>
                <w:color w:val="000000"/>
                <w:sz w:val="19"/>
                <w:szCs w:val="19"/>
              </w:rPr>
              <w:t xml:space="preserve"> placeholder(type, repeat = 0)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var</w:t>
            </w:r>
            <w:r>
              <w:rPr>
                <w:rFonts w:ascii="Cascadia Mono" w:hAnsi="Cascadia Mono" w:cs="Cascadia Mono"/>
                <w:color w:val="000000"/>
                <w:sz w:val="19"/>
                <w:szCs w:val="19"/>
              </w:rPr>
              <w:t xml:space="preserve"> template = </w:t>
            </w:r>
            <w:r>
              <w:rPr>
                <w:rFonts w:ascii="Cascadia Mono" w:hAnsi="Cascadia Mono" w:cs="Cascadia Mono"/>
                <w:color w:val="A31515"/>
                <w:sz w:val="19"/>
                <w:szCs w:val="19"/>
              </w:rPr>
              <w:t>""</w:t>
            </w:r>
            <w:r>
              <w:rPr>
                <w:rFonts w:ascii="Cascadia Mono" w:hAnsi="Cascadia Mono" w:cs="Cascadia Mono"/>
                <w:color w:val="000000"/>
                <w:sz w:val="19"/>
                <w:szCs w:val="19"/>
              </w:rPr>
              <w:t xml:space="preserve">, response = </w:t>
            </w:r>
            <w:r>
              <w:rPr>
                <w:rFonts w:ascii="Cascadia Mono" w:hAnsi="Cascadia Mono" w:cs="Cascadia Mono"/>
                <w:color w:val="A31515"/>
                <w:sz w:val="19"/>
                <w:szCs w:val="19"/>
              </w:rPr>
              <w: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switch</w:t>
            </w:r>
            <w:r>
              <w:rPr>
                <w:rFonts w:ascii="Cascadia Mono" w:hAnsi="Cascadia Mono" w:cs="Cascadia Mono"/>
                <w:color w:val="000000"/>
                <w:sz w:val="19"/>
                <w:szCs w:val="19"/>
              </w:rPr>
              <w:t xml:space="preserve"> (typ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case</w:t>
            </w:r>
            <w:r>
              <w:rPr>
                <w:rFonts w:ascii="Cascadia Mono" w:hAnsi="Cascadia Mono" w:cs="Cascadia Mono"/>
                <w:color w:val="000000"/>
                <w:sz w:val="19"/>
                <w:szCs w:val="19"/>
              </w:rPr>
              <w:t xml:space="preserve"> </w:t>
            </w:r>
            <w:r>
              <w:rPr>
                <w:rFonts w:ascii="Cascadia Mono" w:hAnsi="Cascadia Mono" w:cs="Cascadia Mono"/>
                <w:color w:val="A31515"/>
                <w:sz w:val="19"/>
                <w:szCs w:val="19"/>
              </w:rPr>
              <w:t>"avatar-lis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000000"/>
                <w:sz w:val="19"/>
                <w:szCs w:val="19"/>
              </w:rPr>
              <w:t xml:space="preserve">            template = </w:t>
            </w:r>
            <w:r>
              <w:rPr>
                <w:rFonts w:ascii="Cascadia Mono" w:hAnsi="Cascadia Mono" w:cs="Cascadia Mono"/>
                <w:color w:val="A31515"/>
                <w:sz w:val="19"/>
                <w:szCs w:val="19"/>
              </w:rPr>
              <w:t>`&lt;div class="ph-item"&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2"&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avatar"&gt;&lt;/div&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10"&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row"&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8"&gt;&lt;/div&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4 empty"&gt;&lt;/div&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6"&gt;&lt;/div&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6 empty"&gt;&lt;/div&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g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A31515"/>
                <w:sz w:val="19"/>
                <w:szCs w:val="19"/>
              </w:rPr>
              <w:t xml:space="preserve">              &lt;/div&g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break</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case</w:t>
            </w:r>
            <w:r>
              <w:rPr>
                <w:rFonts w:ascii="Cascadia Mono" w:hAnsi="Cascadia Mono" w:cs="Cascadia Mono"/>
                <w:color w:val="000000"/>
                <w:sz w:val="19"/>
                <w:szCs w:val="19"/>
              </w:rPr>
              <w:t xml:space="preserve"> </w:t>
            </w:r>
            <w:r>
              <w:rPr>
                <w:rFonts w:ascii="Cascadia Mono" w:hAnsi="Cascadia Mono" w:cs="Cascadia Mono"/>
                <w:color w:val="A31515"/>
                <w:sz w:val="19"/>
                <w:szCs w:val="19"/>
              </w:rPr>
              <w:t>"thumb-lis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000000"/>
                <w:sz w:val="19"/>
                <w:szCs w:val="19"/>
              </w:rPr>
              <w:t xml:space="preserve">            template = </w:t>
            </w:r>
            <w:r>
              <w:rPr>
                <w:rFonts w:ascii="Cascadia Mono" w:hAnsi="Cascadia Mono" w:cs="Cascadia Mono"/>
                <w:color w:val="A31515"/>
                <w:sz w:val="19"/>
                <w:szCs w:val="19"/>
              </w:rPr>
              <w:t>`&lt;div class="ph-item"&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3"&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picture"&gt;&lt;/div&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9"&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row"&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8 big"&gt;&lt;/div&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4 empty big"&gt;&lt;/div&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6 big"&gt;&lt;/div&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6 empty big"&gt;&lt;/div&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9"&gt;&lt;/div&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3 empty"&gt;&lt;/div&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g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A31515"/>
                <w:sz w:val="19"/>
                <w:szCs w:val="19"/>
              </w:rPr>
              <w:t xml:space="preserve">              &lt;/div&g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w:t>
            </w:r>
            <w:r>
              <w:rPr>
                <w:rFonts w:ascii="Cascadia Mono" w:hAnsi="Cascadia Mono" w:cs="Cascadia Mono"/>
                <w:color w:val="0000FF"/>
                <w:sz w:val="19"/>
                <w:szCs w:val="19"/>
              </w:rPr>
              <w:t>break</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defaul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000000"/>
                <w:sz w:val="19"/>
                <w:szCs w:val="19"/>
              </w:rPr>
              <w:t xml:space="preserve">            template = </w:t>
            </w:r>
            <w:r>
              <w:rPr>
                <w:rFonts w:ascii="Cascadia Mono" w:hAnsi="Cascadia Mono" w:cs="Cascadia Mono"/>
                <w:color w:val="A31515"/>
                <w:sz w:val="19"/>
                <w:szCs w:val="19"/>
              </w:rPr>
              <w:t>`&lt;div class="ph-item"&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12"&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row"&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8"&gt;&lt;/div&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4 empty"&gt;&lt;/div&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6"&gt;&lt;/div&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 class="ph-col-6 empty"&gt;&lt;/div&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gt;</w:t>
            </w:r>
          </w:p>
          <w:p w:rsidR="00156FB3" w:rsidRDefault="00156FB3" w:rsidP="00156FB3">
            <w:pPr>
              <w:autoSpaceDE w:val="0"/>
              <w:autoSpaceDN w:val="0"/>
              <w:adjustRightInd w:val="0"/>
              <w:rPr>
                <w:rFonts w:ascii="Cascadia Mono" w:hAnsi="Cascadia Mono" w:cs="Cascadia Mono"/>
                <w:color w:val="A31515"/>
                <w:sz w:val="19"/>
                <w:szCs w:val="19"/>
              </w:rPr>
            </w:pPr>
            <w:r>
              <w:rPr>
                <w:rFonts w:ascii="Cascadia Mono" w:hAnsi="Cascadia Mono" w:cs="Cascadia Mono"/>
                <w:color w:val="A31515"/>
                <w:sz w:val="19"/>
                <w:szCs w:val="19"/>
              </w:rPr>
              <w:t xml:space="preserve">                &lt;/div&g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A31515"/>
                <w:sz w:val="19"/>
                <w:szCs w:val="19"/>
              </w:rPr>
              <w:t xml:space="preserve">              &lt;/div&g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break</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do</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esponse += templat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epea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 </w:t>
            </w:r>
            <w:r>
              <w:rPr>
                <w:rFonts w:ascii="Cascadia Mono" w:hAnsi="Cascadia Mono" w:cs="Cascadia Mono"/>
                <w:color w:val="0000FF"/>
                <w:sz w:val="19"/>
                <w:szCs w:val="19"/>
              </w:rPr>
              <w:t>while</w:t>
            </w:r>
            <w:r>
              <w:rPr>
                <w:rFonts w:ascii="Cascadia Mono" w:hAnsi="Cascadia Mono" w:cs="Cascadia Mono"/>
                <w:color w:val="000000"/>
                <w:sz w:val="19"/>
                <w:szCs w:val="19"/>
              </w:rPr>
              <w:t xml:space="preserve"> (repeat &gt; 0)</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respons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Notify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FF"/>
                <w:sz w:val="19"/>
                <w:szCs w:val="19"/>
              </w:rPr>
              <w:t>function</w:t>
            </w:r>
            <w:r>
              <w:rPr>
                <w:rFonts w:ascii="Cascadia Mono" w:hAnsi="Cascadia Mono" w:cs="Cascadia Mono"/>
                <w:color w:val="000000"/>
                <w:sz w:val="19"/>
                <w:szCs w:val="19"/>
              </w:rPr>
              <w:t xml:space="preserve"> noty(type, title, message, timer, placement) {</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toastr.clear();</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toastr[type](message, title, {</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positionClass": placement,</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timeOut": delay</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timer !== </w:t>
            </w:r>
            <w:r>
              <w:rPr>
                <w:rFonts w:ascii="Cascadia Mono" w:hAnsi="Cascadia Mono" w:cs="Cascadia Mono"/>
                <w:color w:val="A31515"/>
                <w:sz w:val="19"/>
                <w:szCs w:val="19"/>
              </w:rPr>
              <w:t>""</w:t>
            </w:r>
            <w:r>
              <w:rPr>
                <w:rFonts w:ascii="Cascadia Mono" w:hAnsi="Cascadia Mono" w:cs="Cascadia Mono"/>
                <w:color w:val="000000"/>
                <w:sz w:val="19"/>
                <w:szCs w:val="19"/>
              </w:rPr>
              <w:t>)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const</w:t>
            </w:r>
            <w:r>
              <w:rPr>
                <w:rFonts w:ascii="Cascadia Mono" w:hAnsi="Cascadia Mono" w:cs="Cascadia Mono"/>
                <w:color w:val="000000"/>
                <w:sz w:val="19"/>
                <w:szCs w:val="19"/>
              </w:rPr>
              <w:t xml:space="preserve"> Toast = Swal.mixin({</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oast: </w:t>
            </w:r>
            <w:r>
              <w:rPr>
                <w:rFonts w:ascii="Cascadia Mono" w:hAnsi="Cascadia Mono" w:cs="Cascadia Mono"/>
                <w:color w:val="0000FF"/>
                <w:sz w:val="19"/>
                <w:szCs w:val="19"/>
              </w:rPr>
              <w:t>tru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position: placemen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howConfirmButton: </w:t>
            </w:r>
            <w:r>
              <w:rPr>
                <w:rFonts w:ascii="Cascadia Mono" w:hAnsi="Cascadia Mono" w:cs="Cascadia Mono"/>
                <w:color w:val="0000FF"/>
                <w:sz w:val="19"/>
                <w:szCs w:val="19"/>
              </w:rPr>
              <w:t>fals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imer: timer,</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imerProgressBar: </w:t>
            </w:r>
            <w:r>
              <w:rPr>
                <w:rFonts w:ascii="Cascadia Mono" w:hAnsi="Cascadia Mono" w:cs="Cascadia Mono"/>
                <w:color w:val="0000FF"/>
                <w:sz w:val="19"/>
                <w:szCs w:val="19"/>
              </w:rPr>
              <w:t>tru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onOpen: (toast) =&gt;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oast.addEventListener(</w:t>
            </w:r>
            <w:r>
              <w:rPr>
                <w:rFonts w:ascii="Cascadia Mono" w:hAnsi="Cascadia Mono" w:cs="Cascadia Mono"/>
                <w:color w:val="A31515"/>
                <w:sz w:val="19"/>
                <w:szCs w:val="19"/>
              </w:rPr>
              <w:t>'mouseenter'</w:t>
            </w:r>
            <w:r>
              <w:rPr>
                <w:rFonts w:ascii="Cascadia Mono" w:hAnsi="Cascadia Mono" w:cs="Cascadia Mono"/>
                <w:color w:val="000000"/>
                <w:sz w:val="19"/>
                <w:szCs w:val="19"/>
              </w:rPr>
              <w:t>, Swal.stopTimer);</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oast.addEventListener(</w:t>
            </w:r>
            <w:r>
              <w:rPr>
                <w:rFonts w:ascii="Cascadia Mono" w:hAnsi="Cascadia Mono" w:cs="Cascadia Mono"/>
                <w:color w:val="A31515"/>
                <w:sz w:val="19"/>
                <w:szCs w:val="19"/>
              </w:rPr>
              <w:t>'mouseleave'</w:t>
            </w:r>
            <w:r>
              <w:rPr>
                <w:rFonts w:ascii="Cascadia Mono" w:hAnsi="Cascadia Mono" w:cs="Cascadia Mono"/>
                <w:color w:val="000000"/>
                <w:sz w:val="19"/>
                <w:szCs w:val="19"/>
              </w:rPr>
              <w:t>, Swal.resumeTimer);</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oast.fir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icon: typ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itle: titl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ext: messag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 </w:t>
            </w:r>
            <w:r>
              <w:rPr>
                <w:rFonts w:ascii="Cascadia Mono" w:hAnsi="Cascadia Mono" w:cs="Cascadia Mono"/>
                <w:color w:val="0000FF"/>
                <w:sz w:val="19"/>
                <w:szCs w:val="19"/>
              </w:rPr>
              <w:t>else</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wal.fir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icon: typ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itle: titl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ext: messag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confirmButtonText: </w:t>
            </w:r>
            <w:r>
              <w:rPr>
                <w:rFonts w:ascii="Cascadia Mono" w:hAnsi="Cascadia Mono" w:cs="Cascadia Mono"/>
                <w:color w:val="A31515"/>
                <w:sz w:val="19"/>
                <w:szCs w:val="19"/>
              </w:rPr>
              <w:t>"Ok, Got i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llowOutsideClick: </w:t>
            </w:r>
            <w:r>
              <w:rPr>
                <w:rFonts w:ascii="Cascadia Mono" w:hAnsi="Cascadia Mono" w:cs="Cascadia Mono"/>
                <w:color w:val="0000FF"/>
                <w:sz w:val="19"/>
                <w:szCs w:val="19"/>
              </w:rPr>
              <w:t>fals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Datatabl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FF"/>
                <w:sz w:val="19"/>
                <w:szCs w:val="19"/>
              </w:rPr>
              <w:t>function</w:t>
            </w:r>
            <w:r>
              <w:rPr>
                <w:rFonts w:ascii="Cascadia Mono" w:hAnsi="Cascadia Mono" w:cs="Cascadia Mono"/>
                <w:color w:val="000000"/>
                <w:sz w:val="19"/>
                <w:szCs w:val="19"/>
              </w:rPr>
              <w:t xml:space="preserve"> initDatatable(table_name, exportable, grouping)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exportable === undefined)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xportable = </w:t>
            </w:r>
            <w:r>
              <w:rPr>
                <w:rFonts w:ascii="Cascadia Mono" w:hAnsi="Cascadia Mono" w:cs="Cascadia Mono"/>
                <w:color w:val="0000FF"/>
                <w:sz w:val="19"/>
                <w:szCs w:val="19"/>
              </w:rPr>
              <w:t>fals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grouping === undefined)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grouping = </w:t>
            </w:r>
            <w:r>
              <w:rPr>
                <w:rFonts w:ascii="Cascadia Mono" w:hAnsi="Cascadia Mono" w:cs="Cascadia Mono"/>
                <w:color w:val="0000FF"/>
                <w:sz w:val="19"/>
                <w:szCs w:val="19"/>
              </w:rPr>
              <w:t>fals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tableElement = $(</w:t>
            </w:r>
            <w:r>
              <w:rPr>
                <w:rFonts w:ascii="Cascadia Mono" w:hAnsi="Cascadia Mono" w:cs="Cascadia Mono"/>
                <w:color w:val="A31515"/>
                <w:sz w:val="19"/>
                <w:szCs w:val="19"/>
              </w:rPr>
              <w:t>'table#'</w:t>
            </w:r>
            <w:r>
              <w:rPr>
                <w:rFonts w:ascii="Cascadia Mono" w:hAnsi="Cascadia Mono" w:cs="Cascadia Mono"/>
                <w:color w:val="000000"/>
                <w:sz w:val="19"/>
                <w:szCs w:val="19"/>
              </w:rPr>
              <w:t xml:space="preserve"> + table_nam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tData = tableElement.data();</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options = {</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dom: "&lt;'row'&lt;'col-md-3'l&gt;&lt;'col-md-6 text-center'" + (exportable ? 'B' : '') + "&gt;&lt;'col-md-3'f&gt;&gt;" +</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row'&lt;'col-md-12'tr&gt;&gt;"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lt;'row'&lt;'col-md-6'i&gt;&lt;'col-md-6'p&gt;&gt;",*/</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dom: "&lt;'row'&lt;'col-md-6'" + (exportable ? 'B' : '') + "l&gt;&lt;'col-md-6'f&gt;&gt;" +</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lt;'row'&lt;'col-md-12'tr&gt;&gt;"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lt;'row'&lt;'col-md-6'i&gt;&lt;'col-md-6'p&gt;&g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dom: "Bfrtip",*/</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dom: </w:t>
            </w:r>
            <w:r>
              <w:rPr>
                <w:rFonts w:ascii="Cascadia Mono" w:hAnsi="Cascadia Mono" w:cs="Cascadia Mono"/>
                <w:color w:val="A31515"/>
                <w:sz w:val="19"/>
                <w:szCs w:val="19"/>
              </w:rPr>
              <w:t>"&lt;'row mb-3'&lt;'col-md-6' "</w:t>
            </w:r>
            <w:r>
              <w:rPr>
                <w:rFonts w:ascii="Cascadia Mono" w:hAnsi="Cascadia Mono" w:cs="Cascadia Mono"/>
                <w:color w:val="000000"/>
                <w:sz w:val="19"/>
                <w:szCs w:val="19"/>
              </w:rPr>
              <w:t xml:space="preserve"> + (exportable ? </w:t>
            </w:r>
            <w:r>
              <w:rPr>
                <w:rFonts w:ascii="Cascadia Mono" w:hAnsi="Cascadia Mono" w:cs="Cascadia Mono"/>
                <w:color w:val="A31515"/>
                <w:sz w:val="19"/>
                <w:szCs w:val="19"/>
              </w:rPr>
              <w:t>'B'</w:t>
            </w:r>
            <w:r>
              <w:rPr>
                <w:rFonts w:ascii="Cascadia Mono" w:hAnsi="Cascadia Mono" w:cs="Cascadia Mono"/>
                <w:color w:val="000000"/>
                <w:sz w:val="19"/>
                <w:szCs w:val="19"/>
              </w:rPr>
              <w:t xml:space="preserve"> : </w:t>
            </w:r>
            <w:r>
              <w:rPr>
                <w:rFonts w:ascii="Cascadia Mono" w:hAnsi="Cascadia Mono" w:cs="Cascadia Mono"/>
                <w:color w:val="A31515"/>
                <w:sz w:val="19"/>
                <w:szCs w:val="19"/>
              </w:rPr>
              <w:t>''</w:t>
            </w:r>
            <w:r>
              <w:rPr>
                <w:rFonts w:ascii="Cascadia Mono" w:hAnsi="Cascadia Mono" w:cs="Cascadia Mono"/>
                <w:color w:val="000000"/>
                <w:sz w:val="19"/>
                <w:szCs w:val="19"/>
              </w:rPr>
              <w:t xml:space="preserve">) + </w:t>
            </w:r>
            <w:r>
              <w:rPr>
                <w:rFonts w:ascii="Cascadia Mono" w:hAnsi="Cascadia Mono" w:cs="Cascadia Mono"/>
                <w:color w:val="A31515"/>
                <w:sz w:val="19"/>
                <w:szCs w:val="19"/>
              </w:rPr>
              <w:t>"&gt;&lt;'col-md-6'f&gt;&gt;"</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lt;'row'&lt;'col-md-12'tr&gt;&gt;"</w:t>
            </w: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lt;'row'&lt;'col-md-6'i&gt;&lt;'col-md-6'p&gt;&g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deferRender: </w:t>
            </w:r>
            <w:r>
              <w:rPr>
                <w:rFonts w:ascii="Cascadia Mono" w:hAnsi="Cascadia Mono" w:cs="Cascadia Mono"/>
                <w:color w:val="0000FF"/>
                <w:sz w:val="19"/>
                <w:szCs w:val="19"/>
              </w:rPr>
              <w:t>tru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bDestroy: </w:t>
            </w:r>
            <w:r>
              <w:rPr>
                <w:rFonts w:ascii="Cascadia Mono" w:hAnsi="Cascadia Mono" w:cs="Cascadia Mono"/>
                <w:color w:val="0000FF"/>
                <w:sz w:val="19"/>
                <w:szCs w:val="19"/>
              </w:rPr>
              <w:t>tru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displayLength: (tData.drows !== undefined ? tData.drows : 10),</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engthMenu: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10, 25, 50, 100, -1],</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10 records'</w:t>
            </w:r>
            <w:r>
              <w:rPr>
                <w:rFonts w:ascii="Cascadia Mono" w:hAnsi="Cascadia Mono" w:cs="Cascadia Mono"/>
                <w:color w:val="000000"/>
                <w:sz w:val="19"/>
                <w:szCs w:val="19"/>
              </w:rPr>
              <w:t xml:space="preserve">, </w:t>
            </w:r>
            <w:r>
              <w:rPr>
                <w:rFonts w:ascii="Cascadia Mono" w:hAnsi="Cascadia Mono" w:cs="Cascadia Mono"/>
                <w:color w:val="A31515"/>
                <w:sz w:val="19"/>
                <w:szCs w:val="19"/>
              </w:rPr>
              <w:t>'25 records'</w:t>
            </w:r>
            <w:r>
              <w:rPr>
                <w:rFonts w:ascii="Cascadia Mono" w:hAnsi="Cascadia Mono" w:cs="Cascadia Mono"/>
                <w:color w:val="000000"/>
                <w:sz w:val="19"/>
                <w:szCs w:val="19"/>
              </w:rPr>
              <w:t xml:space="preserve">, </w:t>
            </w:r>
            <w:r>
              <w:rPr>
                <w:rFonts w:ascii="Cascadia Mono" w:hAnsi="Cascadia Mono" w:cs="Cascadia Mono"/>
                <w:color w:val="A31515"/>
                <w:sz w:val="19"/>
                <w:szCs w:val="19"/>
              </w:rPr>
              <w:t>'50 records'</w:t>
            </w:r>
            <w:r>
              <w:rPr>
                <w:rFonts w:ascii="Cascadia Mono" w:hAnsi="Cascadia Mono" w:cs="Cascadia Mono"/>
                <w:color w:val="000000"/>
                <w:sz w:val="19"/>
                <w:szCs w:val="19"/>
              </w:rPr>
              <w:t xml:space="preserve">, </w:t>
            </w:r>
            <w:r>
              <w:rPr>
                <w:rFonts w:ascii="Cascadia Mono" w:hAnsi="Cascadia Mono" w:cs="Cascadia Mono"/>
                <w:color w:val="A31515"/>
                <w:sz w:val="19"/>
                <w:szCs w:val="19"/>
              </w:rPr>
              <w:t>'100 records'</w:t>
            </w:r>
            <w:r>
              <w:rPr>
                <w:rFonts w:ascii="Cascadia Mono" w:hAnsi="Cascadia Mono" w:cs="Cascadia Mono"/>
                <w:color w:val="000000"/>
                <w:sz w:val="19"/>
                <w:szCs w:val="19"/>
              </w:rPr>
              <w:t xml:space="preserve">, </w:t>
            </w:r>
            <w:r>
              <w:rPr>
                <w:rFonts w:ascii="Cascadia Mono" w:hAnsi="Cascadia Mono" w:cs="Cascadia Mono"/>
                <w:color w:val="A31515"/>
                <w:sz w:val="19"/>
                <w:szCs w:val="19"/>
              </w:rPr>
              <w:t>'Show all records'</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PaginationType: </w:t>
            </w:r>
            <w:r>
              <w:rPr>
                <w:rFonts w:ascii="Cascadia Mono" w:hAnsi="Cascadia Mono" w:cs="Cascadia Mono"/>
                <w:color w:val="A31515"/>
                <w:sz w:val="19"/>
                <w:szCs w:val="19"/>
              </w:rPr>
              <w:t>"full_numbers"</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oLanguag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sZeroRecords: </w:t>
            </w:r>
            <w:r>
              <w:rPr>
                <w:rFonts w:ascii="Cascadia Mono" w:hAnsi="Cascadia Mono" w:cs="Cascadia Mono"/>
                <w:color w:val="A31515"/>
                <w:sz w:val="19"/>
                <w:szCs w:val="19"/>
              </w:rPr>
              <w:t>"&lt;span style='color:#AD0000;text-align:center;'&gt;No Records Found&lt;/span&g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exportabl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options[</w:t>
            </w:r>
            <w:r>
              <w:rPr>
                <w:rFonts w:ascii="Cascadia Mono" w:hAnsi="Cascadia Mono" w:cs="Cascadia Mono"/>
                <w:color w:val="A31515"/>
                <w:sz w:val="19"/>
                <w:szCs w:val="19"/>
              </w:rPr>
              <w:t>'buttons'</w:t>
            </w:r>
            <w:r>
              <w:rPr>
                <w:rFonts w:ascii="Cascadia Mono" w:hAnsi="Cascadia Mono" w:cs="Cascadia Mono"/>
                <w:color w:val="000000"/>
                <w:sz w:val="19"/>
                <w:szCs w:val="19"/>
              </w:rPr>
              <w:t>]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pageLength'</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xtend: </w:t>
            </w:r>
            <w:r>
              <w:rPr>
                <w:rFonts w:ascii="Cascadia Mono" w:hAnsi="Cascadia Mono" w:cs="Cascadia Mono"/>
                <w:color w:val="A31515"/>
                <w:sz w:val="19"/>
                <w:szCs w:val="19"/>
              </w:rPr>
              <w:t>'collection'</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ext: </w:t>
            </w:r>
            <w:r>
              <w:rPr>
                <w:rFonts w:ascii="Cascadia Mono" w:hAnsi="Cascadia Mono" w:cs="Cascadia Mono"/>
                <w:color w:val="A31515"/>
                <w:sz w:val="19"/>
                <w:szCs w:val="19"/>
              </w:rPr>
              <w:t>'Expor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utoClose: </w:t>
            </w:r>
            <w:r>
              <w:rPr>
                <w:rFonts w:ascii="Cascadia Mono" w:hAnsi="Cascadia Mono" w:cs="Cascadia Mono"/>
                <w:color w:val="0000FF"/>
                <w:sz w:val="19"/>
                <w:szCs w:val="19"/>
              </w:rPr>
              <w:t>tru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buttons: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ext: </w:t>
            </w:r>
            <w:r>
              <w:rPr>
                <w:rFonts w:ascii="Cascadia Mono" w:hAnsi="Cascadia Mono" w:cs="Cascadia Mono"/>
                <w:color w:val="A31515"/>
                <w:sz w:val="19"/>
                <w:szCs w:val="19"/>
              </w:rPr>
              <w:t>'&lt;i class="fas fa-file-csv mr-1"&gt;&lt;/i&gt; CSV'</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xtend: </w:t>
            </w:r>
            <w:r>
              <w:rPr>
                <w:rFonts w:ascii="Cascadia Mono" w:hAnsi="Cascadia Mono" w:cs="Cascadia Mono"/>
                <w:color w:val="A31515"/>
                <w:sz w:val="19"/>
                <w:szCs w:val="19"/>
              </w:rPr>
              <w:t>'csv'</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ext: </w:t>
            </w:r>
            <w:r>
              <w:rPr>
                <w:rFonts w:ascii="Cascadia Mono" w:hAnsi="Cascadia Mono" w:cs="Cascadia Mono"/>
                <w:color w:val="A31515"/>
                <w:sz w:val="19"/>
                <w:szCs w:val="19"/>
              </w:rPr>
              <w:t>'&lt;i class="fas fa-file-excel mr-1"&gt;&lt;/i&gt; Excel'</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xtend: </w:t>
            </w:r>
            <w:r>
              <w:rPr>
                <w:rFonts w:ascii="Cascadia Mono" w:hAnsi="Cascadia Mono" w:cs="Cascadia Mono"/>
                <w:color w:val="A31515"/>
                <w:sz w:val="19"/>
                <w:szCs w:val="19"/>
              </w:rPr>
              <w:t>'excel'</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ext: </w:t>
            </w:r>
            <w:r>
              <w:rPr>
                <w:rFonts w:ascii="Cascadia Mono" w:hAnsi="Cascadia Mono" w:cs="Cascadia Mono"/>
                <w:color w:val="A31515"/>
                <w:sz w:val="19"/>
                <w:szCs w:val="19"/>
              </w:rPr>
              <w:t>'&lt;i class="fas fa-file-pdf mr-1"&gt;&lt;/i&gt; PDF'</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xtend: </w:t>
            </w:r>
            <w:r>
              <w:rPr>
                <w:rFonts w:ascii="Cascadia Mono" w:hAnsi="Cascadia Mono" w:cs="Cascadia Mono"/>
                <w:color w:val="A31515"/>
                <w:sz w:val="19"/>
                <w:szCs w:val="19"/>
              </w:rPr>
              <w:t>'pdf'</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ext: </w:t>
            </w:r>
            <w:r>
              <w:rPr>
                <w:rFonts w:ascii="Cascadia Mono" w:hAnsi="Cascadia Mono" w:cs="Cascadia Mono"/>
                <w:color w:val="A31515"/>
                <w:sz w:val="19"/>
                <w:szCs w:val="19"/>
              </w:rPr>
              <w:t>'&lt;i class="fas fa-copy mr-1"&gt;&lt;/i&gt; Copy'</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xtend: </w:t>
            </w:r>
            <w:r>
              <w:rPr>
                <w:rFonts w:ascii="Cascadia Mono" w:hAnsi="Cascadia Mono" w:cs="Cascadia Mono"/>
                <w:color w:val="A31515"/>
                <w:sz w:val="19"/>
                <w:szCs w:val="19"/>
              </w:rPr>
              <w:t>'copy'</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lastRenderedPageBreak/>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ext: </w:t>
            </w:r>
            <w:r>
              <w:rPr>
                <w:rFonts w:ascii="Cascadia Mono" w:hAnsi="Cascadia Mono" w:cs="Cascadia Mono"/>
                <w:color w:val="A31515"/>
                <w:sz w:val="19"/>
                <w:szCs w:val="19"/>
              </w:rPr>
              <w:t>'&lt;i class="fas fa-print mr-1"&gt;&lt;/i&gt; Prin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xtend: </w:t>
            </w:r>
            <w:r>
              <w:rPr>
                <w:rFonts w:ascii="Cascadia Mono" w:hAnsi="Cascadia Mono" w:cs="Cascadia Mono"/>
                <w:color w:val="A31515"/>
                <w:sz w:val="19"/>
                <w:szCs w:val="19"/>
              </w:rPr>
              <w:t>'prin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text: </w:t>
            </w:r>
            <w:r>
              <w:rPr>
                <w:rFonts w:ascii="Cascadia Mono" w:hAnsi="Cascadia Mono" w:cs="Cascadia Mono"/>
                <w:color w:val="A31515"/>
                <w:sz w:val="19"/>
                <w:szCs w:val="19"/>
              </w:rPr>
              <w:t>'Columns'</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extend: </w:t>
            </w:r>
            <w:r>
              <w:rPr>
                <w:rFonts w:ascii="Cascadia Mono" w:hAnsi="Cascadia Mono" w:cs="Cascadia Mono"/>
                <w:color w:val="A31515"/>
                <w:sz w:val="19"/>
                <w:szCs w:val="19"/>
              </w:rPr>
              <w:t>'colvis'</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grouping)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gColumn = $(</w:t>
            </w:r>
            <w:r>
              <w:rPr>
                <w:rFonts w:ascii="Cascadia Mono" w:hAnsi="Cascadia Mono" w:cs="Cascadia Mono"/>
                <w:color w:val="A31515"/>
                <w:sz w:val="19"/>
                <w:szCs w:val="19"/>
              </w:rPr>
              <w:t>'table#'</w:t>
            </w:r>
            <w:r>
              <w:rPr>
                <w:rFonts w:ascii="Cascadia Mono" w:hAnsi="Cascadia Mono" w:cs="Cascadia Mono"/>
                <w:color w:val="000000"/>
                <w:sz w:val="19"/>
                <w:szCs w:val="19"/>
              </w:rPr>
              <w:t xml:space="preserve"> + table_name + </w:t>
            </w:r>
            <w:r>
              <w:rPr>
                <w:rFonts w:ascii="Cascadia Mono" w:hAnsi="Cascadia Mono" w:cs="Cascadia Mono"/>
                <w:color w:val="A31515"/>
                <w:sz w:val="19"/>
                <w:szCs w:val="19"/>
              </w:rPr>
              <w:t>" thead th[data-group=true]"</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gIndex = $(</w:t>
            </w:r>
            <w:r>
              <w:rPr>
                <w:rFonts w:ascii="Cascadia Mono" w:hAnsi="Cascadia Mono" w:cs="Cascadia Mono"/>
                <w:color w:val="A31515"/>
                <w:sz w:val="19"/>
                <w:szCs w:val="19"/>
              </w:rPr>
              <w:t>'table#'</w:t>
            </w:r>
            <w:r>
              <w:rPr>
                <w:rFonts w:ascii="Cascadia Mono" w:hAnsi="Cascadia Mono" w:cs="Cascadia Mono"/>
                <w:color w:val="000000"/>
                <w:sz w:val="19"/>
                <w:szCs w:val="19"/>
              </w:rPr>
              <w:t xml:space="preserve"> + table_name + </w:t>
            </w:r>
            <w:r>
              <w:rPr>
                <w:rFonts w:ascii="Cascadia Mono" w:hAnsi="Cascadia Mono" w:cs="Cascadia Mono"/>
                <w:color w:val="A31515"/>
                <w:sz w:val="19"/>
                <w:szCs w:val="19"/>
              </w:rPr>
              <w:t>" thead tr"</w:t>
            </w:r>
            <w:r>
              <w:rPr>
                <w:rFonts w:ascii="Cascadia Mono" w:hAnsi="Cascadia Mono" w:cs="Cascadia Mono"/>
                <w:color w:val="000000"/>
                <w:sz w:val="19"/>
                <w:szCs w:val="19"/>
              </w:rPr>
              <w:t>).children().index(gColumn);</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gPrefix = (gColumn.data(</w:t>
            </w:r>
            <w:r>
              <w:rPr>
                <w:rFonts w:ascii="Cascadia Mono" w:hAnsi="Cascadia Mono" w:cs="Cascadia Mono"/>
                <w:color w:val="A31515"/>
                <w:sz w:val="19"/>
                <w:szCs w:val="19"/>
              </w:rPr>
              <w:t>"prefix"</w:t>
            </w:r>
            <w:r>
              <w:rPr>
                <w:rFonts w:ascii="Cascadia Mono" w:hAnsi="Cascadia Mono" w:cs="Cascadia Mono"/>
                <w:color w:val="000000"/>
                <w:sz w:val="19"/>
                <w:szCs w:val="19"/>
              </w:rPr>
              <w:t>) !== undefined ? gColumn.data(</w:t>
            </w:r>
            <w:r>
              <w:rPr>
                <w:rFonts w:ascii="Cascadia Mono" w:hAnsi="Cascadia Mono" w:cs="Cascadia Mono"/>
                <w:color w:val="A31515"/>
                <w:sz w:val="19"/>
                <w:szCs w:val="19"/>
              </w:rPr>
              <w:t>"prefix"</w:t>
            </w:r>
            <w:r>
              <w:rPr>
                <w:rFonts w:ascii="Cascadia Mono" w:hAnsi="Cascadia Mono" w:cs="Cascadia Mono"/>
                <w:color w:val="000000"/>
                <w:sz w:val="19"/>
                <w:szCs w:val="19"/>
              </w:rPr>
              <w:t xml:space="preserve">) : </w:t>
            </w:r>
            <w:r>
              <w:rPr>
                <w:rFonts w:ascii="Cascadia Mono" w:hAnsi="Cascadia Mono" w:cs="Cascadia Mono"/>
                <w:color w:val="A31515"/>
                <w:sz w:val="19"/>
                <w:szCs w:val="19"/>
              </w:rPr>
              <w:t>""</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let gSort = (gColumn.data("sort") !== undefined ? gColumn.data("sort") : "ASC");</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options[</w:t>
            </w:r>
            <w:r>
              <w:rPr>
                <w:rFonts w:ascii="Cascadia Mono" w:hAnsi="Cascadia Mono" w:cs="Cascadia Mono"/>
                <w:color w:val="A31515"/>
                <w:sz w:val="19"/>
                <w:szCs w:val="19"/>
              </w:rPr>
              <w:t>"columnDefs"</w:t>
            </w:r>
            <w:r>
              <w:rPr>
                <w:rFonts w:ascii="Cascadia Mono" w:hAnsi="Cascadia Mono" w:cs="Cascadia Mono"/>
                <w:color w:val="000000"/>
                <w:sz w:val="19"/>
                <w:szCs w:val="19"/>
              </w:rPr>
              <w:t>] =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visible"</w:t>
            </w:r>
            <w:r>
              <w:rPr>
                <w:rFonts w:ascii="Cascadia Mono" w:hAnsi="Cascadia Mono" w:cs="Cascadia Mono"/>
                <w:color w:val="000000"/>
                <w:sz w:val="19"/>
                <w:szCs w:val="19"/>
              </w:rPr>
              <w:t xml:space="preserve">: </w:t>
            </w:r>
            <w:r>
              <w:rPr>
                <w:rFonts w:ascii="Cascadia Mono" w:hAnsi="Cascadia Mono" w:cs="Cascadia Mono"/>
                <w:color w:val="0000FF"/>
                <w:sz w:val="19"/>
                <w:szCs w:val="19"/>
              </w:rPr>
              <w:t>false</w:t>
            </w:r>
            <w:r>
              <w:rPr>
                <w:rFonts w:ascii="Cascadia Mono" w:hAnsi="Cascadia Mono" w:cs="Cascadia Mono"/>
                <w:color w:val="000000"/>
                <w:sz w:val="19"/>
                <w:szCs w:val="19"/>
              </w:rPr>
              <w:t xml:space="preserve">, </w:t>
            </w:r>
            <w:r>
              <w:rPr>
                <w:rFonts w:ascii="Cascadia Mono" w:hAnsi="Cascadia Mono" w:cs="Cascadia Mono"/>
                <w:color w:val="A31515"/>
                <w:sz w:val="19"/>
                <w:szCs w:val="19"/>
              </w:rPr>
              <w:t>"targets"</w:t>
            </w:r>
            <w:r>
              <w:rPr>
                <w:rFonts w:ascii="Cascadia Mono" w:hAnsi="Cascadia Mono" w:cs="Cascadia Mono"/>
                <w:color w:val="000000"/>
                <w:sz w:val="19"/>
                <w:szCs w:val="19"/>
              </w:rPr>
              <w:t>: gIndex}</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options["order"] = [[gIndex, gSor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options[</w:t>
            </w:r>
            <w:r>
              <w:rPr>
                <w:rFonts w:ascii="Cascadia Mono" w:hAnsi="Cascadia Mono" w:cs="Cascadia Mono"/>
                <w:color w:val="A31515"/>
                <w:sz w:val="19"/>
                <w:szCs w:val="19"/>
              </w:rPr>
              <w:t>"drawCallback"</w:t>
            </w:r>
            <w:r>
              <w:rPr>
                <w:rFonts w:ascii="Cascadia Mono" w:hAnsi="Cascadia Mono" w:cs="Cascadia Mono"/>
                <w:color w:val="000000"/>
                <w:sz w:val="19"/>
                <w:szCs w:val="19"/>
              </w:rPr>
              <w:t xml:space="preserve">] = </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settings)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api = </w:t>
            </w:r>
            <w:r>
              <w:rPr>
                <w:rFonts w:ascii="Cascadia Mono" w:hAnsi="Cascadia Mono" w:cs="Cascadia Mono"/>
                <w:color w:val="0000FF"/>
                <w:sz w:val="19"/>
                <w:szCs w:val="19"/>
              </w:rPr>
              <w:t>this</w:t>
            </w:r>
            <w:r>
              <w:rPr>
                <w:rFonts w:ascii="Cascadia Mono" w:hAnsi="Cascadia Mono" w:cs="Cascadia Mono"/>
                <w:color w:val="000000"/>
                <w:sz w:val="19"/>
                <w:szCs w:val="19"/>
              </w:rPr>
              <w:t>.api();</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rows = api.rows({page: </w:t>
            </w:r>
            <w:r>
              <w:rPr>
                <w:rFonts w:ascii="Cascadia Mono" w:hAnsi="Cascadia Mono" w:cs="Cascadia Mono"/>
                <w:color w:val="A31515"/>
                <w:sz w:val="19"/>
                <w:szCs w:val="19"/>
              </w:rPr>
              <w:t>'current'</w:t>
            </w:r>
            <w:r>
              <w:rPr>
                <w:rFonts w:ascii="Cascadia Mono" w:hAnsi="Cascadia Mono" w:cs="Cascadia Mono"/>
                <w:color w:val="000000"/>
                <w:sz w:val="19"/>
                <w:szCs w:val="19"/>
              </w:rPr>
              <w:t>}).nodes();</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last = </w:t>
            </w:r>
            <w:r>
              <w:rPr>
                <w:rFonts w:ascii="Cascadia Mono" w:hAnsi="Cascadia Mono" w:cs="Cascadia Mono"/>
                <w:color w:val="0000FF"/>
                <w:sz w:val="19"/>
                <w:szCs w:val="19"/>
              </w:rPr>
              <w:t>null</w:t>
            </w:r>
            <w:r>
              <w:rPr>
                <w:rFonts w:ascii="Cascadia Mono" w:hAnsi="Cascadia Mono" w:cs="Cascadia Mono"/>
                <w:color w:val="000000"/>
                <w:sz w:val="19"/>
                <w:szCs w:val="19"/>
              </w:rPr>
              <w: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rows[0] !== undefined)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iColspan = rows[0].getElementsByTagName(</w:t>
            </w:r>
            <w:r>
              <w:rPr>
                <w:rFonts w:ascii="Cascadia Mono" w:hAnsi="Cascadia Mono" w:cs="Cascadia Mono"/>
                <w:color w:val="A31515"/>
                <w:sz w:val="19"/>
                <w:szCs w:val="19"/>
              </w:rPr>
              <w:t>'td'</w:t>
            </w:r>
            <w:r>
              <w:rPr>
                <w:rFonts w:ascii="Cascadia Mono" w:hAnsi="Cascadia Mono" w:cs="Cascadia Mono"/>
                <w:color w:val="000000"/>
                <w:sz w:val="19"/>
                <w:szCs w:val="19"/>
              </w:rPr>
              <w:t>).length;</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api.column(gIndex, {page: </w:t>
            </w:r>
            <w:r>
              <w:rPr>
                <w:rFonts w:ascii="Cascadia Mono" w:hAnsi="Cascadia Mono" w:cs="Cascadia Mono"/>
                <w:color w:val="A31515"/>
                <w:sz w:val="19"/>
                <w:szCs w:val="19"/>
              </w:rPr>
              <w:t>'current'</w:t>
            </w:r>
            <w:r>
              <w:rPr>
                <w:rFonts w:ascii="Cascadia Mono" w:hAnsi="Cascadia Mono" w:cs="Cascadia Mono"/>
                <w:color w:val="000000"/>
                <w:sz w:val="19"/>
                <w:szCs w:val="19"/>
              </w:rPr>
              <w:t>}).data().each(</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group, i)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if</w:t>
            </w:r>
            <w:r>
              <w:rPr>
                <w:rFonts w:ascii="Cascadia Mono" w:hAnsi="Cascadia Mono" w:cs="Cascadia Mono"/>
                <w:color w:val="000000"/>
                <w:sz w:val="19"/>
                <w:szCs w:val="19"/>
              </w:rPr>
              <w:t xml:space="preserve"> (last !== group)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rows).eq(i).before(</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A31515"/>
                <w:sz w:val="19"/>
                <w:szCs w:val="19"/>
              </w:rPr>
              <w:t>'&lt;tr class="group"&gt;&lt;td colspan="'</w:t>
            </w:r>
            <w:r>
              <w:rPr>
                <w:rFonts w:ascii="Cascadia Mono" w:hAnsi="Cascadia Mono" w:cs="Cascadia Mono"/>
                <w:color w:val="000000"/>
                <w:sz w:val="19"/>
                <w:szCs w:val="19"/>
              </w:rPr>
              <w:t xml:space="preserve"> + iColspan + </w:t>
            </w:r>
            <w:r>
              <w:rPr>
                <w:rFonts w:ascii="Cascadia Mono" w:hAnsi="Cascadia Mono" w:cs="Cascadia Mono"/>
                <w:color w:val="A31515"/>
                <w:sz w:val="19"/>
                <w:szCs w:val="19"/>
              </w:rPr>
              <w:t>'"&gt;'</w:t>
            </w:r>
            <w:r>
              <w:rPr>
                <w:rFonts w:ascii="Cascadia Mono" w:hAnsi="Cascadia Mono" w:cs="Cascadia Mono"/>
                <w:color w:val="000000"/>
                <w:sz w:val="19"/>
                <w:szCs w:val="19"/>
              </w:rPr>
              <w:t xml:space="preserve"> + gPrefix + </w:t>
            </w:r>
            <w:r>
              <w:rPr>
                <w:rFonts w:ascii="Cascadia Mono" w:hAnsi="Cascadia Mono" w:cs="Cascadia Mono"/>
                <w:color w:val="A31515"/>
                <w:sz w:val="19"/>
                <w:szCs w:val="19"/>
              </w:rPr>
              <w:t>" "</w:t>
            </w:r>
            <w:r>
              <w:rPr>
                <w:rFonts w:ascii="Cascadia Mono" w:hAnsi="Cascadia Mono" w:cs="Cascadia Mono"/>
                <w:color w:val="000000"/>
                <w:sz w:val="19"/>
                <w:szCs w:val="19"/>
              </w:rPr>
              <w:t xml:space="preserve"> + group + </w:t>
            </w:r>
            <w:r>
              <w:rPr>
                <w:rFonts w:ascii="Cascadia Mono" w:hAnsi="Cascadia Mono" w:cs="Cascadia Mono"/>
                <w:color w:val="A31515"/>
                <w:sz w:val="19"/>
                <w:szCs w:val="19"/>
              </w:rPr>
              <w:t>'&lt;/td&gt;&lt;/tr&gt;'</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last = group;</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let</w:t>
            </w:r>
            <w:r>
              <w:rPr>
                <w:rFonts w:ascii="Cascadia Mono" w:hAnsi="Cascadia Mono" w:cs="Cascadia Mono"/>
                <w:color w:val="000000"/>
                <w:sz w:val="19"/>
                <w:szCs w:val="19"/>
              </w:rPr>
              <w:t xml:space="preserve"> tableInstance = tableElement.dataTable(options);</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0000"/>
                <w:sz w:val="19"/>
                <w:szCs w:val="19"/>
              </w:rPr>
              <w:t xml:space="preserve">    </w:t>
            </w:r>
            <w:r>
              <w:rPr>
                <w:rFonts w:ascii="Cascadia Mono" w:hAnsi="Cascadia Mono" w:cs="Cascadia Mono"/>
                <w:color w:val="008000"/>
                <w:sz w:val="19"/>
                <w:szCs w:val="19"/>
              </w:rPr>
              <w:t>/*if (exportable) {</w:t>
            </w:r>
          </w:p>
          <w:p w:rsidR="00156FB3" w:rsidRDefault="00156FB3" w:rsidP="00156FB3">
            <w:pPr>
              <w:autoSpaceDE w:val="0"/>
              <w:autoSpaceDN w:val="0"/>
              <w:adjustRightInd w:val="0"/>
              <w:rPr>
                <w:rFonts w:ascii="Cascadia Mono" w:hAnsi="Cascadia Mono" w:cs="Cascadia Mono"/>
                <w:color w:val="008000"/>
                <w:sz w:val="19"/>
                <w:szCs w:val="19"/>
              </w:rPr>
            </w:pPr>
            <w:r>
              <w:rPr>
                <w:rFonts w:ascii="Cascadia Mono" w:hAnsi="Cascadia Mono" w:cs="Cascadia Mono"/>
                <w:color w:val="008000"/>
                <w:sz w:val="19"/>
                <w:szCs w:val="19"/>
              </w:rPr>
              <w:t xml:space="preserve">        $('.buttons-copy, .buttons-csv, .buttons-print, .buttons-pdf, .buttons-excel').addClass('btn btn-outline-primary btn-sm mr-1');</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8000"/>
                <w:sz w:val="19"/>
                <w:szCs w:val="19"/>
              </w:rPr>
              <w:t xml:space="preserve">    }*/</w:t>
            </w:r>
          </w:p>
          <w:p w:rsidR="00156FB3" w:rsidRDefault="00156FB3" w:rsidP="00156FB3">
            <w:pPr>
              <w:autoSpaceDE w:val="0"/>
              <w:autoSpaceDN w:val="0"/>
              <w:adjustRightInd w:val="0"/>
              <w:rPr>
                <w:rFonts w:ascii="Cascadia Mono" w:hAnsi="Cascadia Mono" w:cs="Cascadia Mono"/>
                <w:color w:val="000000"/>
                <w:sz w:val="19"/>
                <w:szCs w:val="19"/>
              </w:rPr>
            </w:pPr>
            <w:r>
              <w:rPr>
                <w:rFonts w:ascii="Cascadia Mono" w:hAnsi="Cascadia Mono" w:cs="Cascadia Mono"/>
                <w:color w:val="000000"/>
                <w:sz w:val="19"/>
                <w:szCs w:val="19"/>
              </w:rPr>
              <w:t xml:space="preserve">    </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tableInstance;</w:t>
            </w:r>
          </w:p>
          <w:p w:rsidR="0048012D" w:rsidRDefault="00156FB3" w:rsidP="00156FB3">
            <w:r>
              <w:rPr>
                <w:rFonts w:ascii="Cascadia Mono" w:hAnsi="Cascadia Mono" w:cs="Cascadia Mono"/>
                <w:color w:val="000000"/>
                <w:sz w:val="19"/>
                <w:szCs w:val="19"/>
              </w:rPr>
              <w:t>}</w:t>
            </w:r>
          </w:p>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Fingerprint2.js</w:t>
            </w:r>
          </w:p>
        </w:tc>
      </w:tr>
      <w:tr w:rsidR="0048012D" w:rsidTr="0048012D">
        <w:tc>
          <w:tcPr>
            <w:tcW w:w="9576" w:type="dxa"/>
          </w:tcPr>
          <w:p w:rsidR="00156FB3" w:rsidRDefault="00156FB3" w:rsidP="00156FB3">
            <w:r>
              <w:lastRenderedPageBreak/>
              <w:t>// Fingerprintjs2 - Copyright (c) 2018 Valentin Vasilyev (valentin.vasilyev@outlook.com)</w:t>
            </w:r>
          </w:p>
          <w:p w:rsidR="00156FB3" w:rsidRDefault="00156FB3" w:rsidP="00156FB3">
            <w:r>
              <w:t>// Licensed under the MIT (http://www.opensource.org/licenses/mit-license.php) license.</w:t>
            </w:r>
          </w:p>
          <w:p w:rsidR="00156FB3" w:rsidRDefault="00156FB3" w:rsidP="00156FB3"/>
          <w:p w:rsidR="0048012D" w:rsidRDefault="00156FB3" w:rsidP="00156FB3">
            <w:r>
              <w:t xml:space="preserve">!function(e,t,n){"use strict";"undefined"!=typeof window&amp;&amp;"function"==typeof window.define&amp;&amp;window.define.amd?window.define(n):"undefined"!=typeof module&amp;&amp;module.exports?module.exports=n():t.exports?t.exports=n():t.Fingerprint2=n()}(0,this,function(){"use strict";var d=function(e,t){e=[e[0]&gt;&gt;&gt;16,65535&amp;e[0],e[1]&gt;&gt;&gt;16,65535&amp;e[1]],t=[t[0]&gt;&gt;&gt;16,65535&amp;t[0],t[1]&gt;&gt;&gt;16,65535&amp;t[1]];var n=[0,0,0,0];return n[3]+=e[3]+t[3],n[2]+=n[3]&gt;&gt;&gt;16,n[3]&amp;=65535,n[2]+=e[2]+t[2],n[1]+=n[2]&gt;&gt;&gt;16,n[2]&amp;=65535,n[1]+=e[1]+t[1],n[0]+=n[1]&gt;&gt;&gt;16,n[1]&amp;=65535,n[0]+=e[0]+t[0],n[0]&amp;=65535,[n[0]&lt;&lt;16|n[1],n[2]&lt;&lt;16|n[3]]},g=function(e,t){e=[e[0]&gt;&gt;&gt;16,65535&amp;e[0],e[1]&gt;&gt;&gt;16,65535&amp;e[1]],t=[t[0]&gt;&gt;&gt;16,65535&amp;t[0],t[1]&gt;&gt;&gt;16,65535&amp;t[1]];var n=[0,0,0,0];return n[3]+=e[3]*t[3],n[2]+=n[3]&gt;&gt;&gt;16,n[3]&amp;=65535,n[2]+=e[2]*t[3],n[1]+=n[2]&gt;&gt;&gt;16,n[2]&amp;=65535,n[2]+=e[3]*t[2],n[1]+=n[2]&gt;&gt;&gt;16,n[2]&amp;=65535,n[1]+=e[1]*t[3],n[0]+=n[1]&gt;&gt;&gt;16,n[1]&amp;=65535,n[1]+=e[2]*t[2],n[0]+=n[1]&gt;&gt;&gt;16,n[1]&amp;=65535,n[1]+=e[3]*t[1],n[0]+=n[1]&gt;&gt;&gt;16,n[1]&amp;=65535,n[0]+=e[0]*t[3]+e[1]*t[2]+e[2]*t[1]+e[3]*t[0],n[0]&amp;=65535,[n[0]&lt;&lt;16|n[1],n[2]&lt;&lt;16|n[3]]},f=function(e,t){return 32===(t%=64)?[e[1],e[0]]:t&lt;32?[e[0]&lt;&lt;t|e[1]&gt;&gt;&gt;32-t,e[1]&lt;&lt;t|e[0]&gt;&gt;&gt;32-t]:(t-=32,[e[1]&lt;&lt;t|e[0]&gt;&gt;&gt;32-t,e[0]&lt;&lt;t|e[1]&gt;&gt;&gt;32-t])},h=function(e,t){return 0===(t%=64)?e:t&lt;32?[e[0]&lt;&lt;t|e[1]&gt;&gt;&gt;32-t,e[1]&lt;&lt;t]:[e[1]&lt;&lt;t-32,0]},m=function(e,t){return[e[0]^t[0],e[1]^t[1]]},T=function(e){return e=m(e,[0,e[0]&gt;&gt;&gt;1]),e=g(e,[4283543511,3981806797]),e=m(e,[0,e[0]&gt;&gt;&gt;1]),e=g(e,[3301882366,444984403]),e=m(e,[0,e[0]&gt;&gt;&gt;1])},l=function(e,t){t=t||0;for(var n=(e=e||"").length%16,a=e.length-n,r=[0,t],i=[0,t],o=[0,0],l=[0,0],s=[2277735313,289559509],c=[1291169091,658871167],u=0;u&lt;a;u+=16)o=[255&amp;e.charCodeAt(u+4)|(255&amp;e.charCodeAt(u+5))&lt;&lt;8|(255&amp;e.charCodeAt(u+6))&lt;&lt;16|(255&amp;e.charCodeAt(u+7))&lt;&lt;24,255&amp;e.charCodeAt(u)|(255&amp;e.charCodeAt(u+1))&lt;&lt;8|(255&amp;e.charCodeAt(u+2))&lt;&lt;16|(255&amp;e.charCodeAt(u+3))&lt;&lt;24],l=[255&amp;e.charCodeAt(u+12)|(255&amp;e.charCodeAt(u+13))&lt;&lt;8|(255&amp;e.charCodeAt(u+14))&lt;&lt;16|(255&amp;e.charCodeAt(u+15))&lt;&lt;24,255&amp;e.charCodeAt(u+8)|(255&amp;e.charCodeAt(u+9))&lt;&lt;8|(255&amp;e.charCodeAt(u+10))&lt;&lt;16|(255&amp;e.charCodeAt(u+11))&lt;&lt;24],o=g(o,s),o=f(o,31),o=g(o,c),r=m(r,o),r=f(r,27),r=d(r,i),r=d(g(r,[0,5]),[0,1390208809]),l=g(l,c),l=f(l,33),l=g(l,s),i=m(i,l),i=f(i,31),i=d(i,r),i=d(g(i,[0,5]),[0,944331445]);switch(o=[0,0],l=[0,0],n){case 15:l=m(l,h([0,e.charCodeAt(u+14)],48));case 14:l=m(l,h([0,e.charCodeAt(u+13)],40));case 13:l=m(l,h([0,e.charCodeAt(u+12)],32));case 12:l=m(l,h([0,e.charCodeAt(u+11)],24));case 11:l=m(l,h([0,e.charCodeAt(u+10)],16));case 10:l=m(l,h([0,e.charCodeAt(u+9)],8));case 9:l=m(l,[0,e.charCodeAt(u+8)]),l=g(l,c),l=f(l,33),l=g(l,s),i=m(i,l);case 8:o=m(o,h([0,e.charCodeAt(u+7)],56));case 7:o=m(o,h([0,e.charCodeAt(u+6)],48));case 6:o=m(o,h([0,e.charCodeAt(u+5)],40));case 5:o=m(o,h([0,e.charCodeAt(u+4)],32));case 4:o=m(o,h([0,e.charCodeAt(u+3)],24));case 3:o=m(o,h([0,e.charCodeAt(u+2)],16));case 2:o=m(o,h([0,e.charCodeAt(u+1)],8));case 1:o=m(o,[0,e.charCodeAt(u)]),o=g(o,s),o=f(o,31),o=g(o,c),r=m(r,o)}return r=m(r,[0,e.length]),i=m(i,[0,e.length]),r=d(r,i),i=d(i,r),r=T(r),i=T(i),r=d(r,i),i=d(i,r),("00000000"+(r[0]&gt;&gt;&gt;0).toString(16)).slice(-8)+("00000000"+(r[1]&gt;&gt;&gt;0).toString(16)).slice(-8)+("00000000"+(i[0]&gt;&gt;&gt;0).toString(16)).slice(-8)+("00000000"+(i[1]&gt;&gt;&gt;0).toString(16)).slice(-8)},e={preprocessor:null,audio:{timeout:1e3,excludeIOS11:!0},fonts:{swfContainerId:"fingerprintjs2",swfPath:"flash/compiled/FontList.swf",userDefinedFonts:[],extendedJsFonts:!1},screen:{detectScreenOrientation:!0},plugins:{sortPluginsFor:[/palemoon/i],excludeIE:!1},extraComponents:[],excludes:{enumerateDevices:!0,pixelRatio:!0,doNotTrack:!0,fontsFlash:!0},NOT_AVAILABLE:"not available",ERROR:"error",EXCLUDED:"excluded"},c=function(e,t){if(Array.prototype.forEach&amp;&amp;e.forEach===Array.prototype.forEach)e.forEach(t);else if(e.length===+e.length)for(var </w:t>
            </w:r>
            <w:r>
              <w:lastRenderedPageBreak/>
              <w:t xml:space="preserve">n=0,a=e.length;n&lt;a;n++)t(e[n],n,e);else for(var r in e)e.hasOwnProperty(r)&amp;&amp;t(e[r],r,e)},s=function(e,a){var r=[];return null==e?r:Array.prototype.map&amp;&amp;e.map===Array.prototype.map?e.map(a):(c(e,function(e,t,n){r.push(a(e,t,n))}),r)},n=function(){return navigator.mediaDevices&amp;&amp;navigator.mediaDevices.enumerateDevices},a=function(e){var t=[window.screen.width,window.screen.height];return e.screen.detectScreenOrientation&amp;&amp;t.sort().reverse(),t},r=function(e){if(window.screen.availWidth&amp;&amp;window.screen.availHeight){var t=[window.screen.availHeight,window.screen.availWidth];return e.screen.detectScreenOrientation&amp;&amp;t.sort().reverse(),t}return e.NOT_AVAILABLE},i=function(e){if(null==navigator.plugins)return e.NOT_AVAILABLE;for(var t=[],n=0,a=navigator.plugins.length;n&lt;a;n++)navigator.plugins[n]&amp;&amp;t.push(navigator.plugins[n]);return u(e)&amp;&amp;(t=t.sort(function(e,t){return e.name&gt;t.name?1:e.name&lt;t.name?-1:0})),s(t,function(e){var t=s(e,function(e){return[e.type,e.suffixes]});return[e.name,e.description,t]})},o=function(t){var e=[];if(Object.getOwnPropertyDescriptor&amp;&amp;Object.getOwnPropertyDescriptor(window,"ActiveXObject")||"ActiveXObject"in window){e=s(["AcroPDF.PDF","Adodb.Stream","AgControl.AgControl","DevalVRXCtrl.DevalVRXCtrl.1","MacromediaFlashPaper.MacromediaFlashPaper","Msxml2.DOMDocument","Msxml2.XMLHTTP","PDF.PdfCtrl","QuickTime.QuickTime","QuickTimeCheckObject.QuickTimeCheck.1","RealPlayer","RealPlayer.RealPlayer(tm) ActiveX Control (32-bit)","RealVideo.RealVideo(tm) ActiveX Control (32-bit)","Scripting.Dictionary","SWCtl.SWCtl","Shell.UIHelper","ShockwaveFlash.ShockwaveFlash","Skype.Detection","TDCCtl.TDCCtl","WMPlayer.OCX","rmocx.RealPlayer G2 Control","rmocx.RealPlayer G2 Control.1"],function(e){try{return new window.ActiveXObject(e),e}catch(e){return t.ERROR}})}else e.push(t.NOT_AVAILABLE);return navigator.plugins&amp;&amp;(e=e.concat(i(t))),e},u=function(e){for(var t=!1,n=0,a=e.plugins.sortPluginsFor.length;n&lt;a;n++){var r=e.plugins.sortPluginsFor[n];if(navigator.userAgent.match(r)){t=!0;break}}return t},p=function(t){try{return!!window.sessionStorage}catch(e){return t.ERROR}},v=function(t){try{return!!window.localStorage}catch(e){return t.ERROR}},A=function(t){try{return!!window.indexedDB}catch(e){return t.ERROR}},S=function(e){return navigator.hardwareConcurrency?navigator.hardwareConcurrency:e.NOT_AVAILABLE},C=function(e){return navigator.cpuClass||e.NOT_AVAILABLE},B=function(e){return navigator.platform?navigator.platform:e.NOT_AVAILABLE},w=function(e){return navigator.doNotTrack?navigator.doNotTrack:navigator.msDoNotTrack?navigator.msDoNotTrack:window.doNotTrack?window.doNotTrack:e.NOT_AVAILABLE},t=function(){var t,e=0;void 0!==navigator.maxTouchPoints?e=navigator.maxTouchPoints:void 0!==navigator.msMaxTouchPoints&amp;&amp;(e=navigator.msMaxTouchPoints);try{document.createEvent("TouchEvent"),t=!0}catch(e){t=!1}return[e,t,"ontouchstart"in window]},y=function(e){var t=[],n=document.createElement("canvas");n.width=2e3,n.height=200,n.style.display="inline";var a=n.getContext("2d");return a.rect(0,0,10,10),a.rect(2,2,6,6),t.push("canvas winding:"+(!1===a.isPointInPath(5,5,"evenodd")?"yes":"no")),a.textBaseline="alphabetic",a.fillStyle="#f60",a.fillRect(125,1,62,20),a.fillStyle="#069",e.dontUseFakeFontInCanvas?a.font="11pt Arial":a.font="11pt no-real-font-123",a.fillText("Cwm fjordbank glyphs vext quiz, \ud83d\ude03",2,15),a.fillStyle="rgba(102, 204, 0, 0.2)",a.font="18pt Arial",a.fillText("Cwm fjordbank glyphs vext quiz, \ud83d\ude03",4,45),a.globalCompositeOperation="multiply",a.fillStyle="rgb(255,0,255)",a.beginPath(),a.arc(50,50,50,0,2*Math.PI,!0),a.closePath(),a.fill(),a.fillStyle="rgb(0,255,255)",a.beginPath(),a.arc(100,50,50,0,2*Math.PI,!0),a.closePath(),a.fill(),a.fillStyle="rgb(255,255,0)",a.beginPath(),a.arc(75,100,50,0,2*Math.PI,!0),a.closePath(),a.fill(),a.fillStyle="rgb(255,0,255)",a.arc(75,75,75,0,2*Math.PI,!0),a.arc(75,75,25,0,2*Math.PI,!0),a.fill("evenodd"),n.toDataURL&amp;&amp;t.push("canvas </w:t>
            </w:r>
            <w:r>
              <w:lastRenderedPageBreak/>
              <w:t xml:space="preserve">fp:"+n.toDataURL()),t},E=function(){var o,e=function(e){return o.clearColor(0,0,0,1),o.enable(o.DEPTH_TEST),o.depthFunc(o.LEQUAL),o.clear(o.COLOR_BUFFER_BIT|o.DEPTH_BUFFER_BIT),"["+e[0]+", "+e[1]+"]"};if(!(o=F()))return null;var l=[],t=o.createBuffer();o.bindBuffer(o.ARRAY_BUFFER,t);var n=new Float32Array([-.2,-.9,0,.4,-.26,0,0,.732134444,0]);o.bufferData(o.ARRAY_BUFFER,n,o.STATIC_DRAW),t.itemSize=3,t.numItems=3;var a=o.createProgram(),r=o.createShader(o.VERTEX_SHADER);o.shaderSource(r,"attribute vec2 attrVertex;varying vec2 varyinTexCoordinate;uniform vec2 uniformOffset;void main(){varyinTexCoordinate=attrVertex+uniformOffset;gl_Position=vec4(attrVertex,0,1);}"),o.compileShader(r);var i=o.createShader(o.FRAGMENT_SHADER);o.shaderSource(i,"precision mediump float;varying vec2 varyinTexCoordinate;void main() {gl_FragColor=vec4(varyinTexCoordinate,0,1);}"),o.compileShader(i),o.attachShader(a,r),o.attachShader(a,i),o.linkProgram(a),o.useProgram(a),a.vertexPosAttrib=o.getAttribLocation(a,"attrVertex"),a.offsetUniform=o.getUniformLocation(a,"uniformOffset"),o.enableVertexAttribArray(a.vertexPosArray),o.vertexAttribPointer(a.vertexPosAttrib,t.itemSize,o.FLOAT,!1,0,0),o.uniform2f(a.offsetUniform,1,1),o.drawArrays(o.TRIANGLE_STRIP,0,t.numItems);try{l.push(o.canvas.toDataURL())}catch(e){}l.push("extensions:"+(o.getSupportedExtensions()||[]).join(";")),l.push("webgl aliased line width range:"+e(o.getParameter(o.ALIASED_LINE_WIDTH_RANGE))),l.push("webgl aliased point size range:"+e(o.getParameter(o.ALIASED_POINT_SIZE_RANGE))),l.push("webgl alpha bits:"+o.getParameter(o.ALPHA_BITS)),l.push("webgl antialiasing:"+(o.getContextAttributes().antialias?"yes":"no")),l.push("webgl blue bits:"+o.getParameter(o.BLUE_BITS)),l.push("webgl depth bits:"+o.getParameter(o.DEPTH_BITS)),l.push("webgl green bits:"+o.getParameter(o.GREEN_BITS)),l.push("webgl max anisotropy:"+function(e){var t=e.getExtension("EXT_texture_filter_anisotropic")||e.getExtension("WEBKIT_EXT_texture_filter_anisotropic")||e.getExtension("MOZ_EXT_texture_filter_anisotropic");if(t){var n=e.getParameter(t.MAX_TEXTURE_MAX_ANISOTROPY_EXT);return 0===n&amp;&amp;(n=2),n}return null}(o)),l.push("webgl max combined texture image units:"+o.getParameter(o.MAX_COMBINED_TEXTURE_IMAGE_UNITS)),l.push("webgl max cube map texture size:"+o.getParameter(o.MAX_CUBE_MAP_TEXTURE_SIZE)),l.push("webgl max fragment uniform vectors:"+o.getParameter(o.MAX_FRAGMENT_UNIFORM_VECTORS)),l.push("webgl max render buffer size:"+o.getParameter(o.MAX_RENDERBUFFER_SIZE)),l.push("webgl max texture image units:"+o.getParameter(o.MAX_TEXTURE_IMAGE_UNITS)),l.push("webgl max texture size:"+o.getParameter(o.MAX_TEXTURE_SIZE)),l.push("webgl max varying vectors:"+o.getParameter(o.MAX_VARYING_VECTORS)),l.push("webgl max vertex attribs:"+o.getParameter(o.MAX_VERTEX_ATTRIBS)),l.push("webgl max vertex texture image units:"+o.getParameter(o.MAX_VERTEX_TEXTURE_IMAGE_UNITS)),l.push("webgl max vertex uniform vectors:"+o.getParameter(o.MAX_VERTEX_UNIFORM_VECTORS)),l.push("webgl max viewport dims:"+e(o.getParameter(o.MAX_VIEWPORT_DIMS))),l.push("webgl red bits:"+o.getParameter(o.RED_BITS)),l.push("webgl renderer:"+o.getParameter(o.RENDERER)),l.push("webgl shading language version:"+o.getParameter(o.SHADING_LANGUAGE_VERSION)),l.push("webgl stencil bits:"+o.getParameter(o.STENCIL_BITS)),l.push("webgl vendor:"+o.getParameter(o.VENDOR)),l.push("webgl version:"+o.getParameter(o.VERSION));try{var s=o.getExtension("WEBGL_debug_renderer_info");s&amp;&amp;(l.push("webgl unmasked vendor:"+o.getParameter(s.UNMASKED_VENDOR_WEBGL)),l.push("webgl unmasked renderer:"+o.getParameter(s.UNMASKED_RENDERER_WEBGL)))}catch(e){}return o.getShaderPrecisionFormat&amp;&amp;c(["FLOAT","INT"],function(i){c(["VERTEX","FRAGMENT"],function(r){c(["HIGH","MEDIUM","LOW"],function(a){c(["precision","rangeMin","rangeMax"],function(e){var </w:t>
            </w:r>
            <w:r>
              <w:lastRenderedPageBreak/>
              <w:t>t=o.getShaderPrecisionFormat(o[r+"_SHADER"],o[a+"_"+i])[e];"precision"!==e&amp;&amp;(e="precision "+e);var n=["webgl ",r.toLowerCase()," shader ",a.toLowerCase()," ",i.toLowerCase()," ",e,":",t].join("");l.push(n)})})})}),l},M=function(){try{var e=F(),t=e.getExtension("WEBGL_debug_renderer_info");return e.getParameter(t.UNMASKED_VENDOR_WEBGL)+"~"+e.getParameter(t.UNMASKED_RENDERER_WEBGL)}catch(e){return null}},x=function(){var e=document.createElement("div");e.innerHTML="&amp;nbsp;";var t=!(e.className="adsbox");try{document.body.appendChild(e),t=0===document.getElementsByClassName("adsbox")[0].offsetHeight,document.body.removeChild(e)}catch(e){t=!1}return t},O=function(){if(void 0!==navigator.languages)try{if(navigator.languages[0].substr(0,2)!==navigator.language.substr(0,2))return!0}catch(e){return!0}return!1},P=function(){return window.screen.width&lt;window.screen.availWidth||window.screen.height&lt;window.screen.availHeight},b=function(){var e,t=navigator.userAgent.toLowerCase(),n=navigator.oscpu,a=navigator.platform.toLowerCase();if(e=0&lt;=t.indexOf("windows phone")?"Windows Phone":0&lt;=t.indexOf("win")?"Windows":0&lt;=t.indexOf("android")?"Android":0&lt;=t.indexOf("linux")?"Linux":0&lt;=t.indexOf("iphone")||0&lt;=t.indexOf("ipad")?"iOS":0&lt;=t.indexOf("mac")?"Mac":"Other",("ontouchstart"in window||0&lt;navigator.maxTouchPoints||0&lt;navigator.msMaxTouchPoints)&amp;&amp;"Windows Phone"!==e&amp;&amp;"Android"!==e&amp;&amp;"iOS"!==e&amp;&amp;"Other"!==e)return!0;if(void 0!==n){if(0&lt;=(n=n.toLowerCase()).indexOf("win")&amp;&amp;"Windows"!==e&amp;&amp;"Windows Phone"!==e)return!0;if(0&lt;=n.indexOf("linux")&amp;&amp;"Linux"!==e&amp;&amp;"Android"!==e)return!0;if(0&lt;=n.indexOf("mac")&amp;&amp;"Mac"!==e&amp;&amp;"iOS"!==e)return!0;if((-1===n.indexOf("win")&amp;&amp;-1===n.indexOf("linux")&amp;&amp;-1===n.indexOf("mac"))!=("Other"===e))return!0}return 0&lt;=a.indexOf("win")&amp;&amp;"Windows"!==e&amp;&amp;"Windows Phone"!==e||((0&lt;=a.indexOf("linux")||0&lt;=a.indexOf("android")||0&lt;=a.indexOf("pike"))&amp;&amp;"Linux"!==e&amp;&amp;"Android"!==e||((0&lt;=a.indexOf("mac")||0&lt;=a.indexOf("ipad")||0&lt;=a.indexOf("ipod")||0&lt;=a.indexOf("iphone"))&amp;&amp;"Mac"!==e&amp;&amp;"iOS"!==e||((-1===a.indexOf("win")&amp;&amp;-1===a.indexOf("linux")&amp;&amp;-1===a.indexOf("mac"))!=("Other"===e)||void 0===navigator.plugins&amp;&amp;"Windows"!==e&amp;&amp;"Windows Phone"!==e)))},L=function(){var e,t=navigator.userAgent.toLowerCase(),n=navigator.productSub;if(("Chrome"===(e=0&lt;=t.indexOf("firefox")?"Firefox":0&lt;=t.indexOf("opera")||0&lt;=t.indexOf("opr")?"Opera":0&lt;=t.indexOf("chrome")?"Chrome":0&lt;=t.indexOf("safari")?"Safari":0&lt;=t.indexOf("trident")?"Internet Explorer":"Other")||"Safari"===e||"Opera"===e)&amp;&amp;"20030107"!==n)return!0;var a,r=eval.toString().length;if(37===r&amp;&amp;"Safari"!==e&amp;&amp;"Firefox"!==e&amp;&amp;"Other"!==e)return!0;if(39===r&amp;&amp;"Internet Explorer"!==e&amp;&amp;"Other"!==e)return!0;if(33===r&amp;&amp;"Chrome"!==e&amp;&amp;"Opera"!==e&amp;&amp;"Other"!==e)return!0;try{throw"a"}catch(e){try{e.toSource(),a=!0}catch(e){a=!1}}return a&amp;&amp;"Firefox"!==e&amp;&amp;"Other"!==e},I=function(){var e=document.createElement("canvas");return!(!e.getContext||!e.getContext("2d"))},k=function(){if(!I())return!1;var e=F();return!!window.WebGLRenderingContext&amp;&amp;!!e},R=function(){return"Microsoft Internet Explorer"===navigator.appName||!("Netscape"!==navigator.appName||!/Trident/.test(navigator.userAgent))},D=function(){return void 0!==window.swfobject},N=function(){return window.swfobject.hasFlashPlayerVersion("9.0.0")},_=function(t,e){var n="___fp_swf_loaded";window[n]=function(e){t(e)};var a,r,i=e.fonts.swfContainerId;(r=document.createElement("div")).setAttribute("id",a.fonts.swfContainerId),document.body.appendChild(r);var o={onReady:n};window.swfobject.embedSWF(e.fonts.swfPath,i,"1","1","9.0.0",!1,o,{allowScriptAccess:"</w:t>
            </w:r>
            <w:r>
              <w:lastRenderedPageBreak/>
              <w:t xml:space="preserve">always",menu:"false"},{})},F=function(){var e=document.createElement("canvas"),t=null;try{t=e.getContext("webgl")||e.getContext("experimental-webgl")}catch(e){}return t||(t=null),t},G=[{key:"userAgent",getData:function(e){e(navigator.userAgent)}},{key:"language",getData:function(e,t){e(navigator.language||navigator.userLanguage||navigator.browserLanguage||navigator.systemLanguage||t.NOT_AVAILABLE)}},{key:"colorDepth",getData:function(e,t){e(window.screen.colorDepth||t.NOT_AVAILABLE)}},{key:"deviceMemory",getData:function(e,t){e(navigator.deviceMemory||t.NOT_AVAILABLE)}},{key:"pixelRatio",getData:function(e,t){e(window.devicePixelRatio||t.NOT_AVAILABLE)}},{key:"hardwareConcurrency",getData:function(e,t){e(S(t))}},{key:"screenResolution",getData:function(e,t){e(a(t))}},{key:"availableScreenResolution",getData:function(e,t){e(r(t))}},{key:"timezoneOffset",getData:function(e){e((new Date).getTimezoneOffset())}},{key:"timezone",getData:function(e,t){window.Intl&amp;&amp;window.Intl.DateTimeFormat?e((new window.Intl.DateTimeFormat).resolvedOptions().timeZone):e(t.NOT_AVAILABLE)}},{key:"sessionStorage",getData:function(e,t){e(p(t))}},{key:"localStorage",getData:function(e,t){e(v(t))}},{key:"indexedDb",getData:function(e,t){e(A(t))}},{key:"addBehavior",getData:function(e){e(!(!document.body||!document.body.addBehavior))}},{key:"openDatabase",getData:function(e){e(!!window.openDatabase)}},{key:"cpuClass",getData:function(e,t){e(C(t))}},{key:"platform",getData:function(e,t){e(B(t))}},{key:"doNotTrack",getData:function(e,t){e(w(t))}},{key:"plugins",getData:function(e,t){R()?t.plugins.excludeIE?e(t.EXCLUDED):e(o(t)):e(i(t))}},{key:"canvas",getData:function(e,t){I()?e(y(t)):e(t.NOT_AVAILABLE)}},{key:"webgl",getData:function(e,t){k()?e(E()):e(t.NOT_AVAILABLE)}},{key:"webglVendorAndRenderer",getData:function(e){k()?e(M()):e()}},{key:"adBlock",getData:function(e){e(x())}},{key:"hasLiedLanguages",getData:function(e){e(O())}},{key:"hasLiedResolution",getData:function(e){e(P())}},{key:"hasLiedOs",getData:function(e){e(b())}},{key:"hasLiedBrowser",getData:function(e){e(L())}},{key:"touchSupport",getData:function(e){e(t())}},{key:"fonts",getData:function(e,t){var u=["monospace","sans-serif","serif"],d=["Andale Mono","Arial","Arial Black","Arial Hebrew","Arial MT","Arial Narrow","Arial Rounded MT Bold","Arial Unicode MS","Bitstream Vera Sans Mono","Book Antiqua","Bookman Old Style","Calibri","Cambria","Cambria Math","Century","Century Gothic","Century Schoolbook","Comic Sans","Comic Sans MS","Consolas","Courier","Courier New","Geneva","Georgia","Helvetica","Helvetica Neue","Impact","Lucida Bright","Lucida Calligraphy","Lucida Console","Lucida Fax","LUCIDA GRANDE","Lucida Handwriting","Lucida Sans","Lucida Sans Typewriter","Lucida Sans Unicode","Microsoft Sans Serif","Monaco","Monotype Corsiva","MS Gothic","MS Outlook","MS PGothic","MS Reference Sans Serif","MS Sans Serif","MS Serif","MYRIAD","MYRIAD PRO","Palatino","Palatino Linotype","Segoe Print","Segoe Script","Segoe UI","Segoe UI Light","Segoe UI Semibold","Segoe UI Symbol","Tahoma","Times","Times New Roman","Times New Roman PS","Trebuchet MS","Verdana","Wingdings","Wingdings 2","Wingdings 3"];t.fonts.extendedJsFonts&amp;&amp;(d=d.concat(["Abadi MT Condensed Light","Academy Engraved LET","ADOBE CASLON PRO","Adobe Garamond","ADOBE GARAMOND PRO","Agency FB","Aharoni","Albertus Extra Bold","Albertus Medium","Algerian","Amazone BT","American Typewriter","American Typewriter Condensed","AmerType Md BT","Andalus","Angsana New","AngsanaUPC","Antique Olive","Aparajita","Apple Chancery","Apple Color Emoji","Apple SD Gothic Neo","Arabic Typesetting","ARCHER","ARNO PRO","Arrus BT","Aurora Cn BT","AvantGarde Bk BT","AvantGarde Md BT","AVENIR","Ayuthaya","Bandy","Bangla Sangam MN","Bank Gothic","BankGothic Md BT","Baskerville","Baskerville Old Face","Batang","BatangChe","Bauer Bodoni","Bauhaus 93","Bazooka","Bell MT","Bembo","Benguiat Bk BT","Berlin Sans FB","Berlin Sans FB Demi","Bernard MT Condensed","BernhardFashion BT","BernhardMod BT","Big Caslon","BinnerD","Blackadder ITC","BlairMdITC TT","Bodoni 72","Bodoni 72 Oldstyle","Bodoni 72 Smallcaps","Bodoni MT","Bodoni MT Black","Bodoni MT Condensed","Bodoni MT Poster </w:t>
            </w:r>
            <w:r>
              <w:lastRenderedPageBreak/>
              <w:t xml:space="preserve">Compressed","Bookshelf Symbol 7","Boulder","Bradley Hand","Bradley Hand ITC","Bremen Bd BT","Britannic Bold","Broadway","Browallia New","BrowalliaUPC","Brush Script MT","Californian FB","Calisto MT","Calligrapher","Candara","CaslonOpnface BT","Castellar","Centaur","Cezanne","CG Omega","CG Times","Chalkboard","Chalkboard SE","Chalkduster","Charlesworth","Charter Bd BT","Charter BT","Chaucer","ChelthmITC Bk BT","Chiller","Clarendon","Clarendon Condensed","CloisterBlack BT","Cochin","Colonna MT","Constantia","Cooper Black","Copperplate","Copperplate Gothic","Copperplate Gothic Bold","Copperplate Gothic Light","CopperplGoth Bd BT","Corbel","Cordia New","CordiaUPC","Cornerstone","Coronet","Cuckoo","Curlz MT","DaunPenh","Dauphin","David","DB LCD Temp","DELICIOUS","Denmark","DFKai-SB","Didot","DilleniaUPC","DIN","DokChampa","Dotum","DotumChe","Ebrima","Edwardian Script ITC","Elephant","English 111 Vivace BT","Engravers MT","EngraversGothic BT","Eras Bold ITC","Eras Demi ITC","Eras Light ITC","Eras Medium ITC","EucrosiaUPC","Euphemia","Euphemia UCAS","EUROSTILE","Exotc350 Bd BT","FangSong","Felix Titling","Fixedsys","FONTIN","Footlight MT Light","Forte","FrankRuehl","Fransiscan","Freefrm721 Blk BT","FreesiaUPC","Freestyle Script","French Script MT","FrnkGothITC Bk BT","Fruitger","FRUTIGER","Futura","Futura Bk BT","Futura Lt BT","Futura Md BT","Futura ZBlk BT","FuturaBlack BT","Gabriola","Galliard BT","Gautami","Geeza Pro","Geometr231 BT","Geometr231 Hv BT","Geometr231 Lt BT","GeoSlab 703 Lt BT","GeoSlab 703 XBd BT","Gigi","Gill Sans","Gill Sans MT","Gill Sans MT Condensed","Gill Sans MT Ext Condensed Bold","Gill Sans Ultra Bold","Gill Sans Ultra Bold Condensed","Gisha","Gloucester MT Extra Condensed","GOTHAM","GOTHAM BOLD","Goudy Old Style","Goudy Stout","GoudyHandtooled BT","GoudyOLSt BT","Gujarati Sangam MN","Gulim","GulimChe","Gungsuh","GungsuhChe","Gurmukhi MN","Haettenschweiler","Harlow Solid Italic","Harrington","Heather","Heiti SC","Heiti TC","HELV","Herald","High Tower Text","Hiragino Kaku Gothic ProN","Hiragino Mincho ProN","Hoefler Text","Humanst 521 Cn BT","Humanst521 BT","Humanst521 Lt BT","Imprint MT Shadow","Incised901 Bd BT","Incised901 BT","Incised901 Lt BT","INCONSOLATA","Informal Roman","Informal011 BT","INTERSTATE","IrisUPC","Iskoola Pota","JasmineUPC","Jazz LET","Jenson","Jester","Jokerman","Juice ITC","Kabel Bk BT","Kabel Ult BT","Kailasa","KaiTi","Kalinga","Kannada Sangam MN","Kartika","Kaufmann Bd BT","Kaufmann BT","Khmer UI","KodchiangUPC","Kokila","Korinna BT","Kristen ITC","Krungthep","Kunstler Script","Lao UI","Latha","Leelawadee","Letter Gothic","Levenim MT","LilyUPC","Lithograph","Lithograph Light","Long Island","Lydian BT","Magneto","Maiandra GD","Malayalam Sangam MN","Malgun Gothic","Mangal","Marigold","Marion","Marker Felt","Market","Marlett","Matisse ITC","Matura MT Script Capitals","Meiryo","Meiryo UI","Microsoft Himalaya","Microsoft JhengHei","Microsoft New Tai Lue","Microsoft PhagsPa","Microsoft Tai Le","Microsoft Uighur","Microsoft YaHei","Microsoft Yi Baiti","MingLiU","MingLiU_HKSCS","MingLiU_HKSCS-ExtB","MingLiU-ExtB","Minion","Minion Pro","Miriam","Miriam Fixed","Mistral","Modern","Modern No. 20","Mona Lisa Solid ITC TT","Mongolian Baiti","MONO","MoolBoran","Mrs Eaves","MS LineDraw","MS Mincho","MS PMincho","MS Reference Specialty","MS UI Gothic","MT Extra","MUSEO","MV Boli","Nadeem","Narkisim","NEVIS","News Gothic","News GothicMT","NewsGoth BT","Niagara Engraved","Niagara Solid","Noteworthy","NSimSun","Nyala","OCR A Extended","Old Century","Old English Text MT","Onyx","Onyx BT","OPTIMA","Oriya Sangam MN","OSAKA","OzHandicraft BT","Palace Script MT","Papyrus","Parchment","Party LET","Pegasus","Perpetua","Perpetua Titling MT","PetitaBold","Pickwick","Plantagenet Cherokee","Playbill","PMingLiU","PMingLiU-ExtB","Poor Richard","Poster","PosterBodoni BT","PRINCETOWN LET","Pristina","PTBarnum BT","Pythagoras","Raavi","Rage Italic","Ravie","Ribbon131 Bd BT","Rockwell","Rockwell Condensed","Rockwell Extra Bold","Rod","Roman","Sakkal Majalla","Santa Fe LET","Savoye LET","Sceptre","Script","Script MT Bold","SCRIPTINA","Serifa","Serifa BT","Serifa Th BT","ShelleyVolante </w:t>
            </w:r>
            <w:r>
              <w:lastRenderedPageBreak/>
              <w:t xml:space="preserve">BT","Sherwood","Shonar Bangla","Showcard Gothic","Shruti","Signboard","SILKSCREEN","SimHei","Simplified Arabic","Simplified Arabic Fixed","SimSun","SimSun-ExtB","Sinhala Sangam MN","Sketch Rockwell","Skia","Small Fonts","Snap ITC","Snell Roundhand","Socket","Souvenir Lt BT","Staccato222 BT","Steamer","Stencil","Storybook","Styllo","Subway","Swis721 BlkEx BT","Swiss911 XCm BT","Sylfaen","Synchro LET","System","Tamil Sangam MN","Technical","Teletype","Telugu Sangam MN","Tempus Sans ITC","Terminal","Thonburi","Traditional Arabic","Trajan","TRAJAN PRO","Tristan","Tubular","Tunga","Tw Cen MT","Tw Cen MT Condensed","Tw Cen MT Condensed Extra Bold","TypoUpright BT","Unicorn","Univers","Univers CE 55 Medium","Univers Condensed","Utsaah","Vagabond","Vani","Vijaya","Viner Hand ITC","VisualUI","Vivaldi","Vladimir Script","Vrinda","Westminster","WHITNEY","Wide Latin","ZapfEllipt BT","ZapfHumnst BT","ZapfHumnst Dm BT","Zapfino","Zurich BlkEx BT","Zurich Ex BT","ZWAdobeF"]));d=(d=d.concat(t.fonts.userDefinedFonts)).filter(function(e,t){return d.indexOf(e)===t});var n=document.getElementsByTagName("body")[0],r=document.createElement("div"),g=document.createElement("div"),a={},i={},f=function(){var e=document.createElement("span");return e.style.position="absolute",e.style.left="-9999px",e.style.fontSize="72px",e.style.fontStyle="normal",e.style.fontWeight="normal",e.style.letterSpacing="normal",e.style.lineBreak="auto",e.style.lineHeight="normal",e.style.textTransform="none",e.style.textAlign="left",e.style.textDecoration="none",e.style.textShadow="none",e.style.whiteSpace="normal",e.style.wordBreak="normal",e.style.wordSpacing="normal",e.innerHTML="mmmmmmmmmmlli",e},o=function(e){for(var t=!1,n=0;n&lt;u.length;n++)if(t=e[n].offsetWidth!==a[u[n]]||e[n].offsetHeight!==i[u[n]])return t;return t},l=function(){for(var e=[],t=0,n=u.length;t&lt;n;t++){var a=f();a.style.fontFamily=u[t],r.appendChild(a),e.push(a)}return e}();n.appendChild(r);for(var s=0,c=u.length;s&lt;c;s++)a[u[s]]=l[s].offsetWidth,i[u[s]]=l[s].offsetHeight;var h=function(){for(var e,t,n,a={},r=0,i=d.length;r&lt;i;r++){for(var o=[],l=0,s=u.length;l&lt;s;l++){var c=(e=d[r],t=u[l],n=void 0,(n=f()).style.fontFamily="'"+e+"',"+t,n);g.appendChild(c),o.push(c)}a[d[r]]=o}return a}();n.appendChild(g);for(var m=[],T=0,p=d.length;T&lt;p;T++)o(h[d[T]])&amp;&amp;m.push(d[T]);n.removeChild(g),n.removeChild(r),e(m)},pauseBefore:!0},{key:"fontsFlash",getData:function(t,e){return D()?N()?e.fonts.swfPath?void _(function(e){t(e)},e):t("missing options.fonts.swfPath"):t("flash not installed"):t("swf object not loaded")},pauseBefore:!0},{key:"audio",getData:function(n,e){var t=e.audio;if(t.excludeIOS11&amp;&amp;navigator.userAgent.match(/OS 11.+Version\/11.+Safari/))return n(e.EXCLUDED);var a=window.OfflineAudioContext||window.webkitOfflineAudioContext;if(null==a)return n(e.NOT_AVAILABLE);var r=new a(1,44100,44100),i=r.createOscillator();i.type="triangle",i.frequency.setValueAtTime(1e4,r.currentTime);var o=r.createDynamicsCompressor();c([["threshold",-50],["knee",40],["ratio",12],["reduction",-20],["attack",0],["release",.25]],function(e){void 0!==o[e[0]]&amp;&amp;"function"==typeof o[e[0]].setValueAtTime&amp;&amp;o[e[0]].setValueAtTime(e[1],r.currentTime)}),i.connect(o),o.connect(r.destination),i.start(0),r.startRendering();var l=setTimeout(function(){return console.warn('Audio fingerprint timed out. Please report bug at https://github.com/Valve/fingerprintjs2 with your user agent: "'+navigator.userAgent+'".'),r.oncomplete=function(){},r=null,n("audioTimeout")},t.timeout);r.oncomplete=function(e){var t;try{clearTimeout(l),t=e.renderedBuffer.getChannelData(0).slice(4500,5e3).reduce(function(e,t){return e+Math.abs(t)},0).toString(),i.disconnect(),o.disconnect()}catch(e){return void n(e)}n(t)}}},{key:"enumerateDevices",getData:function(t,e){if(!n())return </w:t>
            </w:r>
            <w:r>
              <w:lastRenderedPageBreak/>
              <w:t>t(e.NOT_AVAILABLE);navigator.mediaDevices.enumerateDevices().then(function(e){t(e.map(function(e){return"id="+e.deviceId+";gid="+e.groupId+";"+e.kind+";"+e.label}))}).catch(function(e){t(e)})}}],U=function(e){throw new Error("'new Fingerprint()' is deprecated, see https://github.com/Valve/fingerprintjs2#upgrade-guide-from-182-to-200")};return U.get=function(n,a){a?n||(n={}):(a=n,n={}),function(e,t){if(null==t)return;var n,a;for(a in t)null==(n=t[a])||Object.prototype.hasOwnProperty.call(e,a)||(e[a]=n)}(n,e),n.components=n.extraComponents.concat(G);var r={data:[],addPreprocessedComponent:function(e,t){"function"==typeof n.preprocessor&amp;&amp;(t=n.preprocessor(e,t)),r.data.push({key:e,value:t})}},i=-1,o=function(e){if((i+=1)&gt;=n.components.length)a(r.data);else{var t=n.components[i];if(n.excludes[t.key])o(!1);else{if(!e&amp;&amp;t.pauseBefore)return i-=1,void setTimeout(function(){o(!0)},1);try{t.getData(function(e){r.addPreprocessedComponent(t.key,e),o(!1)},n)}catch(e){r.addPreprocessedComponent(t.key,String(e)),o(!1)}}}};o(!1)},U.getPromise=function(n){return new Promise(function(e,t){U.get(n,e)})},U.getV18=function(i,o){return null==o&amp;&amp;(o=i,i={}),U.get(i,function(e){for(var t=[],n=0;n&lt;e.length;n++){var a=e[n];if(a.value===(i.NOT_AVAILABLE||"not available"))t.push({key:a.key,value:"unknown"});else if("plugins"===a.key)t.push({key:"plugins",value:s(a.value,function(e){var t=s(e[2],function(e){return e.join?e.join("~"):e}).join(",");return[e[0],e[1],t].join("::")})});else if(-1!==["canvas","webgl"].indexOf(a.key))t.push({key:a.key,value:a.value.join("~")});else if(-1!==["sessionStorage","localStorage","indexedDb","addBehavior","openDatabase"].indexOf(a.key)){if(!a.value)continue;t.push({key:a.key,value:1})}else a.value?t.push(a.value.join?{key:a.key,value:a.value.join(";")}:a):t.push({key:a.key,value:a.value})}var r=l(s(t,function(e){return e.value}).join("~~~"),31);o(r,t)})},U.x64hash128=l,U.VERSION="2.0.0",U});</w:t>
            </w:r>
          </w:p>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intTellnput.js</w:t>
            </w:r>
          </w:p>
        </w:tc>
      </w:tr>
      <w:tr w:rsidR="0048012D" w:rsidTr="0048012D">
        <w:tc>
          <w:tcPr>
            <w:tcW w:w="9576" w:type="dxa"/>
          </w:tcPr>
          <w:p w:rsidR="00156FB3" w:rsidRDefault="00156FB3" w:rsidP="00156FB3">
            <w:r>
              <w:t>/*</w:t>
            </w:r>
          </w:p>
          <w:p w:rsidR="00156FB3" w:rsidRDefault="00156FB3" w:rsidP="00156FB3">
            <w:r>
              <w:t xml:space="preserve"> * International Telephone Input v16.0.0</w:t>
            </w:r>
          </w:p>
          <w:p w:rsidR="00156FB3" w:rsidRDefault="00156FB3" w:rsidP="00156FB3">
            <w:r>
              <w:t xml:space="preserve"> * https://github.com/jackocnr/intl-tel-input.git</w:t>
            </w:r>
          </w:p>
          <w:p w:rsidR="00156FB3" w:rsidRDefault="00156FB3" w:rsidP="00156FB3">
            <w:r>
              <w:t xml:space="preserve"> * Licensed under the MIT license</w:t>
            </w:r>
          </w:p>
          <w:p w:rsidR="00156FB3" w:rsidRDefault="00156FB3" w:rsidP="00156FB3">
            <w:r>
              <w:t xml:space="preserve"> */</w:t>
            </w:r>
          </w:p>
          <w:p w:rsidR="00156FB3" w:rsidRDefault="00156FB3" w:rsidP="00156FB3"/>
          <w:p w:rsidR="00156FB3" w:rsidRDefault="00156FB3" w:rsidP="00156FB3">
            <w:r>
              <w:t>// wrap in UMD</w:t>
            </w:r>
          </w:p>
          <w:p w:rsidR="00156FB3" w:rsidRDefault="00156FB3" w:rsidP="00156FB3">
            <w:r>
              <w:t>(function(factory) {</w:t>
            </w:r>
          </w:p>
          <w:p w:rsidR="00156FB3" w:rsidRDefault="00156FB3" w:rsidP="00156FB3">
            <w:r>
              <w:t xml:space="preserve">    var intlTelInput = factory(window, document);</w:t>
            </w:r>
          </w:p>
          <w:p w:rsidR="00156FB3" w:rsidRDefault="00156FB3" w:rsidP="00156FB3">
            <w:r>
              <w:t xml:space="preserve">    if (typeof module === "object" &amp;&amp; module.exports) module.exports = intlTelInput; else window.intlTelInput = intlTelInput;</w:t>
            </w:r>
          </w:p>
          <w:p w:rsidR="00156FB3" w:rsidRDefault="00156FB3" w:rsidP="00156FB3">
            <w:r>
              <w:t>})(function(window, document, undefined) {</w:t>
            </w:r>
          </w:p>
          <w:p w:rsidR="00156FB3" w:rsidRDefault="00156FB3" w:rsidP="00156FB3">
            <w:r>
              <w:t xml:space="preserve">    "use strict";</w:t>
            </w:r>
          </w:p>
          <w:p w:rsidR="00156FB3" w:rsidRDefault="00156FB3" w:rsidP="00156FB3">
            <w:r>
              <w:t xml:space="preserve">    return function() {</w:t>
            </w:r>
          </w:p>
          <w:p w:rsidR="00156FB3" w:rsidRDefault="00156FB3" w:rsidP="00156FB3">
            <w:r>
              <w:t xml:space="preserve">        // Array of country objects for the flag dropdown.</w:t>
            </w:r>
          </w:p>
          <w:p w:rsidR="00156FB3" w:rsidRDefault="00156FB3" w:rsidP="00156FB3">
            <w:r>
              <w:t xml:space="preserve">        // Here is the criteria for the plugin to support a given country/territory</w:t>
            </w:r>
          </w:p>
          <w:p w:rsidR="00156FB3" w:rsidRDefault="00156FB3" w:rsidP="00156FB3">
            <w:r>
              <w:t xml:space="preserve">        // - It has an iso2 code: https://en.wikipedia.org/wiki/ISO_3166-1_alpha-2</w:t>
            </w:r>
          </w:p>
          <w:p w:rsidR="00156FB3" w:rsidRDefault="00156FB3" w:rsidP="00156FB3">
            <w:r>
              <w:t xml:space="preserve">        // - It has it's own country calling code (it is not a sub-region of another country): https://en.wikipedia.org/wiki/List_of_country_calling_codes</w:t>
            </w:r>
          </w:p>
          <w:p w:rsidR="00156FB3" w:rsidRDefault="00156FB3" w:rsidP="00156FB3">
            <w:r>
              <w:t xml:space="preserve">        // - It has a flag in the region-flags project: https://github.com/behdad/region-flags/tree/gh-</w:t>
            </w:r>
            <w:r>
              <w:lastRenderedPageBreak/>
              <w:t>pages/png</w:t>
            </w:r>
          </w:p>
          <w:p w:rsidR="00156FB3" w:rsidRDefault="00156FB3" w:rsidP="00156FB3">
            <w:r>
              <w:t xml:space="preserve">        // - It is supported by libphonenumber (it must be listed on this page): https://github.com/googlei18n/libphonenumber/blob/master/resources/ShortNumberMetadata.xml</w:t>
            </w:r>
          </w:p>
          <w:p w:rsidR="00156FB3" w:rsidRDefault="00156FB3" w:rsidP="00156FB3">
            <w:r>
              <w:t xml:space="preserve">        // Each country array has the following information:</w:t>
            </w:r>
          </w:p>
          <w:p w:rsidR="00156FB3" w:rsidRDefault="00156FB3" w:rsidP="00156FB3">
            <w:r>
              <w:t xml:space="preserve">        // [</w:t>
            </w:r>
          </w:p>
          <w:p w:rsidR="00156FB3" w:rsidRDefault="00156FB3" w:rsidP="00156FB3">
            <w:r>
              <w:t xml:space="preserve">        //    Country name,</w:t>
            </w:r>
          </w:p>
          <w:p w:rsidR="00156FB3" w:rsidRDefault="00156FB3" w:rsidP="00156FB3">
            <w:r>
              <w:t xml:space="preserve">        //    iso2 code,</w:t>
            </w:r>
          </w:p>
          <w:p w:rsidR="00156FB3" w:rsidRDefault="00156FB3" w:rsidP="00156FB3">
            <w:r>
              <w:t xml:space="preserve">        //    International dial code,</w:t>
            </w:r>
          </w:p>
          <w:p w:rsidR="00156FB3" w:rsidRDefault="00156FB3" w:rsidP="00156FB3">
            <w:r>
              <w:t xml:space="preserve">        //    Order (if &gt;1 country with same dial code),</w:t>
            </w:r>
          </w:p>
          <w:p w:rsidR="00156FB3" w:rsidRDefault="00156FB3" w:rsidP="00156FB3">
            <w:r>
              <w:t xml:space="preserve">        //    Area codes</w:t>
            </w:r>
          </w:p>
          <w:p w:rsidR="00156FB3" w:rsidRDefault="00156FB3" w:rsidP="00156FB3">
            <w:r>
              <w:t xml:space="preserve">        // ]</w:t>
            </w:r>
          </w:p>
          <w:p w:rsidR="00156FB3" w:rsidRDefault="00156FB3" w:rsidP="00156FB3">
            <w:r>
              <w:t xml:space="preserve">        var allCountries = [ [ "Afghanistan (</w:t>
            </w:r>
            <w:dir w:val="rtl">
              <w:r>
                <w:t>افغانستان</w:t>
              </w:r>
              <w:r>
                <w:t>‬‎)", "af", "93" ], [ "Albania (Shqipëri)", "al", "355" ], [ "Algeria (</w:t>
              </w:r>
              <w:dir w:val="rtl">
                <w:r>
                  <w:t>الجزائر</w:t>
                </w:r>
                <w:r>
                  <w:t>‬‎)", "dz", "213" ], [ "American Samoa", "as", "1", 5, [ "684" ] ], [ "Andorra", "ad", "376" ], [ "Angola", "ao", "244" ], [ "Anguilla", "ai", "1", 6, [ "264" ] ], [ "Antigua and Barbuda", "ag", "1", 7, [ "268" ] ], [ "Argentina", "ar", "54" ], [ "Armenia (Հայաստան)", "am", "374" ], [ "Aruba", "aw", "297" ], [ "Australia", "au", "61", 0 ], [ "Austria (Österreich)", "at", "43" ], [ "Azerbaijan (Azərbaycan)", "az", "994" ], [ "Bahamas", "bs", "1", 8, [ "242" ] ], [ "Bahrain (</w:t>
                </w:r>
                <w:dir w:val="rtl">
                  <w:r>
                    <w:t>البحرين</w:t>
                  </w:r>
                  <w:r>
                    <w:t>‬‎)", "bh", "973" ], [ "Bangladesh (</w:t>
                  </w:r>
                  <w:r>
                    <w:rPr>
                      <w:rFonts w:ascii="Nirmala UI" w:hAnsi="Nirmala UI" w:cs="Nirmala UI"/>
                    </w:rPr>
                    <w:t>বাংলাদেশ</w:t>
                  </w:r>
                  <w:r>
                    <w:t>)", "bd", "880" ], [ "Barbados", "bb", "1", 9, [ "246" ] ], [ "Belarus (Беларусь)", "by", "375" ], [ "Belgium (België)", "be", "32" ], [ "Belize", "bz", "501" ], [ "Benin (Bénin)", "bj", "229" ], [ "Bermuda", "bm", "1", 10, [ "441" ] ], [ "Bhutan (</w:t>
                  </w:r>
                  <w:r>
                    <w:rPr>
                      <w:rFonts w:ascii="Microsoft Himalaya" w:hAnsi="Microsoft Himalaya" w:cs="Microsoft Himalaya"/>
                    </w:rPr>
                    <w:t>འབྲུག</w:t>
                  </w:r>
                  <w:r>
                    <w:t>)", "bt", "975" ], [ "Bolivia", "bo", "591" ], [ "Bosnia and Herzegovina (Босна и Херцеговина)", "ba", "387" ], [ "Botswana", "bw", "267" ], [ "Brazil (Brasil)", "br", "55" ], [ "British Indian Ocean Territory", "io", "246" ], [ "British Virgin Islands", "vg", "1", 11, [ "284" ] ], [ "Brunei", "bn", "673" ], [ "Bulgaria (България)", "bg", "359" ], [ "Burkina Faso", "bf", "226" ], [ "Burundi (Uburundi)", "bi", "257" ], [ "Cambodia (</w:t>
                  </w:r>
                  <w:r>
                    <w:rPr>
                      <w:rFonts w:ascii="Leelawadee UI" w:hAnsi="Leelawadee UI" w:cs="Leelawadee UI"/>
                    </w:rPr>
                    <w:t>កម្ពុជា</w:t>
                  </w:r>
                  <w:r>
                    <w:t>)", "kh", "855" ], [ "Cameroon (Cameroun)", "cm", "237" ], [ "Canada", "ca", "1", 1, [ "204", "226", "236", "249", "250", "289", "306", "343", "365", "387", "403", "416", "418", "431", "437", "438", "450", "506", "514", "519", "548", "579", "581", "587", "604", "613", "639", "647", "672", "705", "709", "742", "778", "780", "782", "807", "819", "825", "867", "873", "902", "905" ] ], [ "Cape Verde (Kabu Verdi)", "cv", "238" ], [ "Caribbean Netherlands", "bq", "599", 1, [ "3", "4", "7" ] ], [ "Cayman Islands", "ky", "1", 12, [ "345" ] ], [ "Central African Republic (République centrafricaine)", "cf", "236" ], [ "Chad (Tchad)", "td", "235" ], [ "Chile", "cl", "56" ], [ "China (</w:t>
                  </w:r>
                  <w:r>
                    <w:rPr>
                      <w:rFonts w:ascii="MS Gothic" w:eastAsia="MS Gothic" w:hAnsi="MS Gothic" w:cs="MS Gothic" w:hint="eastAsia"/>
                    </w:rPr>
                    <w:t>中国</w:t>
                  </w:r>
                  <w:r>
                    <w:t>)", "cn", "86" ], [ "Christmas Island", "cx", "61", 2 ], [ "Cocos (Keeling) Islands", "cc", "61", 1 ], [ "Colombia", "co", "57" ], [ "Comoros (</w:t>
                  </w:r>
                  <w:dir w:val="rtl">
                    <w:r>
                      <w:t>جزر القمر</w:t>
                    </w:r>
                    <w:r>
                      <w:t>‬‎)", "km", "269" ], [ "Congo (DRC) (Jamhuri ya Kidemokrasia ya Kongo)", "cd", "243" ], [ "Congo (Republic) (Congo-Brazzaville)", "cg", "242" ], [ "Cook Islands", "ck", "682" ], [ "Costa Rica", "cr", "506" ], [ "Côte d’Ivoire", "ci", "225" ], [ "Croatia (Hrvatska)", "hr", "385" ], [ "Cuba", "cu", "53" ], [ "Curaçao", "cw", "599", 0 ], [ "Cyprus (Κύπρος)", "cy", "357" ], [ "Czech Republic (Česká republika)", "cz", "420" ], [ "Denmark (Danmark)", "dk", "45" ], [ "Djibouti", "dj", "253" ], [ "Dominica", "dm", "1", 13, [ "767" ] ], [ "Dominican Republic (República Dominicana)", "do", "1", 2, [ "809", "829", "849" ] ], [ "Ecuador", "ec", "593" ], [ "Egypt (</w:t>
                    </w:r>
                    <w:dir w:val="rtl">
                      <w:r>
                        <w:t>مصر</w:t>
                      </w:r>
                      <w:r>
                        <w:t xml:space="preserve">‬‎)", "eg", "20" ], [ "El Salvador", "sv", "503" ], [ "Equatorial Guinea (Guinea Ecuatorial)", "gq", "240" ], [ "Eritrea", "er", "291" ], [ "Estonia (Eesti)", "ee", "372" ], [ "Ethiopia", "et", "251" ], [ "Falkland Islands (Islas Malvinas)", "fk", "500" ], [ "Faroe Islands (Føroyar)", "fo", "298" ], [ "Fiji", "fj", "679" ], [ "Finland (Suomi)", "fi", "358", 0 ], [ "France", "fr", "33" ], [ "French Guiana (Guyane française)", "gf", "594" ], [ "French Polynesia (Polynésie française)", "pf", "689" ], [ "Gabon", "ga", "241" ], [ "Gambia", "gm", "220" ], [ "Georgia (საქართველო)", "ge", "995" ], [ "Germany (Deutschland)", "de", "49" ], [ "Ghana (Gaana)", "gh", "233" ], [ "Gibraltar", "gi", "350" ], [ "Greece (Ελλάδα)", "gr", "30" ], [ "Greenland (Kalaallit Nunaat)", "gl", "299" ], [ "Grenada", "gd", "1", 14, [ "473" ] ], [ "Guadeloupe", "gp", "590", 0 ], [ "Guam", "gu", "1", 15, [ "671" ] ], [ "Guatemala", "gt", "502" ], [ "Guernsey", "gg", "44", 1, [ "1481", "7781", "7839", "7911" ] ], [ "Guinea (Guinée)", "gn", "224" ], [ "Guinea-Bissau (Guiné Bissau)", </w:t>
                      </w:r>
                      <w:r>
                        <w:lastRenderedPageBreak/>
                        <w:t>"gw", "245" ], [ "Guyana", "gy", "592" ], [ "Haiti", "ht", "509" ], [ "Honduras", "hn", "504" ], [ "Hong Kong (</w:t>
                      </w:r>
                      <w:r>
                        <w:rPr>
                          <w:rFonts w:ascii="MS Gothic" w:eastAsia="MS Gothic" w:hAnsi="MS Gothic" w:cs="MS Gothic" w:hint="eastAsia"/>
                        </w:rPr>
                        <w:t>香港</w:t>
                      </w:r>
                      <w:r>
                        <w:t>)", "hk", "852" ], [ "Hungary (Magyarország)", "hu", "36" ], [ "Iceland (Ísland)", "is", "354" ], [ "India (</w:t>
                      </w:r>
                      <w:r>
                        <w:rPr>
                          <w:rFonts w:ascii="Nirmala UI" w:hAnsi="Nirmala UI" w:cs="Nirmala UI"/>
                        </w:rPr>
                        <w:t>भारत</w:t>
                      </w:r>
                      <w:r>
                        <w:t>)", "in", "91" ], [ "Indonesia", "id", "62" ], [ "Iran (</w:t>
                      </w:r>
                      <w:dir w:val="rtl">
                        <w:r>
                          <w:t>ا</w:t>
                        </w:r>
                        <w:r>
                          <w:rPr>
                            <w:rFonts w:hint="cs"/>
                          </w:rPr>
                          <w:t>ی</w:t>
                        </w:r>
                        <w:r>
                          <w:rPr>
                            <w:rFonts w:hint="eastAsia"/>
                          </w:rPr>
                          <w:t>ران</w:t>
                        </w:r>
                        <w:r>
                          <w:rPr>
                            <w:rFonts w:hint="eastAsia"/>
                          </w:rPr>
                          <w:t>‬‎</w:t>
                        </w:r>
                        <w:r>
                          <w:t>)", "ir", "98" ], [ "Iraq (</w:t>
                        </w:r>
                        <w:dir w:val="rtl">
                          <w:r>
                            <w:t>العراق</w:t>
                          </w:r>
                          <w:r>
                            <w:t>‬‎)", "iq", "964" ], [ "Ireland", "ie", "353" ], [ "Isle of Man", "im", "44", 2, [ "1624", "74576", "7524", "7924", "7624" ] ], [ "Israel (</w:t>
                          </w:r>
                          <w:dir w:val="rtl">
                            <w:r>
                              <w:t>ישראל</w:t>
                            </w:r>
                            <w:r>
                              <w:t>‬‎)", "il", "972" ], [ "Italy (Italia)", "it", "39", 0 ], [ "Jamaica", "jm", "1", 4, [ "876", "658" ] ], [ "Japan (</w:t>
                            </w:r>
                            <w:r>
                              <w:rPr>
                                <w:rFonts w:ascii="MS Gothic" w:eastAsia="MS Gothic" w:hAnsi="MS Gothic" w:cs="MS Gothic" w:hint="eastAsia"/>
                              </w:rPr>
                              <w:t>日本</w:t>
                            </w:r>
                            <w:r>
                              <w:t>)", "jp", "81" ], [ "Jersey", "je", "44", 3, [ "1534", "7509", "7700", "7797", "7829", "7937" ] ], [ "Jordan (</w:t>
                            </w:r>
                            <w:dir w:val="rtl">
                              <w:r>
                                <w:t>الأردن</w:t>
                              </w:r>
                              <w:r>
                                <w:t>‬‎)", "jo", "962" ], [ "Kazakhstan (Казахстан)", "kz", "7", 1, [ "33", "7" ] ], [ "Kenya", "ke", "254" ], [ "Kiribati", "ki", "686" ], [ "Kosovo", "xk", "383" ], [ "Kuwait (</w:t>
                              </w:r>
                              <w:dir w:val="rtl">
                                <w:r>
                                  <w:t>الكويت</w:t>
                                </w:r>
                                <w:r>
                                  <w:t>‬‎)", "kw", "965" ], [ "Kyrgyzstan (Кыргызстан)", "kg", "996" ], [ "Laos (</w:t>
                                </w:r>
                                <w:r>
                                  <w:rPr>
                                    <w:rFonts w:ascii="Leelawadee UI" w:hAnsi="Leelawadee UI" w:cs="Leelawadee UI"/>
                                  </w:rPr>
                                  <w:t>ລາວ</w:t>
                                </w:r>
                                <w:r>
                                  <w:t>)", "la", "856" ], [ "Latvia (Latvija)", "lv", "371" ], [ "Lebanon (</w:t>
                                </w:r>
                                <w:dir w:val="rtl">
                                  <w:r>
                                    <w:t>لبنان</w:t>
                                  </w:r>
                                  <w:r>
                                    <w:t>‬‎)", "lb", "961" ], [ "Lesotho", "ls", "266" ], [ "Liberia", "lr", "231" ], [ "Libya (</w:t>
                                  </w:r>
                                  <w:dir w:val="rtl">
                                    <w:r>
                                      <w:t>ليبيا</w:t>
                                    </w:r>
                                    <w:r>
                                      <w:t>‬‎)", "ly", "218" ], [ "Liechtenstein", "li", "423" ], [ "Lithuania (Lietuva)", "lt", "370" ], [ "Luxembourg", "lu", "352" ], [ "Macau (</w:t>
                                    </w:r>
                                    <w:r>
                                      <w:rPr>
                                        <w:rFonts w:ascii="MS Gothic" w:eastAsia="MS Gothic" w:hAnsi="MS Gothic" w:cs="MS Gothic" w:hint="eastAsia"/>
                                      </w:rPr>
                                      <w:t>澳門</w:t>
                                    </w:r>
                                    <w:r>
                                      <w:t>)", "mo", "853" ], [ "Macedonia (FYROM) (Македонија)", "mk", "389" ], [ "Madagascar (Madagasikara)", "mg", "261" ], [ "Malawi", "mw", "265" ], [ "Malaysia", "my", "60" ], [ "Maldives", "mv", "960" ], [ "Mali", "ml", "223" ], [ "Malta", "mt", "356" ], [ "Marshall Islands", "mh", "692" ], [ "Martinique", "mq", "596" ], [ "Mauritania (</w:t>
                                    </w:r>
                                    <w:dir w:val="rtl">
                                      <w:r>
                                        <w:t>موريتانيا</w:t>
                                      </w:r>
                                      <w:r>
                                        <w:t>‬‎)", "mr", "222" ], [ "Mauritius (Moris)", "mu", "230" ], [ "Mayotte", "yt", "262", 1, [ "269", "639" ] ], [ "Mexico (México)", "mx", "52" ], [ "Micronesia", "fm", "691" ], [ "Moldova (Republica Moldova)", "md", "373" ], [ "Monaco", "mc", "377" ], [ "Mongolia (Монгол)", "mn", "976" ], [ "Montenegro (Crna Gora)", "me", "382" ], [ "Montserrat", "ms", "1", 16, [ "664" ] ], [ "Morocco (</w:t>
                                      </w:r>
                                      <w:dir w:val="rtl">
                                        <w:r>
                                          <w:t>المغرب</w:t>
                                        </w:r>
                                        <w:r>
                                          <w:t>‬‎)", "ma", "212", 0 ], [ "Mozambique (Moçambique)", "mz", "258" ], [ "Myanmar (Burma) (</w:t>
                                        </w:r>
                                        <w:r>
                                          <w:rPr>
                                            <w:rFonts w:ascii="Calibri" w:hAnsi="Calibri" w:cs="Calibri"/>
                                          </w:rPr>
                                          <w:t>မြန်မာ</w:t>
                                        </w:r>
                                        <w:r>
                                          <w:t>)", "mm", "95" ], [ "Namibia (Namibië)", "na", "264" ], [ "Nauru", "nr", "674" ], [ "Nepal (</w:t>
                                        </w:r>
                                        <w:r>
                                          <w:rPr>
                                            <w:rFonts w:ascii="Nirmala UI" w:hAnsi="Nirmala UI" w:cs="Nirmala UI"/>
                                          </w:rPr>
                                          <w:t>नेपाल</w:t>
                                        </w:r>
                                        <w:r>
                                          <w:t>)", "np", "977" ], [ "Netherlands (Nederland)", "nl", "31" ], [ "New Caledonia (Nouvelle-Calédonie)", "nc", "687" ], [ "New Zealand", "nz", "64" ], [ "Nicaragua", "ni", "505" ], [ "Niger (Nijar)", "ne", "227" ], [ "Nigeria", "ng", "234" ], [ "Niue", "nu", "683" ], [ "Norfolk Island", "nf", "672" ], [ "North Korea (</w:t>
                                        </w:r>
                                        <w:r>
                                          <w:rPr>
                                            <w:rFonts w:ascii="Malgun Gothic" w:hAnsi="Malgun Gothic" w:cs="Malgun Gothic"/>
                                          </w:rPr>
                                          <w:t>조선</w:t>
                                        </w:r>
                                        <w:r>
                                          <w:t xml:space="preserve"> </w:t>
                                        </w:r>
                                        <w:r>
                                          <w:rPr>
                                            <w:rFonts w:ascii="Malgun Gothic" w:hAnsi="Malgun Gothic" w:cs="Malgun Gothic"/>
                                          </w:rPr>
                                          <w:t>민주주의</w:t>
                                        </w:r>
                                        <w:r>
                                          <w:t xml:space="preserve"> </w:t>
                                        </w:r>
                                        <w:r>
                                          <w:rPr>
                                            <w:rFonts w:ascii="Malgun Gothic" w:hAnsi="Malgun Gothic" w:cs="Malgun Gothic"/>
                                          </w:rPr>
                                          <w:t>인민</w:t>
                                        </w:r>
                                        <w:r>
                                          <w:t xml:space="preserve"> </w:t>
                                        </w:r>
                                        <w:r>
                                          <w:rPr>
                                            <w:rFonts w:ascii="Malgun Gothic" w:hAnsi="Malgun Gothic" w:cs="Malgun Gothic"/>
                                          </w:rPr>
                                          <w:t>공화국</w:t>
                                        </w:r>
                                        <w:r>
                                          <w:t>)", "kp", "850" ], [ "Northern Mariana Islands", "mp", "1", 17, [ "670" ] ], [ "Norway (Norge)", "no", "47", 0 ], [ "Oman (</w:t>
                                        </w:r>
                                        <w:dir w:val="rtl">
                                          <w:r>
                                            <w:t>عُمان</w:t>
                                          </w:r>
                                          <w:r>
                                            <w:t>‬‎)", "om", "968" ], [ "Pakistan (</w:t>
                                          </w:r>
                                          <w:dir w:val="rtl">
                                            <w:r>
                                              <w:t>پاکستان</w:t>
                                            </w:r>
                                            <w:r>
                                              <w:t>‬‎)", "pk", "92" ], [ "Palau", "pw", "680" ], [ "Palestine (</w:t>
                                            </w:r>
                                            <w:dir w:val="rtl">
                                              <w:r>
                                                <w:t>فلسطين</w:t>
                                              </w:r>
                                              <w:r>
                                                <w:t>‬‎)", "ps", "970" ], [ "Panama (Panamá)", "pa", "507" ], [ "Papua New Guinea", "pg", "675" ], [ "Paraguay", "py", "595" ], [ "Peru (Perú)", "pe", "51" ], [ "Philippines", "ph", "63" ], [ "Poland (Polska)", "pl", "48" ], [ "Portugal", "pt", "351" ], [ "Puerto Rico", "pr", "1", 3, [ "787", "939" ] ], [ "Qatar (</w:t>
                                              </w:r>
                                              <w:dir w:val="rtl">
                                                <w:r>
                                                  <w:t>قطر</w:t>
                                                </w:r>
                                                <w:r>
                                                  <w:t>‬‎)", "qa", "974" ], [ "Réunion (La Réunion)", "re", "262", 0 ], [ "Romania (România)", "ro", "40" ], [ "Russia (Россия)", "ru", "7", 0 ], [ "Rwanda", "rw", "250" ], [ "Saint Barthélemy", "bl", "590", 1 ], [ "Saint Helena", "sh", "290" ], [ "Saint Kitts and Nevis", "kn", "1", 18, [ "869" ] ], [ "Saint Lucia", "lc", "1", 19, [ "758" ] ], [ "Saint Martin (Saint-Martin (partie française))", "mf", "590", 2 ], [ "Saint Pierre and Miquelon (Saint-Pierre-et-Miquelon)", "pm", "508" ], [ "Saint Vincent and the Grenadines", "vc", "1", 20, [ "784" ] ], [ "Samoa", "ws", "685" ], [ "San Marino", "sm", "378" ], [ "São Tomé and Príncipe (São Tomé e Príncipe)", "st", "239" ], [ "Saudi Arabia (</w:t>
                                                </w:r>
                                                <w:dir w:val="rtl">
                                                  <w:r>
                                                    <w:t>المملكة العربية السعودية</w:t>
                                                  </w:r>
                                                  <w:r>
                                                    <w:t>‬‎)", "sa", "966" ], [ "Senegal (Sénégal)", "sn", "221" ], [ "Serbia (Србија)", "rs", "381" ], [ "Seychelles", "sc", "248" ], [ "Sierra Leone", "sl", "232" ], [ "Singapore", "sg", "65" ], [ "Sint Maarten", "sx", "1", 21, [ "721" ] ], [ "Slovakia (Slovensko)", "sk", "421" ], [ "Slovenia (Slovenija)", "si", "386" ], [ "Solomon Islands", "sb", "677" ], [ "Somalia (Soomaaliya)", "so", "252" ], [ "South Africa", "za", "27" ], [ "South Korea (</w:t>
                                                  </w:r>
                                                  <w:r>
                                                    <w:rPr>
                                                      <w:rFonts w:ascii="Malgun Gothic" w:hAnsi="Malgun Gothic" w:cs="Malgun Gothic"/>
                                                    </w:rPr>
                                                    <w:t>대한민국</w:t>
                                                  </w:r>
                                                  <w:r>
                                                    <w:t>)", "kr", "82" ], [ "South Sudan (</w:t>
                                                  </w:r>
                                                  <w:dir w:val="rtl">
                                                    <w:r>
                                                      <w:t>ج</w:t>
                                                    </w:r>
                                                    <w:r>
                                                      <w:rPr>
                                                        <w:rFonts w:hint="eastAsia"/>
                                                      </w:rPr>
                                                      <w:t>نوب</w:t>
                                                    </w:r>
                                                    <w:r>
                                                      <w:t xml:space="preserve"> السودان</w:t>
                                                    </w:r>
                                                    <w:r>
                                                      <w:t>‬‎)", "ss", "211" ], [ "Spain (España)", "es", "34" ], [ "Sri Lanka (</w:t>
                                                    </w:r>
                                                    <w:r>
                                                      <w:rPr>
                                                        <w:rFonts w:ascii="Nirmala UI" w:hAnsi="Nirmala UI" w:cs="Nirmala UI"/>
                                                      </w:rPr>
                                                      <w:t>ශ්</w:t>
                                                    </w:r>
                                                    <w:r>
                                                      <w:rPr>
                                                        <w:rFonts w:hint="cs"/>
                                                      </w:rPr>
                                                      <w:t>‍</w:t>
                                                    </w:r>
                                                    <w:r>
                                                      <w:rPr>
                                                        <w:rFonts w:ascii="Nirmala UI" w:hAnsi="Nirmala UI" w:cs="Nirmala UI"/>
                                                      </w:rPr>
                                                      <w:t>රී</w:t>
                                                    </w:r>
                                                    <w:r>
                                                      <w:t xml:space="preserve"> </w:t>
                                                    </w:r>
                                                    <w:r>
                                                      <w:rPr>
                                                        <w:rFonts w:ascii="Nirmala UI" w:hAnsi="Nirmala UI" w:cs="Nirmala UI"/>
                                                      </w:rPr>
                                                      <w:t>ලංකාව</w:t>
                                                    </w:r>
                                                    <w:r>
                                                      <w:t>)", "lk", "94" ], [ "Sudan (</w:t>
                                                    </w:r>
                                                    <w:dir w:val="rtl">
                                                      <w:r>
                                                        <w:t>السودان</w:t>
                                                      </w:r>
                                                      <w:r>
                                                        <w:t>‬‎)", "sd", "249" ], [ "Suriname", "sr", "597" ], [ "Svalbard and Jan Mayen", "sj", "47", 1, [ "79" ] ], [ "Swaziland", "sz", "268" ], [ "Sweden (Sverige)", "se", "46" ], [ "Switzerland (Schweiz)", "ch", "41" ], [ "Syria (</w:t>
                                                      </w:r>
                                                      <w:dir w:val="rtl">
                                                        <w:r>
                                                          <w:t>سوريا</w:t>
                                                        </w:r>
                                                        <w:r>
                                                          <w:t>‬‎)", "sy", "963" ], [ "Taiwan (</w:t>
                                                        </w:r>
                                                        <w:r>
                                                          <w:rPr>
                                                            <w:rFonts w:ascii="MS Gothic" w:eastAsia="MS Gothic" w:hAnsi="MS Gothic" w:cs="MS Gothic" w:hint="eastAsia"/>
                                                          </w:rPr>
                                                          <w:t>台灣</w:t>
                                                        </w:r>
                                                        <w:r>
                                                          <w:t>)", "tw", "886" ], [ "Tajikistan", "tj", "992" ], [ "Tanzania", "tz", "255" ], [ "Thailand (</w:t>
                                                        </w:r>
                                                        <w:r>
                                                          <w:rPr>
                                                            <w:rFonts w:ascii="Tahoma" w:hAnsi="Tahoma" w:cs="Tahoma"/>
                                                          </w:rPr>
                                                          <w:t>ไทย</w:t>
                                                        </w:r>
                                                        <w:r>
                                                          <w:t>)", "th", "66" ], [ "Timor-Leste", "tl", "670" ], [ "Togo", "tg", "228" ], [ "Tokelau", "tk", "690" ], [ "Tonga", "to", "676" ], [ "Trinidad and Tobago", "tt", "1", 22, [ "868" ] ], [ "Tunisia (</w:t>
                                                        </w:r>
                                                        <w:dir w:val="rtl">
                                                          <w:r>
                                                            <w:t>تونس</w:t>
                                                          </w:r>
                                                          <w:r>
                                                            <w:t xml:space="preserve">‬‎)", "tn", "216" ], [ "Turkey (Türkiye)", "tr", "90" ], [ "Turkmenistan", "tm", "993" ], [ "Turks and Caicos Islands", "tc", "1", 23, [ "649" ] ], [ "Tuvalu", "tv", </w:t>
                                                          </w:r>
                                                          <w:r>
                                                            <w:lastRenderedPageBreak/>
                                                            <w:t>"688" ], [ "U.S. Virgin Islands", "vi", "1", 24, [ "340" ] ], [ "Uganda", "ug", "256" ], [ "Ukraine (Україна)", "ua", "380" ], [ "United Arab Emirates (</w:t>
                                                          </w:r>
                                                          <w:dir w:val="rtl">
                                                            <w:r>
                                                              <w:t>الإمارات العربية المتح</w:t>
                                                            </w:r>
                                                            <w:r>
                                                              <w:rPr>
                                                                <w:rFonts w:hint="eastAsia"/>
                                                              </w:rPr>
                                                              <w:t>دة</w:t>
                                                            </w:r>
                                                            <w:r>
                                                              <w:rPr>
                                                                <w:rFonts w:hint="eastAsia"/>
                                                              </w:rPr>
                                                              <w:t>‬‎</w:t>
                                                            </w:r>
                                                            <w:r>
                                                              <w:t>)", "ae", "971" ], [ "United Kingdom", "gb", "44", 0 ], [ "United States", "us", "1", 0 ], [ "Uruguay", "uy", "598" ], [ "Uzbekistan (Oʻzbekiston)", "uz", "998" ], [ "Vanuatu", "vu", "678" ], [ "Vatican City (Città del Vaticano)", "va", "39", 1, [ "06698" ] ], [ "Venezuela", "ve", "58" ], [ "Vietnam (Việt Nam)", "vn", "84" ], [ "Wallis and Futuna (Wallis-et-Futuna)", "wf", "681" ], [ "Western Sahara (</w:t>
                                                            </w:r>
                                                            <w:dir w:val="rtl">
                                                              <w:r>
                                                                <w:t>الصحراء الغربية</w:t>
                                                              </w:r>
                                                              <w:r>
                                                                <w:t>‬‎)", "eh", "212", 1, [ "5288", "5289" ] ], [ "Yemen (</w:t>
                                                              </w:r>
                                                              <w:dir w:val="rtl">
                                                                <w:r>
                                                                  <w:t>اليمن</w:t>
                                                                </w:r>
                                                                <w:r>
                                                                  <w:t>‬‎)", "ye", "967" ], [ "Zambia", "zm", "260" ], [ "Zimbabwe", "zw", "263" ], [ "Åland Islands", "ax", "358", 1, [ "18" ] ] ];</w:t>
                                                                </w:r>
                                                              </w:dir>
                                                            </w:dir>
                                                          </w:dir>
                                                        </w:dir>
                                                      </w:dir>
                                                    </w:dir>
                                                  </w:dir>
                                                </w:dir>
                                              </w:dir>
                                            </w:dir>
                                          </w:dir>
                                        </w:dir>
                                      </w:dir>
                                    </w:dir>
                                  </w:dir>
                                </w:dir>
                              </w:dir>
                            </w:dir>
                          </w:dir>
                        </w:dir>
                      </w:dir>
                    </w:dir>
                  </w:dir>
                </w:dir>
              </w:dir>
            </w:dir>
          </w:p>
          <w:p w:rsidR="00156FB3" w:rsidRDefault="00156FB3" w:rsidP="00156FB3">
            <w:r>
              <w:t xml:space="preserve">        // loop over all of the countries above, restructuring the data to be objects with named keys</w:t>
            </w:r>
          </w:p>
          <w:p w:rsidR="00156FB3" w:rsidRDefault="00156FB3" w:rsidP="00156FB3">
            <w:r>
              <w:t xml:space="preserve">        for (var i = 0; i &lt; allCountries.length; i++) {</w:t>
            </w:r>
          </w:p>
          <w:p w:rsidR="00156FB3" w:rsidRDefault="00156FB3" w:rsidP="00156FB3">
            <w:r>
              <w:t xml:space="preserve">            var c = allCountries[i];</w:t>
            </w:r>
          </w:p>
          <w:p w:rsidR="00156FB3" w:rsidRDefault="00156FB3" w:rsidP="00156FB3">
            <w:r>
              <w:t xml:space="preserve">            allCountries[i] = {</w:t>
            </w:r>
          </w:p>
          <w:p w:rsidR="00156FB3" w:rsidRDefault="00156FB3" w:rsidP="00156FB3">
            <w:r>
              <w:t xml:space="preserve">                name: c[0],</w:t>
            </w:r>
          </w:p>
          <w:p w:rsidR="00156FB3" w:rsidRDefault="00156FB3" w:rsidP="00156FB3">
            <w:r>
              <w:t xml:space="preserve">                iso2: c[1],</w:t>
            </w:r>
          </w:p>
          <w:p w:rsidR="00156FB3" w:rsidRDefault="00156FB3" w:rsidP="00156FB3">
            <w:r>
              <w:t xml:space="preserve">                dialCode: c[2],</w:t>
            </w:r>
          </w:p>
          <w:p w:rsidR="00156FB3" w:rsidRDefault="00156FB3" w:rsidP="00156FB3">
            <w:r>
              <w:t xml:space="preserve">                priority: c[3] || 0,</w:t>
            </w:r>
          </w:p>
          <w:p w:rsidR="00156FB3" w:rsidRDefault="00156FB3" w:rsidP="00156FB3">
            <w:r>
              <w:t xml:space="preserve">                areaCodes: c[4] || null</w:t>
            </w:r>
          </w:p>
          <w:p w:rsidR="00156FB3" w:rsidRDefault="00156FB3" w:rsidP="00156FB3">
            <w:r>
              <w:t xml:space="preserve">            };</w:t>
            </w:r>
          </w:p>
          <w:p w:rsidR="00156FB3" w:rsidRDefault="00156FB3" w:rsidP="00156FB3">
            <w:r>
              <w:t xml:space="preserve">        }</w:t>
            </w:r>
          </w:p>
          <w:p w:rsidR="00156FB3" w:rsidRDefault="00156FB3" w:rsidP="00156FB3">
            <w:r>
              <w:t xml:space="preserve">        "use strict";</w:t>
            </w:r>
          </w:p>
          <w:p w:rsidR="00156FB3" w:rsidRDefault="00156FB3" w:rsidP="00156FB3">
            <w:r>
              <w:t xml:space="preserve">        function _classCallCheck(instance, Constructor) {</w:t>
            </w:r>
          </w:p>
          <w:p w:rsidR="00156FB3" w:rsidRDefault="00156FB3" w:rsidP="00156FB3">
            <w:r>
              <w:t xml:space="preserve">            if (!(instance instanceof Constructor)) {</w:t>
            </w:r>
          </w:p>
          <w:p w:rsidR="00156FB3" w:rsidRDefault="00156FB3" w:rsidP="00156FB3">
            <w:r>
              <w:t xml:space="preserve">                throw new TypeError("Cannot call a class as a function");</w:t>
            </w:r>
          </w:p>
          <w:p w:rsidR="00156FB3" w:rsidRDefault="00156FB3" w:rsidP="00156FB3">
            <w:r>
              <w:t xml:space="preserve">            }</w:t>
            </w:r>
          </w:p>
          <w:p w:rsidR="00156FB3" w:rsidRDefault="00156FB3" w:rsidP="00156FB3">
            <w:r>
              <w:t xml:space="preserve">        }</w:t>
            </w:r>
          </w:p>
          <w:p w:rsidR="00156FB3" w:rsidRDefault="00156FB3" w:rsidP="00156FB3">
            <w:r>
              <w:t xml:space="preserve">        function _defineProperties(target, props) {</w:t>
            </w:r>
          </w:p>
          <w:p w:rsidR="00156FB3" w:rsidRDefault="00156FB3" w:rsidP="00156FB3">
            <w:r>
              <w:t xml:space="preserve">            for (var i = 0; i &lt; props.length; i++) {</w:t>
            </w:r>
          </w:p>
          <w:p w:rsidR="00156FB3" w:rsidRDefault="00156FB3" w:rsidP="00156FB3">
            <w:r>
              <w:t xml:space="preserve">                var descriptor = props[i];</w:t>
            </w:r>
          </w:p>
          <w:p w:rsidR="00156FB3" w:rsidRDefault="00156FB3" w:rsidP="00156FB3">
            <w:r>
              <w:t xml:space="preserve">                descriptor.enumerable = descriptor.enumerable || false;</w:t>
            </w:r>
          </w:p>
          <w:p w:rsidR="00156FB3" w:rsidRDefault="00156FB3" w:rsidP="00156FB3">
            <w:r>
              <w:t xml:space="preserve">                descriptor.configurable = true;</w:t>
            </w:r>
          </w:p>
          <w:p w:rsidR="00156FB3" w:rsidRDefault="00156FB3" w:rsidP="00156FB3">
            <w:r>
              <w:t xml:space="preserve">                if ("value" in descriptor) descriptor.writable = true;</w:t>
            </w:r>
          </w:p>
          <w:p w:rsidR="00156FB3" w:rsidRDefault="00156FB3" w:rsidP="00156FB3">
            <w:r>
              <w:t xml:space="preserve">                Object.defineProperty(target, descriptor.key, descriptor);</w:t>
            </w:r>
          </w:p>
          <w:p w:rsidR="00156FB3" w:rsidRDefault="00156FB3" w:rsidP="00156FB3">
            <w:r>
              <w:t xml:space="preserve">            }</w:t>
            </w:r>
          </w:p>
          <w:p w:rsidR="00156FB3" w:rsidRDefault="00156FB3" w:rsidP="00156FB3">
            <w:r>
              <w:t xml:space="preserve">        }</w:t>
            </w:r>
          </w:p>
          <w:p w:rsidR="00156FB3" w:rsidRDefault="00156FB3" w:rsidP="00156FB3">
            <w:r>
              <w:t xml:space="preserve">        function _createClass(Constructor, protoProps, staticProps) {</w:t>
            </w:r>
          </w:p>
          <w:p w:rsidR="00156FB3" w:rsidRDefault="00156FB3" w:rsidP="00156FB3">
            <w:r>
              <w:t xml:space="preserve">            if (protoProps) _defineProperties(Constructor.prototype, protoProps);</w:t>
            </w:r>
          </w:p>
          <w:p w:rsidR="00156FB3" w:rsidRDefault="00156FB3" w:rsidP="00156FB3">
            <w:r>
              <w:t xml:space="preserve">            if (staticProps) _defineProperties(Constructor, staticProps);</w:t>
            </w:r>
          </w:p>
          <w:p w:rsidR="00156FB3" w:rsidRDefault="00156FB3" w:rsidP="00156FB3">
            <w:r>
              <w:t xml:space="preserve">            return Constructor;</w:t>
            </w:r>
          </w:p>
          <w:p w:rsidR="00156FB3" w:rsidRDefault="00156FB3" w:rsidP="00156FB3">
            <w:r>
              <w:t xml:space="preserve">        }</w:t>
            </w:r>
          </w:p>
          <w:p w:rsidR="00156FB3" w:rsidRDefault="00156FB3" w:rsidP="00156FB3">
            <w:r>
              <w:t xml:space="preserve">        window.intlTelInputGlobals = {</w:t>
            </w:r>
          </w:p>
          <w:p w:rsidR="00156FB3" w:rsidRDefault="00156FB3" w:rsidP="00156FB3">
            <w:r>
              <w:t xml:space="preserve">            getInstance: function getInstance(input) {</w:t>
            </w:r>
          </w:p>
          <w:p w:rsidR="00156FB3" w:rsidRDefault="00156FB3" w:rsidP="00156FB3">
            <w:r>
              <w:t xml:space="preserve">                var id = input.getAttribute("data-intl-tel-input-id");</w:t>
            </w:r>
          </w:p>
          <w:p w:rsidR="00156FB3" w:rsidRDefault="00156FB3" w:rsidP="00156FB3">
            <w:r>
              <w:t xml:space="preserve">                return window.intlTelInputGlobals.instances[id];</w:t>
            </w:r>
          </w:p>
          <w:p w:rsidR="00156FB3" w:rsidRDefault="00156FB3" w:rsidP="00156FB3">
            <w:r>
              <w:t xml:space="preserve">            },</w:t>
            </w:r>
          </w:p>
          <w:p w:rsidR="00156FB3" w:rsidRDefault="00156FB3" w:rsidP="00156FB3">
            <w:r>
              <w:t xml:space="preserve">            instances: {}</w:t>
            </w:r>
          </w:p>
          <w:p w:rsidR="00156FB3" w:rsidRDefault="00156FB3" w:rsidP="00156FB3">
            <w:r>
              <w:t xml:space="preserve">        };</w:t>
            </w:r>
          </w:p>
          <w:p w:rsidR="00156FB3" w:rsidRDefault="00156FB3" w:rsidP="00156FB3">
            <w:r>
              <w:t xml:space="preserve">        // these vars persist through all instances of the plugin</w:t>
            </w:r>
          </w:p>
          <w:p w:rsidR="00156FB3" w:rsidRDefault="00156FB3" w:rsidP="00156FB3">
            <w:r>
              <w:t xml:space="preserve">        var id = 0;</w:t>
            </w:r>
          </w:p>
          <w:p w:rsidR="00156FB3" w:rsidRDefault="00156FB3" w:rsidP="00156FB3">
            <w:r>
              <w:lastRenderedPageBreak/>
              <w:t xml:space="preserve">        var defaults = {</w:t>
            </w:r>
          </w:p>
          <w:p w:rsidR="00156FB3" w:rsidRDefault="00156FB3" w:rsidP="00156FB3">
            <w:r>
              <w:t xml:space="preserve">            // whether or not to allow the dropdown</w:t>
            </w:r>
          </w:p>
          <w:p w:rsidR="00156FB3" w:rsidRDefault="00156FB3" w:rsidP="00156FB3">
            <w:r>
              <w:t xml:space="preserve">            allowDropdown: true,</w:t>
            </w:r>
          </w:p>
          <w:p w:rsidR="00156FB3" w:rsidRDefault="00156FB3" w:rsidP="00156FB3">
            <w:r>
              <w:t xml:space="preserve">            // if there is just a dial code in the input: remove it on blur</w:t>
            </w:r>
          </w:p>
          <w:p w:rsidR="00156FB3" w:rsidRDefault="00156FB3" w:rsidP="00156FB3">
            <w:r>
              <w:t xml:space="preserve">            autoHideDialCode: true,</w:t>
            </w:r>
          </w:p>
          <w:p w:rsidR="00156FB3" w:rsidRDefault="00156FB3" w:rsidP="00156FB3">
            <w:r>
              <w:t xml:space="preserve">            // add a placeholder in the input with an example number for the selected country</w:t>
            </w:r>
          </w:p>
          <w:p w:rsidR="00156FB3" w:rsidRDefault="00156FB3" w:rsidP="00156FB3">
            <w:r>
              <w:t xml:space="preserve">            autoPlaceholder: "polite",</w:t>
            </w:r>
          </w:p>
          <w:p w:rsidR="00156FB3" w:rsidRDefault="00156FB3" w:rsidP="00156FB3">
            <w:r>
              <w:t xml:space="preserve">            // modify the parentClass</w:t>
            </w:r>
          </w:p>
          <w:p w:rsidR="00156FB3" w:rsidRDefault="00156FB3" w:rsidP="00156FB3">
            <w:r>
              <w:t xml:space="preserve">            customContainer: "",</w:t>
            </w:r>
          </w:p>
          <w:p w:rsidR="00156FB3" w:rsidRDefault="00156FB3" w:rsidP="00156FB3">
            <w:r>
              <w:t xml:space="preserve">            // modify the auto placeholder</w:t>
            </w:r>
          </w:p>
          <w:p w:rsidR="00156FB3" w:rsidRDefault="00156FB3" w:rsidP="00156FB3">
            <w:r>
              <w:t xml:space="preserve">            customPlaceholder: null,</w:t>
            </w:r>
          </w:p>
          <w:p w:rsidR="00156FB3" w:rsidRDefault="00156FB3" w:rsidP="00156FB3">
            <w:r>
              <w:t xml:space="preserve">            // append menu to specified element</w:t>
            </w:r>
          </w:p>
          <w:p w:rsidR="00156FB3" w:rsidRDefault="00156FB3" w:rsidP="00156FB3">
            <w:r>
              <w:t xml:space="preserve">            dropdownContainer: null,</w:t>
            </w:r>
          </w:p>
          <w:p w:rsidR="00156FB3" w:rsidRDefault="00156FB3" w:rsidP="00156FB3">
            <w:r>
              <w:t xml:space="preserve">            // don't display these countries</w:t>
            </w:r>
          </w:p>
          <w:p w:rsidR="00156FB3" w:rsidRDefault="00156FB3" w:rsidP="00156FB3">
            <w:r>
              <w:t xml:space="preserve">            excludeCountries: [],</w:t>
            </w:r>
          </w:p>
          <w:p w:rsidR="00156FB3" w:rsidRDefault="00156FB3" w:rsidP="00156FB3">
            <w:r>
              <w:t xml:space="preserve">            // format the input value during initialisation and on setNumber</w:t>
            </w:r>
          </w:p>
          <w:p w:rsidR="00156FB3" w:rsidRDefault="00156FB3" w:rsidP="00156FB3">
            <w:r>
              <w:t xml:space="preserve">            formatOnDisplay: true,</w:t>
            </w:r>
          </w:p>
          <w:p w:rsidR="00156FB3" w:rsidRDefault="00156FB3" w:rsidP="00156FB3">
            <w:r>
              <w:t xml:space="preserve">            // geoIp lookup function</w:t>
            </w:r>
          </w:p>
          <w:p w:rsidR="00156FB3" w:rsidRDefault="00156FB3" w:rsidP="00156FB3">
            <w:r>
              <w:t xml:space="preserve">            geoIpLookup: null,</w:t>
            </w:r>
          </w:p>
          <w:p w:rsidR="00156FB3" w:rsidRDefault="00156FB3" w:rsidP="00156FB3">
            <w:r>
              <w:t xml:space="preserve">            // inject a hidden input with this name, and on submit, populate it with the result of getNumber</w:t>
            </w:r>
          </w:p>
          <w:p w:rsidR="00156FB3" w:rsidRDefault="00156FB3" w:rsidP="00156FB3">
            <w:r>
              <w:t xml:space="preserve">            hiddenInput: "",</w:t>
            </w:r>
          </w:p>
          <w:p w:rsidR="00156FB3" w:rsidRDefault="00156FB3" w:rsidP="00156FB3">
            <w:r>
              <w:t xml:space="preserve">            // initial country</w:t>
            </w:r>
          </w:p>
          <w:p w:rsidR="00156FB3" w:rsidRDefault="00156FB3" w:rsidP="00156FB3">
            <w:r>
              <w:t xml:space="preserve">            initialCountry: "",</w:t>
            </w:r>
          </w:p>
          <w:p w:rsidR="00156FB3" w:rsidRDefault="00156FB3" w:rsidP="00156FB3">
            <w:r>
              <w:t xml:space="preserve">            // localized country names e.g. { 'de': 'Deutschland' }</w:t>
            </w:r>
          </w:p>
          <w:p w:rsidR="00156FB3" w:rsidRDefault="00156FB3" w:rsidP="00156FB3">
            <w:r>
              <w:t xml:space="preserve">            localizedCountries: null,</w:t>
            </w:r>
          </w:p>
          <w:p w:rsidR="00156FB3" w:rsidRDefault="00156FB3" w:rsidP="00156FB3">
            <w:r>
              <w:t xml:space="preserve">            // don't insert international dial codes</w:t>
            </w:r>
          </w:p>
          <w:p w:rsidR="00156FB3" w:rsidRDefault="00156FB3" w:rsidP="00156FB3">
            <w:r>
              <w:t xml:space="preserve">            nationalMode: true,</w:t>
            </w:r>
          </w:p>
          <w:p w:rsidR="00156FB3" w:rsidRDefault="00156FB3" w:rsidP="00156FB3">
            <w:r>
              <w:t xml:space="preserve">            // display only these countries</w:t>
            </w:r>
          </w:p>
          <w:p w:rsidR="00156FB3" w:rsidRDefault="00156FB3" w:rsidP="00156FB3">
            <w:r>
              <w:t xml:space="preserve">            onlyCountries: [],</w:t>
            </w:r>
          </w:p>
          <w:p w:rsidR="00156FB3" w:rsidRDefault="00156FB3" w:rsidP="00156FB3">
            <w:r>
              <w:t xml:space="preserve">            // number type to use for placeholders</w:t>
            </w:r>
          </w:p>
          <w:p w:rsidR="00156FB3" w:rsidRDefault="00156FB3" w:rsidP="00156FB3">
            <w:r>
              <w:t xml:space="preserve">            placeholderNumberType: "MOBILE",</w:t>
            </w:r>
          </w:p>
          <w:p w:rsidR="00156FB3" w:rsidRDefault="00156FB3" w:rsidP="00156FB3">
            <w:r>
              <w:t xml:space="preserve">            // the countries at the top of the list. defaults to united states and united kingdom</w:t>
            </w:r>
          </w:p>
          <w:p w:rsidR="00156FB3" w:rsidRDefault="00156FB3" w:rsidP="00156FB3">
            <w:r>
              <w:t xml:space="preserve">            preferredCountries: [ "us", "gb" ],</w:t>
            </w:r>
          </w:p>
          <w:p w:rsidR="00156FB3" w:rsidRDefault="00156FB3" w:rsidP="00156FB3">
            <w:r>
              <w:t xml:space="preserve">            // display the country dial code next to the selected flag so it's not part of the typed number</w:t>
            </w:r>
          </w:p>
          <w:p w:rsidR="00156FB3" w:rsidRDefault="00156FB3" w:rsidP="00156FB3">
            <w:r>
              <w:t xml:space="preserve">            separateDialCode: false,</w:t>
            </w:r>
          </w:p>
          <w:p w:rsidR="00156FB3" w:rsidRDefault="00156FB3" w:rsidP="00156FB3">
            <w:r>
              <w:t xml:space="preserve">            // specify the path to the libphonenumber script to enable validation/formatting</w:t>
            </w:r>
          </w:p>
          <w:p w:rsidR="00156FB3" w:rsidRDefault="00156FB3" w:rsidP="00156FB3">
            <w:r>
              <w:t xml:space="preserve">            utilsScript: "",</w:t>
            </w:r>
          </w:p>
          <w:p w:rsidR="00156FB3" w:rsidRDefault="00156FB3" w:rsidP="00156FB3">
            <w:r>
              <w:t xml:space="preserve">            // Error message array</w:t>
            </w:r>
          </w:p>
          <w:p w:rsidR="00156FB3" w:rsidRDefault="00156FB3" w:rsidP="00156FB3">
            <w:r>
              <w:t xml:space="preserve">            errorMsg: ["Invalid number", "Invalid country code", "Too short", "Too long", "Invalid number"]</w:t>
            </w:r>
          </w:p>
          <w:p w:rsidR="00156FB3" w:rsidRDefault="00156FB3" w:rsidP="00156FB3">
            <w:r>
              <w:t xml:space="preserve">        };</w:t>
            </w:r>
          </w:p>
          <w:p w:rsidR="00156FB3" w:rsidRDefault="00156FB3" w:rsidP="00156FB3">
            <w:r>
              <w:t xml:space="preserve">        // https://en.wikipedia.org/wiki/List_of_North_American_Numbering_Plan_area_codes#Non-geographic_area_codes</w:t>
            </w:r>
          </w:p>
          <w:p w:rsidR="00156FB3" w:rsidRDefault="00156FB3" w:rsidP="00156FB3">
            <w:r>
              <w:t xml:space="preserve">        var regionlessNanpNumbers = [ "800", "822", "833", "844", "855", "866", "877", "880", "881", "882", "883", "884", "885", "886", "887", "888", "889" ];</w:t>
            </w:r>
          </w:p>
          <w:p w:rsidR="00156FB3" w:rsidRDefault="00156FB3" w:rsidP="00156FB3">
            <w:r>
              <w:t xml:space="preserve">        // keep track of if the window.load event has fired as impossible to check after the fact</w:t>
            </w:r>
          </w:p>
          <w:p w:rsidR="00156FB3" w:rsidRDefault="00156FB3" w:rsidP="00156FB3">
            <w:r>
              <w:t xml:space="preserve">        window.addEventListener("load", function() {</w:t>
            </w:r>
          </w:p>
          <w:p w:rsidR="00156FB3" w:rsidRDefault="00156FB3" w:rsidP="00156FB3">
            <w:r>
              <w:t xml:space="preserve">            // UPDATE: use a public static field so we can fudge it in the tests</w:t>
            </w:r>
          </w:p>
          <w:p w:rsidR="00156FB3" w:rsidRDefault="00156FB3" w:rsidP="00156FB3">
            <w:r>
              <w:t xml:space="preserve">            window.intlTelInputGlobals.windowLoaded = true;</w:t>
            </w:r>
          </w:p>
          <w:p w:rsidR="00156FB3" w:rsidRDefault="00156FB3" w:rsidP="00156FB3">
            <w:r>
              <w:lastRenderedPageBreak/>
              <w:t xml:space="preserve">        });</w:t>
            </w:r>
          </w:p>
          <w:p w:rsidR="00156FB3" w:rsidRDefault="00156FB3" w:rsidP="00156FB3">
            <w:r>
              <w:t xml:space="preserve">        // utility function to iterate over an object. can't use Object.entries or native forEach because</w:t>
            </w:r>
          </w:p>
          <w:p w:rsidR="00156FB3" w:rsidRDefault="00156FB3" w:rsidP="00156FB3">
            <w:r>
              <w:t xml:space="preserve">        // of IE11</w:t>
            </w:r>
          </w:p>
          <w:p w:rsidR="00156FB3" w:rsidRDefault="00156FB3" w:rsidP="00156FB3">
            <w:r>
              <w:t xml:space="preserve">        var forEachProp = function forEachProp(obj, callback) {</w:t>
            </w:r>
          </w:p>
          <w:p w:rsidR="00156FB3" w:rsidRDefault="00156FB3" w:rsidP="00156FB3">
            <w:r>
              <w:t xml:space="preserve">            var keys = Object.keys(obj);</w:t>
            </w:r>
          </w:p>
          <w:p w:rsidR="00156FB3" w:rsidRDefault="00156FB3" w:rsidP="00156FB3">
            <w:r>
              <w:t xml:space="preserve">            for (var i = 0; i &lt; keys.length; i++) {</w:t>
            </w:r>
          </w:p>
          <w:p w:rsidR="00156FB3" w:rsidRDefault="00156FB3" w:rsidP="00156FB3">
            <w:r>
              <w:t xml:space="preserve">                callback(keys[i], obj[keys[i]]);</w:t>
            </w:r>
          </w:p>
          <w:p w:rsidR="00156FB3" w:rsidRDefault="00156FB3" w:rsidP="00156FB3">
            <w:r>
              <w:t xml:space="preserve">            }</w:t>
            </w:r>
          </w:p>
          <w:p w:rsidR="00156FB3" w:rsidRDefault="00156FB3" w:rsidP="00156FB3">
            <w:r>
              <w:t xml:space="preserve">        };</w:t>
            </w:r>
          </w:p>
          <w:p w:rsidR="00156FB3" w:rsidRDefault="00156FB3" w:rsidP="00156FB3">
            <w:r>
              <w:t xml:space="preserve">        // run a method on each instance of the plugin</w:t>
            </w:r>
          </w:p>
          <w:p w:rsidR="00156FB3" w:rsidRDefault="00156FB3" w:rsidP="00156FB3">
            <w:r>
              <w:t xml:space="preserve">        var forEachInstance = function forEachInstance(method) {</w:t>
            </w:r>
          </w:p>
          <w:p w:rsidR="00156FB3" w:rsidRDefault="00156FB3" w:rsidP="00156FB3">
            <w:r>
              <w:t xml:space="preserve">            forEachProp(window.intlTelInputGlobals.instances, function(key) {</w:t>
            </w:r>
          </w:p>
          <w:p w:rsidR="00156FB3" w:rsidRDefault="00156FB3" w:rsidP="00156FB3">
            <w:r>
              <w:t xml:space="preserve">                window.intlTelInputGlobals.instances[key][method]();</w:t>
            </w:r>
          </w:p>
          <w:p w:rsidR="00156FB3" w:rsidRDefault="00156FB3" w:rsidP="00156FB3">
            <w:r>
              <w:t xml:space="preserve">            });</w:t>
            </w:r>
          </w:p>
          <w:p w:rsidR="00156FB3" w:rsidRDefault="00156FB3" w:rsidP="00156FB3">
            <w:r>
              <w:t xml:space="preserve">        };</w:t>
            </w:r>
          </w:p>
          <w:p w:rsidR="00156FB3" w:rsidRDefault="00156FB3" w:rsidP="00156FB3">
            <w:r>
              <w:t xml:space="preserve">        // this is our plugin class that we will create an instance of</w:t>
            </w:r>
          </w:p>
          <w:p w:rsidR="00156FB3" w:rsidRDefault="00156FB3" w:rsidP="00156FB3">
            <w:r>
              <w:t xml:space="preserve">        // eslint-disable-next-line no-unused-vars</w:t>
            </w:r>
          </w:p>
          <w:p w:rsidR="00156FB3" w:rsidRDefault="00156FB3" w:rsidP="00156FB3">
            <w:r>
              <w:t xml:space="preserve">        var Iti = /*#__PURE__*/</w:t>
            </w:r>
          </w:p>
          <w:p w:rsidR="00156FB3" w:rsidRDefault="00156FB3" w:rsidP="00156FB3">
            <w:r>
              <w:t xml:space="preserve">        function() {</w:t>
            </w:r>
          </w:p>
          <w:p w:rsidR="00156FB3" w:rsidRDefault="00156FB3" w:rsidP="00156FB3">
            <w:r>
              <w:t xml:space="preserve">            function Iti(input, options) {</w:t>
            </w:r>
          </w:p>
          <w:p w:rsidR="00156FB3" w:rsidRDefault="00156FB3" w:rsidP="00156FB3">
            <w:r>
              <w:t xml:space="preserve">                var _this = this;</w:t>
            </w:r>
          </w:p>
          <w:p w:rsidR="00156FB3" w:rsidRDefault="00156FB3" w:rsidP="00156FB3">
            <w:r>
              <w:t xml:space="preserve">                _classCallCheck(this, Iti);</w:t>
            </w:r>
          </w:p>
          <w:p w:rsidR="00156FB3" w:rsidRDefault="00156FB3" w:rsidP="00156FB3">
            <w:r>
              <w:t xml:space="preserve">                this.id = id++;</w:t>
            </w:r>
          </w:p>
          <w:p w:rsidR="00156FB3" w:rsidRDefault="00156FB3" w:rsidP="00156FB3">
            <w:r>
              <w:t xml:space="preserve">                this.telInput = input;</w:t>
            </w:r>
          </w:p>
          <w:p w:rsidR="00156FB3" w:rsidRDefault="00156FB3" w:rsidP="00156FB3">
            <w:r>
              <w:t xml:space="preserve">                this.activeItem = null;</w:t>
            </w:r>
          </w:p>
          <w:p w:rsidR="00156FB3" w:rsidRDefault="00156FB3" w:rsidP="00156FB3">
            <w:r>
              <w:t xml:space="preserve">                this.highlightedItem = null;</w:t>
            </w:r>
          </w:p>
          <w:p w:rsidR="00156FB3" w:rsidRDefault="00156FB3" w:rsidP="00156FB3">
            <w:r>
              <w:t xml:space="preserve">                // process specified options / defaults</w:t>
            </w:r>
          </w:p>
          <w:p w:rsidR="00156FB3" w:rsidRDefault="00156FB3" w:rsidP="00156FB3">
            <w:r>
              <w:t xml:space="preserve">                // alternative to Object.assign, which isn't supported by IE11</w:t>
            </w:r>
          </w:p>
          <w:p w:rsidR="00156FB3" w:rsidRDefault="00156FB3" w:rsidP="00156FB3">
            <w:r>
              <w:t xml:space="preserve">                var customOptions = options || {};</w:t>
            </w:r>
          </w:p>
          <w:p w:rsidR="00156FB3" w:rsidRDefault="00156FB3" w:rsidP="00156FB3">
            <w:r>
              <w:t xml:space="preserve">                this.options = {};</w:t>
            </w:r>
          </w:p>
          <w:p w:rsidR="00156FB3" w:rsidRDefault="00156FB3" w:rsidP="00156FB3">
            <w:r>
              <w:t xml:space="preserve">                forEachProp(defaults, function(key, value) {</w:t>
            </w:r>
          </w:p>
          <w:p w:rsidR="00156FB3" w:rsidRDefault="00156FB3" w:rsidP="00156FB3">
            <w:r>
              <w:t xml:space="preserve">                    _this.options[key] = customOptions.hasOwnProperty(key) ? customOptions[key] : value;</w:t>
            </w:r>
          </w:p>
          <w:p w:rsidR="00156FB3" w:rsidRDefault="00156FB3" w:rsidP="00156FB3">
            <w:r>
              <w:t xml:space="preserve">                });</w:t>
            </w:r>
          </w:p>
          <w:p w:rsidR="00156FB3" w:rsidRDefault="00156FB3" w:rsidP="00156FB3">
            <w:r>
              <w:t xml:space="preserve">                this.hadInitialPlaceholder = Boolean(input.getAttribute("placeholder"));</w:t>
            </w:r>
          </w:p>
          <w:p w:rsidR="00156FB3" w:rsidRDefault="00156FB3" w:rsidP="00156FB3">
            <w:r>
              <w:t xml:space="preserve">            }</w:t>
            </w:r>
          </w:p>
          <w:p w:rsidR="00156FB3" w:rsidRDefault="00156FB3" w:rsidP="00156FB3">
            <w:r>
              <w:t xml:space="preserve">            _createClass(Iti, [ {</w:t>
            </w:r>
          </w:p>
          <w:p w:rsidR="00156FB3" w:rsidRDefault="00156FB3" w:rsidP="00156FB3">
            <w:r>
              <w:t xml:space="preserve">                key: "_init",</w:t>
            </w:r>
          </w:p>
          <w:p w:rsidR="00156FB3" w:rsidRDefault="00156FB3" w:rsidP="00156FB3">
            <w:r>
              <w:t xml:space="preserve">                value: function _init() {</w:t>
            </w:r>
          </w:p>
          <w:p w:rsidR="00156FB3" w:rsidRDefault="00156FB3" w:rsidP="00156FB3">
            <w:r>
              <w:t xml:space="preserve">                    var _this2 = this;</w:t>
            </w:r>
          </w:p>
          <w:p w:rsidR="00156FB3" w:rsidRDefault="00156FB3" w:rsidP="00156FB3">
            <w:r>
              <w:t xml:space="preserve">                    // if in nationalMode, disable options relating to dial codes</w:t>
            </w:r>
          </w:p>
          <w:p w:rsidR="00156FB3" w:rsidRDefault="00156FB3" w:rsidP="00156FB3">
            <w:r>
              <w:t xml:space="preserve">                    if (this.options.nationalMode) this.options.autoHideDialCode = false;</w:t>
            </w:r>
          </w:p>
          <w:p w:rsidR="00156FB3" w:rsidRDefault="00156FB3" w:rsidP="00156FB3">
            <w:r>
              <w:t xml:space="preserve">                    // if separateDialCode then doesn't make sense to A) insert dial code into input</w:t>
            </w:r>
          </w:p>
          <w:p w:rsidR="00156FB3" w:rsidRDefault="00156FB3" w:rsidP="00156FB3">
            <w:r>
              <w:t xml:space="preserve">                    // (autoHideDialCode), and B) display national numbers (because we're displaying the country</w:t>
            </w:r>
          </w:p>
          <w:p w:rsidR="00156FB3" w:rsidRDefault="00156FB3" w:rsidP="00156FB3">
            <w:r>
              <w:t xml:space="preserve">                    // dial code next to them)</w:t>
            </w:r>
          </w:p>
          <w:p w:rsidR="00156FB3" w:rsidRDefault="00156FB3" w:rsidP="00156FB3">
            <w:r>
              <w:t xml:space="preserve">                    if (this.options.separateDialCode) {</w:t>
            </w:r>
          </w:p>
          <w:p w:rsidR="00156FB3" w:rsidRDefault="00156FB3" w:rsidP="00156FB3">
            <w:r>
              <w:t xml:space="preserve">                        this.options.autoHideDialCode = this.options.nationalMode = false;</w:t>
            </w:r>
          </w:p>
          <w:p w:rsidR="00156FB3" w:rsidRDefault="00156FB3" w:rsidP="00156FB3">
            <w:r>
              <w:t xml:space="preserve">                    }</w:t>
            </w:r>
          </w:p>
          <w:p w:rsidR="00156FB3" w:rsidRDefault="00156FB3" w:rsidP="00156FB3">
            <w:r>
              <w:lastRenderedPageBreak/>
              <w:t xml:space="preserve">                    // we cannot just test screen size as some smartphones/website meta tags will report desktop</w:t>
            </w:r>
          </w:p>
          <w:p w:rsidR="00156FB3" w:rsidRDefault="00156FB3" w:rsidP="00156FB3">
            <w:r>
              <w:t xml:space="preserve">                    // resolutions</w:t>
            </w:r>
          </w:p>
          <w:p w:rsidR="00156FB3" w:rsidRDefault="00156FB3" w:rsidP="00156FB3">
            <w:r>
              <w:t xml:space="preserve">                    // Note: for some reason jasmine breaks if you put this in the main Plugin function with the</w:t>
            </w:r>
          </w:p>
          <w:p w:rsidR="00156FB3" w:rsidRDefault="00156FB3" w:rsidP="00156FB3">
            <w:r>
              <w:t xml:space="preserve">                    // rest of these declarations</w:t>
            </w:r>
          </w:p>
          <w:p w:rsidR="00156FB3" w:rsidRDefault="00156FB3" w:rsidP="00156FB3">
            <w:r>
              <w:t xml:space="preserve">                    // Note: to target Android Mobiles (and not Tablets), we must find 'Android' and 'Mobile'</w:t>
            </w:r>
          </w:p>
          <w:p w:rsidR="00156FB3" w:rsidRDefault="00156FB3" w:rsidP="00156FB3">
            <w:r>
              <w:t xml:space="preserve">                    this.isMobile = /Android.+Mobile|webOS|iPhone|iPod|BlackBerry|IEMobile|Opera Mini/i.test(navigator.userAgent);</w:t>
            </w:r>
          </w:p>
          <w:p w:rsidR="00156FB3" w:rsidRDefault="00156FB3" w:rsidP="00156FB3">
            <w:r>
              <w:t xml:space="preserve">                    if (this.isMobile) {</w:t>
            </w:r>
          </w:p>
          <w:p w:rsidR="00156FB3" w:rsidRDefault="00156FB3" w:rsidP="00156FB3">
            <w:r>
              <w:t xml:space="preserve">                        // trigger the mobile dropdown css</w:t>
            </w:r>
          </w:p>
          <w:p w:rsidR="00156FB3" w:rsidRDefault="00156FB3" w:rsidP="00156FB3">
            <w:r>
              <w:t xml:space="preserve">                        document.body.classList.add("iti-mobile");</w:t>
            </w:r>
          </w:p>
          <w:p w:rsidR="00156FB3" w:rsidRDefault="00156FB3" w:rsidP="00156FB3">
            <w:r>
              <w:t xml:space="preserve">                        // on mobile, we want a full screen dropdown, so we must append it to the body</w:t>
            </w:r>
          </w:p>
          <w:p w:rsidR="00156FB3" w:rsidRDefault="00156FB3" w:rsidP="00156FB3">
            <w:r>
              <w:t xml:space="preserve">                        if (!this.options.dropdownContainer) this.options.dropdownContainer = document.body;</w:t>
            </w:r>
          </w:p>
          <w:p w:rsidR="00156FB3" w:rsidRDefault="00156FB3" w:rsidP="00156FB3">
            <w:r>
              <w:t xml:space="preserve">                    }</w:t>
            </w:r>
          </w:p>
          <w:p w:rsidR="00156FB3" w:rsidRDefault="00156FB3" w:rsidP="00156FB3">
            <w:r>
              <w:t xml:space="preserve">                    // these promises get resolved when their individual requests complete</w:t>
            </w:r>
          </w:p>
          <w:p w:rsidR="00156FB3" w:rsidRDefault="00156FB3" w:rsidP="00156FB3">
            <w:r>
              <w:t xml:space="preserve">                    // this way the dev can do something like iti.promise.then(...) to know when all requests are</w:t>
            </w:r>
          </w:p>
          <w:p w:rsidR="00156FB3" w:rsidRDefault="00156FB3" w:rsidP="00156FB3">
            <w:r>
              <w:t xml:space="preserve">                    // complete</w:t>
            </w:r>
          </w:p>
          <w:p w:rsidR="00156FB3" w:rsidRDefault="00156FB3" w:rsidP="00156FB3">
            <w:r>
              <w:t xml:space="preserve">                    if (typeof Promise !== "undefined") {</w:t>
            </w:r>
          </w:p>
          <w:p w:rsidR="00156FB3" w:rsidRDefault="00156FB3" w:rsidP="00156FB3">
            <w:r>
              <w:t xml:space="preserve">                        var autoCountryPromise = new Promise(function(resolve, reject) {</w:t>
            </w:r>
          </w:p>
          <w:p w:rsidR="00156FB3" w:rsidRDefault="00156FB3" w:rsidP="00156FB3">
            <w:r>
              <w:t xml:space="preserve">                            _this2.resolveAutoCountryPromise = resolve;</w:t>
            </w:r>
          </w:p>
          <w:p w:rsidR="00156FB3" w:rsidRDefault="00156FB3" w:rsidP="00156FB3">
            <w:r>
              <w:t xml:space="preserve">                            _this2.rejectAutoCountryPromise = reject;</w:t>
            </w:r>
          </w:p>
          <w:p w:rsidR="00156FB3" w:rsidRDefault="00156FB3" w:rsidP="00156FB3">
            <w:r>
              <w:t xml:space="preserve">                        });</w:t>
            </w:r>
          </w:p>
          <w:p w:rsidR="00156FB3" w:rsidRDefault="00156FB3" w:rsidP="00156FB3">
            <w:r>
              <w:t xml:space="preserve">                        var utilsScriptPromise = new Promise(function(resolve, reject) {</w:t>
            </w:r>
          </w:p>
          <w:p w:rsidR="00156FB3" w:rsidRDefault="00156FB3" w:rsidP="00156FB3">
            <w:r>
              <w:t xml:space="preserve">                            _this2.resolveUtilsScriptPromise = resolve;</w:t>
            </w:r>
          </w:p>
          <w:p w:rsidR="00156FB3" w:rsidRDefault="00156FB3" w:rsidP="00156FB3">
            <w:r>
              <w:t xml:space="preserve">                            _this2.rejectUtilsScriptPromise = reject;</w:t>
            </w:r>
          </w:p>
          <w:p w:rsidR="00156FB3" w:rsidRDefault="00156FB3" w:rsidP="00156FB3">
            <w:r>
              <w:t xml:space="preserve">                        });</w:t>
            </w:r>
          </w:p>
          <w:p w:rsidR="00156FB3" w:rsidRDefault="00156FB3" w:rsidP="00156FB3">
            <w:r>
              <w:t xml:space="preserve">                        this.promise = Promise.all([ autoCountryPromise, utilsScriptPromise ]);</w:t>
            </w:r>
          </w:p>
          <w:p w:rsidR="00156FB3" w:rsidRDefault="00156FB3" w:rsidP="00156FB3">
            <w:r>
              <w:t xml:space="preserve">                    } else {</w:t>
            </w:r>
          </w:p>
          <w:p w:rsidR="00156FB3" w:rsidRDefault="00156FB3" w:rsidP="00156FB3">
            <w:r>
              <w:t xml:space="preserve">                        // prevent errors when Promise doesn't exist</w:t>
            </w:r>
          </w:p>
          <w:p w:rsidR="00156FB3" w:rsidRDefault="00156FB3" w:rsidP="00156FB3">
            <w:r>
              <w:t xml:space="preserve">                        this.resolveAutoCountryPromise = this.rejectAutoCountryPromise = function() {};</w:t>
            </w:r>
          </w:p>
          <w:p w:rsidR="00156FB3" w:rsidRDefault="00156FB3" w:rsidP="00156FB3">
            <w:r>
              <w:t xml:space="preserve">                        this.resolveUtilsScriptPromise = this.rejectUtilsScriptPromise = function() {};</w:t>
            </w:r>
          </w:p>
          <w:p w:rsidR="00156FB3" w:rsidRDefault="00156FB3" w:rsidP="00156FB3">
            <w:r>
              <w:t xml:space="preserve">                    }</w:t>
            </w:r>
          </w:p>
          <w:p w:rsidR="00156FB3" w:rsidRDefault="00156FB3" w:rsidP="00156FB3">
            <w:r>
              <w:t xml:space="preserve">                    // in various situations there could be no country selected initially, but we need to be able</w:t>
            </w:r>
          </w:p>
          <w:p w:rsidR="00156FB3" w:rsidRDefault="00156FB3" w:rsidP="00156FB3">
            <w:r>
              <w:t xml:space="preserve">                    // to assume this variable exists</w:t>
            </w:r>
          </w:p>
          <w:p w:rsidR="00156FB3" w:rsidRDefault="00156FB3" w:rsidP="00156FB3">
            <w:r>
              <w:t xml:space="preserve">                    this.selectedCountryData = {};</w:t>
            </w:r>
          </w:p>
          <w:p w:rsidR="00156FB3" w:rsidRDefault="00156FB3" w:rsidP="00156FB3">
            <w:r>
              <w:t xml:space="preserve">                    // process all the data: onlyCountries, excludeCountries, preferredCountries etc</w:t>
            </w:r>
          </w:p>
          <w:p w:rsidR="00156FB3" w:rsidRDefault="00156FB3" w:rsidP="00156FB3">
            <w:r>
              <w:t xml:space="preserve">                    this._processCountryData();</w:t>
            </w:r>
          </w:p>
          <w:p w:rsidR="00156FB3" w:rsidRDefault="00156FB3" w:rsidP="00156FB3">
            <w:r>
              <w:t xml:space="preserve">                    // generate the markup</w:t>
            </w:r>
          </w:p>
          <w:p w:rsidR="00156FB3" w:rsidRDefault="00156FB3" w:rsidP="00156FB3">
            <w:r>
              <w:t xml:space="preserve">                    this._generateMarkup();</w:t>
            </w:r>
          </w:p>
          <w:p w:rsidR="00156FB3" w:rsidRDefault="00156FB3" w:rsidP="00156FB3">
            <w:r>
              <w:t xml:space="preserve">                    // set the initial state of the input value and the selected flag</w:t>
            </w:r>
          </w:p>
          <w:p w:rsidR="00156FB3" w:rsidRDefault="00156FB3" w:rsidP="00156FB3">
            <w:r>
              <w:t xml:space="preserve">                    this._setInitialState();</w:t>
            </w:r>
          </w:p>
          <w:p w:rsidR="00156FB3" w:rsidRDefault="00156FB3" w:rsidP="00156FB3">
            <w:r>
              <w:t xml:space="preserve">                    // start all of the event listeners: autoHideDialCode, input keydown, selectedFlag click</w:t>
            </w:r>
          </w:p>
          <w:p w:rsidR="00156FB3" w:rsidRDefault="00156FB3" w:rsidP="00156FB3">
            <w:r>
              <w:t xml:space="preserve">                    this._initListeners();</w:t>
            </w:r>
          </w:p>
          <w:p w:rsidR="00156FB3" w:rsidRDefault="00156FB3" w:rsidP="00156FB3">
            <w:r>
              <w:t xml:space="preserve">                    // utils script, and auto country</w:t>
            </w:r>
          </w:p>
          <w:p w:rsidR="00156FB3" w:rsidRDefault="00156FB3" w:rsidP="00156FB3">
            <w:r>
              <w:t xml:space="preserve">                    this._initRequests();</w:t>
            </w:r>
          </w:p>
          <w:p w:rsidR="00156FB3" w:rsidRDefault="00156FB3" w:rsidP="00156FB3">
            <w:r>
              <w:t xml:space="preserve">                }</w:t>
            </w:r>
          </w:p>
          <w:p w:rsidR="00156FB3" w:rsidRDefault="00156FB3" w:rsidP="00156FB3">
            <w:r>
              <w:t xml:space="preserve">            }, {</w:t>
            </w:r>
          </w:p>
          <w:p w:rsidR="00156FB3" w:rsidRDefault="00156FB3" w:rsidP="00156FB3">
            <w:r>
              <w:t xml:space="preserve">                key: "_processCountryData",</w:t>
            </w:r>
          </w:p>
          <w:p w:rsidR="00156FB3" w:rsidRDefault="00156FB3" w:rsidP="00156FB3">
            <w:r>
              <w:lastRenderedPageBreak/>
              <w:t xml:space="preserve">                value: function _processCountryData() {</w:t>
            </w:r>
          </w:p>
          <w:p w:rsidR="00156FB3" w:rsidRDefault="00156FB3" w:rsidP="00156FB3">
            <w:r>
              <w:t xml:space="preserve">                    // process onlyCountries or excludeCountries array if present</w:t>
            </w:r>
          </w:p>
          <w:p w:rsidR="00156FB3" w:rsidRDefault="00156FB3" w:rsidP="00156FB3">
            <w:r>
              <w:t xml:space="preserve">                    this._processAllCountries();</w:t>
            </w:r>
          </w:p>
          <w:p w:rsidR="00156FB3" w:rsidRDefault="00156FB3" w:rsidP="00156FB3">
            <w:r>
              <w:t xml:space="preserve">                    // process the countryCodes map</w:t>
            </w:r>
          </w:p>
          <w:p w:rsidR="00156FB3" w:rsidRDefault="00156FB3" w:rsidP="00156FB3">
            <w:r>
              <w:t xml:space="preserve">                    this._processCountryCodes();</w:t>
            </w:r>
          </w:p>
          <w:p w:rsidR="00156FB3" w:rsidRDefault="00156FB3" w:rsidP="00156FB3">
            <w:r>
              <w:t xml:space="preserve">                    // process the preferredCountries</w:t>
            </w:r>
          </w:p>
          <w:p w:rsidR="00156FB3" w:rsidRDefault="00156FB3" w:rsidP="00156FB3">
            <w:r>
              <w:t xml:space="preserve">                    this._processPreferredCountries();</w:t>
            </w:r>
          </w:p>
          <w:p w:rsidR="00156FB3" w:rsidRDefault="00156FB3" w:rsidP="00156FB3">
            <w:r>
              <w:t xml:space="preserve">                    // translate countries according to localizedCountries option</w:t>
            </w:r>
          </w:p>
          <w:p w:rsidR="00156FB3" w:rsidRDefault="00156FB3" w:rsidP="00156FB3">
            <w:r>
              <w:t xml:space="preserve">                    if (this.options.localizedCountries) this._translateCountriesByLocale();</w:t>
            </w:r>
          </w:p>
          <w:p w:rsidR="00156FB3" w:rsidRDefault="00156FB3" w:rsidP="00156FB3">
            <w:r>
              <w:t xml:space="preserve">                    // sort countries by name</w:t>
            </w:r>
          </w:p>
          <w:p w:rsidR="00156FB3" w:rsidRDefault="00156FB3" w:rsidP="00156FB3">
            <w:r>
              <w:t xml:space="preserve">                    if (this.options.onlyCountries.length || this.options.localizedCountries) {</w:t>
            </w:r>
          </w:p>
          <w:p w:rsidR="00156FB3" w:rsidRDefault="00156FB3" w:rsidP="00156FB3">
            <w:r>
              <w:t xml:space="preserve">                        this.countries.sort(this._countryNameSort);</w:t>
            </w:r>
          </w:p>
          <w:p w:rsidR="00156FB3" w:rsidRDefault="00156FB3" w:rsidP="00156FB3">
            <w:r>
              <w:t xml:space="preserve">                    }</w:t>
            </w:r>
          </w:p>
          <w:p w:rsidR="00156FB3" w:rsidRDefault="00156FB3" w:rsidP="00156FB3">
            <w:r>
              <w:t xml:space="preserve">                }</w:t>
            </w:r>
          </w:p>
          <w:p w:rsidR="00156FB3" w:rsidRDefault="00156FB3" w:rsidP="00156FB3">
            <w:r>
              <w:t xml:space="preserve">            }, {</w:t>
            </w:r>
          </w:p>
          <w:p w:rsidR="00156FB3" w:rsidRDefault="00156FB3" w:rsidP="00156FB3">
            <w:r>
              <w:t xml:space="preserve">                key: "_addCountryCode",</w:t>
            </w:r>
          </w:p>
          <w:p w:rsidR="00156FB3" w:rsidRDefault="00156FB3" w:rsidP="00156FB3">
            <w:r>
              <w:t xml:space="preserve">                value: function _addCountryCode(iso2, dialCode, priority) {</w:t>
            </w:r>
          </w:p>
          <w:p w:rsidR="00156FB3" w:rsidRDefault="00156FB3" w:rsidP="00156FB3">
            <w:r>
              <w:t xml:space="preserve">                    if (dialCode.length &gt; this.dialCodeMaxLen) {</w:t>
            </w:r>
          </w:p>
          <w:p w:rsidR="00156FB3" w:rsidRDefault="00156FB3" w:rsidP="00156FB3">
            <w:r>
              <w:t xml:space="preserve">                        this.dialCodeMaxLen = dialCode.length;</w:t>
            </w:r>
          </w:p>
          <w:p w:rsidR="00156FB3" w:rsidRDefault="00156FB3" w:rsidP="00156FB3">
            <w:r>
              <w:t xml:space="preserve">                    }</w:t>
            </w:r>
          </w:p>
          <w:p w:rsidR="00156FB3" w:rsidRDefault="00156FB3" w:rsidP="00156FB3">
            <w:r>
              <w:t xml:space="preserve">                    if (!this.countryCodes.hasOwnProperty(dialCode)) {</w:t>
            </w:r>
          </w:p>
          <w:p w:rsidR="00156FB3" w:rsidRDefault="00156FB3" w:rsidP="00156FB3">
            <w:r>
              <w:t xml:space="preserve">                        this.countryCodes[dialCode] = [];</w:t>
            </w:r>
          </w:p>
          <w:p w:rsidR="00156FB3" w:rsidRDefault="00156FB3" w:rsidP="00156FB3">
            <w:r>
              <w:t xml:space="preserve">                    }</w:t>
            </w:r>
          </w:p>
          <w:p w:rsidR="00156FB3" w:rsidRDefault="00156FB3" w:rsidP="00156FB3">
            <w:r>
              <w:t xml:space="preserve">                    // bail if we already have this country for this dialCode</w:t>
            </w:r>
          </w:p>
          <w:p w:rsidR="00156FB3" w:rsidRDefault="00156FB3" w:rsidP="00156FB3">
            <w:r>
              <w:t xml:space="preserve">                    for (var i = 0; i &lt; this.countryCodes[dialCode].length; i++) {</w:t>
            </w:r>
          </w:p>
          <w:p w:rsidR="00156FB3" w:rsidRDefault="00156FB3" w:rsidP="00156FB3">
            <w:r>
              <w:t xml:space="preserve">                        if (this.countryCodes[dialCode][i] === iso2) return;</w:t>
            </w:r>
          </w:p>
          <w:p w:rsidR="00156FB3" w:rsidRDefault="00156FB3" w:rsidP="00156FB3">
            <w:r>
              <w:t xml:space="preserve">                    }</w:t>
            </w:r>
          </w:p>
          <w:p w:rsidR="00156FB3" w:rsidRDefault="00156FB3" w:rsidP="00156FB3">
            <w:r>
              <w:t xml:space="preserve">                    // check for undefined as 0 is falsy</w:t>
            </w:r>
          </w:p>
          <w:p w:rsidR="00156FB3" w:rsidRDefault="00156FB3" w:rsidP="00156FB3">
            <w:r>
              <w:t xml:space="preserve">                    var index = priority !== undefined ? priority : this.countryCodes[dialCode].length;</w:t>
            </w:r>
          </w:p>
          <w:p w:rsidR="00156FB3" w:rsidRDefault="00156FB3" w:rsidP="00156FB3">
            <w:r>
              <w:t xml:space="preserve">                    this.countryCodes[dialCode][index] = iso2;</w:t>
            </w:r>
          </w:p>
          <w:p w:rsidR="00156FB3" w:rsidRDefault="00156FB3" w:rsidP="00156FB3">
            <w:r>
              <w:t xml:space="preserve">                }</w:t>
            </w:r>
          </w:p>
          <w:p w:rsidR="00156FB3" w:rsidRDefault="00156FB3" w:rsidP="00156FB3">
            <w:r>
              <w:t xml:space="preserve">            }, {</w:t>
            </w:r>
          </w:p>
          <w:p w:rsidR="00156FB3" w:rsidRDefault="00156FB3" w:rsidP="00156FB3">
            <w:r>
              <w:t xml:space="preserve">                key: "_processAllCountries",</w:t>
            </w:r>
          </w:p>
          <w:p w:rsidR="00156FB3" w:rsidRDefault="00156FB3" w:rsidP="00156FB3">
            <w:r>
              <w:t xml:space="preserve">                value: function _processAllCountries() {</w:t>
            </w:r>
          </w:p>
          <w:p w:rsidR="00156FB3" w:rsidRDefault="00156FB3" w:rsidP="00156FB3">
            <w:r>
              <w:t xml:space="preserve">                    if (this.options.onlyCountries.length) {</w:t>
            </w:r>
          </w:p>
          <w:p w:rsidR="00156FB3" w:rsidRDefault="00156FB3" w:rsidP="00156FB3">
            <w:r>
              <w:t xml:space="preserve">                        var lowerCaseOnlyCountries = this.options.onlyCountries.map(function(country) {</w:t>
            </w:r>
          </w:p>
          <w:p w:rsidR="00156FB3" w:rsidRDefault="00156FB3" w:rsidP="00156FB3">
            <w:r>
              <w:t xml:space="preserve">                            return country.toLowerCase();</w:t>
            </w:r>
          </w:p>
          <w:p w:rsidR="00156FB3" w:rsidRDefault="00156FB3" w:rsidP="00156FB3">
            <w:r>
              <w:t xml:space="preserve">                        });</w:t>
            </w:r>
          </w:p>
          <w:p w:rsidR="00156FB3" w:rsidRDefault="00156FB3" w:rsidP="00156FB3">
            <w:r>
              <w:t xml:space="preserve">                        this.countries = allCountries.filter(function(country) {</w:t>
            </w:r>
          </w:p>
          <w:p w:rsidR="00156FB3" w:rsidRDefault="00156FB3" w:rsidP="00156FB3">
            <w:r>
              <w:t xml:space="preserve">                            return lowerCaseOnlyCountries.indexOf(country.iso2) &gt; -1;</w:t>
            </w:r>
          </w:p>
          <w:p w:rsidR="00156FB3" w:rsidRDefault="00156FB3" w:rsidP="00156FB3">
            <w:r>
              <w:t xml:space="preserve">                        });</w:t>
            </w:r>
          </w:p>
          <w:p w:rsidR="00156FB3" w:rsidRDefault="00156FB3" w:rsidP="00156FB3">
            <w:r>
              <w:t xml:space="preserve">                    } else if (this.options.excludeCountries.length) {</w:t>
            </w:r>
          </w:p>
          <w:p w:rsidR="00156FB3" w:rsidRDefault="00156FB3" w:rsidP="00156FB3">
            <w:r>
              <w:t xml:space="preserve">                        var lowerCaseExcludeCountries = this.options.excludeCountries.map(function(country) {</w:t>
            </w:r>
          </w:p>
          <w:p w:rsidR="00156FB3" w:rsidRDefault="00156FB3" w:rsidP="00156FB3">
            <w:r>
              <w:t xml:space="preserve">                            return country.toLowerCase();</w:t>
            </w:r>
          </w:p>
          <w:p w:rsidR="00156FB3" w:rsidRDefault="00156FB3" w:rsidP="00156FB3">
            <w:r>
              <w:t xml:space="preserve">                        });</w:t>
            </w:r>
          </w:p>
          <w:p w:rsidR="00156FB3" w:rsidRDefault="00156FB3" w:rsidP="00156FB3">
            <w:r>
              <w:t xml:space="preserve">                        this.countries = allCountries.filter(function(country) {</w:t>
            </w:r>
          </w:p>
          <w:p w:rsidR="00156FB3" w:rsidRDefault="00156FB3" w:rsidP="00156FB3">
            <w:r>
              <w:t xml:space="preserve">                            return lowerCaseExcludeCountries.indexOf(country.iso2) === -1;</w:t>
            </w:r>
          </w:p>
          <w:p w:rsidR="00156FB3" w:rsidRDefault="00156FB3" w:rsidP="00156FB3">
            <w:r>
              <w:t xml:space="preserve">                        });</w:t>
            </w:r>
          </w:p>
          <w:p w:rsidR="00156FB3" w:rsidRDefault="00156FB3" w:rsidP="00156FB3">
            <w:r>
              <w:lastRenderedPageBreak/>
              <w:t xml:space="preserve">                    } else {</w:t>
            </w:r>
          </w:p>
          <w:p w:rsidR="00156FB3" w:rsidRDefault="00156FB3" w:rsidP="00156FB3">
            <w:r>
              <w:t xml:space="preserve">                        this.countries = allCountries;</w:t>
            </w:r>
          </w:p>
          <w:p w:rsidR="00156FB3" w:rsidRDefault="00156FB3" w:rsidP="00156FB3">
            <w:r>
              <w:t xml:space="preserve">                    }</w:t>
            </w:r>
          </w:p>
          <w:p w:rsidR="00156FB3" w:rsidRDefault="00156FB3" w:rsidP="00156FB3">
            <w:r>
              <w:t xml:space="preserve">                }</w:t>
            </w:r>
          </w:p>
          <w:p w:rsidR="00156FB3" w:rsidRDefault="00156FB3" w:rsidP="00156FB3">
            <w:r>
              <w:t xml:space="preserve">            }, {</w:t>
            </w:r>
          </w:p>
          <w:p w:rsidR="00156FB3" w:rsidRDefault="00156FB3" w:rsidP="00156FB3">
            <w:r>
              <w:t xml:space="preserve">                key: "_translateCountriesByLocale",</w:t>
            </w:r>
          </w:p>
          <w:p w:rsidR="00156FB3" w:rsidRDefault="00156FB3" w:rsidP="00156FB3">
            <w:r>
              <w:t xml:space="preserve">                value: function _translateCountriesByLocale() {</w:t>
            </w:r>
          </w:p>
          <w:p w:rsidR="00156FB3" w:rsidRDefault="00156FB3" w:rsidP="00156FB3">
            <w:r>
              <w:t xml:space="preserve">                    for (var i = 0; i &lt; this.countries.length; i++) {</w:t>
            </w:r>
          </w:p>
          <w:p w:rsidR="00156FB3" w:rsidRDefault="00156FB3" w:rsidP="00156FB3">
            <w:r>
              <w:t xml:space="preserve">                        var iso = this.countries[i].iso2.toLowerCase();</w:t>
            </w:r>
          </w:p>
          <w:p w:rsidR="00156FB3" w:rsidRDefault="00156FB3" w:rsidP="00156FB3">
            <w:r>
              <w:t xml:space="preserve">                        if (this.options.localizedCountries.hasOwnProperty(iso)) {</w:t>
            </w:r>
          </w:p>
          <w:p w:rsidR="00156FB3" w:rsidRDefault="00156FB3" w:rsidP="00156FB3">
            <w:r>
              <w:t xml:space="preserve">                            this.countries[i].name = this.options.localizedCountries[iso];</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 {</w:t>
            </w:r>
          </w:p>
          <w:p w:rsidR="00156FB3" w:rsidRDefault="00156FB3" w:rsidP="00156FB3">
            <w:r>
              <w:t xml:space="preserve">                key: "_countryNameSort",</w:t>
            </w:r>
          </w:p>
          <w:p w:rsidR="00156FB3" w:rsidRDefault="00156FB3" w:rsidP="00156FB3">
            <w:r>
              <w:t xml:space="preserve">                value: function _countryNameSort(a, b) {</w:t>
            </w:r>
          </w:p>
          <w:p w:rsidR="00156FB3" w:rsidRDefault="00156FB3" w:rsidP="00156FB3">
            <w:r>
              <w:t xml:space="preserve">                    return a.name.localeCompare(b.name);</w:t>
            </w:r>
          </w:p>
          <w:p w:rsidR="00156FB3" w:rsidRDefault="00156FB3" w:rsidP="00156FB3">
            <w:r>
              <w:t xml:space="preserve">                }</w:t>
            </w:r>
          </w:p>
          <w:p w:rsidR="00156FB3" w:rsidRDefault="00156FB3" w:rsidP="00156FB3">
            <w:r>
              <w:t xml:space="preserve">            }, {</w:t>
            </w:r>
          </w:p>
          <w:p w:rsidR="00156FB3" w:rsidRDefault="00156FB3" w:rsidP="00156FB3">
            <w:r>
              <w:t xml:space="preserve">                key: "_processCountryCodes",</w:t>
            </w:r>
          </w:p>
          <w:p w:rsidR="00156FB3" w:rsidRDefault="00156FB3" w:rsidP="00156FB3">
            <w:r>
              <w:t xml:space="preserve">                value: function _processCountryCodes() {</w:t>
            </w:r>
          </w:p>
          <w:p w:rsidR="00156FB3" w:rsidRDefault="00156FB3" w:rsidP="00156FB3">
            <w:r>
              <w:t xml:space="preserve">                    this.dialCodeMaxLen = 0;</w:t>
            </w:r>
          </w:p>
          <w:p w:rsidR="00156FB3" w:rsidRDefault="00156FB3" w:rsidP="00156FB3">
            <w:r>
              <w:t xml:space="preserve">                    this.countryCodes = {};</w:t>
            </w:r>
          </w:p>
          <w:p w:rsidR="00156FB3" w:rsidRDefault="00156FB3" w:rsidP="00156FB3">
            <w:r>
              <w:t xml:space="preserve">                    // first: add dial codes</w:t>
            </w:r>
          </w:p>
          <w:p w:rsidR="00156FB3" w:rsidRDefault="00156FB3" w:rsidP="00156FB3">
            <w:r>
              <w:t xml:space="preserve">                    for (var i = 0; i &lt; this.countries.length; i++) {</w:t>
            </w:r>
          </w:p>
          <w:p w:rsidR="00156FB3" w:rsidRDefault="00156FB3" w:rsidP="00156FB3">
            <w:r>
              <w:t xml:space="preserve">                        var c = this.countries[i];</w:t>
            </w:r>
          </w:p>
          <w:p w:rsidR="00156FB3" w:rsidRDefault="00156FB3" w:rsidP="00156FB3">
            <w:r>
              <w:t xml:space="preserve">                        this._addCountryCode(c.iso2, c.dialCode, c.priority);</w:t>
            </w:r>
          </w:p>
          <w:p w:rsidR="00156FB3" w:rsidRDefault="00156FB3" w:rsidP="00156FB3">
            <w:r>
              <w:t xml:space="preserve">                    }</w:t>
            </w:r>
          </w:p>
          <w:p w:rsidR="00156FB3" w:rsidRDefault="00156FB3" w:rsidP="00156FB3">
            <w:r>
              <w:t xml:space="preserve">                    // next: add area codes</w:t>
            </w:r>
          </w:p>
          <w:p w:rsidR="00156FB3" w:rsidRDefault="00156FB3" w:rsidP="00156FB3">
            <w:r>
              <w:t xml:space="preserve">                    // this is a second loop over countries, to make sure we have all of the "root" countries</w:t>
            </w:r>
          </w:p>
          <w:p w:rsidR="00156FB3" w:rsidRDefault="00156FB3" w:rsidP="00156FB3">
            <w:r>
              <w:t xml:space="preserve">                    // already in the map, so that we can access them, as each time we add an area code substring</w:t>
            </w:r>
          </w:p>
          <w:p w:rsidR="00156FB3" w:rsidRDefault="00156FB3" w:rsidP="00156FB3">
            <w:r>
              <w:t xml:space="preserve">                    // to the map, we also need to include the "root" country's code, as that also matches</w:t>
            </w:r>
          </w:p>
          <w:p w:rsidR="00156FB3" w:rsidRDefault="00156FB3" w:rsidP="00156FB3">
            <w:r>
              <w:t xml:space="preserve">                    for (var _i = 0; _i &lt; this.countries.length; _i++) {</w:t>
            </w:r>
          </w:p>
          <w:p w:rsidR="00156FB3" w:rsidRDefault="00156FB3" w:rsidP="00156FB3">
            <w:r>
              <w:t xml:space="preserve">                        var _c = this.countries[_i];</w:t>
            </w:r>
          </w:p>
          <w:p w:rsidR="00156FB3" w:rsidRDefault="00156FB3" w:rsidP="00156FB3">
            <w:r>
              <w:t xml:space="preserve">                        // area codes</w:t>
            </w:r>
          </w:p>
          <w:p w:rsidR="00156FB3" w:rsidRDefault="00156FB3" w:rsidP="00156FB3">
            <w:r>
              <w:t xml:space="preserve">                        if (_c.areaCodes) {</w:t>
            </w:r>
          </w:p>
          <w:p w:rsidR="00156FB3" w:rsidRDefault="00156FB3" w:rsidP="00156FB3">
            <w:r>
              <w:t xml:space="preserve">                            var rootCountryCode = this.countryCodes[_c.dialCode][0];</w:t>
            </w:r>
          </w:p>
          <w:p w:rsidR="00156FB3" w:rsidRDefault="00156FB3" w:rsidP="00156FB3">
            <w:r>
              <w:t xml:space="preserve">                            // for each area code</w:t>
            </w:r>
          </w:p>
          <w:p w:rsidR="00156FB3" w:rsidRDefault="00156FB3" w:rsidP="00156FB3">
            <w:r>
              <w:t xml:space="preserve">                            for (var j = 0; j &lt; _c.areaCodes.length; j++) {</w:t>
            </w:r>
          </w:p>
          <w:p w:rsidR="00156FB3" w:rsidRDefault="00156FB3" w:rsidP="00156FB3">
            <w:r>
              <w:t xml:space="preserve">                                var areaCode = _c.areaCodes[j];</w:t>
            </w:r>
          </w:p>
          <w:p w:rsidR="00156FB3" w:rsidRDefault="00156FB3" w:rsidP="00156FB3">
            <w:r>
              <w:t xml:space="preserve">                                // for each digit in the area code to add all partial matches as well</w:t>
            </w:r>
          </w:p>
          <w:p w:rsidR="00156FB3" w:rsidRDefault="00156FB3" w:rsidP="00156FB3">
            <w:r>
              <w:t xml:space="preserve">                                for (var k = 1; k &lt; areaCode.length; k++) {</w:t>
            </w:r>
          </w:p>
          <w:p w:rsidR="00156FB3" w:rsidRDefault="00156FB3" w:rsidP="00156FB3">
            <w:r>
              <w:t xml:space="preserve">                                    var partialDialCode = _c.dialCode + areaCode.substr(0, k);</w:t>
            </w:r>
          </w:p>
          <w:p w:rsidR="00156FB3" w:rsidRDefault="00156FB3" w:rsidP="00156FB3">
            <w:r>
              <w:t xml:space="preserve">                                    // start with the root country, as that also matches this dial code</w:t>
            </w:r>
          </w:p>
          <w:p w:rsidR="00156FB3" w:rsidRDefault="00156FB3" w:rsidP="00156FB3">
            <w:r>
              <w:t xml:space="preserve">                                    this._addCountryCode(rootCountryCode, partialDialCode);</w:t>
            </w:r>
          </w:p>
          <w:p w:rsidR="00156FB3" w:rsidRDefault="00156FB3" w:rsidP="00156FB3">
            <w:r>
              <w:t xml:space="preserve">                                    this._addCountryCode(_c.iso2, partialDialCode);</w:t>
            </w:r>
          </w:p>
          <w:p w:rsidR="00156FB3" w:rsidRDefault="00156FB3" w:rsidP="00156FB3">
            <w:r>
              <w:lastRenderedPageBreak/>
              <w:t xml:space="preserve">                                }</w:t>
            </w:r>
          </w:p>
          <w:p w:rsidR="00156FB3" w:rsidRDefault="00156FB3" w:rsidP="00156FB3">
            <w:r>
              <w:t xml:space="preserve">                                // add the full area code</w:t>
            </w:r>
          </w:p>
          <w:p w:rsidR="00156FB3" w:rsidRDefault="00156FB3" w:rsidP="00156FB3">
            <w:r>
              <w:t xml:space="preserve">                                this._addCountryCode(_c.iso2, _c.dialCode + areaCode);</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 {</w:t>
            </w:r>
          </w:p>
          <w:p w:rsidR="00156FB3" w:rsidRDefault="00156FB3" w:rsidP="00156FB3">
            <w:r>
              <w:t xml:space="preserve">                key: "_processPreferredCountries",</w:t>
            </w:r>
          </w:p>
          <w:p w:rsidR="00156FB3" w:rsidRDefault="00156FB3" w:rsidP="00156FB3">
            <w:r>
              <w:t xml:space="preserve">                value: function _processPreferredCountries() {</w:t>
            </w:r>
          </w:p>
          <w:p w:rsidR="00156FB3" w:rsidRDefault="00156FB3" w:rsidP="00156FB3">
            <w:r>
              <w:t xml:space="preserve">                    this.preferredCountries = [];</w:t>
            </w:r>
          </w:p>
          <w:p w:rsidR="00156FB3" w:rsidRDefault="00156FB3" w:rsidP="00156FB3">
            <w:r>
              <w:t xml:space="preserve">                    for (var i = 0; i &lt; this.options.preferredCountries.length; i++) {</w:t>
            </w:r>
          </w:p>
          <w:p w:rsidR="00156FB3" w:rsidRDefault="00156FB3" w:rsidP="00156FB3">
            <w:r>
              <w:t xml:space="preserve">                        var countryCode = this.options.preferredCountries[i].toLowerCase();</w:t>
            </w:r>
          </w:p>
          <w:p w:rsidR="00156FB3" w:rsidRDefault="00156FB3" w:rsidP="00156FB3">
            <w:r>
              <w:t xml:space="preserve">                        var countryData = this._getCountryData(countryCode, false, true);</w:t>
            </w:r>
          </w:p>
          <w:p w:rsidR="00156FB3" w:rsidRDefault="00156FB3" w:rsidP="00156FB3">
            <w:r>
              <w:t xml:space="preserve">                        if (countryData) this.preferredCountries.push(countryData);</w:t>
            </w:r>
          </w:p>
          <w:p w:rsidR="00156FB3" w:rsidRDefault="00156FB3" w:rsidP="00156FB3">
            <w:r>
              <w:t xml:space="preserve">                    }</w:t>
            </w:r>
          </w:p>
          <w:p w:rsidR="00156FB3" w:rsidRDefault="00156FB3" w:rsidP="00156FB3">
            <w:r>
              <w:t xml:space="preserve">                }</w:t>
            </w:r>
          </w:p>
          <w:p w:rsidR="00156FB3" w:rsidRDefault="00156FB3" w:rsidP="00156FB3">
            <w:r>
              <w:t xml:space="preserve">            }, {</w:t>
            </w:r>
          </w:p>
          <w:p w:rsidR="00156FB3" w:rsidRDefault="00156FB3" w:rsidP="00156FB3">
            <w:r>
              <w:t xml:space="preserve">                key: "_createEl",</w:t>
            </w:r>
          </w:p>
          <w:p w:rsidR="00156FB3" w:rsidRDefault="00156FB3" w:rsidP="00156FB3">
            <w:r>
              <w:t xml:space="preserve">                value: function _createEl(name, attrs, container) {</w:t>
            </w:r>
          </w:p>
          <w:p w:rsidR="00156FB3" w:rsidRDefault="00156FB3" w:rsidP="00156FB3">
            <w:r>
              <w:t xml:space="preserve">                    var el = document.createElement(name);</w:t>
            </w:r>
          </w:p>
          <w:p w:rsidR="00156FB3" w:rsidRDefault="00156FB3" w:rsidP="00156FB3">
            <w:r>
              <w:t xml:space="preserve">                    if (attrs) forEachProp(attrs, function(key, value) {</w:t>
            </w:r>
          </w:p>
          <w:p w:rsidR="00156FB3" w:rsidRDefault="00156FB3" w:rsidP="00156FB3">
            <w:r>
              <w:t xml:space="preserve">                        return el.setAttribute(key, value);</w:t>
            </w:r>
          </w:p>
          <w:p w:rsidR="00156FB3" w:rsidRDefault="00156FB3" w:rsidP="00156FB3">
            <w:r>
              <w:t xml:space="preserve">                    });</w:t>
            </w:r>
          </w:p>
          <w:p w:rsidR="00156FB3" w:rsidRDefault="00156FB3" w:rsidP="00156FB3">
            <w:r>
              <w:t xml:space="preserve">                    if (container) container.appendChild(el);</w:t>
            </w:r>
          </w:p>
          <w:p w:rsidR="00156FB3" w:rsidRDefault="00156FB3" w:rsidP="00156FB3">
            <w:r>
              <w:t xml:space="preserve">                    return el;</w:t>
            </w:r>
          </w:p>
          <w:p w:rsidR="00156FB3" w:rsidRDefault="00156FB3" w:rsidP="00156FB3">
            <w:r>
              <w:t xml:space="preserve">                }</w:t>
            </w:r>
          </w:p>
          <w:p w:rsidR="00156FB3" w:rsidRDefault="00156FB3" w:rsidP="00156FB3">
            <w:r>
              <w:t xml:space="preserve">            }, {</w:t>
            </w:r>
          </w:p>
          <w:p w:rsidR="00156FB3" w:rsidRDefault="00156FB3" w:rsidP="00156FB3">
            <w:r>
              <w:t xml:space="preserve">                key: "_generateMarkup",</w:t>
            </w:r>
          </w:p>
          <w:p w:rsidR="00156FB3" w:rsidRDefault="00156FB3" w:rsidP="00156FB3">
            <w:r>
              <w:t xml:space="preserve">                value: function _generateMarkup() {</w:t>
            </w:r>
          </w:p>
          <w:p w:rsidR="00156FB3" w:rsidRDefault="00156FB3" w:rsidP="00156FB3">
            <w:r>
              <w:t xml:space="preserve">                    // prevent autocomplete as there's no safe, cross-browser event we can react to, so it can</w:t>
            </w:r>
          </w:p>
          <w:p w:rsidR="00156FB3" w:rsidRDefault="00156FB3" w:rsidP="00156FB3">
            <w:r>
              <w:t xml:space="preserve">                    // easily put the plugin in an inconsistent state e.g. the wrong flag selected for the</w:t>
            </w:r>
          </w:p>
          <w:p w:rsidR="00156FB3" w:rsidRDefault="00156FB3" w:rsidP="00156FB3">
            <w:r>
              <w:t xml:space="preserve">                    // autocompleted number, which on submit could mean wrong number is saved (esp in nationalMode)</w:t>
            </w:r>
          </w:p>
          <w:p w:rsidR="00156FB3" w:rsidRDefault="00156FB3" w:rsidP="00156FB3">
            <w:r>
              <w:t xml:space="preserve">                    this.telInput.setAttribute("autocomplete", "off");</w:t>
            </w:r>
          </w:p>
          <w:p w:rsidR="00156FB3" w:rsidRDefault="00156FB3" w:rsidP="00156FB3">
            <w:r>
              <w:t xml:space="preserve">                    // containers (mostly for positioning)</w:t>
            </w:r>
          </w:p>
          <w:p w:rsidR="00156FB3" w:rsidRDefault="00156FB3" w:rsidP="00156FB3">
            <w:r>
              <w:t xml:space="preserve">                    var parentClass = "iti";</w:t>
            </w:r>
          </w:p>
          <w:p w:rsidR="00156FB3" w:rsidRDefault="00156FB3" w:rsidP="00156FB3">
            <w:r>
              <w:t xml:space="preserve">                    if (this.options.allowDropdown) parentClass += " iti--allow-dropdown";</w:t>
            </w:r>
          </w:p>
          <w:p w:rsidR="00156FB3" w:rsidRDefault="00156FB3" w:rsidP="00156FB3">
            <w:r>
              <w:t xml:space="preserve">                    if (this.options.separateDialCode) parentClass += " iti--separate-dial-code";</w:t>
            </w:r>
          </w:p>
          <w:p w:rsidR="00156FB3" w:rsidRDefault="00156FB3" w:rsidP="00156FB3">
            <w:r>
              <w:t xml:space="preserve">                    if (this.options.customContainer) {</w:t>
            </w:r>
          </w:p>
          <w:p w:rsidR="00156FB3" w:rsidRDefault="00156FB3" w:rsidP="00156FB3">
            <w:r>
              <w:t xml:space="preserve">                        parentClass += " ";</w:t>
            </w:r>
          </w:p>
          <w:p w:rsidR="00156FB3" w:rsidRDefault="00156FB3" w:rsidP="00156FB3">
            <w:r>
              <w:t xml:space="preserve">                        parentClass += this.options.customContainer;</w:t>
            </w:r>
          </w:p>
          <w:p w:rsidR="00156FB3" w:rsidRDefault="00156FB3" w:rsidP="00156FB3">
            <w:r>
              <w:t xml:space="preserve">                    }</w:t>
            </w:r>
          </w:p>
          <w:p w:rsidR="00156FB3" w:rsidRDefault="00156FB3" w:rsidP="00156FB3">
            <w:r>
              <w:t xml:space="preserve">                    var wrapper = this._createEl("div", {</w:t>
            </w:r>
          </w:p>
          <w:p w:rsidR="00156FB3" w:rsidRDefault="00156FB3" w:rsidP="00156FB3">
            <w:r>
              <w:t xml:space="preserve">                        "class": parentClass</w:t>
            </w:r>
          </w:p>
          <w:p w:rsidR="00156FB3" w:rsidRDefault="00156FB3" w:rsidP="00156FB3">
            <w:r>
              <w:t xml:space="preserve">                    });</w:t>
            </w:r>
          </w:p>
          <w:p w:rsidR="00156FB3" w:rsidRDefault="00156FB3" w:rsidP="00156FB3">
            <w:r>
              <w:t xml:space="preserve">                    this.telInput.parentNode.insertBefore(wrapper, this.telInput);</w:t>
            </w:r>
          </w:p>
          <w:p w:rsidR="00156FB3" w:rsidRDefault="00156FB3" w:rsidP="00156FB3">
            <w:r>
              <w:t xml:space="preserve">                    this.flagsContainer = this._createEl("div", {</w:t>
            </w:r>
          </w:p>
          <w:p w:rsidR="00156FB3" w:rsidRDefault="00156FB3" w:rsidP="00156FB3">
            <w:r>
              <w:lastRenderedPageBreak/>
              <w:t xml:space="preserve">                        "class": "iti__flag-container"</w:t>
            </w:r>
          </w:p>
          <w:p w:rsidR="00156FB3" w:rsidRDefault="00156FB3" w:rsidP="00156FB3">
            <w:r>
              <w:t xml:space="preserve">                    }, wrapper);</w:t>
            </w:r>
          </w:p>
          <w:p w:rsidR="00156FB3" w:rsidRDefault="00156FB3" w:rsidP="00156FB3">
            <w:r>
              <w:t xml:space="preserve">                    wrapper.appendChild(this.telInput);</w:t>
            </w:r>
          </w:p>
          <w:p w:rsidR="00156FB3" w:rsidRDefault="00156FB3" w:rsidP="00156FB3">
            <w:r>
              <w:t xml:space="preserve">                    // selected flag (displayed to left of input)</w:t>
            </w:r>
          </w:p>
          <w:p w:rsidR="00156FB3" w:rsidRDefault="00156FB3" w:rsidP="00156FB3">
            <w:r>
              <w:t xml:space="preserve">                    this.selectedFlag = this._createEl("div", {</w:t>
            </w:r>
          </w:p>
          <w:p w:rsidR="00156FB3" w:rsidRDefault="00156FB3" w:rsidP="00156FB3">
            <w:r>
              <w:t xml:space="preserve">                        "class": "iti__selected-flag",</w:t>
            </w:r>
          </w:p>
          <w:p w:rsidR="00156FB3" w:rsidRDefault="00156FB3" w:rsidP="00156FB3">
            <w:r>
              <w:t xml:space="preserve">                        role: "combobox",</w:t>
            </w:r>
          </w:p>
          <w:p w:rsidR="00156FB3" w:rsidRDefault="00156FB3" w:rsidP="00156FB3">
            <w:r>
              <w:t xml:space="preserve">                        "aria-owns": "country-listbox"</w:t>
            </w:r>
          </w:p>
          <w:p w:rsidR="00156FB3" w:rsidRDefault="00156FB3" w:rsidP="00156FB3">
            <w:r>
              <w:t xml:space="preserve">                    }, this.flagsContainer);</w:t>
            </w:r>
          </w:p>
          <w:p w:rsidR="00156FB3" w:rsidRDefault="00156FB3" w:rsidP="00156FB3">
            <w:r>
              <w:t xml:space="preserve">                    this.selectedFlagInner = this._createEl("div", {</w:t>
            </w:r>
          </w:p>
          <w:p w:rsidR="00156FB3" w:rsidRDefault="00156FB3" w:rsidP="00156FB3">
            <w:r>
              <w:t xml:space="preserve">                        "class": "iti__flag"</w:t>
            </w:r>
          </w:p>
          <w:p w:rsidR="00156FB3" w:rsidRDefault="00156FB3" w:rsidP="00156FB3">
            <w:r>
              <w:t xml:space="preserve">                    }, this.selectedFlag);</w:t>
            </w:r>
          </w:p>
          <w:p w:rsidR="00156FB3" w:rsidRDefault="00156FB3" w:rsidP="00156FB3">
            <w:r>
              <w:t xml:space="preserve">                    if (this.options.separateDialCode) {</w:t>
            </w:r>
          </w:p>
          <w:p w:rsidR="00156FB3" w:rsidRDefault="00156FB3" w:rsidP="00156FB3">
            <w:r>
              <w:t xml:space="preserve">                        this.selectedDialCode = this._createEl("div", {</w:t>
            </w:r>
          </w:p>
          <w:p w:rsidR="00156FB3" w:rsidRDefault="00156FB3" w:rsidP="00156FB3">
            <w:r>
              <w:t xml:space="preserve">                            "class": "iti__selected-dial-code"</w:t>
            </w:r>
          </w:p>
          <w:p w:rsidR="00156FB3" w:rsidRDefault="00156FB3" w:rsidP="00156FB3">
            <w:r>
              <w:t xml:space="preserve">                        }, this.selectedFlag);</w:t>
            </w:r>
          </w:p>
          <w:p w:rsidR="00156FB3" w:rsidRDefault="00156FB3" w:rsidP="00156FB3">
            <w:r>
              <w:t xml:space="preserve">                    }</w:t>
            </w:r>
          </w:p>
          <w:p w:rsidR="00156FB3" w:rsidRDefault="00156FB3" w:rsidP="00156FB3">
            <w:r>
              <w:t xml:space="preserve">                    if (this.options.allowDropdown) {</w:t>
            </w:r>
          </w:p>
          <w:p w:rsidR="00156FB3" w:rsidRDefault="00156FB3" w:rsidP="00156FB3">
            <w:r>
              <w:t xml:space="preserve">                        // make element focusable and tab navigable</w:t>
            </w:r>
          </w:p>
          <w:p w:rsidR="00156FB3" w:rsidRDefault="00156FB3" w:rsidP="00156FB3">
            <w:r>
              <w:t xml:space="preserve">                        this.selectedFlag.setAttribute("tabindex", "0");</w:t>
            </w:r>
          </w:p>
          <w:p w:rsidR="00156FB3" w:rsidRDefault="00156FB3" w:rsidP="00156FB3">
            <w:r>
              <w:t xml:space="preserve">                        this.dropdownArrow = this._createEl("div", {</w:t>
            </w:r>
          </w:p>
          <w:p w:rsidR="00156FB3" w:rsidRDefault="00156FB3" w:rsidP="00156FB3">
            <w:r>
              <w:t xml:space="preserve">                            "class": "iti__arrow"</w:t>
            </w:r>
          </w:p>
          <w:p w:rsidR="00156FB3" w:rsidRDefault="00156FB3" w:rsidP="00156FB3">
            <w:r>
              <w:t xml:space="preserve">                        }, this.selectedFlag);</w:t>
            </w:r>
          </w:p>
          <w:p w:rsidR="00156FB3" w:rsidRDefault="00156FB3" w:rsidP="00156FB3">
            <w:r>
              <w:t xml:space="preserve">                        // country dropdown: preferred countries, then divider, then all countries</w:t>
            </w:r>
          </w:p>
          <w:p w:rsidR="00156FB3" w:rsidRDefault="00156FB3" w:rsidP="00156FB3">
            <w:r>
              <w:t xml:space="preserve">                        this.countryList = this._createEl("ul", {</w:t>
            </w:r>
          </w:p>
          <w:p w:rsidR="00156FB3" w:rsidRDefault="00156FB3" w:rsidP="00156FB3">
            <w:r>
              <w:t xml:space="preserve">                            "class": "iti__country-list iti__hide",</w:t>
            </w:r>
          </w:p>
          <w:p w:rsidR="00156FB3" w:rsidRDefault="00156FB3" w:rsidP="00156FB3">
            <w:r>
              <w:t xml:space="preserve">                            id: "country-listbox",</w:t>
            </w:r>
          </w:p>
          <w:p w:rsidR="00156FB3" w:rsidRDefault="00156FB3" w:rsidP="00156FB3">
            <w:r>
              <w:t xml:space="preserve">                            "aria-expanded": "false",</w:t>
            </w:r>
          </w:p>
          <w:p w:rsidR="00156FB3" w:rsidRDefault="00156FB3" w:rsidP="00156FB3">
            <w:r>
              <w:t xml:space="preserve">                            role: "listbox"</w:t>
            </w:r>
          </w:p>
          <w:p w:rsidR="00156FB3" w:rsidRDefault="00156FB3" w:rsidP="00156FB3">
            <w:r>
              <w:t xml:space="preserve">                        });</w:t>
            </w:r>
          </w:p>
          <w:p w:rsidR="00156FB3" w:rsidRDefault="00156FB3" w:rsidP="00156FB3">
            <w:r>
              <w:t xml:space="preserve">                        if (this.preferredCountries.length) {</w:t>
            </w:r>
          </w:p>
          <w:p w:rsidR="00156FB3" w:rsidRDefault="00156FB3" w:rsidP="00156FB3">
            <w:r>
              <w:t xml:space="preserve">                            this._appendListItems(this.preferredCountries, "iti__preferred");</w:t>
            </w:r>
          </w:p>
          <w:p w:rsidR="00156FB3" w:rsidRDefault="00156FB3" w:rsidP="00156FB3">
            <w:r>
              <w:t xml:space="preserve">                            this._createEl("li", {</w:t>
            </w:r>
          </w:p>
          <w:p w:rsidR="00156FB3" w:rsidRDefault="00156FB3" w:rsidP="00156FB3">
            <w:r>
              <w:t xml:space="preserve">                                "class": "iti__divider",</w:t>
            </w:r>
          </w:p>
          <w:p w:rsidR="00156FB3" w:rsidRDefault="00156FB3" w:rsidP="00156FB3">
            <w:r>
              <w:t xml:space="preserve">                                role: "separator",</w:t>
            </w:r>
          </w:p>
          <w:p w:rsidR="00156FB3" w:rsidRDefault="00156FB3" w:rsidP="00156FB3">
            <w:r>
              <w:t xml:space="preserve">                                "aria-disabled": "true"</w:t>
            </w:r>
          </w:p>
          <w:p w:rsidR="00156FB3" w:rsidRDefault="00156FB3" w:rsidP="00156FB3">
            <w:r>
              <w:t xml:space="preserve">                            }, this.countryList);</w:t>
            </w:r>
          </w:p>
          <w:p w:rsidR="00156FB3" w:rsidRDefault="00156FB3" w:rsidP="00156FB3">
            <w:r>
              <w:t xml:space="preserve">                        }</w:t>
            </w:r>
          </w:p>
          <w:p w:rsidR="00156FB3" w:rsidRDefault="00156FB3" w:rsidP="00156FB3">
            <w:r>
              <w:t xml:space="preserve">                        this._appendListItems(this.countries, "iti__standard");</w:t>
            </w:r>
          </w:p>
          <w:p w:rsidR="00156FB3" w:rsidRDefault="00156FB3" w:rsidP="00156FB3">
            <w:r>
              <w:t xml:space="preserve">                        // create dropdownContainer markup</w:t>
            </w:r>
          </w:p>
          <w:p w:rsidR="00156FB3" w:rsidRDefault="00156FB3" w:rsidP="00156FB3">
            <w:r>
              <w:t xml:space="preserve">                        if (this.options.dropdownContainer) {</w:t>
            </w:r>
          </w:p>
          <w:p w:rsidR="00156FB3" w:rsidRDefault="00156FB3" w:rsidP="00156FB3">
            <w:r>
              <w:t xml:space="preserve">                            this.dropdown = this._createEl("div", {</w:t>
            </w:r>
          </w:p>
          <w:p w:rsidR="00156FB3" w:rsidRDefault="00156FB3" w:rsidP="00156FB3">
            <w:r>
              <w:t xml:space="preserve">                                "class": "iti iti--container"</w:t>
            </w:r>
          </w:p>
          <w:p w:rsidR="00156FB3" w:rsidRDefault="00156FB3" w:rsidP="00156FB3">
            <w:r>
              <w:t xml:space="preserve">                            });</w:t>
            </w:r>
          </w:p>
          <w:p w:rsidR="00156FB3" w:rsidRDefault="00156FB3" w:rsidP="00156FB3">
            <w:r>
              <w:t xml:space="preserve">                            this.dropdown.appendChild(this.countryList);</w:t>
            </w:r>
          </w:p>
          <w:p w:rsidR="00156FB3" w:rsidRDefault="00156FB3" w:rsidP="00156FB3">
            <w:r>
              <w:t xml:space="preserve">                        } else {</w:t>
            </w:r>
          </w:p>
          <w:p w:rsidR="00156FB3" w:rsidRDefault="00156FB3" w:rsidP="00156FB3">
            <w:r>
              <w:t xml:space="preserve">                            this.flagsContainer.appendChild(this.countryList);</w:t>
            </w:r>
          </w:p>
          <w:p w:rsidR="00156FB3" w:rsidRDefault="00156FB3" w:rsidP="00156FB3">
            <w:r>
              <w:t xml:space="preserve">                        }</w:t>
            </w:r>
          </w:p>
          <w:p w:rsidR="00156FB3" w:rsidRDefault="00156FB3" w:rsidP="00156FB3">
            <w:r>
              <w:lastRenderedPageBreak/>
              <w:t xml:space="preserve">                    }</w:t>
            </w:r>
          </w:p>
          <w:p w:rsidR="00156FB3" w:rsidRDefault="00156FB3" w:rsidP="00156FB3">
            <w:r>
              <w:t xml:space="preserve">                    if (this.options.hiddenInput) {</w:t>
            </w:r>
          </w:p>
          <w:p w:rsidR="00156FB3" w:rsidRDefault="00156FB3" w:rsidP="00156FB3">
            <w:r>
              <w:t xml:space="preserve">                        var hiddenInputName = this.options.hiddenInput;</w:t>
            </w:r>
          </w:p>
          <w:p w:rsidR="00156FB3" w:rsidRDefault="00156FB3" w:rsidP="00156FB3">
            <w:r>
              <w:t xml:space="preserve">                        var name = this.telInput.getAttribute("name");</w:t>
            </w:r>
          </w:p>
          <w:p w:rsidR="00156FB3" w:rsidRDefault="00156FB3" w:rsidP="00156FB3">
            <w:r>
              <w:t xml:space="preserve">                        if (name) {</w:t>
            </w:r>
          </w:p>
          <w:p w:rsidR="00156FB3" w:rsidRDefault="00156FB3" w:rsidP="00156FB3">
            <w:r>
              <w:t xml:space="preserve">                            var i = name.lastIndexOf("[");</w:t>
            </w:r>
          </w:p>
          <w:p w:rsidR="00156FB3" w:rsidRDefault="00156FB3" w:rsidP="00156FB3">
            <w:r>
              <w:t xml:space="preserve">                            // if input name contains square brackets, then give the hidden input the same name,</w:t>
            </w:r>
          </w:p>
          <w:p w:rsidR="00156FB3" w:rsidRDefault="00156FB3" w:rsidP="00156FB3">
            <w:r>
              <w:t xml:space="preserve">                            // replacing the contents of the last set of brackets with the given hiddenInput name</w:t>
            </w:r>
          </w:p>
          <w:p w:rsidR="00156FB3" w:rsidRDefault="00156FB3" w:rsidP="00156FB3">
            <w:r>
              <w:t xml:space="preserve">                            if (i !== -1) hiddenInputName = "".concat(name.substr(0, i), "[").concat(hiddenInputName, "]");</w:t>
            </w:r>
          </w:p>
          <w:p w:rsidR="00156FB3" w:rsidRDefault="00156FB3" w:rsidP="00156FB3">
            <w:r>
              <w:t xml:space="preserve">                        }</w:t>
            </w:r>
          </w:p>
          <w:p w:rsidR="00156FB3" w:rsidRDefault="00156FB3" w:rsidP="00156FB3">
            <w:r>
              <w:t xml:space="preserve">                        if (document.getElementsByName(hiddenInputName).length) {</w:t>
            </w:r>
          </w:p>
          <w:p w:rsidR="00156FB3" w:rsidRDefault="00156FB3" w:rsidP="00156FB3">
            <w:r>
              <w:t xml:space="preserve">                            this.hiddenInput = document.getElementsByName(hiddenInputName)[0];</w:t>
            </w:r>
          </w:p>
          <w:p w:rsidR="00156FB3" w:rsidRDefault="00156FB3" w:rsidP="00156FB3">
            <w:r>
              <w:t xml:space="preserve">                        } else {</w:t>
            </w:r>
          </w:p>
          <w:p w:rsidR="00156FB3" w:rsidRDefault="00156FB3" w:rsidP="00156FB3">
            <w:r>
              <w:t xml:space="preserve">                            this.hiddenInput = this._createEl("input", {</w:t>
            </w:r>
          </w:p>
          <w:p w:rsidR="00156FB3" w:rsidRDefault="00156FB3" w:rsidP="00156FB3">
            <w:r>
              <w:t xml:space="preserve">                                type: "hidden",</w:t>
            </w:r>
          </w:p>
          <w:p w:rsidR="00156FB3" w:rsidRDefault="00156FB3" w:rsidP="00156FB3">
            <w:r>
              <w:t xml:space="preserve">                                name: hiddenInputName</w:t>
            </w:r>
          </w:p>
          <w:p w:rsidR="00156FB3" w:rsidRDefault="00156FB3" w:rsidP="00156FB3">
            <w:r>
              <w:t xml:space="preserve">                            });</w:t>
            </w:r>
          </w:p>
          <w:p w:rsidR="00156FB3" w:rsidRDefault="00156FB3" w:rsidP="00156FB3">
            <w:r>
              <w:t xml:space="preserve">                            wrapper.appendChild(this.hiddenInput);</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 {</w:t>
            </w:r>
          </w:p>
          <w:p w:rsidR="00156FB3" w:rsidRDefault="00156FB3" w:rsidP="00156FB3">
            <w:r>
              <w:t xml:space="preserve">                key: "_appendListItems",</w:t>
            </w:r>
          </w:p>
          <w:p w:rsidR="00156FB3" w:rsidRDefault="00156FB3" w:rsidP="00156FB3">
            <w:r>
              <w:t xml:space="preserve">                value: function _appendListItems(countries, className) {</w:t>
            </w:r>
          </w:p>
          <w:p w:rsidR="00156FB3" w:rsidRDefault="00156FB3" w:rsidP="00156FB3">
            <w:r>
              <w:t xml:space="preserve">                    // we create so many DOM elements, it is faster to build a temp string</w:t>
            </w:r>
          </w:p>
          <w:p w:rsidR="00156FB3" w:rsidRDefault="00156FB3" w:rsidP="00156FB3">
            <w:r>
              <w:t xml:space="preserve">                    // and then add everything to the DOM in one go at the end</w:t>
            </w:r>
          </w:p>
          <w:p w:rsidR="00156FB3" w:rsidRDefault="00156FB3" w:rsidP="00156FB3">
            <w:r>
              <w:t xml:space="preserve">                    var tmp = "";</w:t>
            </w:r>
          </w:p>
          <w:p w:rsidR="00156FB3" w:rsidRDefault="00156FB3" w:rsidP="00156FB3">
            <w:r>
              <w:t xml:space="preserve">                    // for each country</w:t>
            </w:r>
          </w:p>
          <w:p w:rsidR="00156FB3" w:rsidRDefault="00156FB3" w:rsidP="00156FB3">
            <w:r>
              <w:t xml:space="preserve">                    for (var i = 0; i &lt; countries.length; i++) {</w:t>
            </w:r>
          </w:p>
          <w:p w:rsidR="00156FB3" w:rsidRDefault="00156FB3" w:rsidP="00156FB3">
            <w:r>
              <w:t xml:space="preserve">                        var c = countries[i];</w:t>
            </w:r>
          </w:p>
          <w:p w:rsidR="00156FB3" w:rsidRDefault="00156FB3" w:rsidP="00156FB3">
            <w:r>
              <w:t xml:space="preserve">                        // open the list item</w:t>
            </w:r>
          </w:p>
          <w:p w:rsidR="00156FB3" w:rsidRDefault="00156FB3" w:rsidP="00156FB3">
            <w:r>
              <w:t xml:space="preserve">                        tmp += "&lt;li class='iti__country ".concat(className, "' tabIndex='-1' id='iti-item-").concat(c.iso2, "' role='option' data-dial-code='").concat(c.dialCode, "' data-country-code='").concat(c.iso2, "'&gt;");</w:t>
            </w:r>
          </w:p>
          <w:p w:rsidR="00156FB3" w:rsidRDefault="00156FB3" w:rsidP="00156FB3">
            <w:r>
              <w:t xml:space="preserve">                        // add the flag</w:t>
            </w:r>
          </w:p>
          <w:p w:rsidR="00156FB3" w:rsidRDefault="00156FB3" w:rsidP="00156FB3">
            <w:r>
              <w:t xml:space="preserve">                        tmp += "&lt;div class='iti__flag-box'&gt;&lt;div class='iti__flag iti__".concat(c.iso2, "'&gt;&lt;/div&gt;&lt;/div&gt;");</w:t>
            </w:r>
          </w:p>
          <w:p w:rsidR="00156FB3" w:rsidRDefault="00156FB3" w:rsidP="00156FB3">
            <w:r>
              <w:t xml:space="preserve">                        // and the country name and dial code</w:t>
            </w:r>
          </w:p>
          <w:p w:rsidR="00156FB3" w:rsidRDefault="00156FB3" w:rsidP="00156FB3">
            <w:r>
              <w:t xml:space="preserve">                        tmp += "&lt;span class='iti__country-name'&gt;".concat(c.name, "&lt;/span&gt;");</w:t>
            </w:r>
          </w:p>
          <w:p w:rsidR="00156FB3" w:rsidRDefault="00156FB3" w:rsidP="00156FB3">
            <w:r>
              <w:t xml:space="preserve">                        tmp += "&lt;span class='iti__dial-code'&gt;+".concat(c.dialCode, "&lt;/span&gt;");</w:t>
            </w:r>
          </w:p>
          <w:p w:rsidR="00156FB3" w:rsidRDefault="00156FB3" w:rsidP="00156FB3">
            <w:r>
              <w:t xml:space="preserve">                        // close the list item</w:t>
            </w:r>
          </w:p>
          <w:p w:rsidR="00156FB3" w:rsidRDefault="00156FB3" w:rsidP="00156FB3">
            <w:r>
              <w:t xml:space="preserve">                        tmp += "&lt;/li&gt;";</w:t>
            </w:r>
          </w:p>
          <w:p w:rsidR="00156FB3" w:rsidRDefault="00156FB3" w:rsidP="00156FB3">
            <w:r>
              <w:t xml:space="preserve">                    }</w:t>
            </w:r>
          </w:p>
          <w:p w:rsidR="00156FB3" w:rsidRDefault="00156FB3" w:rsidP="00156FB3">
            <w:r>
              <w:t xml:space="preserve">                    this.countryList.insertAdjacentHTML("beforeend", tmp);</w:t>
            </w:r>
          </w:p>
          <w:p w:rsidR="00156FB3" w:rsidRDefault="00156FB3" w:rsidP="00156FB3">
            <w:r>
              <w:t xml:space="preserve">                }</w:t>
            </w:r>
          </w:p>
          <w:p w:rsidR="00156FB3" w:rsidRDefault="00156FB3" w:rsidP="00156FB3">
            <w:r>
              <w:t xml:space="preserve">            }, {</w:t>
            </w:r>
          </w:p>
          <w:p w:rsidR="00156FB3" w:rsidRDefault="00156FB3" w:rsidP="00156FB3">
            <w:r>
              <w:t xml:space="preserve">                key: "_setInitialState",</w:t>
            </w:r>
          </w:p>
          <w:p w:rsidR="00156FB3" w:rsidRDefault="00156FB3" w:rsidP="00156FB3">
            <w:r>
              <w:lastRenderedPageBreak/>
              <w:t xml:space="preserve">                value: function _setInitialState() {</w:t>
            </w:r>
          </w:p>
          <w:p w:rsidR="00156FB3" w:rsidRDefault="00156FB3" w:rsidP="00156FB3">
            <w:r>
              <w:t xml:space="preserve">                    var val = this.telInput.value;</w:t>
            </w:r>
          </w:p>
          <w:p w:rsidR="00156FB3" w:rsidRDefault="00156FB3" w:rsidP="00156FB3">
            <w:r>
              <w:t xml:space="preserve">                    var dialCode = this._getDialCode(val);</w:t>
            </w:r>
          </w:p>
          <w:p w:rsidR="00156FB3" w:rsidRDefault="00156FB3" w:rsidP="00156FB3">
            <w:r>
              <w:t xml:space="preserve">                    var isRegionlessNanp = this._isRegionlessNanp(val);</w:t>
            </w:r>
          </w:p>
          <w:p w:rsidR="00156FB3" w:rsidRDefault="00156FB3" w:rsidP="00156FB3">
            <w:r>
              <w:t xml:space="preserve">                    var _this$options = this.options, initialCountry = _this$options.initialCountry, nationalMode = _this$options.nationalMode, autoHideDialCode = _this$options.autoHideDialCode, separateDialCode = _this$options.separateDialCode;</w:t>
            </w:r>
          </w:p>
          <w:p w:rsidR="00156FB3" w:rsidRDefault="00156FB3" w:rsidP="00156FB3">
            <w:r>
              <w:t xml:space="preserve">                    // if we already have a dial code, and it's not a regionlessNanp, we can go ahead and set the</w:t>
            </w:r>
          </w:p>
          <w:p w:rsidR="00156FB3" w:rsidRDefault="00156FB3" w:rsidP="00156FB3">
            <w:r>
              <w:t xml:space="preserve">                    // flag, else fall back to the default country</w:t>
            </w:r>
          </w:p>
          <w:p w:rsidR="00156FB3" w:rsidRDefault="00156FB3" w:rsidP="00156FB3">
            <w:r>
              <w:t xml:space="preserve">                    if (dialCode &amp;&amp; !isRegionlessNanp) {</w:t>
            </w:r>
          </w:p>
          <w:p w:rsidR="00156FB3" w:rsidRDefault="00156FB3" w:rsidP="00156FB3">
            <w:r>
              <w:t xml:space="preserve">                        this._updateFlagFromNumber(val);</w:t>
            </w:r>
          </w:p>
          <w:p w:rsidR="00156FB3" w:rsidRDefault="00156FB3" w:rsidP="00156FB3">
            <w:r>
              <w:t xml:space="preserve">                    } else if (initialCountry !== "auto") {</w:t>
            </w:r>
          </w:p>
          <w:p w:rsidR="00156FB3" w:rsidRDefault="00156FB3" w:rsidP="00156FB3">
            <w:r>
              <w:t xml:space="preserve">                        // see if we should select a flag</w:t>
            </w:r>
          </w:p>
          <w:p w:rsidR="00156FB3" w:rsidRDefault="00156FB3" w:rsidP="00156FB3">
            <w:r>
              <w:t xml:space="preserve">                        if (initialCountry) {</w:t>
            </w:r>
          </w:p>
          <w:p w:rsidR="00156FB3" w:rsidRDefault="00156FB3" w:rsidP="00156FB3">
            <w:r>
              <w:t xml:space="preserve">                            this._setFlag(initialCountry.toLowerCase());</w:t>
            </w:r>
          </w:p>
          <w:p w:rsidR="00156FB3" w:rsidRDefault="00156FB3" w:rsidP="00156FB3">
            <w:r>
              <w:t xml:space="preserve">                        } else {</w:t>
            </w:r>
          </w:p>
          <w:p w:rsidR="00156FB3" w:rsidRDefault="00156FB3" w:rsidP="00156FB3">
            <w:r>
              <w:t xml:space="preserve">                            if (dialCode &amp;&amp; isRegionlessNanp) {</w:t>
            </w:r>
          </w:p>
          <w:p w:rsidR="00156FB3" w:rsidRDefault="00156FB3" w:rsidP="00156FB3">
            <w:r>
              <w:t xml:space="preserve">                                // has intl dial code, is regionless nanp, and no initialCountry, so default to US</w:t>
            </w:r>
          </w:p>
          <w:p w:rsidR="00156FB3" w:rsidRDefault="00156FB3" w:rsidP="00156FB3">
            <w:r>
              <w:t xml:space="preserve">                                this._setFlag("us");</w:t>
            </w:r>
          </w:p>
          <w:p w:rsidR="00156FB3" w:rsidRDefault="00156FB3" w:rsidP="00156FB3">
            <w:r>
              <w:t xml:space="preserve">                            } else {</w:t>
            </w:r>
          </w:p>
          <w:p w:rsidR="00156FB3" w:rsidRDefault="00156FB3" w:rsidP="00156FB3">
            <w:r>
              <w:t xml:space="preserve">                                // no dial code and no initialCountry, so default to first in list</w:t>
            </w:r>
          </w:p>
          <w:p w:rsidR="00156FB3" w:rsidRDefault="00156FB3" w:rsidP="00156FB3">
            <w:r>
              <w:t xml:space="preserve">                                this.defaultCountry = this.preferredCountries.length ? this.preferredCountries[0].iso2 : this.countries[0].iso2;</w:t>
            </w:r>
          </w:p>
          <w:p w:rsidR="00156FB3" w:rsidRDefault="00156FB3" w:rsidP="00156FB3">
            <w:r>
              <w:t xml:space="preserve">                                if (!val) {</w:t>
            </w:r>
          </w:p>
          <w:p w:rsidR="00156FB3" w:rsidRDefault="00156FB3" w:rsidP="00156FB3">
            <w:r>
              <w:t xml:space="preserve">                                    this._setFlag(this.defaultCountry);</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 if empty and no nationalMode and no autoHideDialCode then insert the default dial code</w:t>
            </w:r>
          </w:p>
          <w:p w:rsidR="00156FB3" w:rsidRDefault="00156FB3" w:rsidP="00156FB3">
            <w:r>
              <w:t xml:space="preserve">                        if (!val &amp;&amp; !nationalMode &amp;&amp; !autoHideDialCode &amp;&amp; !separateDialCode) {</w:t>
            </w:r>
          </w:p>
          <w:p w:rsidR="00156FB3" w:rsidRDefault="00156FB3" w:rsidP="00156FB3">
            <w:r>
              <w:t xml:space="preserve">                            this.telInput.value = "+".concat(this.selectedCountryData.dialCode);</w:t>
            </w:r>
          </w:p>
          <w:p w:rsidR="00156FB3" w:rsidRDefault="00156FB3" w:rsidP="00156FB3">
            <w:r>
              <w:t xml:space="preserve">                        }</w:t>
            </w:r>
          </w:p>
          <w:p w:rsidR="00156FB3" w:rsidRDefault="00156FB3" w:rsidP="00156FB3">
            <w:r>
              <w:t xml:space="preserve">                    }</w:t>
            </w:r>
          </w:p>
          <w:p w:rsidR="00156FB3" w:rsidRDefault="00156FB3" w:rsidP="00156FB3">
            <w:r>
              <w:t xml:space="preserve">                    // NOTE: if initialCountry is set to auto, that will be handled separately</w:t>
            </w:r>
          </w:p>
          <w:p w:rsidR="00156FB3" w:rsidRDefault="00156FB3" w:rsidP="00156FB3">
            <w:r>
              <w:t xml:space="preserve">                    // format - note this wont be run after _updateDialCode as that's only called if no val</w:t>
            </w:r>
          </w:p>
          <w:p w:rsidR="00156FB3" w:rsidRDefault="00156FB3" w:rsidP="00156FB3">
            <w:r>
              <w:t xml:space="preserve">                    if (val) this._updateValFromNumber(val);</w:t>
            </w:r>
          </w:p>
          <w:p w:rsidR="00156FB3" w:rsidRDefault="00156FB3" w:rsidP="00156FB3">
            <w:r>
              <w:t xml:space="preserve">                }</w:t>
            </w:r>
          </w:p>
          <w:p w:rsidR="00156FB3" w:rsidRDefault="00156FB3" w:rsidP="00156FB3">
            <w:r>
              <w:t xml:space="preserve">            }, {</w:t>
            </w:r>
          </w:p>
          <w:p w:rsidR="00156FB3" w:rsidRDefault="00156FB3" w:rsidP="00156FB3">
            <w:r>
              <w:t xml:space="preserve">                key: "_initListeners",</w:t>
            </w:r>
          </w:p>
          <w:p w:rsidR="00156FB3" w:rsidRDefault="00156FB3" w:rsidP="00156FB3">
            <w:r>
              <w:t xml:space="preserve">                value: function _initListeners() {</w:t>
            </w:r>
          </w:p>
          <w:p w:rsidR="00156FB3" w:rsidRDefault="00156FB3" w:rsidP="00156FB3">
            <w:r>
              <w:t xml:space="preserve">                    this._initKeyListeners();</w:t>
            </w:r>
          </w:p>
          <w:p w:rsidR="00156FB3" w:rsidRDefault="00156FB3" w:rsidP="00156FB3">
            <w:r>
              <w:t xml:space="preserve">                    if (this.options.autoHideDialCode) this._initBlurListeners();</w:t>
            </w:r>
          </w:p>
          <w:p w:rsidR="00156FB3" w:rsidRDefault="00156FB3" w:rsidP="00156FB3">
            <w:r>
              <w:t xml:space="preserve">                    if (this.options.allowDropdown) this._initDropdownListeners();</w:t>
            </w:r>
          </w:p>
          <w:p w:rsidR="00156FB3" w:rsidRDefault="00156FB3" w:rsidP="00156FB3">
            <w:r>
              <w:t xml:space="preserve">                    if (this.hiddenInput) this._initHiddenInputListener();</w:t>
            </w:r>
          </w:p>
          <w:p w:rsidR="00156FB3" w:rsidRDefault="00156FB3" w:rsidP="00156FB3">
            <w:r>
              <w:t xml:space="preserve">                }</w:t>
            </w:r>
          </w:p>
          <w:p w:rsidR="00156FB3" w:rsidRDefault="00156FB3" w:rsidP="00156FB3">
            <w:r>
              <w:t xml:space="preserve">            }, {</w:t>
            </w:r>
          </w:p>
          <w:p w:rsidR="00156FB3" w:rsidRDefault="00156FB3" w:rsidP="00156FB3">
            <w:r>
              <w:t xml:space="preserve">                key: "_initHiddenInputListener",</w:t>
            </w:r>
          </w:p>
          <w:p w:rsidR="00156FB3" w:rsidRDefault="00156FB3" w:rsidP="00156FB3">
            <w:r>
              <w:lastRenderedPageBreak/>
              <w:t xml:space="preserve">                value: function _initHiddenInputListener() {</w:t>
            </w:r>
          </w:p>
          <w:p w:rsidR="00156FB3" w:rsidRDefault="00156FB3" w:rsidP="00156FB3">
            <w:r>
              <w:t xml:space="preserve">                    var _this3 = this;</w:t>
            </w:r>
          </w:p>
          <w:p w:rsidR="00156FB3" w:rsidRDefault="00156FB3" w:rsidP="00156FB3">
            <w:r>
              <w:t xml:space="preserve">                    this._handleHiddenInputSubmit = function() {</w:t>
            </w:r>
          </w:p>
          <w:p w:rsidR="00156FB3" w:rsidRDefault="00156FB3" w:rsidP="00156FB3">
            <w:r>
              <w:t xml:space="preserve">                        _this3.hiddenInput.value = _this3.getNumber();</w:t>
            </w:r>
          </w:p>
          <w:p w:rsidR="00156FB3" w:rsidRDefault="00156FB3" w:rsidP="00156FB3">
            <w:r>
              <w:t xml:space="preserve">                    };</w:t>
            </w:r>
          </w:p>
          <w:p w:rsidR="00156FB3" w:rsidRDefault="00156FB3" w:rsidP="00156FB3">
            <w:r>
              <w:t xml:space="preserve">                    if (this.telInput.form) this.telInput.form.addEventListener("submit", this._handleHiddenInputSubmit);</w:t>
            </w:r>
          </w:p>
          <w:p w:rsidR="00156FB3" w:rsidRDefault="00156FB3" w:rsidP="00156FB3">
            <w:r>
              <w:t xml:space="preserve">                    this.telInput.addEventListener("blur", this._handleHiddenInputSubmit);</w:t>
            </w:r>
          </w:p>
          <w:p w:rsidR="00156FB3" w:rsidRDefault="00156FB3" w:rsidP="00156FB3">
            <w:r>
              <w:t xml:space="preserve">                }</w:t>
            </w:r>
          </w:p>
          <w:p w:rsidR="00156FB3" w:rsidRDefault="00156FB3" w:rsidP="00156FB3">
            <w:r>
              <w:t xml:space="preserve">            }, {</w:t>
            </w:r>
          </w:p>
          <w:p w:rsidR="00156FB3" w:rsidRDefault="00156FB3" w:rsidP="00156FB3">
            <w:r>
              <w:t xml:space="preserve">                key: "_getClosestLabel",</w:t>
            </w:r>
          </w:p>
          <w:p w:rsidR="00156FB3" w:rsidRDefault="00156FB3" w:rsidP="00156FB3">
            <w:r>
              <w:t xml:space="preserve">                value: function _getClosestLabel() {</w:t>
            </w:r>
          </w:p>
          <w:p w:rsidR="00156FB3" w:rsidRDefault="00156FB3" w:rsidP="00156FB3">
            <w:r>
              <w:t xml:space="preserve">                    var el = this.telInput;</w:t>
            </w:r>
          </w:p>
          <w:p w:rsidR="00156FB3" w:rsidRDefault="00156FB3" w:rsidP="00156FB3">
            <w:r>
              <w:t xml:space="preserve">                    while (el &amp;&amp; el.tagName !== "LABEL") {</w:t>
            </w:r>
          </w:p>
          <w:p w:rsidR="00156FB3" w:rsidRDefault="00156FB3" w:rsidP="00156FB3">
            <w:r>
              <w:t xml:space="preserve">                        el = el.parentNode;</w:t>
            </w:r>
          </w:p>
          <w:p w:rsidR="00156FB3" w:rsidRDefault="00156FB3" w:rsidP="00156FB3">
            <w:r>
              <w:t xml:space="preserve">                    }</w:t>
            </w:r>
          </w:p>
          <w:p w:rsidR="00156FB3" w:rsidRDefault="00156FB3" w:rsidP="00156FB3">
            <w:r>
              <w:t xml:space="preserve">                    return el;</w:t>
            </w:r>
          </w:p>
          <w:p w:rsidR="00156FB3" w:rsidRDefault="00156FB3" w:rsidP="00156FB3">
            <w:r>
              <w:t xml:space="preserve">                }</w:t>
            </w:r>
          </w:p>
          <w:p w:rsidR="00156FB3" w:rsidRDefault="00156FB3" w:rsidP="00156FB3">
            <w:r>
              <w:t xml:space="preserve">            }, {</w:t>
            </w:r>
          </w:p>
          <w:p w:rsidR="00156FB3" w:rsidRDefault="00156FB3" w:rsidP="00156FB3">
            <w:r>
              <w:t xml:space="preserve">                key: "_initDropdownListeners",</w:t>
            </w:r>
          </w:p>
          <w:p w:rsidR="00156FB3" w:rsidRDefault="00156FB3" w:rsidP="00156FB3">
            <w:r>
              <w:t xml:space="preserve">                value: function _initDropdownListeners() {</w:t>
            </w:r>
          </w:p>
          <w:p w:rsidR="00156FB3" w:rsidRDefault="00156FB3" w:rsidP="00156FB3">
            <w:r>
              <w:t xml:space="preserve">                    var _this4 = this;</w:t>
            </w:r>
          </w:p>
          <w:p w:rsidR="00156FB3" w:rsidRDefault="00156FB3" w:rsidP="00156FB3">
            <w:r>
              <w:t xml:space="preserve">                    // hack for input nested inside label (which is valid markup): clicking the selected-flag to</w:t>
            </w:r>
          </w:p>
          <w:p w:rsidR="00156FB3" w:rsidRDefault="00156FB3" w:rsidP="00156FB3">
            <w:r>
              <w:t xml:space="preserve">                    // open the dropdown would then automatically trigger a 2nd click on the input which would</w:t>
            </w:r>
          </w:p>
          <w:p w:rsidR="00156FB3" w:rsidRDefault="00156FB3" w:rsidP="00156FB3">
            <w:r>
              <w:t xml:space="preserve">                    // close it again</w:t>
            </w:r>
          </w:p>
          <w:p w:rsidR="00156FB3" w:rsidRDefault="00156FB3" w:rsidP="00156FB3">
            <w:r>
              <w:t xml:space="preserve">                    this._handleLabelClick = function(e) {</w:t>
            </w:r>
          </w:p>
          <w:p w:rsidR="00156FB3" w:rsidRDefault="00156FB3" w:rsidP="00156FB3">
            <w:r>
              <w:t xml:space="preserve">                        // if the dropdown is closed, then focus the input, else ignore the click</w:t>
            </w:r>
          </w:p>
          <w:p w:rsidR="00156FB3" w:rsidRDefault="00156FB3" w:rsidP="00156FB3">
            <w:r>
              <w:t xml:space="preserve">                        if (_this4.countryList.classList.contains("iti__hide")) _this4.telInput.focus(); else e.preventDefault();</w:t>
            </w:r>
          </w:p>
          <w:p w:rsidR="00156FB3" w:rsidRDefault="00156FB3" w:rsidP="00156FB3">
            <w:r>
              <w:t xml:space="preserve">                    };</w:t>
            </w:r>
          </w:p>
          <w:p w:rsidR="00156FB3" w:rsidRDefault="00156FB3" w:rsidP="00156FB3">
            <w:r>
              <w:t xml:space="preserve">                    var label = this._getClosestLabel();</w:t>
            </w:r>
          </w:p>
          <w:p w:rsidR="00156FB3" w:rsidRDefault="00156FB3" w:rsidP="00156FB3">
            <w:r>
              <w:t xml:space="preserve">                    if (label) label.addEventListener("click", this._handleLabelClick);</w:t>
            </w:r>
          </w:p>
          <w:p w:rsidR="00156FB3" w:rsidRDefault="00156FB3" w:rsidP="00156FB3">
            <w:r>
              <w:t xml:space="preserve">                    // toggle country dropdown on click</w:t>
            </w:r>
          </w:p>
          <w:p w:rsidR="00156FB3" w:rsidRDefault="00156FB3" w:rsidP="00156FB3">
            <w:r>
              <w:t xml:space="preserve">                    this._handleClickSelectedFlag = function() {</w:t>
            </w:r>
          </w:p>
          <w:p w:rsidR="00156FB3" w:rsidRDefault="00156FB3" w:rsidP="00156FB3">
            <w:r>
              <w:t xml:space="preserve">                        // only intercept this event if we're opening the dropdown</w:t>
            </w:r>
          </w:p>
          <w:p w:rsidR="00156FB3" w:rsidRDefault="00156FB3" w:rsidP="00156FB3">
            <w:r>
              <w:t xml:space="preserve">                        // else let it bubble up to the top ("click-off-to-close" listener)</w:t>
            </w:r>
          </w:p>
          <w:p w:rsidR="00156FB3" w:rsidRDefault="00156FB3" w:rsidP="00156FB3">
            <w:r>
              <w:t xml:space="preserve">                        // we cannot just stopPropagation as it may be needed to close another instance</w:t>
            </w:r>
          </w:p>
          <w:p w:rsidR="00156FB3" w:rsidRDefault="00156FB3" w:rsidP="00156FB3">
            <w:r>
              <w:t xml:space="preserve">                        if (_this4.countryList.classList.contains("iti__hide") &amp;&amp; !_this4.telInput.disabled &amp;&amp; !_this4.telInput.readOnly) {</w:t>
            </w:r>
          </w:p>
          <w:p w:rsidR="00156FB3" w:rsidRDefault="00156FB3" w:rsidP="00156FB3">
            <w:r>
              <w:t xml:space="preserve">                            _this4._showDropdown();</w:t>
            </w:r>
          </w:p>
          <w:p w:rsidR="00156FB3" w:rsidRDefault="00156FB3" w:rsidP="00156FB3">
            <w:r>
              <w:t xml:space="preserve">                        }</w:t>
            </w:r>
          </w:p>
          <w:p w:rsidR="00156FB3" w:rsidRDefault="00156FB3" w:rsidP="00156FB3">
            <w:r>
              <w:t xml:space="preserve">                    };</w:t>
            </w:r>
          </w:p>
          <w:p w:rsidR="00156FB3" w:rsidRDefault="00156FB3" w:rsidP="00156FB3">
            <w:r>
              <w:t xml:space="preserve">                    this.selectedFlag.addEventListener("click", this._handleClickSelectedFlag);</w:t>
            </w:r>
          </w:p>
          <w:p w:rsidR="00156FB3" w:rsidRDefault="00156FB3" w:rsidP="00156FB3">
            <w:r>
              <w:t xml:space="preserve">                    // open dropdown list if currently focused</w:t>
            </w:r>
          </w:p>
          <w:p w:rsidR="00156FB3" w:rsidRDefault="00156FB3" w:rsidP="00156FB3">
            <w:r>
              <w:t xml:space="preserve">                    this._handleFlagsContainerKeydown = function(e) {</w:t>
            </w:r>
          </w:p>
          <w:p w:rsidR="00156FB3" w:rsidRDefault="00156FB3" w:rsidP="00156FB3">
            <w:r>
              <w:t xml:space="preserve">                        var isDropdownHidden = _this4.countryList.classList.contains("iti__hide");</w:t>
            </w:r>
          </w:p>
          <w:p w:rsidR="00156FB3" w:rsidRDefault="00156FB3" w:rsidP="00156FB3">
            <w:r>
              <w:t xml:space="preserve">                        if (isDropdownHidden &amp;&amp; [ "ArrowUp", "ArrowDown", " ", "Enter" ].indexOf(e.key) !== -1) {</w:t>
            </w:r>
          </w:p>
          <w:p w:rsidR="00156FB3" w:rsidRDefault="00156FB3" w:rsidP="00156FB3">
            <w:r>
              <w:t xml:space="preserve">                            // prevent form from being submitted if "ENTER" was pressed</w:t>
            </w:r>
          </w:p>
          <w:p w:rsidR="00156FB3" w:rsidRDefault="00156FB3" w:rsidP="00156FB3">
            <w:r>
              <w:lastRenderedPageBreak/>
              <w:t xml:space="preserve">                            e.preventDefault();</w:t>
            </w:r>
          </w:p>
          <w:p w:rsidR="00156FB3" w:rsidRDefault="00156FB3" w:rsidP="00156FB3">
            <w:r>
              <w:t xml:space="preserve">                            // prevent event from being handled again by document</w:t>
            </w:r>
          </w:p>
          <w:p w:rsidR="00156FB3" w:rsidRDefault="00156FB3" w:rsidP="00156FB3">
            <w:r>
              <w:t xml:space="preserve">                            e.stopPropagation();</w:t>
            </w:r>
          </w:p>
          <w:p w:rsidR="00156FB3" w:rsidRDefault="00156FB3" w:rsidP="00156FB3">
            <w:r>
              <w:t xml:space="preserve">                            _this4._showDropdown();</w:t>
            </w:r>
          </w:p>
          <w:p w:rsidR="00156FB3" w:rsidRDefault="00156FB3" w:rsidP="00156FB3">
            <w:r>
              <w:t xml:space="preserve">                        }</w:t>
            </w:r>
          </w:p>
          <w:p w:rsidR="00156FB3" w:rsidRDefault="00156FB3" w:rsidP="00156FB3">
            <w:r>
              <w:t xml:space="preserve">                        // allow navigation from dropdown to input on TAB</w:t>
            </w:r>
          </w:p>
          <w:p w:rsidR="00156FB3" w:rsidRDefault="00156FB3" w:rsidP="00156FB3">
            <w:r>
              <w:t xml:space="preserve">                        if (e.key === "Tab") _this4._closeDropdown();</w:t>
            </w:r>
          </w:p>
          <w:p w:rsidR="00156FB3" w:rsidRDefault="00156FB3" w:rsidP="00156FB3">
            <w:r>
              <w:t xml:space="preserve">                    };</w:t>
            </w:r>
          </w:p>
          <w:p w:rsidR="00156FB3" w:rsidRDefault="00156FB3" w:rsidP="00156FB3">
            <w:r>
              <w:t xml:space="preserve">                    this.flagsContainer.addEventListener("keydown", this._handleFlagsContainerKeydown);</w:t>
            </w:r>
          </w:p>
          <w:p w:rsidR="00156FB3" w:rsidRDefault="00156FB3" w:rsidP="00156FB3">
            <w:r>
              <w:t xml:space="preserve">                }</w:t>
            </w:r>
          </w:p>
          <w:p w:rsidR="00156FB3" w:rsidRDefault="00156FB3" w:rsidP="00156FB3">
            <w:r>
              <w:t xml:space="preserve">            }, {</w:t>
            </w:r>
          </w:p>
          <w:p w:rsidR="00156FB3" w:rsidRDefault="00156FB3" w:rsidP="00156FB3">
            <w:r>
              <w:t xml:space="preserve">                key: "_initRequests",</w:t>
            </w:r>
          </w:p>
          <w:p w:rsidR="00156FB3" w:rsidRDefault="00156FB3" w:rsidP="00156FB3">
            <w:r>
              <w:t xml:space="preserve">                value: function _initRequests() {</w:t>
            </w:r>
          </w:p>
          <w:p w:rsidR="00156FB3" w:rsidRDefault="00156FB3" w:rsidP="00156FB3">
            <w:r>
              <w:t xml:space="preserve">                    var _this5 = this;</w:t>
            </w:r>
          </w:p>
          <w:p w:rsidR="00156FB3" w:rsidRDefault="00156FB3" w:rsidP="00156FB3">
            <w:r>
              <w:t xml:space="preserve">                    // if the user has specified the path to the utils script, fetch it on window.load, else resolve</w:t>
            </w:r>
          </w:p>
          <w:p w:rsidR="00156FB3" w:rsidRDefault="00156FB3" w:rsidP="00156FB3">
            <w:r>
              <w:t xml:space="preserve">                    if (this.options.utilsScript &amp;&amp; !window.intlTelInputUtils) {</w:t>
            </w:r>
          </w:p>
          <w:p w:rsidR="00156FB3" w:rsidRDefault="00156FB3" w:rsidP="00156FB3">
            <w:r>
              <w:t xml:space="preserve">                        // if the plugin is being initialised after the window.load event has already been fired</w:t>
            </w:r>
          </w:p>
          <w:p w:rsidR="00156FB3" w:rsidRDefault="00156FB3" w:rsidP="00156FB3">
            <w:r>
              <w:t xml:space="preserve">                        if (window.intlTelInputGlobals.windowLoaded) {</w:t>
            </w:r>
          </w:p>
          <w:p w:rsidR="00156FB3" w:rsidRDefault="00156FB3" w:rsidP="00156FB3">
            <w:r>
              <w:t xml:space="preserve">                            window.intlTelInputGlobals.loadUtils(this.options.utilsScript);</w:t>
            </w:r>
          </w:p>
          <w:p w:rsidR="00156FB3" w:rsidRDefault="00156FB3" w:rsidP="00156FB3">
            <w:r>
              <w:t xml:space="preserve">                        } else {</w:t>
            </w:r>
          </w:p>
          <w:p w:rsidR="00156FB3" w:rsidRDefault="00156FB3" w:rsidP="00156FB3">
            <w:r>
              <w:t xml:space="preserve">                            // wait until the load event so we don't block any other requests e.g. the flags image</w:t>
            </w:r>
          </w:p>
          <w:p w:rsidR="00156FB3" w:rsidRDefault="00156FB3" w:rsidP="00156FB3">
            <w:r>
              <w:t xml:space="preserve">                            window.addEventListener("load", function() {</w:t>
            </w:r>
          </w:p>
          <w:p w:rsidR="00156FB3" w:rsidRDefault="00156FB3" w:rsidP="00156FB3">
            <w:r>
              <w:t xml:space="preserve">                                window.intlTelInputGlobals.loadUtils(_this5.options.utilsScript);</w:t>
            </w:r>
          </w:p>
          <w:p w:rsidR="00156FB3" w:rsidRDefault="00156FB3" w:rsidP="00156FB3">
            <w:r>
              <w:t xml:space="preserve">                            });</w:t>
            </w:r>
          </w:p>
          <w:p w:rsidR="00156FB3" w:rsidRDefault="00156FB3" w:rsidP="00156FB3">
            <w:r>
              <w:t xml:space="preserve">                        }</w:t>
            </w:r>
          </w:p>
          <w:p w:rsidR="00156FB3" w:rsidRDefault="00156FB3" w:rsidP="00156FB3">
            <w:r>
              <w:t xml:space="preserve">                    } else this.resolveUtilsScriptPromise();</w:t>
            </w:r>
          </w:p>
          <w:p w:rsidR="00156FB3" w:rsidRDefault="00156FB3" w:rsidP="00156FB3">
            <w:r>
              <w:t xml:space="preserve">                    if (this.options.initialCountry === "auto") this._loadAutoCountry(); else this.resolveAutoCountryPromise();</w:t>
            </w:r>
          </w:p>
          <w:p w:rsidR="00156FB3" w:rsidRDefault="00156FB3" w:rsidP="00156FB3">
            <w:r>
              <w:t xml:space="preserve">                }</w:t>
            </w:r>
          </w:p>
          <w:p w:rsidR="00156FB3" w:rsidRDefault="00156FB3" w:rsidP="00156FB3">
            <w:r>
              <w:t xml:space="preserve">            }, {</w:t>
            </w:r>
          </w:p>
          <w:p w:rsidR="00156FB3" w:rsidRDefault="00156FB3" w:rsidP="00156FB3">
            <w:r>
              <w:t xml:space="preserve">                key: "_loadAutoCountry",</w:t>
            </w:r>
          </w:p>
          <w:p w:rsidR="00156FB3" w:rsidRDefault="00156FB3" w:rsidP="00156FB3">
            <w:r>
              <w:t xml:space="preserve">                value: function _loadAutoCountry() {</w:t>
            </w:r>
          </w:p>
          <w:p w:rsidR="00156FB3" w:rsidRDefault="00156FB3" w:rsidP="00156FB3">
            <w:r>
              <w:t xml:space="preserve">                    // 3 options:</w:t>
            </w:r>
          </w:p>
          <w:p w:rsidR="00156FB3" w:rsidRDefault="00156FB3" w:rsidP="00156FB3">
            <w:r>
              <w:t xml:space="preserve">                    // 1) already loaded (we're done)</w:t>
            </w:r>
          </w:p>
          <w:p w:rsidR="00156FB3" w:rsidRDefault="00156FB3" w:rsidP="00156FB3">
            <w:r>
              <w:t xml:space="preserve">                    // 2) not already started loading (start)</w:t>
            </w:r>
          </w:p>
          <w:p w:rsidR="00156FB3" w:rsidRDefault="00156FB3" w:rsidP="00156FB3">
            <w:r>
              <w:t xml:space="preserve">                    // 3) already started loading (do nothing - just wait for loading callback to fire)</w:t>
            </w:r>
          </w:p>
          <w:p w:rsidR="00156FB3" w:rsidRDefault="00156FB3" w:rsidP="00156FB3">
            <w:r>
              <w:t xml:space="preserve">                    if (window.intlTelInputGlobals.autoCountry) {</w:t>
            </w:r>
          </w:p>
          <w:p w:rsidR="00156FB3" w:rsidRDefault="00156FB3" w:rsidP="00156FB3">
            <w:r>
              <w:t xml:space="preserve">                        this.handleAutoCountry();</w:t>
            </w:r>
          </w:p>
          <w:p w:rsidR="00156FB3" w:rsidRDefault="00156FB3" w:rsidP="00156FB3">
            <w:r>
              <w:t xml:space="preserve">                    } else if (!window.intlTelInputGlobals.startedLoadingAutoCountry) {</w:t>
            </w:r>
          </w:p>
          <w:p w:rsidR="00156FB3" w:rsidRDefault="00156FB3" w:rsidP="00156FB3">
            <w:r>
              <w:t xml:space="preserve">                        // don't do this twice!</w:t>
            </w:r>
          </w:p>
          <w:p w:rsidR="00156FB3" w:rsidRDefault="00156FB3" w:rsidP="00156FB3">
            <w:r>
              <w:t xml:space="preserve">                        window.intlTelInputGlobals.startedLoadingAutoCountry = true;</w:t>
            </w:r>
          </w:p>
          <w:p w:rsidR="00156FB3" w:rsidRDefault="00156FB3" w:rsidP="00156FB3">
            <w:r>
              <w:t xml:space="preserve">                        if (typeof this.options.geoIpLookup === "function") {</w:t>
            </w:r>
          </w:p>
          <w:p w:rsidR="00156FB3" w:rsidRDefault="00156FB3" w:rsidP="00156FB3">
            <w:r>
              <w:t xml:space="preserve">                            this.options.geoIpLookup(function(countryCode) {</w:t>
            </w:r>
          </w:p>
          <w:p w:rsidR="00156FB3" w:rsidRDefault="00156FB3" w:rsidP="00156FB3">
            <w:r>
              <w:t xml:space="preserve">                                window.intlTelInputGlobals.autoCountry = countryCode.toLowerCase();</w:t>
            </w:r>
          </w:p>
          <w:p w:rsidR="00156FB3" w:rsidRDefault="00156FB3" w:rsidP="00156FB3">
            <w:r>
              <w:t xml:space="preserve">                                // tell all instances the auto country is ready</w:t>
            </w:r>
          </w:p>
          <w:p w:rsidR="00156FB3" w:rsidRDefault="00156FB3" w:rsidP="00156FB3">
            <w:r>
              <w:t xml:space="preserve">                                // TODO: this should just be the current instances</w:t>
            </w:r>
          </w:p>
          <w:p w:rsidR="00156FB3" w:rsidRDefault="00156FB3" w:rsidP="00156FB3">
            <w:r>
              <w:t xml:space="preserve">                                // UPDATE: use setTimeout in case their geoIpLookup function calls this callback straight</w:t>
            </w:r>
          </w:p>
          <w:p w:rsidR="00156FB3" w:rsidRDefault="00156FB3" w:rsidP="00156FB3">
            <w:r>
              <w:lastRenderedPageBreak/>
              <w:t xml:space="preserve">                                // away (e.g. if they have already done the geo ip lookup somewhere else). Using</w:t>
            </w:r>
          </w:p>
          <w:p w:rsidR="00156FB3" w:rsidRDefault="00156FB3" w:rsidP="00156FB3">
            <w:r>
              <w:t xml:space="preserve">                                // setTimeout means that the current thread of execution will finish before executing</w:t>
            </w:r>
          </w:p>
          <w:p w:rsidR="00156FB3" w:rsidRDefault="00156FB3" w:rsidP="00156FB3">
            <w:r>
              <w:t xml:space="preserve">                                // this, which allows the plugin to finish initialising.</w:t>
            </w:r>
          </w:p>
          <w:p w:rsidR="00156FB3" w:rsidRDefault="00156FB3" w:rsidP="00156FB3">
            <w:r>
              <w:t xml:space="preserve">                                setTimeout(function() {</w:t>
            </w:r>
          </w:p>
          <w:p w:rsidR="00156FB3" w:rsidRDefault="00156FB3" w:rsidP="00156FB3">
            <w:r>
              <w:t xml:space="preserve">                                    return forEachInstance("handleAutoCountry");</w:t>
            </w:r>
          </w:p>
          <w:p w:rsidR="00156FB3" w:rsidRDefault="00156FB3" w:rsidP="00156FB3">
            <w:r>
              <w:t xml:space="preserve">                                });</w:t>
            </w:r>
          </w:p>
          <w:p w:rsidR="00156FB3" w:rsidRDefault="00156FB3" w:rsidP="00156FB3">
            <w:r>
              <w:t xml:space="preserve">                            }, function() {</w:t>
            </w:r>
          </w:p>
          <w:p w:rsidR="00156FB3" w:rsidRDefault="00156FB3" w:rsidP="00156FB3">
            <w:r>
              <w:t xml:space="preserve">                                return forEachInstance("rejectAutoCountryPromise");</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 {</w:t>
            </w:r>
          </w:p>
          <w:p w:rsidR="00156FB3" w:rsidRDefault="00156FB3" w:rsidP="00156FB3">
            <w:r>
              <w:t xml:space="preserve">                key: "_initKeyListeners",</w:t>
            </w:r>
          </w:p>
          <w:p w:rsidR="00156FB3" w:rsidRDefault="00156FB3" w:rsidP="00156FB3">
            <w:r>
              <w:t xml:space="preserve">                value: function _initKeyListeners() {</w:t>
            </w:r>
          </w:p>
          <w:p w:rsidR="00156FB3" w:rsidRDefault="00156FB3" w:rsidP="00156FB3">
            <w:r>
              <w:t xml:space="preserve">                    var _this6 = this;</w:t>
            </w:r>
          </w:p>
          <w:p w:rsidR="00156FB3" w:rsidRDefault="00156FB3" w:rsidP="00156FB3">
            <w:r>
              <w:t xml:space="preserve">                    // update flag on keyup</w:t>
            </w:r>
          </w:p>
          <w:p w:rsidR="00156FB3" w:rsidRDefault="00156FB3" w:rsidP="00156FB3">
            <w:r>
              <w:t xml:space="preserve">                    this._handleKeyupEvent = function() {</w:t>
            </w:r>
          </w:p>
          <w:p w:rsidR="00156FB3" w:rsidRDefault="00156FB3" w:rsidP="00156FB3">
            <w:r>
              <w:t xml:space="preserve">                        if (_this6._updateFlagFromNumber(_this6.telInput.value)) {</w:t>
            </w:r>
          </w:p>
          <w:p w:rsidR="00156FB3" w:rsidRDefault="00156FB3" w:rsidP="00156FB3">
            <w:r>
              <w:t xml:space="preserve">                            _this6._triggerCountryChange();</w:t>
            </w:r>
          </w:p>
          <w:p w:rsidR="00156FB3" w:rsidRDefault="00156FB3" w:rsidP="00156FB3">
            <w:r>
              <w:t xml:space="preserve">                        }</w:t>
            </w:r>
          </w:p>
          <w:p w:rsidR="00156FB3" w:rsidRDefault="00156FB3" w:rsidP="00156FB3">
            <w:r>
              <w:t xml:space="preserve">                    };</w:t>
            </w:r>
          </w:p>
          <w:p w:rsidR="00156FB3" w:rsidRDefault="00156FB3" w:rsidP="00156FB3">
            <w:r>
              <w:t xml:space="preserve">                    this.telInput.addEventListener("keyup", this._handleKeyupEvent);</w:t>
            </w:r>
          </w:p>
          <w:p w:rsidR="00156FB3" w:rsidRDefault="00156FB3" w:rsidP="00156FB3">
            <w:r>
              <w:t xml:space="preserve">                    // update flag on cut/paste events (now supported in all major browsers)</w:t>
            </w:r>
          </w:p>
          <w:p w:rsidR="00156FB3" w:rsidRDefault="00156FB3" w:rsidP="00156FB3">
            <w:r>
              <w:t xml:space="preserve">                    this._handleClipboardEvent = function() {</w:t>
            </w:r>
          </w:p>
          <w:p w:rsidR="00156FB3" w:rsidRDefault="00156FB3" w:rsidP="00156FB3">
            <w:r>
              <w:t xml:space="preserve">                        // hack because "paste" event is fired before input is updated</w:t>
            </w:r>
          </w:p>
          <w:p w:rsidR="00156FB3" w:rsidRDefault="00156FB3" w:rsidP="00156FB3">
            <w:r>
              <w:t xml:space="preserve">                        setTimeout(_this6._handleKeyupEvent);</w:t>
            </w:r>
          </w:p>
          <w:p w:rsidR="00156FB3" w:rsidRDefault="00156FB3" w:rsidP="00156FB3">
            <w:r>
              <w:t xml:space="preserve">                    };</w:t>
            </w:r>
          </w:p>
          <w:p w:rsidR="00156FB3" w:rsidRDefault="00156FB3" w:rsidP="00156FB3">
            <w:r>
              <w:t xml:space="preserve">                    this.telInput.addEventListener("cut", this._handleClipboardEvent);</w:t>
            </w:r>
          </w:p>
          <w:p w:rsidR="00156FB3" w:rsidRDefault="00156FB3" w:rsidP="00156FB3">
            <w:r>
              <w:t xml:space="preserve">                    this.telInput.addEventListener("paste", this._handleClipboardEvent);</w:t>
            </w:r>
          </w:p>
          <w:p w:rsidR="00156FB3" w:rsidRDefault="00156FB3" w:rsidP="00156FB3">
            <w:r>
              <w:t xml:space="preserve">                }</w:t>
            </w:r>
          </w:p>
          <w:p w:rsidR="00156FB3" w:rsidRDefault="00156FB3" w:rsidP="00156FB3">
            <w:r>
              <w:t xml:space="preserve">            }, {</w:t>
            </w:r>
          </w:p>
          <w:p w:rsidR="00156FB3" w:rsidRDefault="00156FB3" w:rsidP="00156FB3">
            <w:r>
              <w:t xml:space="preserve">                key: "_cap",</w:t>
            </w:r>
          </w:p>
          <w:p w:rsidR="00156FB3" w:rsidRDefault="00156FB3" w:rsidP="00156FB3">
            <w:r>
              <w:t xml:space="preserve">                value: function _cap(number) {</w:t>
            </w:r>
          </w:p>
          <w:p w:rsidR="00156FB3" w:rsidRDefault="00156FB3" w:rsidP="00156FB3">
            <w:r>
              <w:t xml:space="preserve">                    var max = this.telInput.getAttribute("maxlength");</w:t>
            </w:r>
          </w:p>
          <w:p w:rsidR="00156FB3" w:rsidRDefault="00156FB3" w:rsidP="00156FB3">
            <w:r>
              <w:t xml:space="preserve">                    return max &amp;&amp; number.length &gt; max ? number.substr(0, max) : number;</w:t>
            </w:r>
          </w:p>
          <w:p w:rsidR="00156FB3" w:rsidRDefault="00156FB3" w:rsidP="00156FB3">
            <w:r>
              <w:t xml:space="preserve">                }</w:t>
            </w:r>
          </w:p>
          <w:p w:rsidR="00156FB3" w:rsidRDefault="00156FB3" w:rsidP="00156FB3">
            <w:r>
              <w:t xml:space="preserve">            }, {</w:t>
            </w:r>
          </w:p>
          <w:p w:rsidR="00156FB3" w:rsidRDefault="00156FB3" w:rsidP="00156FB3">
            <w:r>
              <w:t xml:space="preserve">                key: "_initBlurListeners",</w:t>
            </w:r>
          </w:p>
          <w:p w:rsidR="00156FB3" w:rsidRDefault="00156FB3" w:rsidP="00156FB3">
            <w:r>
              <w:t xml:space="preserve">                value: function _initBlurListeners() {</w:t>
            </w:r>
          </w:p>
          <w:p w:rsidR="00156FB3" w:rsidRDefault="00156FB3" w:rsidP="00156FB3">
            <w:r>
              <w:t xml:space="preserve">                    var _this7 = this;</w:t>
            </w:r>
          </w:p>
          <w:p w:rsidR="00156FB3" w:rsidRDefault="00156FB3" w:rsidP="00156FB3">
            <w:r>
              <w:t xml:space="preserve">                    // on blur or form submit: if just a dial code then remove it</w:t>
            </w:r>
          </w:p>
          <w:p w:rsidR="00156FB3" w:rsidRDefault="00156FB3" w:rsidP="00156FB3">
            <w:r>
              <w:t xml:space="preserve">                    this._handleSubmitOrBlurEvent = function() {</w:t>
            </w:r>
          </w:p>
          <w:p w:rsidR="00156FB3" w:rsidRDefault="00156FB3" w:rsidP="00156FB3">
            <w:r>
              <w:t xml:space="preserve">                        _this7._removeEmptyDialCode();</w:t>
            </w:r>
          </w:p>
          <w:p w:rsidR="00156FB3" w:rsidRDefault="00156FB3" w:rsidP="00156FB3">
            <w:r>
              <w:t xml:space="preserve">                    };</w:t>
            </w:r>
          </w:p>
          <w:p w:rsidR="00156FB3" w:rsidRDefault="00156FB3" w:rsidP="00156FB3">
            <w:r>
              <w:t xml:space="preserve">                    if (this.telInput.form) this.telInput.form.addEventListener("submit", this._handleSubmitOrBlurEvent);</w:t>
            </w:r>
          </w:p>
          <w:p w:rsidR="00156FB3" w:rsidRDefault="00156FB3" w:rsidP="00156FB3">
            <w:r>
              <w:t xml:space="preserve">                    this.telInput.addEventListener("blur", this._handleSubmitOrBlurEvent);</w:t>
            </w:r>
          </w:p>
          <w:p w:rsidR="00156FB3" w:rsidRDefault="00156FB3" w:rsidP="00156FB3">
            <w:r>
              <w:lastRenderedPageBreak/>
              <w:t xml:space="preserve">                }</w:t>
            </w:r>
          </w:p>
          <w:p w:rsidR="00156FB3" w:rsidRDefault="00156FB3" w:rsidP="00156FB3">
            <w:r>
              <w:t xml:space="preserve">            }, {</w:t>
            </w:r>
          </w:p>
          <w:p w:rsidR="00156FB3" w:rsidRDefault="00156FB3" w:rsidP="00156FB3">
            <w:r>
              <w:t xml:space="preserve">                key: "_removeEmptyDialCode",</w:t>
            </w:r>
          </w:p>
          <w:p w:rsidR="00156FB3" w:rsidRDefault="00156FB3" w:rsidP="00156FB3">
            <w:r>
              <w:t xml:space="preserve">                value: function _removeEmptyDialCode() {</w:t>
            </w:r>
          </w:p>
          <w:p w:rsidR="00156FB3" w:rsidRDefault="00156FB3" w:rsidP="00156FB3">
            <w:r>
              <w:t xml:space="preserve">                    if (this.telInput.value.charAt(0) === "+") {</w:t>
            </w:r>
          </w:p>
          <w:p w:rsidR="00156FB3" w:rsidRDefault="00156FB3" w:rsidP="00156FB3">
            <w:r>
              <w:t xml:space="preserve">                        var numeric = this._getNumeric(this.telInput.value);</w:t>
            </w:r>
          </w:p>
          <w:p w:rsidR="00156FB3" w:rsidRDefault="00156FB3" w:rsidP="00156FB3">
            <w:r>
              <w:t xml:space="preserve">                        // if just a plus, or if just a dial code</w:t>
            </w:r>
          </w:p>
          <w:p w:rsidR="00156FB3" w:rsidRDefault="00156FB3" w:rsidP="00156FB3">
            <w:r>
              <w:t xml:space="preserve">                        if (!numeric || this.selectedCountryData.dialCode === numeric) {</w:t>
            </w:r>
          </w:p>
          <w:p w:rsidR="00156FB3" w:rsidRDefault="00156FB3" w:rsidP="00156FB3">
            <w:r>
              <w:t xml:space="preserve">                            this.telInput.value =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 {</w:t>
            </w:r>
          </w:p>
          <w:p w:rsidR="00156FB3" w:rsidRDefault="00156FB3" w:rsidP="00156FB3">
            <w:r>
              <w:t xml:space="preserve">                key: "_getNumeric",</w:t>
            </w:r>
          </w:p>
          <w:p w:rsidR="00156FB3" w:rsidRDefault="00156FB3" w:rsidP="00156FB3">
            <w:r>
              <w:t xml:space="preserve">                value: function _getNumeric(s) {</w:t>
            </w:r>
          </w:p>
          <w:p w:rsidR="00156FB3" w:rsidRDefault="00156FB3" w:rsidP="00156FB3">
            <w:r>
              <w:t xml:space="preserve">                    return s.replace(/\D/g, "");</w:t>
            </w:r>
          </w:p>
          <w:p w:rsidR="00156FB3" w:rsidRDefault="00156FB3" w:rsidP="00156FB3">
            <w:r>
              <w:t xml:space="preserve">                }</w:t>
            </w:r>
          </w:p>
          <w:p w:rsidR="00156FB3" w:rsidRDefault="00156FB3" w:rsidP="00156FB3">
            <w:r>
              <w:t xml:space="preserve">            }, {</w:t>
            </w:r>
          </w:p>
          <w:p w:rsidR="00156FB3" w:rsidRDefault="00156FB3" w:rsidP="00156FB3">
            <w:r>
              <w:t xml:space="preserve">                key: "_trigger",</w:t>
            </w:r>
          </w:p>
          <w:p w:rsidR="00156FB3" w:rsidRDefault="00156FB3" w:rsidP="00156FB3">
            <w:r>
              <w:t xml:space="preserve">                value: function _trigger(name) {</w:t>
            </w:r>
          </w:p>
          <w:p w:rsidR="00156FB3" w:rsidRDefault="00156FB3" w:rsidP="00156FB3">
            <w:r>
              <w:t xml:space="preserve">                    // have to use old school document.createEvent as IE11 doesn't support `new Event()` syntax</w:t>
            </w:r>
          </w:p>
          <w:p w:rsidR="00156FB3" w:rsidRDefault="00156FB3" w:rsidP="00156FB3">
            <w:r>
              <w:t xml:space="preserve">                    var e = document.createEvent("Event");</w:t>
            </w:r>
          </w:p>
          <w:p w:rsidR="00156FB3" w:rsidRDefault="00156FB3" w:rsidP="00156FB3">
            <w:r>
              <w:t xml:space="preserve">                    e.initEvent(name, true, true);</w:t>
            </w:r>
          </w:p>
          <w:p w:rsidR="00156FB3" w:rsidRDefault="00156FB3" w:rsidP="00156FB3">
            <w:r>
              <w:t xml:space="preserve">                    // can bubble, and is cancellable</w:t>
            </w:r>
          </w:p>
          <w:p w:rsidR="00156FB3" w:rsidRDefault="00156FB3" w:rsidP="00156FB3">
            <w:r>
              <w:t xml:space="preserve">                    this.telInput.dispatchEvent(e);</w:t>
            </w:r>
          </w:p>
          <w:p w:rsidR="00156FB3" w:rsidRDefault="00156FB3" w:rsidP="00156FB3">
            <w:r>
              <w:t xml:space="preserve">                }</w:t>
            </w:r>
          </w:p>
          <w:p w:rsidR="00156FB3" w:rsidRDefault="00156FB3" w:rsidP="00156FB3">
            <w:r>
              <w:t xml:space="preserve">            }, {</w:t>
            </w:r>
          </w:p>
          <w:p w:rsidR="00156FB3" w:rsidRDefault="00156FB3" w:rsidP="00156FB3">
            <w:r>
              <w:t xml:space="preserve">                key: "_showDropdown",</w:t>
            </w:r>
          </w:p>
          <w:p w:rsidR="00156FB3" w:rsidRDefault="00156FB3" w:rsidP="00156FB3">
            <w:r>
              <w:t xml:space="preserve">                value: function _showDropdown() {</w:t>
            </w:r>
          </w:p>
          <w:p w:rsidR="00156FB3" w:rsidRDefault="00156FB3" w:rsidP="00156FB3">
            <w:r>
              <w:t xml:space="preserve">                    this.countryList.classList.remove("iti__hide");</w:t>
            </w:r>
          </w:p>
          <w:p w:rsidR="00156FB3" w:rsidRDefault="00156FB3" w:rsidP="00156FB3">
            <w:r>
              <w:t xml:space="preserve">                    this.countryList.setAttribute("aria-expanded", "true");</w:t>
            </w:r>
          </w:p>
          <w:p w:rsidR="00156FB3" w:rsidRDefault="00156FB3" w:rsidP="00156FB3">
            <w:r>
              <w:t xml:space="preserve">                    this._setDropdownPosition();</w:t>
            </w:r>
          </w:p>
          <w:p w:rsidR="00156FB3" w:rsidRDefault="00156FB3" w:rsidP="00156FB3">
            <w:r>
              <w:t xml:space="preserve">                    // update highlighting and scroll to active list item</w:t>
            </w:r>
          </w:p>
          <w:p w:rsidR="00156FB3" w:rsidRDefault="00156FB3" w:rsidP="00156FB3">
            <w:r>
              <w:t xml:space="preserve">                    if (this.activeItem) {</w:t>
            </w:r>
          </w:p>
          <w:p w:rsidR="00156FB3" w:rsidRDefault="00156FB3" w:rsidP="00156FB3">
            <w:r>
              <w:t xml:space="preserve">                        this._highlightListItem(this.activeItem, false);</w:t>
            </w:r>
          </w:p>
          <w:p w:rsidR="00156FB3" w:rsidRDefault="00156FB3" w:rsidP="00156FB3">
            <w:r>
              <w:t xml:space="preserve">                        this._scrollTo(this.activeItem, true);</w:t>
            </w:r>
          </w:p>
          <w:p w:rsidR="00156FB3" w:rsidRDefault="00156FB3" w:rsidP="00156FB3">
            <w:r>
              <w:t xml:space="preserve">                    }</w:t>
            </w:r>
          </w:p>
          <w:p w:rsidR="00156FB3" w:rsidRDefault="00156FB3" w:rsidP="00156FB3">
            <w:r>
              <w:t xml:space="preserve">                    // bind all the dropdown-related listeners: mouseover, click, click-off, keydown</w:t>
            </w:r>
          </w:p>
          <w:p w:rsidR="00156FB3" w:rsidRDefault="00156FB3" w:rsidP="00156FB3">
            <w:r>
              <w:t xml:space="preserve">                    this._bindDropdownListeners();</w:t>
            </w:r>
          </w:p>
          <w:p w:rsidR="00156FB3" w:rsidRDefault="00156FB3" w:rsidP="00156FB3">
            <w:r>
              <w:t xml:space="preserve">                    // update the arrow</w:t>
            </w:r>
          </w:p>
          <w:p w:rsidR="00156FB3" w:rsidRDefault="00156FB3" w:rsidP="00156FB3">
            <w:r>
              <w:t xml:space="preserve">                    this.dropdownArrow.classList.add("iti__arrow--up");</w:t>
            </w:r>
          </w:p>
          <w:p w:rsidR="00156FB3" w:rsidRDefault="00156FB3" w:rsidP="00156FB3">
            <w:r>
              <w:t xml:space="preserve">                    this._trigger("open:countrydropdown");</w:t>
            </w:r>
          </w:p>
          <w:p w:rsidR="00156FB3" w:rsidRDefault="00156FB3" w:rsidP="00156FB3">
            <w:r>
              <w:t xml:space="preserve">                }</w:t>
            </w:r>
          </w:p>
          <w:p w:rsidR="00156FB3" w:rsidRDefault="00156FB3" w:rsidP="00156FB3">
            <w:r>
              <w:t xml:space="preserve">            }, {</w:t>
            </w:r>
          </w:p>
          <w:p w:rsidR="00156FB3" w:rsidRDefault="00156FB3" w:rsidP="00156FB3">
            <w:r>
              <w:t xml:space="preserve">                key: "_toggleClass",</w:t>
            </w:r>
          </w:p>
          <w:p w:rsidR="00156FB3" w:rsidRDefault="00156FB3" w:rsidP="00156FB3">
            <w:r>
              <w:t xml:space="preserve">                value: function _toggleClass(el, className, shouldHaveClass) {</w:t>
            </w:r>
          </w:p>
          <w:p w:rsidR="00156FB3" w:rsidRDefault="00156FB3" w:rsidP="00156FB3">
            <w:r>
              <w:t xml:space="preserve">                    if (shouldHaveClass &amp;&amp; !el.classList.contains(className)) el.classList.add(className); else if (!shouldHaveClass &amp;&amp; el.classList.contains(className)) el.classList.remove(className);</w:t>
            </w:r>
          </w:p>
          <w:p w:rsidR="00156FB3" w:rsidRDefault="00156FB3" w:rsidP="00156FB3">
            <w:r>
              <w:lastRenderedPageBreak/>
              <w:t xml:space="preserve">                }</w:t>
            </w:r>
          </w:p>
          <w:p w:rsidR="00156FB3" w:rsidRDefault="00156FB3" w:rsidP="00156FB3">
            <w:r>
              <w:t xml:space="preserve">            }, {</w:t>
            </w:r>
          </w:p>
          <w:p w:rsidR="00156FB3" w:rsidRDefault="00156FB3" w:rsidP="00156FB3">
            <w:r>
              <w:t xml:space="preserve">                key: "_setDropdownPosition",</w:t>
            </w:r>
          </w:p>
          <w:p w:rsidR="00156FB3" w:rsidRDefault="00156FB3" w:rsidP="00156FB3">
            <w:r>
              <w:t xml:space="preserve">                value: function _setDropdownPosition() {</w:t>
            </w:r>
          </w:p>
          <w:p w:rsidR="00156FB3" w:rsidRDefault="00156FB3" w:rsidP="00156FB3">
            <w:r>
              <w:t xml:space="preserve">                    var _this8 = this;</w:t>
            </w:r>
          </w:p>
          <w:p w:rsidR="00156FB3" w:rsidRDefault="00156FB3" w:rsidP="00156FB3">
            <w:r>
              <w:t xml:space="preserve">                    if (this.options.dropdownContainer) {</w:t>
            </w:r>
          </w:p>
          <w:p w:rsidR="00156FB3" w:rsidRDefault="00156FB3" w:rsidP="00156FB3">
            <w:r>
              <w:t xml:space="preserve">                        this.options.dropdownContainer.appendChild(this.dropdown);</w:t>
            </w:r>
          </w:p>
          <w:p w:rsidR="00156FB3" w:rsidRDefault="00156FB3" w:rsidP="00156FB3">
            <w:r>
              <w:t xml:space="preserve">                    }</w:t>
            </w:r>
          </w:p>
          <w:p w:rsidR="00156FB3" w:rsidRDefault="00156FB3" w:rsidP="00156FB3">
            <w:r>
              <w:t xml:space="preserve">                    if (!this.isMobile) {</w:t>
            </w:r>
          </w:p>
          <w:p w:rsidR="00156FB3" w:rsidRDefault="00156FB3" w:rsidP="00156FB3">
            <w:r>
              <w:t xml:space="preserve">                        var pos = this.telInput.getBoundingClientRect();</w:t>
            </w:r>
          </w:p>
          <w:p w:rsidR="00156FB3" w:rsidRDefault="00156FB3" w:rsidP="00156FB3">
            <w:r>
              <w:t xml:space="preserve">                        // windowTop from https://stackoverflow.com/a/14384091/217866</w:t>
            </w:r>
          </w:p>
          <w:p w:rsidR="00156FB3" w:rsidRDefault="00156FB3" w:rsidP="00156FB3">
            <w:r>
              <w:t xml:space="preserve">                        var windowTop = window.pageYOffset || document.documentElement.scrollTop;</w:t>
            </w:r>
          </w:p>
          <w:p w:rsidR="00156FB3" w:rsidRDefault="00156FB3" w:rsidP="00156FB3">
            <w:r>
              <w:t xml:space="preserve">                        var inputTop = pos.top + windowTop;</w:t>
            </w:r>
          </w:p>
          <w:p w:rsidR="00156FB3" w:rsidRDefault="00156FB3" w:rsidP="00156FB3">
            <w:r>
              <w:t xml:space="preserve">                        var dropdownHeight = this.countryList.offsetHeight;</w:t>
            </w:r>
          </w:p>
          <w:p w:rsidR="00156FB3" w:rsidRDefault="00156FB3" w:rsidP="00156FB3">
            <w:r>
              <w:t xml:space="preserve">                        // dropdownFitsBelow = (dropdownBottom &lt; windowBottom)</w:t>
            </w:r>
          </w:p>
          <w:p w:rsidR="00156FB3" w:rsidRDefault="00156FB3" w:rsidP="00156FB3">
            <w:r>
              <w:t xml:space="preserve">                        var dropdownFitsBelow = inputTop + this.telInput.offsetHeight + dropdownHeight &lt; windowTop + window.innerHeight;</w:t>
            </w:r>
          </w:p>
          <w:p w:rsidR="00156FB3" w:rsidRDefault="00156FB3" w:rsidP="00156FB3">
            <w:r>
              <w:t xml:space="preserve">                        var dropdownFitsAbove = inputTop - dropdownHeight &gt; windowTop;</w:t>
            </w:r>
          </w:p>
          <w:p w:rsidR="00156FB3" w:rsidRDefault="00156FB3" w:rsidP="00156FB3">
            <w:r>
              <w:t xml:space="preserve">                        // by default, the dropdown will be below the input. If we want to position it above the</w:t>
            </w:r>
          </w:p>
          <w:p w:rsidR="00156FB3" w:rsidRDefault="00156FB3" w:rsidP="00156FB3">
            <w:r>
              <w:t xml:space="preserve">                        // input, we add the dropup class.</w:t>
            </w:r>
          </w:p>
          <w:p w:rsidR="00156FB3" w:rsidRDefault="00156FB3" w:rsidP="00156FB3">
            <w:r>
              <w:t xml:space="preserve">                        this._toggleClass(this.countryList, "iti__country-list--dropup", !dropdownFitsBelow &amp;&amp; dropdownFitsAbove);</w:t>
            </w:r>
          </w:p>
          <w:p w:rsidR="00156FB3" w:rsidRDefault="00156FB3" w:rsidP="00156FB3">
            <w:r>
              <w:t xml:space="preserve">                        // if dropdownContainer is enabled, calculate postion</w:t>
            </w:r>
          </w:p>
          <w:p w:rsidR="00156FB3" w:rsidRDefault="00156FB3" w:rsidP="00156FB3">
            <w:r>
              <w:t xml:space="preserve">                        if (this.options.dropdownContainer) {</w:t>
            </w:r>
          </w:p>
          <w:p w:rsidR="00156FB3" w:rsidRDefault="00156FB3" w:rsidP="00156FB3">
            <w:r>
              <w:t xml:space="preserve">                            // by default the dropdown will be directly over the input because it's not in the flow.</w:t>
            </w:r>
          </w:p>
          <w:p w:rsidR="00156FB3" w:rsidRDefault="00156FB3" w:rsidP="00156FB3">
            <w:r>
              <w:t xml:space="preserve">                            // If we want to position it below, we need to add some extra top value.</w:t>
            </w:r>
          </w:p>
          <w:p w:rsidR="00156FB3" w:rsidRDefault="00156FB3" w:rsidP="00156FB3">
            <w:r>
              <w:t xml:space="preserve">                            var extraTop = !dropdownFitsBelow &amp;&amp; dropdownFitsAbove ? 0 : this.telInput.offsetHeight;</w:t>
            </w:r>
          </w:p>
          <w:p w:rsidR="00156FB3" w:rsidRDefault="00156FB3" w:rsidP="00156FB3">
            <w:r>
              <w:t xml:space="preserve">                            // calculate placement</w:t>
            </w:r>
          </w:p>
          <w:p w:rsidR="00156FB3" w:rsidRDefault="00156FB3" w:rsidP="00156FB3">
            <w:r>
              <w:t xml:space="preserve">                            this.dropdown.style.top = "".concat(inputTop + extraTop, "px");</w:t>
            </w:r>
          </w:p>
          <w:p w:rsidR="00156FB3" w:rsidRDefault="00156FB3" w:rsidP="00156FB3">
            <w:r>
              <w:t xml:space="preserve">                            this.dropdown.style.left = "".concat(pos.left + document.body.scrollLeft, "px");</w:t>
            </w:r>
          </w:p>
          <w:p w:rsidR="00156FB3" w:rsidRDefault="00156FB3" w:rsidP="00156FB3">
            <w:r>
              <w:t xml:space="preserve">                            // close menu on window scroll</w:t>
            </w:r>
          </w:p>
          <w:p w:rsidR="00156FB3" w:rsidRDefault="00156FB3" w:rsidP="00156FB3">
            <w:r>
              <w:t xml:space="preserve">                            this._handleWindowScroll = function() {</w:t>
            </w:r>
          </w:p>
          <w:p w:rsidR="00156FB3" w:rsidRDefault="00156FB3" w:rsidP="00156FB3">
            <w:r>
              <w:t xml:space="preserve">                                return _this8._closeDropdown();</w:t>
            </w:r>
          </w:p>
          <w:p w:rsidR="00156FB3" w:rsidRDefault="00156FB3" w:rsidP="00156FB3">
            <w:r>
              <w:t xml:space="preserve">                            };</w:t>
            </w:r>
          </w:p>
          <w:p w:rsidR="00156FB3" w:rsidRDefault="00156FB3" w:rsidP="00156FB3">
            <w:r>
              <w:t xml:space="preserve">                            window.addEventListener("scroll", this._handleWindowScroll);</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 {</w:t>
            </w:r>
          </w:p>
          <w:p w:rsidR="00156FB3" w:rsidRDefault="00156FB3" w:rsidP="00156FB3">
            <w:r>
              <w:t xml:space="preserve">                key: "_getClosestListItem",</w:t>
            </w:r>
          </w:p>
          <w:p w:rsidR="00156FB3" w:rsidRDefault="00156FB3" w:rsidP="00156FB3">
            <w:r>
              <w:t xml:space="preserve">                value: function _getClosestListItem(target) {</w:t>
            </w:r>
          </w:p>
          <w:p w:rsidR="00156FB3" w:rsidRDefault="00156FB3" w:rsidP="00156FB3">
            <w:r>
              <w:t xml:space="preserve">                    var el = target;</w:t>
            </w:r>
          </w:p>
          <w:p w:rsidR="00156FB3" w:rsidRDefault="00156FB3" w:rsidP="00156FB3">
            <w:r>
              <w:t xml:space="preserve">                    while (el &amp;&amp; el !== this.countryList &amp;&amp; !el.classList.contains("iti__country")) {</w:t>
            </w:r>
          </w:p>
          <w:p w:rsidR="00156FB3" w:rsidRDefault="00156FB3" w:rsidP="00156FB3">
            <w:r>
              <w:t xml:space="preserve">                        el = el.parentNode;</w:t>
            </w:r>
          </w:p>
          <w:p w:rsidR="00156FB3" w:rsidRDefault="00156FB3" w:rsidP="00156FB3">
            <w:r>
              <w:t xml:space="preserve">                    }</w:t>
            </w:r>
          </w:p>
          <w:p w:rsidR="00156FB3" w:rsidRDefault="00156FB3" w:rsidP="00156FB3">
            <w:r>
              <w:t xml:space="preserve">                    // if we reached the countryList element, then return null</w:t>
            </w:r>
          </w:p>
          <w:p w:rsidR="00156FB3" w:rsidRDefault="00156FB3" w:rsidP="00156FB3">
            <w:r>
              <w:t xml:space="preserve">                    return el === this.countryList ? null : el;</w:t>
            </w:r>
          </w:p>
          <w:p w:rsidR="00156FB3" w:rsidRDefault="00156FB3" w:rsidP="00156FB3">
            <w:r>
              <w:lastRenderedPageBreak/>
              <w:t xml:space="preserve">                }</w:t>
            </w:r>
          </w:p>
          <w:p w:rsidR="00156FB3" w:rsidRDefault="00156FB3" w:rsidP="00156FB3">
            <w:r>
              <w:t xml:space="preserve">            }, {</w:t>
            </w:r>
          </w:p>
          <w:p w:rsidR="00156FB3" w:rsidRDefault="00156FB3" w:rsidP="00156FB3">
            <w:r>
              <w:t xml:space="preserve">                key: "_bindDropdownListeners",</w:t>
            </w:r>
          </w:p>
          <w:p w:rsidR="00156FB3" w:rsidRDefault="00156FB3" w:rsidP="00156FB3">
            <w:r>
              <w:t xml:space="preserve">                value: function _bindDropdownListeners() {</w:t>
            </w:r>
          </w:p>
          <w:p w:rsidR="00156FB3" w:rsidRDefault="00156FB3" w:rsidP="00156FB3">
            <w:r>
              <w:t xml:space="preserve">                    var _this9 = this;</w:t>
            </w:r>
          </w:p>
          <w:p w:rsidR="00156FB3" w:rsidRDefault="00156FB3" w:rsidP="00156FB3">
            <w:r>
              <w:t xml:space="preserve">                    // when mouse over a list item, just highlight that one</w:t>
            </w:r>
          </w:p>
          <w:p w:rsidR="00156FB3" w:rsidRDefault="00156FB3" w:rsidP="00156FB3">
            <w:r>
              <w:t xml:space="preserve">                    // we add the class "highlight", so if they hit "enter" we know which one to select</w:t>
            </w:r>
          </w:p>
          <w:p w:rsidR="00156FB3" w:rsidRDefault="00156FB3" w:rsidP="00156FB3">
            <w:r>
              <w:t xml:space="preserve">                    this._handleMouseoverCountryList = function(e) {</w:t>
            </w:r>
          </w:p>
          <w:p w:rsidR="00156FB3" w:rsidRDefault="00156FB3" w:rsidP="00156FB3">
            <w:r>
              <w:t xml:space="preserve">                        // handle event delegation, as we're listening for this event on the countryList</w:t>
            </w:r>
          </w:p>
          <w:p w:rsidR="00156FB3" w:rsidRDefault="00156FB3" w:rsidP="00156FB3">
            <w:r>
              <w:t xml:space="preserve">                        var listItem = _this9._getClosestListItem(e.target);</w:t>
            </w:r>
          </w:p>
          <w:p w:rsidR="00156FB3" w:rsidRDefault="00156FB3" w:rsidP="00156FB3">
            <w:r>
              <w:t xml:space="preserve">                        if (listItem) _this9._highlightListItem(listItem, false);</w:t>
            </w:r>
          </w:p>
          <w:p w:rsidR="00156FB3" w:rsidRDefault="00156FB3" w:rsidP="00156FB3">
            <w:r>
              <w:t xml:space="preserve">                    };</w:t>
            </w:r>
          </w:p>
          <w:p w:rsidR="00156FB3" w:rsidRDefault="00156FB3" w:rsidP="00156FB3">
            <w:r>
              <w:t xml:space="preserve">                    this.countryList.addEventListener("mouseover", this._handleMouseoverCountryList);</w:t>
            </w:r>
          </w:p>
          <w:p w:rsidR="00156FB3" w:rsidRDefault="00156FB3" w:rsidP="00156FB3">
            <w:r>
              <w:t xml:space="preserve">                    // listen for country selection</w:t>
            </w:r>
          </w:p>
          <w:p w:rsidR="00156FB3" w:rsidRDefault="00156FB3" w:rsidP="00156FB3">
            <w:r>
              <w:t xml:space="preserve">                    this._handleClickCountryList = function(e) {</w:t>
            </w:r>
          </w:p>
          <w:p w:rsidR="00156FB3" w:rsidRDefault="00156FB3" w:rsidP="00156FB3">
            <w:r>
              <w:t xml:space="preserve">                        var listItem = _this9._getClosestListItem(e.target);</w:t>
            </w:r>
          </w:p>
          <w:p w:rsidR="00156FB3" w:rsidRDefault="00156FB3" w:rsidP="00156FB3">
            <w:r>
              <w:t xml:space="preserve">                        if (listItem) _this9._selectListItem(listItem);</w:t>
            </w:r>
          </w:p>
          <w:p w:rsidR="00156FB3" w:rsidRDefault="00156FB3" w:rsidP="00156FB3">
            <w:r>
              <w:t xml:space="preserve">                    };</w:t>
            </w:r>
          </w:p>
          <w:p w:rsidR="00156FB3" w:rsidRDefault="00156FB3" w:rsidP="00156FB3">
            <w:r>
              <w:t xml:space="preserve">                    this.countryList.addEventListener("click", this._handleClickCountryList);</w:t>
            </w:r>
          </w:p>
          <w:p w:rsidR="00156FB3" w:rsidRDefault="00156FB3" w:rsidP="00156FB3">
            <w:r>
              <w:t xml:space="preserve">                    // click off to close</w:t>
            </w:r>
          </w:p>
          <w:p w:rsidR="00156FB3" w:rsidRDefault="00156FB3" w:rsidP="00156FB3">
            <w:r>
              <w:t xml:space="preserve">                    // (except when this initial opening click is bubbling up)</w:t>
            </w:r>
          </w:p>
          <w:p w:rsidR="00156FB3" w:rsidRDefault="00156FB3" w:rsidP="00156FB3">
            <w:r>
              <w:t xml:space="preserve">                    // we cannot just stopPropagation as it may be needed to close another instance</w:t>
            </w:r>
          </w:p>
          <w:p w:rsidR="00156FB3" w:rsidRDefault="00156FB3" w:rsidP="00156FB3">
            <w:r>
              <w:t xml:space="preserve">                    var isOpening = true;</w:t>
            </w:r>
          </w:p>
          <w:p w:rsidR="00156FB3" w:rsidRDefault="00156FB3" w:rsidP="00156FB3">
            <w:r>
              <w:t xml:space="preserve">                    this._handleClickOffToClose = function() {</w:t>
            </w:r>
          </w:p>
          <w:p w:rsidR="00156FB3" w:rsidRDefault="00156FB3" w:rsidP="00156FB3">
            <w:r>
              <w:t xml:space="preserve">                        if (!isOpening) _this9._closeDropdown();</w:t>
            </w:r>
          </w:p>
          <w:p w:rsidR="00156FB3" w:rsidRDefault="00156FB3" w:rsidP="00156FB3">
            <w:r>
              <w:t xml:space="preserve">                        isOpening = false;</w:t>
            </w:r>
          </w:p>
          <w:p w:rsidR="00156FB3" w:rsidRDefault="00156FB3" w:rsidP="00156FB3">
            <w:r>
              <w:t xml:space="preserve">                    };</w:t>
            </w:r>
          </w:p>
          <w:p w:rsidR="00156FB3" w:rsidRDefault="00156FB3" w:rsidP="00156FB3">
            <w:r>
              <w:t xml:space="preserve">                    document.documentElement.addEventListener("click", this._handleClickOffToClose);</w:t>
            </w:r>
          </w:p>
          <w:p w:rsidR="00156FB3" w:rsidRDefault="00156FB3" w:rsidP="00156FB3">
            <w:r>
              <w:t xml:space="preserve">                    // listen for up/down scrolling, enter to select, or letters to jump to country name.</w:t>
            </w:r>
          </w:p>
          <w:p w:rsidR="00156FB3" w:rsidRDefault="00156FB3" w:rsidP="00156FB3">
            <w:r>
              <w:t xml:space="preserve">                    // use keydown as keypress doesn't fire for non-char keys and we want to catch if they</w:t>
            </w:r>
          </w:p>
          <w:p w:rsidR="00156FB3" w:rsidRDefault="00156FB3" w:rsidP="00156FB3">
            <w:r>
              <w:t xml:space="preserve">                    // just hit down and hold it to scroll down (no keyup event).</w:t>
            </w:r>
          </w:p>
          <w:p w:rsidR="00156FB3" w:rsidRDefault="00156FB3" w:rsidP="00156FB3">
            <w:r>
              <w:t xml:space="preserve">                    // listen on the document because that's where key events are triggered if no input has focus</w:t>
            </w:r>
          </w:p>
          <w:p w:rsidR="00156FB3" w:rsidRDefault="00156FB3" w:rsidP="00156FB3">
            <w:r>
              <w:t xml:space="preserve">                    var query = "";</w:t>
            </w:r>
          </w:p>
          <w:p w:rsidR="00156FB3" w:rsidRDefault="00156FB3" w:rsidP="00156FB3">
            <w:r>
              <w:t xml:space="preserve">                    var queryTimer = null;</w:t>
            </w:r>
          </w:p>
          <w:p w:rsidR="00156FB3" w:rsidRDefault="00156FB3" w:rsidP="00156FB3">
            <w:r>
              <w:t xml:space="preserve">                    this._handleKeydownOnDropdown = function(e) {</w:t>
            </w:r>
          </w:p>
          <w:p w:rsidR="00156FB3" w:rsidRDefault="00156FB3" w:rsidP="00156FB3">
            <w:r>
              <w:t xml:space="preserve">                        // prevent down key from scrolling the whole page,</w:t>
            </w:r>
          </w:p>
          <w:p w:rsidR="00156FB3" w:rsidRDefault="00156FB3" w:rsidP="00156FB3">
            <w:r>
              <w:t xml:space="preserve">                        // and enter key from submitting a form etc</w:t>
            </w:r>
          </w:p>
          <w:p w:rsidR="00156FB3" w:rsidRDefault="00156FB3" w:rsidP="00156FB3">
            <w:r>
              <w:t xml:space="preserve">                        e.preventDefault();</w:t>
            </w:r>
          </w:p>
          <w:p w:rsidR="00156FB3" w:rsidRDefault="00156FB3" w:rsidP="00156FB3">
            <w:r>
              <w:t xml:space="preserve">                        // up and down to navigate</w:t>
            </w:r>
          </w:p>
          <w:p w:rsidR="00156FB3" w:rsidRDefault="00156FB3" w:rsidP="00156FB3">
            <w:r>
              <w:t xml:space="preserve">                        if (e.key === "ArrowUp" || e.key === "ArrowDown") _this9._handleUpDownKey(e.key); else if (e.key === "Enter") _this9._handleEnterKey(); else if (e.key === "Escape") _this9._closeDropdown(); else if (/^[a-zA-ZÀ-ÿ ]$/.test(e.key)) {</w:t>
            </w:r>
          </w:p>
          <w:p w:rsidR="00156FB3" w:rsidRDefault="00156FB3" w:rsidP="00156FB3">
            <w:r>
              <w:t xml:space="preserve">                            // jump to countries that start with the query string</w:t>
            </w:r>
          </w:p>
          <w:p w:rsidR="00156FB3" w:rsidRDefault="00156FB3" w:rsidP="00156FB3">
            <w:r>
              <w:t xml:space="preserve">                            if (queryTimer) clearTimeout(queryTimer);</w:t>
            </w:r>
          </w:p>
          <w:p w:rsidR="00156FB3" w:rsidRDefault="00156FB3" w:rsidP="00156FB3">
            <w:r>
              <w:t xml:space="preserve">                            query += e.key.toLowerCase();</w:t>
            </w:r>
          </w:p>
          <w:p w:rsidR="00156FB3" w:rsidRDefault="00156FB3" w:rsidP="00156FB3">
            <w:r>
              <w:t xml:space="preserve">                            _this9._searchForCountry(query);</w:t>
            </w:r>
          </w:p>
          <w:p w:rsidR="00156FB3" w:rsidRDefault="00156FB3" w:rsidP="00156FB3">
            <w:r>
              <w:t xml:space="preserve">                            // if the timer hits 1 second, reset the query</w:t>
            </w:r>
          </w:p>
          <w:p w:rsidR="00156FB3" w:rsidRDefault="00156FB3" w:rsidP="00156FB3">
            <w:r>
              <w:t xml:space="preserve">                            queryTimer = setTimeout(function() {</w:t>
            </w:r>
          </w:p>
          <w:p w:rsidR="00156FB3" w:rsidRDefault="00156FB3" w:rsidP="00156FB3">
            <w:r>
              <w:lastRenderedPageBreak/>
              <w:t xml:space="preserve">                                query = "";</w:t>
            </w:r>
          </w:p>
          <w:p w:rsidR="00156FB3" w:rsidRDefault="00156FB3" w:rsidP="00156FB3">
            <w:r>
              <w:t xml:space="preserve">                            }, 1e3);</w:t>
            </w:r>
          </w:p>
          <w:p w:rsidR="00156FB3" w:rsidRDefault="00156FB3" w:rsidP="00156FB3">
            <w:r>
              <w:t xml:space="preserve">                        }</w:t>
            </w:r>
          </w:p>
          <w:p w:rsidR="00156FB3" w:rsidRDefault="00156FB3" w:rsidP="00156FB3">
            <w:r>
              <w:t xml:space="preserve">                    };</w:t>
            </w:r>
          </w:p>
          <w:p w:rsidR="00156FB3" w:rsidRDefault="00156FB3" w:rsidP="00156FB3">
            <w:r>
              <w:t xml:space="preserve">                    document.addEventListener("keydown", this._handleKeydownOnDropdown);</w:t>
            </w:r>
          </w:p>
          <w:p w:rsidR="00156FB3" w:rsidRDefault="00156FB3" w:rsidP="00156FB3">
            <w:r>
              <w:t xml:space="preserve">                }</w:t>
            </w:r>
          </w:p>
          <w:p w:rsidR="00156FB3" w:rsidRDefault="00156FB3" w:rsidP="00156FB3">
            <w:r>
              <w:t xml:space="preserve">            }, {</w:t>
            </w:r>
          </w:p>
          <w:p w:rsidR="00156FB3" w:rsidRDefault="00156FB3" w:rsidP="00156FB3">
            <w:r>
              <w:t xml:space="preserve">                key: "_handleUpDownKey",</w:t>
            </w:r>
          </w:p>
          <w:p w:rsidR="00156FB3" w:rsidRDefault="00156FB3" w:rsidP="00156FB3">
            <w:r>
              <w:t xml:space="preserve">                value: function _handleUpDownKey(key) {</w:t>
            </w:r>
          </w:p>
          <w:p w:rsidR="00156FB3" w:rsidRDefault="00156FB3" w:rsidP="00156FB3">
            <w:r>
              <w:t xml:space="preserve">                    var next = key === "ArrowUp" ? this.highlightedItem.previousElementSibling : this.highlightedItem.nextElementSibling;</w:t>
            </w:r>
          </w:p>
          <w:p w:rsidR="00156FB3" w:rsidRDefault="00156FB3" w:rsidP="00156FB3">
            <w:r>
              <w:t xml:space="preserve">                    if (next) {</w:t>
            </w:r>
          </w:p>
          <w:p w:rsidR="00156FB3" w:rsidRDefault="00156FB3" w:rsidP="00156FB3">
            <w:r>
              <w:t xml:space="preserve">                        // skip the divider</w:t>
            </w:r>
          </w:p>
          <w:p w:rsidR="00156FB3" w:rsidRDefault="00156FB3" w:rsidP="00156FB3">
            <w:r>
              <w:t xml:space="preserve">                        if (next.classList.contains("iti__divider")) {</w:t>
            </w:r>
          </w:p>
          <w:p w:rsidR="00156FB3" w:rsidRDefault="00156FB3" w:rsidP="00156FB3">
            <w:r>
              <w:t xml:space="preserve">                            next = key === "ArrowUp" ? next.previousElementSibling : next.nextElementSibling;</w:t>
            </w:r>
          </w:p>
          <w:p w:rsidR="00156FB3" w:rsidRDefault="00156FB3" w:rsidP="00156FB3">
            <w:r>
              <w:t xml:space="preserve">                        }</w:t>
            </w:r>
          </w:p>
          <w:p w:rsidR="00156FB3" w:rsidRDefault="00156FB3" w:rsidP="00156FB3">
            <w:r>
              <w:t xml:space="preserve">                        this._highlightListItem(next, true);</w:t>
            </w:r>
          </w:p>
          <w:p w:rsidR="00156FB3" w:rsidRDefault="00156FB3" w:rsidP="00156FB3">
            <w:r>
              <w:t xml:space="preserve">                    }</w:t>
            </w:r>
          </w:p>
          <w:p w:rsidR="00156FB3" w:rsidRDefault="00156FB3" w:rsidP="00156FB3">
            <w:r>
              <w:t xml:space="preserve">                }</w:t>
            </w:r>
          </w:p>
          <w:p w:rsidR="00156FB3" w:rsidRDefault="00156FB3" w:rsidP="00156FB3">
            <w:r>
              <w:t xml:space="preserve">            }, {</w:t>
            </w:r>
          </w:p>
          <w:p w:rsidR="00156FB3" w:rsidRDefault="00156FB3" w:rsidP="00156FB3">
            <w:r>
              <w:t xml:space="preserve">                key: "_handleEnterKey",</w:t>
            </w:r>
          </w:p>
          <w:p w:rsidR="00156FB3" w:rsidRDefault="00156FB3" w:rsidP="00156FB3">
            <w:r>
              <w:t xml:space="preserve">                value: function _handleEnterKey() {</w:t>
            </w:r>
          </w:p>
          <w:p w:rsidR="00156FB3" w:rsidRDefault="00156FB3" w:rsidP="00156FB3">
            <w:r>
              <w:t xml:space="preserve">                    if (this.highlightedItem) this._selectListItem(this.highlightedItem);</w:t>
            </w:r>
          </w:p>
          <w:p w:rsidR="00156FB3" w:rsidRDefault="00156FB3" w:rsidP="00156FB3">
            <w:r>
              <w:t xml:space="preserve">                }</w:t>
            </w:r>
          </w:p>
          <w:p w:rsidR="00156FB3" w:rsidRDefault="00156FB3" w:rsidP="00156FB3">
            <w:r>
              <w:t xml:space="preserve">            }, {</w:t>
            </w:r>
          </w:p>
          <w:p w:rsidR="00156FB3" w:rsidRDefault="00156FB3" w:rsidP="00156FB3">
            <w:r>
              <w:t xml:space="preserve">                key: "_searchForCountry",</w:t>
            </w:r>
          </w:p>
          <w:p w:rsidR="00156FB3" w:rsidRDefault="00156FB3" w:rsidP="00156FB3">
            <w:r>
              <w:t xml:space="preserve">                value: function _searchForCountry(query) {</w:t>
            </w:r>
          </w:p>
          <w:p w:rsidR="00156FB3" w:rsidRDefault="00156FB3" w:rsidP="00156FB3">
            <w:r>
              <w:t xml:space="preserve">                    for (var i = 0; i &lt; this.countries.length; i++) {</w:t>
            </w:r>
          </w:p>
          <w:p w:rsidR="00156FB3" w:rsidRDefault="00156FB3" w:rsidP="00156FB3">
            <w:r>
              <w:t xml:space="preserve">                        if (this._startsWith(this.countries[i].name, query)) {</w:t>
            </w:r>
          </w:p>
          <w:p w:rsidR="00156FB3" w:rsidRDefault="00156FB3" w:rsidP="00156FB3">
            <w:r>
              <w:t xml:space="preserve">                            var listItem = this.countryList.querySelector("#iti-item-".concat(this.countries[i].iso2));</w:t>
            </w:r>
          </w:p>
          <w:p w:rsidR="00156FB3" w:rsidRDefault="00156FB3" w:rsidP="00156FB3">
            <w:r>
              <w:t xml:space="preserve">                            // update highlighting and scroll</w:t>
            </w:r>
          </w:p>
          <w:p w:rsidR="00156FB3" w:rsidRDefault="00156FB3" w:rsidP="00156FB3">
            <w:r>
              <w:t xml:space="preserve">                            this._highlightListItem(listItem, false);</w:t>
            </w:r>
          </w:p>
          <w:p w:rsidR="00156FB3" w:rsidRDefault="00156FB3" w:rsidP="00156FB3">
            <w:r>
              <w:t xml:space="preserve">                            this._scrollTo(listItem, true);</w:t>
            </w:r>
          </w:p>
          <w:p w:rsidR="00156FB3" w:rsidRDefault="00156FB3" w:rsidP="00156FB3">
            <w:r>
              <w:t xml:space="preserve">                            break;</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 {</w:t>
            </w:r>
          </w:p>
          <w:p w:rsidR="00156FB3" w:rsidRDefault="00156FB3" w:rsidP="00156FB3">
            <w:r>
              <w:t xml:space="preserve">                key: "_startsWith",</w:t>
            </w:r>
          </w:p>
          <w:p w:rsidR="00156FB3" w:rsidRDefault="00156FB3" w:rsidP="00156FB3">
            <w:r>
              <w:t xml:space="preserve">                value: function _startsWith(a, b) {</w:t>
            </w:r>
          </w:p>
          <w:p w:rsidR="00156FB3" w:rsidRDefault="00156FB3" w:rsidP="00156FB3">
            <w:r>
              <w:t xml:space="preserve">                    return a.substr(0, b.length).toLowerCase() === b;</w:t>
            </w:r>
          </w:p>
          <w:p w:rsidR="00156FB3" w:rsidRDefault="00156FB3" w:rsidP="00156FB3">
            <w:r>
              <w:t xml:space="preserve">                }</w:t>
            </w:r>
          </w:p>
          <w:p w:rsidR="00156FB3" w:rsidRDefault="00156FB3" w:rsidP="00156FB3">
            <w:r>
              <w:t xml:space="preserve">            }, {</w:t>
            </w:r>
          </w:p>
          <w:p w:rsidR="00156FB3" w:rsidRDefault="00156FB3" w:rsidP="00156FB3">
            <w:r>
              <w:t xml:space="preserve">                key: "_updateValFromNumber",</w:t>
            </w:r>
          </w:p>
          <w:p w:rsidR="00156FB3" w:rsidRDefault="00156FB3" w:rsidP="00156FB3">
            <w:r>
              <w:t xml:space="preserve">                value: function _updateValFromNumber(originalNumber) {</w:t>
            </w:r>
          </w:p>
          <w:p w:rsidR="00156FB3" w:rsidRDefault="00156FB3" w:rsidP="00156FB3">
            <w:r>
              <w:t xml:space="preserve">                    var number = originalNumber;</w:t>
            </w:r>
          </w:p>
          <w:p w:rsidR="00156FB3" w:rsidRDefault="00156FB3" w:rsidP="00156FB3">
            <w:r>
              <w:t xml:space="preserve">                    if (this.options.formatOnDisplay &amp;&amp; window.intlTelInputUtils &amp;&amp; this.selectedCountryData) {</w:t>
            </w:r>
          </w:p>
          <w:p w:rsidR="00156FB3" w:rsidRDefault="00156FB3" w:rsidP="00156FB3">
            <w:r>
              <w:t xml:space="preserve">                        var useNational = !this.options.separateDialCode &amp;&amp; (this.options.nationalMode || </w:t>
            </w:r>
            <w:r>
              <w:lastRenderedPageBreak/>
              <w:t>number.charAt(0) !== "+");</w:t>
            </w:r>
          </w:p>
          <w:p w:rsidR="00156FB3" w:rsidRDefault="00156FB3" w:rsidP="00156FB3">
            <w:r>
              <w:t xml:space="preserve">                        var _intlTelInputUtils$nu = intlTelInputUtils.numberFormat, NATIONAL = _intlTelInputUtils$nu.NATIONAL, INTERNATIONAL = _intlTelInputUtils$nu.INTERNATIONAL;</w:t>
            </w:r>
          </w:p>
          <w:p w:rsidR="00156FB3" w:rsidRDefault="00156FB3" w:rsidP="00156FB3">
            <w:r>
              <w:t xml:space="preserve">                        var format = useNational ? NATIONAL : INTERNATIONAL;</w:t>
            </w:r>
          </w:p>
          <w:p w:rsidR="00156FB3" w:rsidRDefault="00156FB3" w:rsidP="00156FB3">
            <w:r>
              <w:t xml:space="preserve">                        number = intlTelInputUtils.formatNumber(number, this.selectedCountryData.iso2, format);</w:t>
            </w:r>
          </w:p>
          <w:p w:rsidR="00156FB3" w:rsidRDefault="00156FB3" w:rsidP="00156FB3">
            <w:r>
              <w:t xml:space="preserve">                    }</w:t>
            </w:r>
          </w:p>
          <w:p w:rsidR="00156FB3" w:rsidRDefault="00156FB3" w:rsidP="00156FB3">
            <w:r>
              <w:t xml:space="preserve">                    number = this._beforeSetNumber(number);</w:t>
            </w:r>
          </w:p>
          <w:p w:rsidR="00156FB3" w:rsidRDefault="00156FB3" w:rsidP="00156FB3">
            <w:r>
              <w:t xml:space="preserve">                    this.telInput.value = number;</w:t>
            </w:r>
          </w:p>
          <w:p w:rsidR="00156FB3" w:rsidRDefault="00156FB3" w:rsidP="00156FB3">
            <w:r>
              <w:t xml:space="preserve">                }</w:t>
            </w:r>
          </w:p>
          <w:p w:rsidR="00156FB3" w:rsidRDefault="00156FB3" w:rsidP="00156FB3">
            <w:r>
              <w:t xml:space="preserve">            }, {</w:t>
            </w:r>
          </w:p>
          <w:p w:rsidR="00156FB3" w:rsidRDefault="00156FB3" w:rsidP="00156FB3">
            <w:r>
              <w:t xml:space="preserve">                key: "_updateFlagFromNumber",</w:t>
            </w:r>
          </w:p>
          <w:p w:rsidR="00156FB3" w:rsidRDefault="00156FB3" w:rsidP="00156FB3">
            <w:r>
              <w:t xml:space="preserve">                value: function _updateFlagFromNumber(originalNumber) {</w:t>
            </w:r>
          </w:p>
          <w:p w:rsidR="00156FB3" w:rsidRDefault="00156FB3" w:rsidP="00156FB3">
            <w:r>
              <w:t xml:space="preserve">                    // if we're in nationalMode and we already have US/Canada selected, make sure the number starts</w:t>
            </w:r>
          </w:p>
          <w:p w:rsidR="00156FB3" w:rsidRDefault="00156FB3" w:rsidP="00156FB3">
            <w:r>
              <w:t xml:space="preserve">                    // with a +1 so _getDialCode will be able to extract the area code</w:t>
            </w:r>
          </w:p>
          <w:p w:rsidR="00156FB3" w:rsidRDefault="00156FB3" w:rsidP="00156FB3">
            <w:r>
              <w:t xml:space="preserve">                    // update: if we dont yet have selectedCountryData, but we're here (trying to update the flag</w:t>
            </w:r>
          </w:p>
          <w:p w:rsidR="00156FB3" w:rsidRDefault="00156FB3" w:rsidP="00156FB3">
            <w:r>
              <w:t xml:space="preserve">                    // from the number), that means we're initialising the plugin with a number that already has a</w:t>
            </w:r>
          </w:p>
          <w:p w:rsidR="00156FB3" w:rsidRDefault="00156FB3" w:rsidP="00156FB3">
            <w:r>
              <w:t xml:space="preserve">                    // dial code, so fine to ignore this bit</w:t>
            </w:r>
          </w:p>
          <w:p w:rsidR="00156FB3" w:rsidRDefault="00156FB3" w:rsidP="00156FB3">
            <w:r>
              <w:t xml:space="preserve">                    var number = originalNumber;</w:t>
            </w:r>
          </w:p>
          <w:p w:rsidR="00156FB3" w:rsidRDefault="00156FB3" w:rsidP="00156FB3">
            <w:r>
              <w:t xml:space="preserve">                    var selectedDialCode = this.selectedCountryData.dialCode;</w:t>
            </w:r>
          </w:p>
          <w:p w:rsidR="00156FB3" w:rsidRDefault="00156FB3" w:rsidP="00156FB3">
            <w:r>
              <w:t xml:space="preserve">                    var isNanp = selectedDialCode === "1";</w:t>
            </w:r>
          </w:p>
          <w:p w:rsidR="00156FB3" w:rsidRDefault="00156FB3" w:rsidP="00156FB3">
            <w:r>
              <w:t xml:space="preserve">                    if (number &amp;&amp; this.options.nationalMode &amp;&amp; isNanp &amp;&amp; number.charAt(0) !== "+") {</w:t>
            </w:r>
          </w:p>
          <w:p w:rsidR="00156FB3" w:rsidRDefault="00156FB3" w:rsidP="00156FB3">
            <w:r>
              <w:t xml:space="preserve">                        if (number.charAt(0) !== "1") number = "1".concat(number);</w:t>
            </w:r>
          </w:p>
          <w:p w:rsidR="00156FB3" w:rsidRDefault="00156FB3" w:rsidP="00156FB3">
            <w:r>
              <w:t xml:space="preserve">                        number = "+".concat(number);</w:t>
            </w:r>
          </w:p>
          <w:p w:rsidR="00156FB3" w:rsidRDefault="00156FB3" w:rsidP="00156FB3">
            <w:r>
              <w:t xml:space="preserve">                    }</w:t>
            </w:r>
          </w:p>
          <w:p w:rsidR="00156FB3" w:rsidRDefault="00156FB3" w:rsidP="00156FB3">
            <w:r>
              <w:t xml:space="preserve">                    // update flag if user types area code for another country</w:t>
            </w:r>
          </w:p>
          <w:p w:rsidR="00156FB3" w:rsidRDefault="00156FB3" w:rsidP="00156FB3">
            <w:r>
              <w:t xml:space="preserve">                    if (this.options.separateDialCode &amp;&amp; selectedDialCode &amp;&amp; number.charAt(0) !== "+") {</w:t>
            </w:r>
          </w:p>
          <w:p w:rsidR="00156FB3" w:rsidRDefault="00156FB3" w:rsidP="00156FB3">
            <w:r>
              <w:t xml:space="preserve">                        number = "+".concat(selectedDialCode).concat(number);</w:t>
            </w:r>
          </w:p>
          <w:p w:rsidR="00156FB3" w:rsidRDefault="00156FB3" w:rsidP="00156FB3">
            <w:r>
              <w:t xml:space="preserve">                    }</w:t>
            </w:r>
          </w:p>
          <w:p w:rsidR="00156FB3" w:rsidRDefault="00156FB3" w:rsidP="00156FB3">
            <w:r>
              <w:t xml:space="preserve">                    // try and extract valid dial code from input</w:t>
            </w:r>
          </w:p>
          <w:p w:rsidR="00156FB3" w:rsidRDefault="00156FB3" w:rsidP="00156FB3">
            <w:r>
              <w:t xml:space="preserve">                    var dialCode = this._getDialCode(number);</w:t>
            </w:r>
          </w:p>
          <w:p w:rsidR="00156FB3" w:rsidRDefault="00156FB3" w:rsidP="00156FB3">
            <w:r>
              <w:t xml:space="preserve">                    var numeric = this._getNumeric(number);</w:t>
            </w:r>
          </w:p>
          <w:p w:rsidR="00156FB3" w:rsidRDefault="00156FB3" w:rsidP="00156FB3">
            <w:r>
              <w:t xml:space="preserve">                    var countryCode = null;</w:t>
            </w:r>
          </w:p>
          <w:p w:rsidR="00156FB3" w:rsidRDefault="00156FB3" w:rsidP="00156FB3">
            <w:r>
              <w:t xml:space="preserve">                    if (dialCode) {</w:t>
            </w:r>
          </w:p>
          <w:p w:rsidR="00156FB3" w:rsidRDefault="00156FB3" w:rsidP="00156FB3">
            <w:r>
              <w:t xml:space="preserve">                        var countryCodes = this.countryCodes[this._getNumeric(dialCode)];</w:t>
            </w:r>
          </w:p>
          <w:p w:rsidR="00156FB3" w:rsidRDefault="00156FB3" w:rsidP="00156FB3">
            <w:r>
              <w:t xml:space="preserve">                        // check if the right country is already selected. this should be false if the number is</w:t>
            </w:r>
          </w:p>
          <w:p w:rsidR="00156FB3" w:rsidRDefault="00156FB3" w:rsidP="00156FB3">
            <w:r>
              <w:t xml:space="preserve">                        // longer than the matched dial code because in this case we need to make sure that if</w:t>
            </w:r>
          </w:p>
          <w:p w:rsidR="00156FB3" w:rsidRDefault="00156FB3" w:rsidP="00156FB3">
            <w:r>
              <w:t xml:space="preserve">                        // there are multiple country matches, that the first one is selected (note: we could</w:t>
            </w:r>
          </w:p>
          <w:p w:rsidR="00156FB3" w:rsidRDefault="00156FB3" w:rsidP="00156FB3">
            <w:r>
              <w:t xml:space="preserve">                        // just check that here, but it requires the same loop that we already have later)</w:t>
            </w:r>
          </w:p>
          <w:p w:rsidR="00156FB3" w:rsidRDefault="00156FB3" w:rsidP="00156FB3">
            <w:r>
              <w:t xml:space="preserve">                        var alreadySelected = countryCodes.indexOf(this.selectedCountryData.iso2) !== -1 &amp;&amp; numeric.length &lt;= dialCode.length - 1;</w:t>
            </w:r>
          </w:p>
          <w:p w:rsidR="00156FB3" w:rsidRDefault="00156FB3" w:rsidP="00156FB3">
            <w:r>
              <w:t xml:space="preserve">                        var isRegionlessNanpNumber = selectedDialCode === "1" &amp;&amp; this._isRegionlessNanp(numeric);</w:t>
            </w:r>
          </w:p>
          <w:p w:rsidR="00156FB3" w:rsidRDefault="00156FB3" w:rsidP="00156FB3">
            <w:r>
              <w:t xml:space="preserve">                        // only update the flag if:</w:t>
            </w:r>
          </w:p>
          <w:p w:rsidR="00156FB3" w:rsidRDefault="00156FB3" w:rsidP="00156FB3">
            <w:r>
              <w:t xml:space="preserve">                        // A) NOT (we currently have a NANP flag selected, and the number is a regionlessNanp)</w:t>
            </w:r>
          </w:p>
          <w:p w:rsidR="00156FB3" w:rsidRDefault="00156FB3" w:rsidP="00156FB3">
            <w:r>
              <w:t xml:space="preserve">                        // AND</w:t>
            </w:r>
          </w:p>
          <w:p w:rsidR="00156FB3" w:rsidRDefault="00156FB3" w:rsidP="00156FB3">
            <w:r>
              <w:t xml:space="preserve">                        // B) the right country is not already selected</w:t>
            </w:r>
          </w:p>
          <w:p w:rsidR="00156FB3" w:rsidRDefault="00156FB3" w:rsidP="00156FB3">
            <w:r>
              <w:lastRenderedPageBreak/>
              <w:t xml:space="preserve">                        if (!isRegionlessNanpNumber &amp;&amp; !alreadySelected) {</w:t>
            </w:r>
          </w:p>
          <w:p w:rsidR="00156FB3" w:rsidRDefault="00156FB3" w:rsidP="00156FB3">
            <w:r>
              <w:t xml:space="preserve">                            // if using onlyCountries option, countryCodes[0] may be empty, so we must find the first</w:t>
            </w:r>
          </w:p>
          <w:p w:rsidR="00156FB3" w:rsidRDefault="00156FB3" w:rsidP="00156FB3">
            <w:r>
              <w:t xml:space="preserve">                            // non-empty index</w:t>
            </w:r>
          </w:p>
          <w:p w:rsidR="00156FB3" w:rsidRDefault="00156FB3" w:rsidP="00156FB3">
            <w:r>
              <w:t xml:space="preserve">                            for (var j = 0; j &lt; countryCodes.length; j++) {</w:t>
            </w:r>
          </w:p>
          <w:p w:rsidR="00156FB3" w:rsidRDefault="00156FB3" w:rsidP="00156FB3">
            <w:r>
              <w:t xml:space="preserve">                                if (countryCodes[j]) {</w:t>
            </w:r>
          </w:p>
          <w:p w:rsidR="00156FB3" w:rsidRDefault="00156FB3" w:rsidP="00156FB3">
            <w:r>
              <w:t xml:space="preserve">                                    countryCode = countryCodes[j];</w:t>
            </w:r>
          </w:p>
          <w:p w:rsidR="00156FB3" w:rsidRDefault="00156FB3" w:rsidP="00156FB3">
            <w:r>
              <w:t xml:space="preserve">                                    break;</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 else if (number.charAt(0) === "+" &amp;&amp; numeric.length) {</w:t>
            </w:r>
          </w:p>
          <w:p w:rsidR="00156FB3" w:rsidRDefault="00156FB3" w:rsidP="00156FB3">
            <w:r>
              <w:t xml:space="preserve">                        // invalid dial code, so empty</w:t>
            </w:r>
          </w:p>
          <w:p w:rsidR="00156FB3" w:rsidRDefault="00156FB3" w:rsidP="00156FB3">
            <w:r>
              <w:t xml:space="preserve">                        // Note: use getNumeric here because the number has not been formatted yet, so could contain</w:t>
            </w:r>
          </w:p>
          <w:p w:rsidR="00156FB3" w:rsidRDefault="00156FB3" w:rsidP="00156FB3">
            <w:r>
              <w:t xml:space="preserve">                        // bad chars</w:t>
            </w:r>
          </w:p>
          <w:p w:rsidR="00156FB3" w:rsidRDefault="00156FB3" w:rsidP="00156FB3">
            <w:r>
              <w:t xml:space="preserve">                        countryCode = "";</w:t>
            </w:r>
          </w:p>
          <w:p w:rsidR="00156FB3" w:rsidRDefault="00156FB3" w:rsidP="00156FB3">
            <w:r>
              <w:t xml:space="preserve">                    } else if (!number || number === "+") {</w:t>
            </w:r>
          </w:p>
          <w:p w:rsidR="00156FB3" w:rsidRDefault="00156FB3" w:rsidP="00156FB3">
            <w:r>
              <w:t xml:space="preserve">                        // empty, or just a plus, so default</w:t>
            </w:r>
          </w:p>
          <w:p w:rsidR="00156FB3" w:rsidRDefault="00156FB3" w:rsidP="00156FB3">
            <w:r>
              <w:t xml:space="preserve">                        countryCode = this.defaultCountry;</w:t>
            </w:r>
          </w:p>
          <w:p w:rsidR="00156FB3" w:rsidRDefault="00156FB3" w:rsidP="00156FB3">
            <w:r>
              <w:t xml:space="preserve">                    }</w:t>
            </w:r>
          </w:p>
          <w:p w:rsidR="00156FB3" w:rsidRDefault="00156FB3" w:rsidP="00156FB3">
            <w:r>
              <w:t xml:space="preserve">                    if (countryCode !== null) {</w:t>
            </w:r>
          </w:p>
          <w:p w:rsidR="00156FB3" w:rsidRDefault="00156FB3" w:rsidP="00156FB3">
            <w:r>
              <w:t xml:space="preserve">                        return this._setFlag(countryCode);</w:t>
            </w:r>
          </w:p>
          <w:p w:rsidR="00156FB3" w:rsidRDefault="00156FB3" w:rsidP="00156FB3">
            <w:r>
              <w:t xml:space="preserve">                    }</w:t>
            </w:r>
          </w:p>
          <w:p w:rsidR="00156FB3" w:rsidRDefault="00156FB3" w:rsidP="00156FB3">
            <w:r>
              <w:t xml:space="preserve">                    return false;</w:t>
            </w:r>
          </w:p>
          <w:p w:rsidR="00156FB3" w:rsidRDefault="00156FB3" w:rsidP="00156FB3">
            <w:r>
              <w:t xml:space="preserve">                }</w:t>
            </w:r>
          </w:p>
          <w:p w:rsidR="00156FB3" w:rsidRDefault="00156FB3" w:rsidP="00156FB3">
            <w:r>
              <w:t xml:space="preserve">            }, {</w:t>
            </w:r>
          </w:p>
          <w:p w:rsidR="00156FB3" w:rsidRDefault="00156FB3" w:rsidP="00156FB3">
            <w:r>
              <w:t xml:space="preserve">                key: "_isRegionlessNanp",</w:t>
            </w:r>
          </w:p>
          <w:p w:rsidR="00156FB3" w:rsidRDefault="00156FB3" w:rsidP="00156FB3">
            <w:r>
              <w:t xml:space="preserve">                value: function _isRegionlessNanp(number) {</w:t>
            </w:r>
          </w:p>
          <w:p w:rsidR="00156FB3" w:rsidRDefault="00156FB3" w:rsidP="00156FB3">
            <w:r>
              <w:t xml:space="preserve">                    var numeric = this._getNumeric(number);</w:t>
            </w:r>
          </w:p>
          <w:p w:rsidR="00156FB3" w:rsidRDefault="00156FB3" w:rsidP="00156FB3">
            <w:r>
              <w:t xml:space="preserve">                    if (numeric.charAt(0) === "1") {</w:t>
            </w:r>
          </w:p>
          <w:p w:rsidR="00156FB3" w:rsidRDefault="00156FB3" w:rsidP="00156FB3">
            <w:r>
              <w:t xml:space="preserve">                        var areaCode = numeric.substr(1, 3);</w:t>
            </w:r>
          </w:p>
          <w:p w:rsidR="00156FB3" w:rsidRDefault="00156FB3" w:rsidP="00156FB3">
            <w:r>
              <w:t xml:space="preserve">                        return regionlessNanpNumbers.indexOf(areaCode) !== -1;</w:t>
            </w:r>
          </w:p>
          <w:p w:rsidR="00156FB3" w:rsidRDefault="00156FB3" w:rsidP="00156FB3">
            <w:r>
              <w:t xml:space="preserve">                    }</w:t>
            </w:r>
          </w:p>
          <w:p w:rsidR="00156FB3" w:rsidRDefault="00156FB3" w:rsidP="00156FB3">
            <w:r>
              <w:t xml:space="preserve">                    return false;</w:t>
            </w:r>
          </w:p>
          <w:p w:rsidR="00156FB3" w:rsidRDefault="00156FB3" w:rsidP="00156FB3">
            <w:r>
              <w:t xml:space="preserve">                }</w:t>
            </w:r>
          </w:p>
          <w:p w:rsidR="00156FB3" w:rsidRDefault="00156FB3" w:rsidP="00156FB3">
            <w:r>
              <w:t xml:space="preserve">            }, {</w:t>
            </w:r>
          </w:p>
          <w:p w:rsidR="00156FB3" w:rsidRDefault="00156FB3" w:rsidP="00156FB3">
            <w:r>
              <w:t xml:space="preserve">                key: "_highlightListItem",</w:t>
            </w:r>
          </w:p>
          <w:p w:rsidR="00156FB3" w:rsidRDefault="00156FB3" w:rsidP="00156FB3">
            <w:r>
              <w:t xml:space="preserve">                value: function _highlightListItem(listItem, shouldFocus) {</w:t>
            </w:r>
          </w:p>
          <w:p w:rsidR="00156FB3" w:rsidRDefault="00156FB3" w:rsidP="00156FB3">
            <w:r>
              <w:t xml:space="preserve">                    var prevItem = this.highlightedItem;</w:t>
            </w:r>
          </w:p>
          <w:p w:rsidR="00156FB3" w:rsidRDefault="00156FB3" w:rsidP="00156FB3">
            <w:r>
              <w:t xml:space="preserve">                    if (prevItem) prevItem.classList.remove("iti__highlight");</w:t>
            </w:r>
          </w:p>
          <w:p w:rsidR="00156FB3" w:rsidRDefault="00156FB3" w:rsidP="00156FB3">
            <w:r>
              <w:t xml:space="preserve">                    this.highlightedItem = listItem;</w:t>
            </w:r>
          </w:p>
          <w:p w:rsidR="00156FB3" w:rsidRDefault="00156FB3" w:rsidP="00156FB3">
            <w:r>
              <w:t xml:space="preserve">                    this.highlightedItem.classList.add("iti__highlight");</w:t>
            </w:r>
          </w:p>
          <w:p w:rsidR="00156FB3" w:rsidRDefault="00156FB3" w:rsidP="00156FB3">
            <w:r>
              <w:t xml:space="preserve">                    if (shouldFocus) this.highlightedItem.focus();</w:t>
            </w:r>
          </w:p>
          <w:p w:rsidR="00156FB3" w:rsidRDefault="00156FB3" w:rsidP="00156FB3">
            <w:r>
              <w:t xml:space="preserve">                }</w:t>
            </w:r>
          </w:p>
          <w:p w:rsidR="00156FB3" w:rsidRDefault="00156FB3" w:rsidP="00156FB3">
            <w:r>
              <w:t xml:space="preserve">            }, {</w:t>
            </w:r>
          </w:p>
          <w:p w:rsidR="00156FB3" w:rsidRDefault="00156FB3" w:rsidP="00156FB3">
            <w:r>
              <w:t xml:space="preserve">                key: "_getCountryData",</w:t>
            </w:r>
          </w:p>
          <w:p w:rsidR="00156FB3" w:rsidRDefault="00156FB3" w:rsidP="00156FB3">
            <w:r>
              <w:t xml:space="preserve">                value: function _getCountryData(countryCode, ignoreOnlyCountriesOption, allowFail) {</w:t>
            </w:r>
          </w:p>
          <w:p w:rsidR="00156FB3" w:rsidRDefault="00156FB3" w:rsidP="00156FB3">
            <w:r>
              <w:lastRenderedPageBreak/>
              <w:t xml:space="preserve">                    var countryList = ignoreOnlyCountriesOption ? allCountries : this.countries;</w:t>
            </w:r>
          </w:p>
          <w:p w:rsidR="00156FB3" w:rsidRDefault="00156FB3" w:rsidP="00156FB3">
            <w:r>
              <w:t xml:space="preserve">                    for (var i = 0; i &lt; countryList.length; i++) {</w:t>
            </w:r>
          </w:p>
          <w:p w:rsidR="00156FB3" w:rsidRDefault="00156FB3" w:rsidP="00156FB3">
            <w:r>
              <w:t xml:space="preserve">                        if (countryList[i].iso2 === countryCode) {</w:t>
            </w:r>
          </w:p>
          <w:p w:rsidR="00156FB3" w:rsidRDefault="00156FB3" w:rsidP="00156FB3">
            <w:r>
              <w:t xml:space="preserve">                            return countryList[i];</w:t>
            </w:r>
          </w:p>
          <w:p w:rsidR="00156FB3" w:rsidRDefault="00156FB3" w:rsidP="00156FB3">
            <w:r>
              <w:t xml:space="preserve">                        }</w:t>
            </w:r>
          </w:p>
          <w:p w:rsidR="00156FB3" w:rsidRDefault="00156FB3" w:rsidP="00156FB3">
            <w:r>
              <w:t xml:space="preserve">                    }</w:t>
            </w:r>
          </w:p>
          <w:p w:rsidR="00156FB3" w:rsidRDefault="00156FB3" w:rsidP="00156FB3">
            <w:r>
              <w:t xml:space="preserve">                    if (allowFail) {</w:t>
            </w:r>
          </w:p>
          <w:p w:rsidR="00156FB3" w:rsidRDefault="00156FB3" w:rsidP="00156FB3">
            <w:r>
              <w:t xml:space="preserve">                        return null;</w:t>
            </w:r>
          </w:p>
          <w:p w:rsidR="00156FB3" w:rsidRDefault="00156FB3" w:rsidP="00156FB3">
            <w:r>
              <w:t xml:space="preserve">                    }</w:t>
            </w:r>
          </w:p>
          <w:p w:rsidR="00156FB3" w:rsidRDefault="00156FB3" w:rsidP="00156FB3">
            <w:r>
              <w:t xml:space="preserve">                    throw new Error("No country data for '".concat(countryCode, "'"));</w:t>
            </w:r>
          </w:p>
          <w:p w:rsidR="00156FB3" w:rsidRDefault="00156FB3" w:rsidP="00156FB3">
            <w:r>
              <w:t xml:space="preserve">                }</w:t>
            </w:r>
          </w:p>
          <w:p w:rsidR="00156FB3" w:rsidRDefault="00156FB3" w:rsidP="00156FB3">
            <w:r>
              <w:t xml:space="preserve">            }, {</w:t>
            </w:r>
          </w:p>
          <w:p w:rsidR="00156FB3" w:rsidRDefault="00156FB3" w:rsidP="00156FB3">
            <w:r>
              <w:t xml:space="preserve">                key: "_setFlag",</w:t>
            </w:r>
          </w:p>
          <w:p w:rsidR="00156FB3" w:rsidRDefault="00156FB3" w:rsidP="00156FB3">
            <w:r>
              <w:t xml:space="preserve">                value: function _setFlag(countryCode) {</w:t>
            </w:r>
          </w:p>
          <w:p w:rsidR="00156FB3" w:rsidRDefault="00156FB3" w:rsidP="00156FB3">
            <w:r>
              <w:t xml:space="preserve">                    var prevCountry = this.selectedCountryData.iso2 ? this.selectedCountryData : {};</w:t>
            </w:r>
          </w:p>
          <w:p w:rsidR="00156FB3" w:rsidRDefault="00156FB3" w:rsidP="00156FB3">
            <w:r>
              <w:t xml:space="preserve">                    // do this first as it will throw an error and stop if countryCode is invalid</w:t>
            </w:r>
          </w:p>
          <w:p w:rsidR="00156FB3" w:rsidRDefault="00156FB3" w:rsidP="00156FB3">
            <w:r>
              <w:t xml:space="preserve">                    this.selectedCountryData = countryCode ? this._getCountryData(countryCode, false, false) : {};</w:t>
            </w:r>
          </w:p>
          <w:p w:rsidR="00156FB3" w:rsidRDefault="00156FB3" w:rsidP="00156FB3">
            <w:r>
              <w:t xml:space="preserve">                    // update the defaultCountry - we only need the iso2 from now on, so just store that</w:t>
            </w:r>
          </w:p>
          <w:p w:rsidR="00156FB3" w:rsidRDefault="00156FB3" w:rsidP="00156FB3">
            <w:r>
              <w:t xml:space="preserve">                    if (this.selectedCountryData.iso2) {</w:t>
            </w:r>
          </w:p>
          <w:p w:rsidR="00156FB3" w:rsidRDefault="00156FB3" w:rsidP="00156FB3">
            <w:r>
              <w:t xml:space="preserve">                        this.defaultCountry = this.selectedCountryData.iso2;</w:t>
            </w:r>
          </w:p>
          <w:p w:rsidR="00156FB3" w:rsidRDefault="00156FB3" w:rsidP="00156FB3">
            <w:r>
              <w:t xml:space="preserve">                    }</w:t>
            </w:r>
          </w:p>
          <w:p w:rsidR="00156FB3" w:rsidRDefault="00156FB3" w:rsidP="00156FB3">
            <w:r>
              <w:t xml:space="preserve">                    this.selectedFlagInner.setAttribute("class", "iti__flag iti__".concat(countryCode));</w:t>
            </w:r>
          </w:p>
          <w:p w:rsidR="00156FB3" w:rsidRDefault="00156FB3" w:rsidP="00156FB3">
            <w:r>
              <w:t xml:space="preserve">                    // update the selected country's title attribute</w:t>
            </w:r>
          </w:p>
          <w:p w:rsidR="00156FB3" w:rsidRDefault="00156FB3" w:rsidP="00156FB3">
            <w:r>
              <w:t xml:space="preserve">                    var title = countryCode ? "".concat(this.selectedCountryData.name, ": +").concat(this.selectedCountryData.dialCode) : "Unknown";</w:t>
            </w:r>
          </w:p>
          <w:p w:rsidR="00156FB3" w:rsidRDefault="00156FB3" w:rsidP="00156FB3">
            <w:r>
              <w:t xml:space="preserve">                    this.selectedFlag.setAttribute("title", title);</w:t>
            </w:r>
          </w:p>
          <w:p w:rsidR="00156FB3" w:rsidRDefault="00156FB3" w:rsidP="00156FB3">
            <w:r>
              <w:t xml:space="preserve">                    if (this.options.separateDialCode) {</w:t>
            </w:r>
          </w:p>
          <w:p w:rsidR="00156FB3" w:rsidRDefault="00156FB3" w:rsidP="00156FB3">
            <w:r>
              <w:t xml:space="preserve">                        var dialCode = this.selectedCountryData.dialCode ? "+".concat(this.selectedCountryData.dialCode) : "";</w:t>
            </w:r>
          </w:p>
          <w:p w:rsidR="00156FB3" w:rsidRDefault="00156FB3" w:rsidP="00156FB3">
            <w:r>
              <w:t xml:space="preserve">                        this.selectedDialCode.innerHTML = dialCode;</w:t>
            </w:r>
          </w:p>
          <w:p w:rsidR="00156FB3" w:rsidRDefault="00156FB3" w:rsidP="00156FB3">
            <w:r>
              <w:t xml:space="preserve">                        // offsetWidth is zero if input is in a hidden container during initialisation</w:t>
            </w:r>
          </w:p>
          <w:p w:rsidR="00156FB3" w:rsidRDefault="00156FB3" w:rsidP="00156FB3">
            <w:r>
              <w:t xml:space="preserve">                        var selectedFlagWidth = this.selectedFlag.offsetWidth || this._getHiddenSelectedFlagWidth();</w:t>
            </w:r>
          </w:p>
          <w:p w:rsidR="00156FB3" w:rsidRDefault="00156FB3" w:rsidP="00156FB3">
            <w:r>
              <w:t xml:space="preserve">                        // add 6px of padding after the grey selected-dial-code box, as this is what we use in the css</w:t>
            </w:r>
          </w:p>
          <w:p w:rsidR="00156FB3" w:rsidRDefault="00156FB3" w:rsidP="00156FB3">
            <w:r>
              <w:t xml:space="preserve">                        this.telInput.style.paddingLeft = "".concat(selectedFlagWidth + 6, "px");</w:t>
            </w:r>
          </w:p>
          <w:p w:rsidR="00156FB3" w:rsidRDefault="00156FB3" w:rsidP="00156FB3">
            <w:r>
              <w:t xml:space="preserve">                    }</w:t>
            </w:r>
          </w:p>
          <w:p w:rsidR="00156FB3" w:rsidRDefault="00156FB3" w:rsidP="00156FB3">
            <w:r>
              <w:t xml:space="preserve">                    // and the input's placeholder</w:t>
            </w:r>
          </w:p>
          <w:p w:rsidR="00156FB3" w:rsidRDefault="00156FB3" w:rsidP="00156FB3">
            <w:r>
              <w:t xml:space="preserve">                    this._updatePlaceholder();</w:t>
            </w:r>
          </w:p>
          <w:p w:rsidR="00156FB3" w:rsidRDefault="00156FB3" w:rsidP="00156FB3">
            <w:r>
              <w:t xml:space="preserve">                    // update the active list item</w:t>
            </w:r>
          </w:p>
          <w:p w:rsidR="00156FB3" w:rsidRDefault="00156FB3" w:rsidP="00156FB3">
            <w:r>
              <w:t xml:space="preserve">                    if (this.options.allowDropdown) {</w:t>
            </w:r>
          </w:p>
          <w:p w:rsidR="00156FB3" w:rsidRDefault="00156FB3" w:rsidP="00156FB3">
            <w:r>
              <w:t xml:space="preserve">                        var prevItem = this.activeItem;</w:t>
            </w:r>
          </w:p>
          <w:p w:rsidR="00156FB3" w:rsidRDefault="00156FB3" w:rsidP="00156FB3">
            <w:r>
              <w:t xml:space="preserve">                        if (prevItem) {</w:t>
            </w:r>
          </w:p>
          <w:p w:rsidR="00156FB3" w:rsidRDefault="00156FB3" w:rsidP="00156FB3">
            <w:r>
              <w:t xml:space="preserve">                            prevItem.classList.remove("iti__active");</w:t>
            </w:r>
          </w:p>
          <w:p w:rsidR="00156FB3" w:rsidRDefault="00156FB3" w:rsidP="00156FB3">
            <w:r>
              <w:t xml:space="preserve">                            prevItem.setAttribute("aria-selected", "false");</w:t>
            </w:r>
          </w:p>
          <w:p w:rsidR="00156FB3" w:rsidRDefault="00156FB3" w:rsidP="00156FB3">
            <w:r>
              <w:t xml:space="preserve">                        }</w:t>
            </w:r>
          </w:p>
          <w:p w:rsidR="00156FB3" w:rsidRDefault="00156FB3" w:rsidP="00156FB3">
            <w:r>
              <w:t xml:space="preserve">                        if (countryCode) {</w:t>
            </w:r>
          </w:p>
          <w:p w:rsidR="00156FB3" w:rsidRDefault="00156FB3" w:rsidP="00156FB3">
            <w:r>
              <w:lastRenderedPageBreak/>
              <w:t xml:space="preserve">                            var nextItem = this.countryList.querySelector("#iti-item-".concat(countryCode));</w:t>
            </w:r>
          </w:p>
          <w:p w:rsidR="00156FB3" w:rsidRDefault="00156FB3" w:rsidP="00156FB3">
            <w:r>
              <w:t xml:space="preserve">                            nextItem.setAttribute("aria-selected", "true");</w:t>
            </w:r>
          </w:p>
          <w:p w:rsidR="00156FB3" w:rsidRDefault="00156FB3" w:rsidP="00156FB3">
            <w:r>
              <w:t xml:space="preserve">                            nextItem.classList.add("iti__active");</w:t>
            </w:r>
          </w:p>
          <w:p w:rsidR="00156FB3" w:rsidRDefault="00156FB3" w:rsidP="00156FB3">
            <w:r>
              <w:t xml:space="preserve">                            this.activeItem = nextItem;</w:t>
            </w:r>
          </w:p>
          <w:p w:rsidR="00156FB3" w:rsidRDefault="00156FB3" w:rsidP="00156FB3">
            <w:r>
              <w:t xml:space="preserve">                            this.countryList.setAttribute("aria-activedescendant", nextItem.getAttribute("id"));</w:t>
            </w:r>
          </w:p>
          <w:p w:rsidR="00156FB3" w:rsidRDefault="00156FB3" w:rsidP="00156FB3">
            <w:r>
              <w:t xml:space="preserve">                        }</w:t>
            </w:r>
          </w:p>
          <w:p w:rsidR="00156FB3" w:rsidRDefault="00156FB3" w:rsidP="00156FB3">
            <w:r>
              <w:t xml:space="preserve">                    }</w:t>
            </w:r>
          </w:p>
          <w:p w:rsidR="00156FB3" w:rsidRDefault="00156FB3" w:rsidP="00156FB3">
            <w:r>
              <w:t xml:space="preserve">                    // return if the flag has changed or not</w:t>
            </w:r>
          </w:p>
          <w:p w:rsidR="00156FB3" w:rsidRDefault="00156FB3" w:rsidP="00156FB3">
            <w:r>
              <w:t xml:space="preserve">                    return prevCountry.iso2 !== countryCode;</w:t>
            </w:r>
          </w:p>
          <w:p w:rsidR="00156FB3" w:rsidRDefault="00156FB3" w:rsidP="00156FB3">
            <w:r>
              <w:t xml:space="preserve">                }</w:t>
            </w:r>
          </w:p>
          <w:p w:rsidR="00156FB3" w:rsidRDefault="00156FB3" w:rsidP="00156FB3">
            <w:r>
              <w:t xml:space="preserve">            }, {</w:t>
            </w:r>
          </w:p>
          <w:p w:rsidR="00156FB3" w:rsidRDefault="00156FB3" w:rsidP="00156FB3">
            <w:r>
              <w:t xml:space="preserve">                key: "_getHiddenSelectedFlagWidth",</w:t>
            </w:r>
          </w:p>
          <w:p w:rsidR="00156FB3" w:rsidRDefault="00156FB3" w:rsidP="00156FB3">
            <w:r>
              <w:t xml:space="preserve">                value: function _getHiddenSelectedFlagWidth() {</w:t>
            </w:r>
          </w:p>
          <w:p w:rsidR="00156FB3" w:rsidRDefault="00156FB3" w:rsidP="00156FB3">
            <w:r>
              <w:t xml:space="preserve">                    // to get the right styling to apply, all we need is a shallow clone of the container,</w:t>
            </w:r>
          </w:p>
          <w:p w:rsidR="00156FB3" w:rsidRDefault="00156FB3" w:rsidP="00156FB3">
            <w:r>
              <w:t xml:space="preserve">                    // and then to inject a deep clone of the selectedFlag element</w:t>
            </w:r>
          </w:p>
          <w:p w:rsidR="00156FB3" w:rsidRDefault="00156FB3" w:rsidP="00156FB3">
            <w:r>
              <w:t xml:space="preserve">                    var containerClone = this.telInput.parentNode.cloneNode();</w:t>
            </w:r>
          </w:p>
          <w:p w:rsidR="00156FB3" w:rsidRDefault="00156FB3" w:rsidP="00156FB3">
            <w:r>
              <w:t xml:space="preserve">                    containerClone.style.visibility = "hidden";</w:t>
            </w:r>
          </w:p>
          <w:p w:rsidR="00156FB3" w:rsidRDefault="00156FB3" w:rsidP="00156FB3">
            <w:r>
              <w:t xml:space="preserve">                    document.body.appendChild(containerClone);</w:t>
            </w:r>
          </w:p>
          <w:p w:rsidR="00156FB3" w:rsidRDefault="00156FB3" w:rsidP="00156FB3">
            <w:r>
              <w:t xml:space="preserve">                    var selectedFlagClone = this.selectedFlag.cloneNode(true);</w:t>
            </w:r>
          </w:p>
          <w:p w:rsidR="00156FB3" w:rsidRDefault="00156FB3" w:rsidP="00156FB3">
            <w:r>
              <w:t xml:space="preserve">                    containerClone.appendChild(selectedFlagClone);</w:t>
            </w:r>
          </w:p>
          <w:p w:rsidR="00156FB3" w:rsidRDefault="00156FB3" w:rsidP="00156FB3">
            <w:r>
              <w:t xml:space="preserve">                    var width = selectedFlagClone.offsetWidth;</w:t>
            </w:r>
          </w:p>
          <w:p w:rsidR="00156FB3" w:rsidRDefault="00156FB3" w:rsidP="00156FB3">
            <w:r>
              <w:t xml:space="preserve">                    containerClone.remove();</w:t>
            </w:r>
          </w:p>
          <w:p w:rsidR="00156FB3" w:rsidRDefault="00156FB3" w:rsidP="00156FB3">
            <w:r>
              <w:t xml:space="preserve">                    return width;</w:t>
            </w:r>
          </w:p>
          <w:p w:rsidR="00156FB3" w:rsidRDefault="00156FB3" w:rsidP="00156FB3">
            <w:r>
              <w:t xml:space="preserve">                }</w:t>
            </w:r>
          </w:p>
          <w:p w:rsidR="00156FB3" w:rsidRDefault="00156FB3" w:rsidP="00156FB3">
            <w:r>
              <w:t xml:space="preserve">            }, {</w:t>
            </w:r>
          </w:p>
          <w:p w:rsidR="00156FB3" w:rsidRDefault="00156FB3" w:rsidP="00156FB3">
            <w:r>
              <w:t xml:space="preserve">                key: "_updatePlaceholder",</w:t>
            </w:r>
          </w:p>
          <w:p w:rsidR="00156FB3" w:rsidRDefault="00156FB3" w:rsidP="00156FB3">
            <w:r>
              <w:t xml:space="preserve">                value: function _updatePlaceholder() {</w:t>
            </w:r>
          </w:p>
          <w:p w:rsidR="00156FB3" w:rsidRDefault="00156FB3" w:rsidP="00156FB3">
            <w:r>
              <w:t xml:space="preserve">                    var shouldSetPlaceholder = this.options.autoPlaceholder === "aggressive" || !this.hadInitialPlaceholder &amp;&amp; this.options.autoPlaceholder === "polite";</w:t>
            </w:r>
          </w:p>
          <w:p w:rsidR="00156FB3" w:rsidRDefault="00156FB3" w:rsidP="00156FB3">
            <w:r>
              <w:t xml:space="preserve">                    if (window.intlTelInputUtils &amp;&amp; shouldSetPlaceholder) {</w:t>
            </w:r>
          </w:p>
          <w:p w:rsidR="00156FB3" w:rsidRDefault="00156FB3" w:rsidP="00156FB3">
            <w:r>
              <w:t xml:space="preserve">                        var numberType = intlTelInputUtils.numberType[this.options.placeholderNumberType];</w:t>
            </w:r>
          </w:p>
          <w:p w:rsidR="00156FB3" w:rsidRDefault="00156FB3" w:rsidP="00156FB3">
            <w:r>
              <w:t xml:space="preserve">                        var placeholder = this.selectedCountryData.iso2 ? intlTelInputUtils.getExampleNumber(this.selectedCountryData.iso2, this.options.nationalMode, numberType) : "";</w:t>
            </w:r>
          </w:p>
          <w:p w:rsidR="00156FB3" w:rsidRDefault="00156FB3" w:rsidP="00156FB3">
            <w:r>
              <w:t xml:space="preserve">                        placeholder = this._beforeSetNumber(placeholder);</w:t>
            </w:r>
          </w:p>
          <w:p w:rsidR="00156FB3" w:rsidRDefault="00156FB3" w:rsidP="00156FB3">
            <w:r>
              <w:t xml:space="preserve">                        if (typeof this.options.customPlaceholder === "function") {</w:t>
            </w:r>
          </w:p>
          <w:p w:rsidR="00156FB3" w:rsidRDefault="00156FB3" w:rsidP="00156FB3">
            <w:r>
              <w:t xml:space="preserve">                            placeholder = this.options.customPlaceholder(placeholder, this.selectedCountryData);</w:t>
            </w:r>
          </w:p>
          <w:p w:rsidR="00156FB3" w:rsidRDefault="00156FB3" w:rsidP="00156FB3">
            <w:r>
              <w:t xml:space="preserve">                        }</w:t>
            </w:r>
          </w:p>
          <w:p w:rsidR="00156FB3" w:rsidRDefault="00156FB3" w:rsidP="00156FB3">
            <w:r>
              <w:t xml:space="preserve">                        this.telInput.setAttribute("placeholder", placeholder);</w:t>
            </w:r>
          </w:p>
          <w:p w:rsidR="00156FB3" w:rsidRDefault="00156FB3" w:rsidP="00156FB3">
            <w:r>
              <w:t xml:space="preserve">                    }</w:t>
            </w:r>
          </w:p>
          <w:p w:rsidR="00156FB3" w:rsidRDefault="00156FB3" w:rsidP="00156FB3">
            <w:r>
              <w:t xml:space="preserve">                }</w:t>
            </w:r>
          </w:p>
          <w:p w:rsidR="00156FB3" w:rsidRDefault="00156FB3" w:rsidP="00156FB3">
            <w:r>
              <w:t xml:space="preserve">            }, {</w:t>
            </w:r>
          </w:p>
          <w:p w:rsidR="00156FB3" w:rsidRDefault="00156FB3" w:rsidP="00156FB3">
            <w:r>
              <w:t xml:space="preserve">                key: "_selectListItem",</w:t>
            </w:r>
          </w:p>
          <w:p w:rsidR="00156FB3" w:rsidRDefault="00156FB3" w:rsidP="00156FB3">
            <w:r>
              <w:t xml:space="preserve">                value: function _selectListItem(listItem) {</w:t>
            </w:r>
          </w:p>
          <w:p w:rsidR="00156FB3" w:rsidRDefault="00156FB3" w:rsidP="00156FB3">
            <w:r>
              <w:t xml:space="preserve">                    // update selected flag and active list item</w:t>
            </w:r>
          </w:p>
          <w:p w:rsidR="00156FB3" w:rsidRDefault="00156FB3" w:rsidP="00156FB3">
            <w:r>
              <w:t xml:space="preserve">                    var flagChanged = this._setFlag(listItem.getAttribute("data-country-code"));</w:t>
            </w:r>
          </w:p>
          <w:p w:rsidR="00156FB3" w:rsidRDefault="00156FB3" w:rsidP="00156FB3">
            <w:r>
              <w:t xml:space="preserve">                    this._closeDropdown();</w:t>
            </w:r>
          </w:p>
          <w:p w:rsidR="00156FB3" w:rsidRDefault="00156FB3" w:rsidP="00156FB3">
            <w:r>
              <w:t xml:space="preserve">                    this._updateDialCode(listItem.getAttribute("data-dial-code"), true);</w:t>
            </w:r>
          </w:p>
          <w:p w:rsidR="00156FB3" w:rsidRDefault="00156FB3" w:rsidP="00156FB3">
            <w:r>
              <w:lastRenderedPageBreak/>
              <w:t xml:space="preserve">                    // focus the input</w:t>
            </w:r>
          </w:p>
          <w:p w:rsidR="00156FB3" w:rsidRDefault="00156FB3" w:rsidP="00156FB3">
            <w:r>
              <w:t xml:space="preserve">                    this.telInput.focus();</w:t>
            </w:r>
          </w:p>
          <w:p w:rsidR="00156FB3" w:rsidRDefault="00156FB3" w:rsidP="00156FB3">
            <w:r>
              <w:t xml:space="preserve">                    // put cursor at end - this fix is required for FF and IE11 (with nationalMode=false i.e. auto</w:t>
            </w:r>
          </w:p>
          <w:p w:rsidR="00156FB3" w:rsidRDefault="00156FB3" w:rsidP="00156FB3">
            <w:r>
              <w:t xml:space="preserve">                    // inserting dial code), who try to put the cursor at the beginning the first time</w:t>
            </w:r>
          </w:p>
          <w:p w:rsidR="00156FB3" w:rsidRDefault="00156FB3" w:rsidP="00156FB3">
            <w:r>
              <w:t xml:space="preserve">                    var len = this.telInput.value.length;</w:t>
            </w:r>
          </w:p>
          <w:p w:rsidR="00156FB3" w:rsidRDefault="00156FB3" w:rsidP="00156FB3">
            <w:r>
              <w:t xml:space="preserve">                    this.telInput.setSelectionRange(len, len);</w:t>
            </w:r>
          </w:p>
          <w:p w:rsidR="00156FB3" w:rsidRDefault="00156FB3" w:rsidP="00156FB3">
            <w:r>
              <w:t xml:space="preserve">                    if (flagChanged) {</w:t>
            </w:r>
          </w:p>
          <w:p w:rsidR="00156FB3" w:rsidRDefault="00156FB3" w:rsidP="00156FB3">
            <w:r>
              <w:t xml:space="preserve">                        this._triggerCountryChange();</w:t>
            </w:r>
          </w:p>
          <w:p w:rsidR="00156FB3" w:rsidRDefault="00156FB3" w:rsidP="00156FB3">
            <w:r>
              <w:t xml:space="preserve">                    }</w:t>
            </w:r>
          </w:p>
          <w:p w:rsidR="00156FB3" w:rsidRDefault="00156FB3" w:rsidP="00156FB3">
            <w:r>
              <w:t xml:space="preserve">                }</w:t>
            </w:r>
          </w:p>
          <w:p w:rsidR="00156FB3" w:rsidRDefault="00156FB3" w:rsidP="00156FB3">
            <w:r>
              <w:t xml:space="preserve">            }, {</w:t>
            </w:r>
          </w:p>
          <w:p w:rsidR="00156FB3" w:rsidRDefault="00156FB3" w:rsidP="00156FB3">
            <w:r>
              <w:t xml:space="preserve">                key: "_closeDropdown",</w:t>
            </w:r>
          </w:p>
          <w:p w:rsidR="00156FB3" w:rsidRDefault="00156FB3" w:rsidP="00156FB3">
            <w:r>
              <w:t xml:space="preserve">                value: function _closeDropdown() {</w:t>
            </w:r>
          </w:p>
          <w:p w:rsidR="00156FB3" w:rsidRDefault="00156FB3" w:rsidP="00156FB3">
            <w:r>
              <w:t xml:space="preserve">                    this.countryList.classList.add("iti__hide");</w:t>
            </w:r>
          </w:p>
          <w:p w:rsidR="00156FB3" w:rsidRDefault="00156FB3" w:rsidP="00156FB3">
            <w:r>
              <w:t xml:space="preserve">                    this.countryList.setAttribute("aria-expanded", "false");</w:t>
            </w:r>
          </w:p>
          <w:p w:rsidR="00156FB3" w:rsidRDefault="00156FB3" w:rsidP="00156FB3">
            <w:r>
              <w:t xml:space="preserve">                    // update the arrow</w:t>
            </w:r>
          </w:p>
          <w:p w:rsidR="00156FB3" w:rsidRDefault="00156FB3" w:rsidP="00156FB3">
            <w:r>
              <w:t xml:space="preserve">                    this.dropdownArrow.classList.remove("iti__arrow--up");</w:t>
            </w:r>
          </w:p>
          <w:p w:rsidR="00156FB3" w:rsidRDefault="00156FB3" w:rsidP="00156FB3">
            <w:r>
              <w:t xml:space="preserve">                    // unbind key events</w:t>
            </w:r>
          </w:p>
          <w:p w:rsidR="00156FB3" w:rsidRDefault="00156FB3" w:rsidP="00156FB3">
            <w:r>
              <w:t xml:space="preserve">                    document.removeEventListener("keydown", this._handleKeydownOnDropdown);</w:t>
            </w:r>
          </w:p>
          <w:p w:rsidR="00156FB3" w:rsidRDefault="00156FB3" w:rsidP="00156FB3">
            <w:r>
              <w:t xml:space="preserve">                    document.documentElement.removeEventListener("click", this._handleClickOffToClose);</w:t>
            </w:r>
          </w:p>
          <w:p w:rsidR="00156FB3" w:rsidRDefault="00156FB3" w:rsidP="00156FB3">
            <w:r>
              <w:t xml:space="preserve">                    this.countryList.removeEventListener("mouseover", this._handleMouseoverCountryList);</w:t>
            </w:r>
          </w:p>
          <w:p w:rsidR="00156FB3" w:rsidRDefault="00156FB3" w:rsidP="00156FB3">
            <w:r>
              <w:t xml:space="preserve">                    this.countryList.removeEventListener("click", this._handleClickCountryList);</w:t>
            </w:r>
          </w:p>
          <w:p w:rsidR="00156FB3" w:rsidRDefault="00156FB3" w:rsidP="00156FB3">
            <w:r>
              <w:t xml:space="preserve">                    // remove menu from container</w:t>
            </w:r>
          </w:p>
          <w:p w:rsidR="00156FB3" w:rsidRDefault="00156FB3" w:rsidP="00156FB3">
            <w:r>
              <w:t xml:space="preserve">                    if (this.options.dropdownContainer) {</w:t>
            </w:r>
          </w:p>
          <w:p w:rsidR="00156FB3" w:rsidRDefault="00156FB3" w:rsidP="00156FB3">
            <w:r>
              <w:t xml:space="preserve">                        if (!this.isMobile) window.removeEventListener("scroll", this._handleWindowScroll);</w:t>
            </w:r>
          </w:p>
          <w:p w:rsidR="00156FB3" w:rsidRDefault="00156FB3" w:rsidP="00156FB3">
            <w:r>
              <w:t xml:space="preserve">                        if (this.dropdown.parentNode) this.dropdown.parentNode.removeChild(this.dropdown);</w:t>
            </w:r>
          </w:p>
          <w:p w:rsidR="00156FB3" w:rsidRDefault="00156FB3" w:rsidP="00156FB3">
            <w:r>
              <w:t xml:space="preserve">                    }</w:t>
            </w:r>
          </w:p>
          <w:p w:rsidR="00156FB3" w:rsidRDefault="00156FB3" w:rsidP="00156FB3">
            <w:r>
              <w:t xml:space="preserve">                    this._trigger("close:countrydropdown");</w:t>
            </w:r>
          </w:p>
          <w:p w:rsidR="00156FB3" w:rsidRDefault="00156FB3" w:rsidP="00156FB3">
            <w:r>
              <w:t xml:space="preserve">                }</w:t>
            </w:r>
          </w:p>
          <w:p w:rsidR="00156FB3" w:rsidRDefault="00156FB3" w:rsidP="00156FB3">
            <w:r>
              <w:t xml:space="preserve">            }, {</w:t>
            </w:r>
          </w:p>
          <w:p w:rsidR="00156FB3" w:rsidRDefault="00156FB3" w:rsidP="00156FB3">
            <w:r>
              <w:t xml:space="preserve">                key: "_scrollTo",</w:t>
            </w:r>
          </w:p>
          <w:p w:rsidR="00156FB3" w:rsidRDefault="00156FB3" w:rsidP="00156FB3">
            <w:r>
              <w:t xml:space="preserve">                value: function _scrollTo(element, middle) {</w:t>
            </w:r>
          </w:p>
          <w:p w:rsidR="00156FB3" w:rsidRDefault="00156FB3" w:rsidP="00156FB3">
            <w:r>
              <w:t xml:space="preserve">                    var container = this.countryList;</w:t>
            </w:r>
          </w:p>
          <w:p w:rsidR="00156FB3" w:rsidRDefault="00156FB3" w:rsidP="00156FB3">
            <w:r>
              <w:t xml:space="preserve">                    // windowTop from https://stackoverflow.com/a/14384091/217866</w:t>
            </w:r>
          </w:p>
          <w:p w:rsidR="00156FB3" w:rsidRDefault="00156FB3" w:rsidP="00156FB3">
            <w:r>
              <w:t xml:space="preserve">                    var windowTop = window.pageYOffset || document.documentElement.scrollTop;</w:t>
            </w:r>
          </w:p>
          <w:p w:rsidR="00156FB3" w:rsidRDefault="00156FB3" w:rsidP="00156FB3">
            <w:r>
              <w:t xml:space="preserve">                    var containerHeight = container.offsetHeight;</w:t>
            </w:r>
          </w:p>
          <w:p w:rsidR="00156FB3" w:rsidRDefault="00156FB3" w:rsidP="00156FB3">
            <w:r>
              <w:t xml:space="preserve">                    var containerTop = container.getBoundingClientRect().top + windowTop;</w:t>
            </w:r>
          </w:p>
          <w:p w:rsidR="00156FB3" w:rsidRDefault="00156FB3" w:rsidP="00156FB3">
            <w:r>
              <w:t xml:space="preserve">                    var containerBottom = containerTop + containerHeight;</w:t>
            </w:r>
          </w:p>
          <w:p w:rsidR="00156FB3" w:rsidRDefault="00156FB3" w:rsidP="00156FB3">
            <w:r>
              <w:t xml:space="preserve">                    var elementHeight = element.offsetHeight;</w:t>
            </w:r>
          </w:p>
          <w:p w:rsidR="00156FB3" w:rsidRDefault="00156FB3" w:rsidP="00156FB3">
            <w:r>
              <w:t xml:space="preserve">                    var elementTop = element.getBoundingClientRect().top + windowTop;</w:t>
            </w:r>
          </w:p>
          <w:p w:rsidR="00156FB3" w:rsidRDefault="00156FB3" w:rsidP="00156FB3">
            <w:r>
              <w:t xml:space="preserve">                    var elementBottom = elementTop + elementHeight;</w:t>
            </w:r>
          </w:p>
          <w:p w:rsidR="00156FB3" w:rsidRDefault="00156FB3" w:rsidP="00156FB3">
            <w:r>
              <w:t xml:space="preserve">                    var newScrollTop = elementTop - containerTop + container.scrollTop;</w:t>
            </w:r>
          </w:p>
          <w:p w:rsidR="00156FB3" w:rsidRDefault="00156FB3" w:rsidP="00156FB3">
            <w:r>
              <w:t xml:space="preserve">                    var middleOffset = containerHeight / 2 - elementHeight / 2;</w:t>
            </w:r>
          </w:p>
          <w:p w:rsidR="00156FB3" w:rsidRDefault="00156FB3" w:rsidP="00156FB3">
            <w:r>
              <w:t xml:space="preserve">                    if (elementTop &lt; containerTop) {</w:t>
            </w:r>
          </w:p>
          <w:p w:rsidR="00156FB3" w:rsidRDefault="00156FB3" w:rsidP="00156FB3">
            <w:r>
              <w:t xml:space="preserve">                        // scroll up</w:t>
            </w:r>
          </w:p>
          <w:p w:rsidR="00156FB3" w:rsidRDefault="00156FB3" w:rsidP="00156FB3">
            <w:r>
              <w:t xml:space="preserve">                        if (middle) newScrollTop -= middleOffset;</w:t>
            </w:r>
          </w:p>
          <w:p w:rsidR="00156FB3" w:rsidRDefault="00156FB3" w:rsidP="00156FB3">
            <w:r>
              <w:t xml:space="preserve">                        container.scrollTop = newScrollTop;</w:t>
            </w:r>
          </w:p>
          <w:p w:rsidR="00156FB3" w:rsidRDefault="00156FB3" w:rsidP="00156FB3">
            <w:r>
              <w:t xml:space="preserve">                    } else if (elementBottom &gt; containerBottom) {</w:t>
            </w:r>
          </w:p>
          <w:p w:rsidR="00156FB3" w:rsidRDefault="00156FB3" w:rsidP="00156FB3">
            <w:r>
              <w:lastRenderedPageBreak/>
              <w:t xml:space="preserve">                        // scroll down</w:t>
            </w:r>
          </w:p>
          <w:p w:rsidR="00156FB3" w:rsidRDefault="00156FB3" w:rsidP="00156FB3">
            <w:r>
              <w:t xml:space="preserve">                        if (middle) newScrollTop += middleOffset;</w:t>
            </w:r>
          </w:p>
          <w:p w:rsidR="00156FB3" w:rsidRDefault="00156FB3" w:rsidP="00156FB3">
            <w:r>
              <w:t xml:space="preserve">                        var heightDifference = containerHeight - elementHeight;</w:t>
            </w:r>
          </w:p>
          <w:p w:rsidR="00156FB3" w:rsidRDefault="00156FB3" w:rsidP="00156FB3">
            <w:r>
              <w:t xml:space="preserve">                        container.scrollTop = newScrollTop - heightDifference;</w:t>
            </w:r>
          </w:p>
          <w:p w:rsidR="00156FB3" w:rsidRDefault="00156FB3" w:rsidP="00156FB3">
            <w:r>
              <w:t xml:space="preserve">                    }</w:t>
            </w:r>
          </w:p>
          <w:p w:rsidR="00156FB3" w:rsidRDefault="00156FB3" w:rsidP="00156FB3">
            <w:r>
              <w:t xml:space="preserve">                }</w:t>
            </w:r>
          </w:p>
          <w:p w:rsidR="00156FB3" w:rsidRDefault="00156FB3" w:rsidP="00156FB3">
            <w:r>
              <w:t xml:space="preserve">            }, {</w:t>
            </w:r>
          </w:p>
          <w:p w:rsidR="00156FB3" w:rsidRDefault="00156FB3" w:rsidP="00156FB3">
            <w:r>
              <w:t xml:space="preserve">                key: "_updateDialCode",</w:t>
            </w:r>
          </w:p>
          <w:p w:rsidR="00156FB3" w:rsidRDefault="00156FB3" w:rsidP="00156FB3">
            <w:r>
              <w:t xml:space="preserve">                value: function _updateDialCode(newDialCodeBare, hasSelectedListItem) {</w:t>
            </w:r>
          </w:p>
          <w:p w:rsidR="00156FB3" w:rsidRDefault="00156FB3" w:rsidP="00156FB3">
            <w:r>
              <w:t xml:space="preserve">                    var inputVal = this.telInput.value;</w:t>
            </w:r>
          </w:p>
          <w:p w:rsidR="00156FB3" w:rsidRDefault="00156FB3" w:rsidP="00156FB3">
            <w:r>
              <w:t xml:space="preserve">                    // save having to pass this every time</w:t>
            </w:r>
          </w:p>
          <w:p w:rsidR="00156FB3" w:rsidRDefault="00156FB3" w:rsidP="00156FB3">
            <w:r>
              <w:t xml:space="preserve">                    var newDialCode = "+".concat(newDialCodeBare);</w:t>
            </w:r>
          </w:p>
          <w:p w:rsidR="00156FB3" w:rsidRDefault="00156FB3" w:rsidP="00156FB3">
            <w:r>
              <w:t xml:space="preserve">                    var newNumber;</w:t>
            </w:r>
          </w:p>
          <w:p w:rsidR="00156FB3" w:rsidRDefault="00156FB3" w:rsidP="00156FB3">
            <w:r>
              <w:t xml:space="preserve">                    if (inputVal.charAt(0) === "+") {</w:t>
            </w:r>
          </w:p>
          <w:p w:rsidR="00156FB3" w:rsidRDefault="00156FB3" w:rsidP="00156FB3">
            <w:r>
              <w:t xml:space="preserve">                        // there's a plus so we're dealing with a replacement (doesn't matter if nationalMode or not)</w:t>
            </w:r>
          </w:p>
          <w:p w:rsidR="00156FB3" w:rsidRDefault="00156FB3" w:rsidP="00156FB3">
            <w:r>
              <w:t xml:space="preserve">                        var prevDialCode = this._getDialCode(inputVal);</w:t>
            </w:r>
          </w:p>
          <w:p w:rsidR="00156FB3" w:rsidRDefault="00156FB3" w:rsidP="00156FB3">
            <w:r>
              <w:t xml:space="preserve">                        if (prevDialCode) {</w:t>
            </w:r>
          </w:p>
          <w:p w:rsidR="00156FB3" w:rsidRDefault="00156FB3" w:rsidP="00156FB3">
            <w:r>
              <w:t xml:space="preserve">                            // current number contains a valid dial code, so replace it</w:t>
            </w:r>
          </w:p>
          <w:p w:rsidR="00156FB3" w:rsidRDefault="00156FB3" w:rsidP="00156FB3">
            <w:r>
              <w:t xml:space="preserve">                            newNumber = inputVal.replace(prevDialCode, newDialCode);</w:t>
            </w:r>
          </w:p>
          <w:p w:rsidR="00156FB3" w:rsidRDefault="00156FB3" w:rsidP="00156FB3">
            <w:r>
              <w:t xml:space="preserve">                        } else {</w:t>
            </w:r>
          </w:p>
          <w:p w:rsidR="00156FB3" w:rsidRDefault="00156FB3" w:rsidP="00156FB3">
            <w:r>
              <w:t xml:space="preserve">                            // current number contains an invalid dial code, so ditch it</w:t>
            </w:r>
          </w:p>
          <w:p w:rsidR="00156FB3" w:rsidRDefault="00156FB3" w:rsidP="00156FB3">
            <w:r>
              <w:t xml:space="preserve">                            // (no way to determine where the invalid dial code ends and the rest of the number begins)</w:t>
            </w:r>
          </w:p>
          <w:p w:rsidR="00156FB3" w:rsidRDefault="00156FB3" w:rsidP="00156FB3">
            <w:r>
              <w:t xml:space="preserve">                            newNumber = newDialCode;</w:t>
            </w:r>
          </w:p>
          <w:p w:rsidR="00156FB3" w:rsidRDefault="00156FB3" w:rsidP="00156FB3">
            <w:r>
              <w:t xml:space="preserve">                        }</w:t>
            </w:r>
          </w:p>
          <w:p w:rsidR="00156FB3" w:rsidRDefault="00156FB3" w:rsidP="00156FB3">
            <w:r>
              <w:t xml:space="preserve">                    } else if (this.options.nationalMode || this.options.separateDialCode) {</w:t>
            </w:r>
          </w:p>
          <w:p w:rsidR="00156FB3" w:rsidRDefault="00156FB3" w:rsidP="00156FB3">
            <w:r>
              <w:t xml:space="preserve">                        // don't do anything</w:t>
            </w:r>
          </w:p>
          <w:p w:rsidR="00156FB3" w:rsidRDefault="00156FB3" w:rsidP="00156FB3">
            <w:r>
              <w:t xml:space="preserve">                        return;</w:t>
            </w:r>
          </w:p>
          <w:p w:rsidR="00156FB3" w:rsidRDefault="00156FB3" w:rsidP="00156FB3">
            <w:r>
              <w:t xml:space="preserve">                    } else {</w:t>
            </w:r>
          </w:p>
          <w:p w:rsidR="00156FB3" w:rsidRDefault="00156FB3" w:rsidP="00156FB3">
            <w:r>
              <w:t xml:space="preserve">                        // nationalMode is disabled</w:t>
            </w:r>
          </w:p>
          <w:p w:rsidR="00156FB3" w:rsidRDefault="00156FB3" w:rsidP="00156FB3">
            <w:r>
              <w:t xml:space="preserve">                        if (inputVal) {</w:t>
            </w:r>
          </w:p>
          <w:p w:rsidR="00156FB3" w:rsidRDefault="00156FB3" w:rsidP="00156FB3">
            <w:r>
              <w:t xml:space="preserve">                            // there is an existing value with no dial code: prefix the new dial code</w:t>
            </w:r>
          </w:p>
          <w:p w:rsidR="00156FB3" w:rsidRDefault="00156FB3" w:rsidP="00156FB3">
            <w:r>
              <w:t xml:space="preserve">                            newNumber = newDialCode + inputVal;</w:t>
            </w:r>
          </w:p>
          <w:p w:rsidR="00156FB3" w:rsidRDefault="00156FB3" w:rsidP="00156FB3">
            <w:r>
              <w:t xml:space="preserve">                        } else if (hasSelectedListItem || !this.options.autoHideDialCode) {</w:t>
            </w:r>
          </w:p>
          <w:p w:rsidR="00156FB3" w:rsidRDefault="00156FB3" w:rsidP="00156FB3">
            <w:r>
              <w:t xml:space="preserve">                            // no existing value and either they've just selected a list item, or autoHideDialCode is</w:t>
            </w:r>
          </w:p>
          <w:p w:rsidR="00156FB3" w:rsidRDefault="00156FB3" w:rsidP="00156FB3">
            <w:r>
              <w:t xml:space="preserve">                            // disabled: insert new dial code</w:t>
            </w:r>
          </w:p>
          <w:p w:rsidR="00156FB3" w:rsidRDefault="00156FB3" w:rsidP="00156FB3">
            <w:r>
              <w:t xml:space="preserve">                            newNumber = newDialCode;</w:t>
            </w:r>
          </w:p>
          <w:p w:rsidR="00156FB3" w:rsidRDefault="00156FB3" w:rsidP="00156FB3">
            <w:r>
              <w:t xml:space="preserve">                        } else {</w:t>
            </w:r>
          </w:p>
          <w:p w:rsidR="00156FB3" w:rsidRDefault="00156FB3" w:rsidP="00156FB3">
            <w:r>
              <w:t xml:space="preserve">                            return;</w:t>
            </w:r>
          </w:p>
          <w:p w:rsidR="00156FB3" w:rsidRDefault="00156FB3" w:rsidP="00156FB3">
            <w:r>
              <w:t xml:space="preserve">                        }</w:t>
            </w:r>
          </w:p>
          <w:p w:rsidR="00156FB3" w:rsidRDefault="00156FB3" w:rsidP="00156FB3">
            <w:r>
              <w:t xml:space="preserve">                    }</w:t>
            </w:r>
          </w:p>
          <w:p w:rsidR="00156FB3" w:rsidRDefault="00156FB3" w:rsidP="00156FB3">
            <w:r>
              <w:t xml:space="preserve">                    this.telInput.value = newNumber;</w:t>
            </w:r>
          </w:p>
          <w:p w:rsidR="00156FB3" w:rsidRDefault="00156FB3" w:rsidP="00156FB3">
            <w:r>
              <w:t xml:space="preserve">                }</w:t>
            </w:r>
          </w:p>
          <w:p w:rsidR="00156FB3" w:rsidRDefault="00156FB3" w:rsidP="00156FB3">
            <w:r>
              <w:t xml:space="preserve">            }, {</w:t>
            </w:r>
          </w:p>
          <w:p w:rsidR="00156FB3" w:rsidRDefault="00156FB3" w:rsidP="00156FB3">
            <w:r>
              <w:t xml:space="preserve">                key: "_getDialCode",</w:t>
            </w:r>
          </w:p>
          <w:p w:rsidR="00156FB3" w:rsidRDefault="00156FB3" w:rsidP="00156FB3">
            <w:r>
              <w:t xml:space="preserve">                value: function _getDialCode(number) {</w:t>
            </w:r>
          </w:p>
          <w:p w:rsidR="00156FB3" w:rsidRDefault="00156FB3" w:rsidP="00156FB3">
            <w:r>
              <w:t xml:space="preserve">                    var dialCode = "";</w:t>
            </w:r>
          </w:p>
          <w:p w:rsidR="00156FB3" w:rsidRDefault="00156FB3" w:rsidP="00156FB3">
            <w:r>
              <w:lastRenderedPageBreak/>
              <w:t xml:space="preserve">                    // only interested in international numbers (starting with a plus)</w:t>
            </w:r>
          </w:p>
          <w:p w:rsidR="00156FB3" w:rsidRDefault="00156FB3" w:rsidP="00156FB3">
            <w:r>
              <w:t xml:space="preserve">                    if (number.charAt(0) === "+") {</w:t>
            </w:r>
          </w:p>
          <w:p w:rsidR="00156FB3" w:rsidRDefault="00156FB3" w:rsidP="00156FB3">
            <w:r>
              <w:t xml:space="preserve">                        var numericChars = "";</w:t>
            </w:r>
          </w:p>
          <w:p w:rsidR="00156FB3" w:rsidRDefault="00156FB3" w:rsidP="00156FB3">
            <w:r>
              <w:t xml:space="preserve">                        // iterate over chars</w:t>
            </w:r>
          </w:p>
          <w:p w:rsidR="00156FB3" w:rsidRDefault="00156FB3" w:rsidP="00156FB3">
            <w:r>
              <w:t xml:space="preserve">                        for (var i = 0; i &lt; number.length; i++) {</w:t>
            </w:r>
          </w:p>
          <w:p w:rsidR="00156FB3" w:rsidRDefault="00156FB3" w:rsidP="00156FB3">
            <w:r>
              <w:t xml:space="preserve">                            var c = number.charAt(i);</w:t>
            </w:r>
          </w:p>
          <w:p w:rsidR="00156FB3" w:rsidRDefault="00156FB3" w:rsidP="00156FB3">
            <w:r>
              <w:t xml:space="preserve">                            // if char is number (https://stackoverflow.com/a/8935649/217866)</w:t>
            </w:r>
          </w:p>
          <w:p w:rsidR="00156FB3" w:rsidRDefault="00156FB3" w:rsidP="00156FB3">
            <w:r>
              <w:t xml:space="preserve">                            if (!isNaN(parseInt(c, 10))) {</w:t>
            </w:r>
          </w:p>
          <w:p w:rsidR="00156FB3" w:rsidRDefault="00156FB3" w:rsidP="00156FB3">
            <w:r>
              <w:t xml:space="preserve">                                numericChars += c;</w:t>
            </w:r>
          </w:p>
          <w:p w:rsidR="00156FB3" w:rsidRDefault="00156FB3" w:rsidP="00156FB3">
            <w:r>
              <w:t xml:space="preserve">                                // if current numericChars make a valid dial code</w:t>
            </w:r>
          </w:p>
          <w:p w:rsidR="00156FB3" w:rsidRDefault="00156FB3" w:rsidP="00156FB3">
            <w:r>
              <w:t xml:space="preserve">                                if (this.countryCodes[numericChars]) {</w:t>
            </w:r>
          </w:p>
          <w:p w:rsidR="00156FB3" w:rsidRDefault="00156FB3" w:rsidP="00156FB3">
            <w:r>
              <w:t xml:space="preserve">                                    // store the actual raw string (useful for matching later)</w:t>
            </w:r>
          </w:p>
          <w:p w:rsidR="00156FB3" w:rsidRDefault="00156FB3" w:rsidP="00156FB3">
            <w:r>
              <w:t xml:space="preserve">                                    dialCode = number.substr(0, i + 1);</w:t>
            </w:r>
          </w:p>
          <w:p w:rsidR="00156FB3" w:rsidRDefault="00156FB3" w:rsidP="00156FB3">
            <w:r>
              <w:t xml:space="preserve">                                }</w:t>
            </w:r>
          </w:p>
          <w:p w:rsidR="00156FB3" w:rsidRDefault="00156FB3" w:rsidP="00156FB3">
            <w:r>
              <w:t xml:space="preserve">                                if (numericChars.length === this.dialCodeMaxLen) {</w:t>
            </w:r>
          </w:p>
          <w:p w:rsidR="00156FB3" w:rsidRDefault="00156FB3" w:rsidP="00156FB3">
            <w:r>
              <w:t xml:space="preserve">                                    break;</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return dialCode;</w:t>
            </w:r>
          </w:p>
          <w:p w:rsidR="00156FB3" w:rsidRDefault="00156FB3" w:rsidP="00156FB3">
            <w:r>
              <w:t xml:space="preserve">                }</w:t>
            </w:r>
          </w:p>
          <w:p w:rsidR="00156FB3" w:rsidRDefault="00156FB3" w:rsidP="00156FB3">
            <w:r>
              <w:t xml:space="preserve">            }, {</w:t>
            </w:r>
          </w:p>
          <w:p w:rsidR="00156FB3" w:rsidRDefault="00156FB3" w:rsidP="00156FB3">
            <w:r>
              <w:t xml:space="preserve">                key: "_getFullNumber",</w:t>
            </w:r>
          </w:p>
          <w:p w:rsidR="00156FB3" w:rsidRDefault="00156FB3" w:rsidP="00156FB3">
            <w:r>
              <w:t xml:space="preserve">                value: function _getFullNumber() {</w:t>
            </w:r>
          </w:p>
          <w:p w:rsidR="00156FB3" w:rsidRDefault="00156FB3" w:rsidP="00156FB3">
            <w:r>
              <w:t xml:space="preserve">                    var val = this.telInput.value.trim();</w:t>
            </w:r>
          </w:p>
          <w:p w:rsidR="00156FB3" w:rsidRDefault="00156FB3" w:rsidP="00156FB3">
            <w:r>
              <w:t xml:space="preserve">                    var dialCode = this.selectedCountryData.dialCode;</w:t>
            </w:r>
          </w:p>
          <w:p w:rsidR="00156FB3" w:rsidRDefault="00156FB3" w:rsidP="00156FB3">
            <w:r>
              <w:t xml:space="preserve">                    var prefix;</w:t>
            </w:r>
          </w:p>
          <w:p w:rsidR="00156FB3" w:rsidRDefault="00156FB3" w:rsidP="00156FB3">
            <w:r>
              <w:t xml:space="preserve">                    var numericVal = this._getNumeric(val);</w:t>
            </w:r>
          </w:p>
          <w:p w:rsidR="00156FB3" w:rsidRDefault="00156FB3" w:rsidP="00156FB3">
            <w:r>
              <w:t xml:space="preserve">                    if (this.options.separateDialCode &amp;&amp; val.charAt(0) !== "+" &amp;&amp; dialCode &amp;&amp; numericVal) {</w:t>
            </w:r>
          </w:p>
          <w:p w:rsidR="00156FB3" w:rsidRDefault="00156FB3" w:rsidP="00156FB3">
            <w:r>
              <w:t xml:space="preserve">                        // when using separateDialCode, it is visible so is effectively part of the typed number</w:t>
            </w:r>
          </w:p>
          <w:p w:rsidR="00156FB3" w:rsidRDefault="00156FB3" w:rsidP="00156FB3">
            <w:r>
              <w:t xml:space="preserve">                        prefix = "+".concat(dialCode);</w:t>
            </w:r>
          </w:p>
          <w:p w:rsidR="00156FB3" w:rsidRDefault="00156FB3" w:rsidP="00156FB3">
            <w:r>
              <w:t xml:space="preserve">                    } else {</w:t>
            </w:r>
          </w:p>
          <w:p w:rsidR="00156FB3" w:rsidRDefault="00156FB3" w:rsidP="00156FB3">
            <w:r>
              <w:t xml:space="preserve">                        prefix = "";</w:t>
            </w:r>
          </w:p>
          <w:p w:rsidR="00156FB3" w:rsidRDefault="00156FB3" w:rsidP="00156FB3">
            <w:r>
              <w:t xml:space="preserve">                    }</w:t>
            </w:r>
          </w:p>
          <w:p w:rsidR="00156FB3" w:rsidRDefault="00156FB3" w:rsidP="00156FB3">
            <w:r>
              <w:t xml:space="preserve">                    return prefix + val;</w:t>
            </w:r>
          </w:p>
          <w:p w:rsidR="00156FB3" w:rsidRDefault="00156FB3" w:rsidP="00156FB3">
            <w:r>
              <w:t xml:space="preserve">                }</w:t>
            </w:r>
          </w:p>
          <w:p w:rsidR="00156FB3" w:rsidRDefault="00156FB3" w:rsidP="00156FB3">
            <w:r>
              <w:t xml:space="preserve">            }, {</w:t>
            </w:r>
          </w:p>
          <w:p w:rsidR="00156FB3" w:rsidRDefault="00156FB3" w:rsidP="00156FB3">
            <w:r>
              <w:t xml:space="preserve">                key: "_beforeSetNumber",</w:t>
            </w:r>
          </w:p>
          <w:p w:rsidR="00156FB3" w:rsidRDefault="00156FB3" w:rsidP="00156FB3">
            <w:r>
              <w:t xml:space="preserve">                value: function _beforeSetNumber(originalNumber) {</w:t>
            </w:r>
          </w:p>
          <w:p w:rsidR="00156FB3" w:rsidRDefault="00156FB3" w:rsidP="00156FB3">
            <w:r>
              <w:t xml:space="preserve">                    var number = originalNumber;</w:t>
            </w:r>
          </w:p>
          <w:p w:rsidR="00156FB3" w:rsidRDefault="00156FB3" w:rsidP="00156FB3">
            <w:r>
              <w:t xml:space="preserve">                    if (this.options.separateDialCode) {</w:t>
            </w:r>
          </w:p>
          <w:p w:rsidR="00156FB3" w:rsidRDefault="00156FB3" w:rsidP="00156FB3">
            <w:r>
              <w:t xml:space="preserve">                        var dialCode = this._getDialCode(number);</w:t>
            </w:r>
          </w:p>
          <w:p w:rsidR="00156FB3" w:rsidRDefault="00156FB3" w:rsidP="00156FB3">
            <w:r>
              <w:t xml:space="preserve">                        // if there is a valid dial code</w:t>
            </w:r>
          </w:p>
          <w:p w:rsidR="00156FB3" w:rsidRDefault="00156FB3" w:rsidP="00156FB3">
            <w:r>
              <w:t xml:space="preserve">                        if (dialCode) {</w:t>
            </w:r>
          </w:p>
          <w:p w:rsidR="00156FB3" w:rsidRDefault="00156FB3" w:rsidP="00156FB3">
            <w:r>
              <w:t xml:space="preserve">                            // in case _getDialCode returned an area code as well</w:t>
            </w:r>
          </w:p>
          <w:p w:rsidR="00156FB3" w:rsidRDefault="00156FB3" w:rsidP="00156FB3">
            <w:r>
              <w:t xml:space="preserve">                            dialCode = "+".concat(this.selectedCountryData.dialCode);</w:t>
            </w:r>
          </w:p>
          <w:p w:rsidR="00156FB3" w:rsidRDefault="00156FB3" w:rsidP="00156FB3">
            <w:r>
              <w:t xml:space="preserve">                            // a lot of numbers will have a space separating the dial code and the main number, and</w:t>
            </w:r>
          </w:p>
          <w:p w:rsidR="00156FB3" w:rsidRDefault="00156FB3" w:rsidP="00156FB3">
            <w:r>
              <w:lastRenderedPageBreak/>
              <w:t xml:space="preserve">                            // some NANP numbers will have a hyphen e.g. +1 684-733-1234 - in both cases we want to get</w:t>
            </w:r>
          </w:p>
          <w:p w:rsidR="00156FB3" w:rsidRDefault="00156FB3" w:rsidP="00156FB3">
            <w:r>
              <w:t xml:space="preserve">                            // rid of it</w:t>
            </w:r>
          </w:p>
          <w:p w:rsidR="00156FB3" w:rsidRDefault="00156FB3" w:rsidP="00156FB3">
            <w:r>
              <w:t xml:space="preserve">                            // NOTE: don't just trim all non-numerics as may want to preserve an open parenthesis etc</w:t>
            </w:r>
          </w:p>
          <w:p w:rsidR="00156FB3" w:rsidRDefault="00156FB3" w:rsidP="00156FB3">
            <w:r>
              <w:t xml:space="preserve">                            var start = number[dialCode.length] === " " || number[dialCode.length] === "-" ? dialCode.length + 1 : dialCode.length;</w:t>
            </w:r>
          </w:p>
          <w:p w:rsidR="00156FB3" w:rsidRDefault="00156FB3" w:rsidP="00156FB3">
            <w:r>
              <w:t xml:space="preserve">                            number = number.substr(start);</w:t>
            </w:r>
          </w:p>
          <w:p w:rsidR="00156FB3" w:rsidRDefault="00156FB3" w:rsidP="00156FB3">
            <w:r>
              <w:t xml:space="preserve">                        }</w:t>
            </w:r>
          </w:p>
          <w:p w:rsidR="00156FB3" w:rsidRDefault="00156FB3" w:rsidP="00156FB3">
            <w:r>
              <w:t xml:space="preserve">                    }</w:t>
            </w:r>
          </w:p>
          <w:p w:rsidR="00156FB3" w:rsidRDefault="00156FB3" w:rsidP="00156FB3">
            <w:r>
              <w:t xml:space="preserve">                    return this._cap(number);</w:t>
            </w:r>
          </w:p>
          <w:p w:rsidR="00156FB3" w:rsidRDefault="00156FB3" w:rsidP="00156FB3">
            <w:r>
              <w:t xml:space="preserve">                }</w:t>
            </w:r>
          </w:p>
          <w:p w:rsidR="00156FB3" w:rsidRDefault="00156FB3" w:rsidP="00156FB3">
            <w:r>
              <w:t xml:space="preserve">            }, {</w:t>
            </w:r>
          </w:p>
          <w:p w:rsidR="00156FB3" w:rsidRDefault="00156FB3" w:rsidP="00156FB3">
            <w:r>
              <w:t xml:space="preserve">                key: "_triggerCountryChange",</w:t>
            </w:r>
          </w:p>
          <w:p w:rsidR="00156FB3" w:rsidRDefault="00156FB3" w:rsidP="00156FB3">
            <w:r>
              <w:t xml:space="preserve">                value: function _triggerCountryChange() {</w:t>
            </w:r>
          </w:p>
          <w:p w:rsidR="00156FB3" w:rsidRDefault="00156FB3" w:rsidP="00156FB3">
            <w:r>
              <w:t xml:space="preserve">                    this._trigger("countrychange");</w:t>
            </w:r>
          </w:p>
          <w:p w:rsidR="00156FB3" w:rsidRDefault="00156FB3" w:rsidP="00156FB3">
            <w:r>
              <w:t xml:space="preserve">                }</w:t>
            </w:r>
          </w:p>
          <w:p w:rsidR="00156FB3" w:rsidRDefault="00156FB3" w:rsidP="00156FB3">
            <w:r>
              <w:t xml:space="preserve">            }, {</w:t>
            </w:r>
          </w:p>
          <w:p w:rsidR="00156FB3" w:rsidRDefault="00156FB3" w:rsidP="00156FB3">
            <w:r>
              <w:t xml:space="preserve">                key: "handleAutoCountry",</w:t>
            </w:r>
          </w:p>
          <w:p w:rsidR="00156FB3" w:rsidRDefault="00156FB3" w:rsidP="00156FB3">
            <w:r>
              <w:t xml:space="preserve">                value: function handleAutoCountry() {</w:t>
            </w:r>
          </w:p>
          <w:p w:rsidR="00156FB3" w:rsidRDefault="00156FB3" w:rsidP="00156FB3">
            <w:r>
              <w:t xml:space="preserve">                    if (this.options.initialCountry === "auto") {</w:t>
            </w:r>
          </w:p>
          <w:p w:rsidR="00156FB3" w:rsidRDefault="00156FB3" w:rsidP="00156FB3">
            <w:r>
              <w:t xml:space="preserve">                        // we must set this even if there is an initial val in the input: in case the initial val is</w:t>
            </w:r>
          </w:p>
          <w:p w:rsidR="00156FB3" w:rsidRDefault="00156FB3" w:rsidP="00156FB3">
            <w:r>
              <w:t xml:space="preserve">                        // invalid and they delete it - they should see their auto country</w:t>
            </w:r>
          </w:p>
          <w:p w:rsidR="00156FB3" w:rsidRDefault="00156FB3" w:rsidP="00156FB3">
            <w:r>
              <w:t xml:space="preserve">                        this.defaultCountry = window.intlTelInputGlobals.autoCountry;</w:t>
            </w:r>
          </w:p>
          <w:p w:rsidR="00156FB3" w:rsidRDefault="00156FB3" w:rsidP="00156FB3">
            <w:r>
              <w:t xml:space="preserve">                        // if there's no initial value in the input, then update the flag</w:t>
            </w:r>
          </w:p>
          <w:p w:rsidR="00156FB3" w:rsidRDefault="00156FB3" w:rsidP="00156FB3">
            <w:r>
              <w:t xml:space="preserve">                        if (!this.telInput.value) {</w:t>
            </w:r>
          </w:p>
          <w:p w:rsidR="00156FB3" w:rsidRDefault="00156FB3" w:rsidP="00156FB3">
            <w:r>
              <w:t xml:space="preserve">                            this.setCountry(this.defaultCountry);</w:t>
            </w:r>
          </w:p>
          <w:p w:rsidR="00156FB3" w:rsidRDefault="00156FB3" w:rsidP="00156FB3">
            <w:r>
              <w:t xml:space="preserve">                        }</w:t>
            </w:r>
          </w:p>
          <w:p w:rsidR="00156FB3" w:rsidRDefault="00156FB3" w:rsidP="00156FB3">
            <w:r>
              <w:t xml:space="preserve">                        this.resolveAutoCountryPromise();</w:t>
            </w:r>
          </w:p>
          <w:p w:rsidR="00156FB3" w:rsidRDefault="00156FB3" w:rsidP="00156FB3">
            <w:r>
              <w:t xml:space="preserve">                    }</w:t>
            </w:r>
          </w:p>
          <w:p w:rsidR="00156FB3" w:rsidRDefault="00156FB3" w:rsidP="00156FB3">
            <w:r>
              <w:t xml:space="preserve">                }</w:t>
            </w:r>
          </w:p>
          <w:p w:rsidR="00156FB3" w:rsidRDefault="00156FB3" w:rsidP="00156FB3">
            <w:r>
              <w:t xml:space="preserve">            }, {</w:t>
            </w:r>
          </w:p>
          <w:p w:rsidR="00156FB3" w:rsidRDefault="00156FB3" w:rsidP="00156FB3">
            <w:r>
              <w:t xml:space="preserve">                key: "handleUtils",</w:t>
            </w:r>
          </w:p>
          <w:p w:rsidR="00156FB3" w:rsidRDefault="00156FB3" w:rsidP="00156FB3">
            <w:r>
              <w:t xml:space="preserve">                value: function handleUtils() {</w:t>
            </w:r>
          </w:p>
          <w:p w:rsidR="00156FB3" w:rsidRDefault="00156FB3" w:rsidP="00156FB3">
            <w:r>
              <w:t xml:space="preserve">                    // if the request was successful</w:t>
            </w:r>
          </w:p>
          <w:p w:rsidR="00156FB3" w:rsidRDefault="00156FB3" w:rsidP="00156FB3">
            <w:r>
              <w:t xml:space="preserve">                    if (window.intlTelInputUtils) {</w:t>
            </w:r>
          </w:p>
          <w:p w:rsidR="00156FB3" w:rsidRDefault="00156FB3" w:rsidP="00156FB3">
            <w:r>
              <w:t xml:space="preserve">                        // if there's an initial value in the input, then format it</w:t>
            </w:r>
          </w:p>
          <w:p w:rsidR="00156FB3" w:rsidRDefault="00156FB3" w:rsidP="00156FB3">
            <w:r>
              <w:t xml:space="preserve">                        if (this.telInput.value) {</w:t>
            </w:r>
          </w:p>
          <w:p w:rsidR="00156FB3" w:rsidRDefault="00156FB3" w:rsidP="00156FB3">
            <w:r>
              <w:t xml:space="preserve">                            this._updateValFromNumber(this.telInput.value);</w:t>
            </w:r>
          </w:p>
          <w:p w:rsidR="00156FB3" w:rsidRDefault="00156FB3" w:rsidP="00156FB3">
            <w:r>
              <w:t xml:space="preserve">                        }</w:t>
            </w:r>
          </w:p>
          <w:p w:rsidR="00156FB3" w:rsidRDefault="00156FB3" w:rsidP="00156FB3">
            <w:r>
              <w:t xml:space="preserve">                        this._updatePlaceholder();</w:t>
            </w:r>
          </w:p>
          <w:p w:rsidR="00156FB3" w:rsidRDefault="00156FB3" w:rsidP="00156FB3">
            <w:r>
              <w:t xml:space="preserve">                    }</w:t>
            </w:r>
          </w:p>
          <w:p w:rsidR="00156FB3" w:rsidRDefault="00156FB3" w:rsidP="00156FB3">
            <w:r>
              <w:t xml:space="preserve">                    this.resolveUtilsScriptPromise();</w:t>
            </w:r>
          </w:p>
          <w:p w:rsidR="00156FB3" w:rsidRDefault="00156FB3" w:rsidP="00156FB3">
            <w:r>
              <w:t xml:space="preserve">                }</w:t>
            </w:r>
          </w:p>
          <w:p w:rsidR="00156FB3" w:rsidRDefault="00156FB3" w:rsidP="00156FB3">
            <w:r>
              <w:t xml:space="preserve">            }, {</w:t>
            </w:r>
          </w:p>
          <w:p w:rsidR="00156FB3" w:rsidRDefault="00156FB3" w:rsidP="00156FB3">
            <w:r>
              <w:t xml:space="preserve">                key: "destroy",</w:t>
            </w:r>
          </w:p>
          <w:p w:rsidR="00156FB3" w:rsidRDefault="00156FB3" w:rsidP="00156FB3">
            <w:r>
              <w:t xml:space="preserve">                value: function destroy() {</w:t>
            </w:r>
          </w:p>
          <w:p w:rsidR="00156FB3" w:rsidRDefault="00156FB3" w:rsidP="00156FB3">
            <w:r>
              <w:t xml:space="preserve">                    var form = this.telInput.form;</w:t>
            </w:r>
          </w:p>
          <w:p w:rsidR="00156FB3" w:rsidRDefault="00156FB3" w:rsidP="00156FB3">
            <w:r>
              <w:lastRenderedPageBreak/>
              <w:t xml:space="preserve">                    if (this.options.allowDropdown) {</w:t>
            </w:r>
          </w:p>
          <w:p w:rsidR="00156FB3" w:rsidRDefault="00156FB3" w:rsidP="00156FB3">
            <w:r>
              <w:t xml:space="preserve">                        // make sure the dropdown is closed (and unbind listeners)</w:t>
            </w:r>
          </w:p>
          <w:p w:rsidR="00156FB3" w:rsidRDefault="00156FB3" w:rsidP="00156FB3">
            <w:r>
              <w:t xml:space="preserve">                        this._closeDropdown();</w:t>
            </w:r>
          </w:p>
          <w:p w:rsidR="00156FB3" w:rsidRDefault="00156FB3" w:rsidP="00156FB3">
            <w:r>
              <w:t xml:space="preserve">                        this.selectedFlag.removeEventListener("click", this._handleClickSelectedFlag);</w:t>
            </w:r>
          </w:p>
          <w:p w:rsidR="00156FB3" w:rsidRDefault="00156FB3" w:rsidP="00156FB3">
            <w:r>
              <w:t xml:space="preserve">                        this.flagsContainer.removeEventListener("keydown", this._handleFlagsContainerKeydown);</w:t>
            </w:r>
          </w:p>
          <w:p w:rsidR="00156FB3" w:rsidRDefault="00156FB3" w:rsidP="00156FB3">
            <w:r>
              <w:t xml:space="preserve">                        // label click hack</w:t>
            </w:r>
          </w:p>
          <w:p w:rsidR="00156FB3" w:rsidRDefault="00156FB3" w:rsidP="00156FB3">
            <w:r>
              <w:t xml:space="preserve">                        var label = this._getClosestLabel();</w:t>
            </w:r>
          </w:p>
          <w:p w:rsidR="00156FB3" w:rsidRDefault="00156FB3" w:rsidP="00156FB3">
            <w:r>
              <w:t xml:space="preserve">                        if (label) label.removeEventListener("click", this._handleLabelClick);</w:t>
            </w:r>
          </w:p>
          <w:p w:rsidR="00156FB3" w:rsidRDefault="00156FB3" w:rsidP="00156FB3">
            <w:r>
              <w:t xml:space="preserve">                    }</w:t>
            </w:r>
          </w:p>
          <w:p w:rsidR="00156FB3" w:rsidRDefault="00156FB3" w:rsidP="00156FB3">
            <w:r>
              <w:t xml:space="preserve">                    // unbind hiddenInput listeners</w:t>
            </w:r>
          </w:p>
          <w:p w:rsidR="00156FB3" w:rsidRDefault="00156FB3" w:rsidP="00156FB3">
            <w:r>
              <w:t xml:space="preserve">                    if (this.hiddenInput &amp;&amp; form) form.removeEventListener("submit", this._handleHiddenInputSubmit);</w:t>
            </w:r>
          </w:p>
          <w:p w:rsidR="00156FB3" w:rsidRDefault="00156FB3" w:rsidP="00156FB3">
            <w:r>
              <w:t xml:space="preserve">                    // unbind autoHideDialCode listeners</w:t>
            </w:r>
          </w:p>
          <w:p w:rsidR="00156FB3" w:rsidRDefault="00156FB3" w:rsidP="00156FB3">
            <w:r>
              <w:t xml:space="preserve">                    if (this.options.autoHideDialCode) {</w:t>
            </w:r>
          </w:p>
          <w:p w:rsidR="00156FB3" w:rsidRDefault="00156FB3" w:rsidP="00156FB3">
            <w:r>
              <w:t xml:space="preserve">                        if (form) form.removeEventListener("submit", this._handleSubmitOrBlurEvent);</w:t>
            </w:r>
          </w:p>
          <w:p w:rsidR="00156FB3" w:rsidRDefault="00156FB3" w:rsidP="00156FB3">
            <w:r>
              <w:t xml:space="preserve">                        this.telInput.removeEventListener("blur", this._handleSubmitOrBlurEvent);</w:t>
            </w:r>
          </w:p>
          <w:p w:rsidR="00156FB3" w:rsidRDefault="00156FB3" w:rsidP="00156FB3">
            <w:r>
              <w:t xml:space="preserve">                    }</w:t>
            </w:r>
          </w:p>
          <w:p w:rsidR="00156FB3" w:rsidRDefault="00156FB3" w:rsidP="00156FB3">
            <w:r>
              <w:t xml:space="preserve">                    // unbind key events, and cut/paste events</w:t>
            </w:r>
          </w:p>
          <w:p w:rsidR="00156FB3" w:rsidRDefault="00156FB3" w:rsidP="00156FB3">
            <w:r>
              <w:t xml:space="preserve">                    this.telInput.removeEventListener("keyup", this._handleKeyupEvent);</w:t>
            </w:r>
          </w:p>
          <w:p w:rsidR="00156FB3" w:rsidRDefault="00156FB3" w:rsidP="00156FB3">
            <w:r>
              <w:t xml:space="preserve">                    this.telInput.removeEventListener("cut", this._handleClipboardEvent);</w:t>
            </w:r>
          </w:p>
          <w:p w:rsidR="00156FB3" w:rsidRDefault="00156FB3" w:rsidP="00156FB3">
            <w:r>
              <w:t xml:space="preserve">                    this.telInput.removeEventListener("paste", this._handleClipboardEvent);</w:t>
            </w:r>
          </w:p>
          <w:p w:rsidR="00156FB3" w:rsidRDefault="00156FB3" w:rsidP="00156FB3">
            <w:r>
              <w:t xml:space="preserve">                    // remove attribute of id instance: data-intl-tel-input-id</w:t>
            </w:r>
          </w:p>
          <w:p w:rsidR="00156FB3" w:rsidRDefault="00156FB3" w:rsidP="00156FB3">
            <w:r>
              <w:t xml:space="preserve">                    this.telInput.removeAttribute("data-intl-tel-input-id");</w:t>
            </w:r>
          </w:p>
          <w:p w:rsidR="00156FB3" w:rsidRDefault="00156FB3" w:rsidP="00156FB3">
            <w:r>
              <w:t xml:space="preserve">                    // remove markup (but leave the original input)</w:t>
            </w:r>
          </w:p>
          <w:p w:rsidR="00156FB3" w:rsidRDefault="00156FB3" w:rsidP="00156FB3">
            <w:r>
              <w:t xml:space="preserve">                    var wrapper = this.telInput.parentNode;</w:t>
            </w:r>
          </w:p>
          <w:p w:rsidR="00156FB3" w:rsidRDefault="00156FB3" w:rsidP="00156FB3">
            <w:r>
              <w:t xml:space="preserve">                    wrapper.parentNode.insertBefore(this.telInput, wrapper);</w:t>
            </w:r>
          </w:p>
          <w:p w:rsidR="00156FB3" w:rsidRDefault="00156FB3" w:rsidP="00156FB3">
            <w:r>
              <w:t xml:space="preserve">                    wrapper.parentNode.removeChild(wrapper);</w:t>
            </w:r>
          </w:p>
          <w:p w:rsidR="00156FB3" w:rsidRDefault="00156FB3" w:rsidP="00156FB3">
            <w:r>
              <w:t xml:space="preserve">                    delete window.intlTelInputGlobals.instances[this.id];</w:t>
            </w:r>
          </w:p>
          <w:p w:rsidR="00156FB3" w:rsidRDefault="00156FB3" w:rsidP="00156FB3">
            <w:r>
              <w:t xml:space="preserve">                }</w:t>
            </w:r>
          </w:p>
          <w:p w:rsidR="00156FB3" w:rsidRDefault="00156FB3" w:rsidP="00156FB3">
            <w:r>
              <w:t xml:space="preserve">            }, {</w:t>
            </w:r>
          </w:p>
          <w:p w:rsidR="00156FB3" w:rsidRDefault="00156FB3" w:rsidP="00156FB3">
            <w:r>
              <w:t xml:space="preserve">                key: "getExtension",</w:t>
            </w:r>
          </w:p>
          <w:p w:rsidR="00156FB3" w:rsidRDefault="00156FB3" w:rsidP="00156FB3">
            <w:r>
              <w:t xml:space="preserve">                value: function getExtension() {</w:t>
            </w:r>
          </w:p>
          <w:p w:rsidR="00156FB3" w:rsidRDefault="00156FB3" w:rsidP="00156FB3">
            <w:r>
              <w:t xml:space="preserve">                    if (window.intlTelInputUtils) {</w:t>
            </w:r>
          </w:p>
          <w:p w:rsidR="00156FB3" w:rsidRDefault="00156FB3" w:rsidP="00156FB3">
            <w:r>
              <w:t xml:space="preserve">                        return intlTelInputUtils.getExtension(this._getFullNumber(), this.selectedCountryData.iso2);</w:t>
            </w:r>
          </w:p>
          <w:p w:rsidR="00156FB3" w:rsidRDefault="00156FB3" w:rsidP="00156FB3">
            <w:r>
              <w:t xml:space="preserve">                    }</w:t>
            </w:r>
          </w:p>
          <w:p w:rsidR="00156FB3" w:rsidRDefault="00156FB3" w:rsidP="00156FB3">
            <w:r>
              <w:t xml:space="preserve">                    return "";</w:t>
            </w:r>
          </w:p>
          <w:p w:rsidR="00156FB3" w:rsidRDefault="00156FB3" w:rsidP="00156FB3">
            <w:r>
              <w:t xml:space="preserve">                }</w:t>
            </w:r>
          </w:p>
          <w:p w:rsidR="00156FB3" w:rsidRDefault="00156FB3" w:rsidP="00156FB3">
            <w:r>
              <w:t xml:space="preserve">            }, {</w:t>
            </w:r>
          </w:p>
          <w:p w:rsidR="00156FB3" w:rsidRDefault="00156FB3" w:rsidP="00156FB3">
            <w:r>
              <w:t xml:space="preserve">                key: "getNumber",</w:t>
            </w:r>
          </w:p>
          <w:p w:rsidR="00156FB3" w:rsidRDefault="00156FB3" w:rsidP="00156FB3">
            <w:r>
              <w:t xml:space="preserve">                value: function getNumber(format) {</w:t>
            </w:r>
          </w:p>
          <w:p w:rsidR="00156FB3" w:rsidRDefault="00156FB3" w:rsidP="00156FB3">
            <w:r>
              <w:t xml:space="preserve">                    if (window.intlTelInputUtils) {</w:t>
            </w:r>
          </w:p>
          <w:p w:rsidR="00156FB3" w:rsidRDefault="00156FB3" w:rsidP="00156FB3">
            <w:r>
              <w:t xml:space="preserve">                        var iso2 = this.selectedCountryData.iso2;</w:t>
            </w:r>
          </w:p>
          <w:p w:rsidR="00156FB3" w:rsidRDefault="00156FB3" w:rsidP="00156FB3">
            <w:r>
              <w:t xml:space="preserve">                        return intlTelInputUtils.formatNumber(this._getFullNumber(), iso2, format);</w:t>
            </w:r>
          </w:p>
          <w:p w:rsidR="00156FB3" w:rsidRDefault="00156FB3" w:rsidP="00156FB3">
            <w:r>
              <w:t xml:space="preserve">                    }</w:t>
            </w:r>
          </w:p>
          <w:p w:rsidR="00156FB3" w:rsidRDefault="00156FB3" w:rsidP="00156FB3">
            <w:r>
              <w:t xml:space="preserve">                    return "";</w:t>
            </w:r>
          </w:p>
          <w:p w:rsidR="00156FB3" w:rsidRDefault="00156FB3" w:rsidP="00156FB3">
            <w:r>
              <w:t xml:space="preserve">                }</w:t>
            </w:r>
          </w:p>
          <w:p w:rsidR="00156FB3" w:rsidRDefault="00156FB3" w:rsidP="00156FB3">
            <w:r>
              <w:lastRenderedPageBreak/>
              <w:t xml:space="preserve">            }, {</w:t>
            </w:r>
          </w:p>
          <w:p w:rsidR="00156FB3" w:rsidRDefault="00156FB3" w:rsidP="00156FB3">
            <w:r>
              <w:t xml:space="preserve">                key: "getNumberType",</w:t>
            </w:r>
          </w:p>
          <w:p w:rsidR="00156FB3" w:rsidRDefault="00156FB3" w:rsidP="00156FB3">
            <w:r>
              <w:t xml:space="preserve">                value: function getNumberType() {</w:t>
            </w:r>
          </w:p>
          <w:p w:rsidR="00156FB3" w:rsidRDefault="00156FB3" w:rsidP="00156FB3">
            <w:r>
              <w:t xml:space="preserve">                    if (window.intlTelInputUtils) {</w:t>
            </w:r>
          </w:p>
          <w:p w:rsidR="00156FB3" w:rsidRDefault="00156FB3" w:rsidP="00156FB3">
            <w:r>
              <w:t xml:space="preserve">                        return intlTelInputUtils.getNumberType(this._getFullNumber(), this.selectedCountryData.iso2);</w:t>
            </w:r>
          </w:p>
          <w:p w:rsidR="00156FB3" w:rsidRDefault="00156FB3" w:rsidP="00156FB3">
            <w:r>
              <w:t xml:space="preserve">                    }</w:t>
            </w:r>
          </w:p>
          <w:p w:rsidR="00156FB3" w:rsidRDefault="00156FB3" w:rsidP="00156FB3">
            <w:r>
              <w:t xml:space="preserve">                    return -99;</w:t>
            </w:r>
          </w:p>
          <w:p w:rsidR="00156FB3" w:rsidRDefault="00156FB3" w:rsidP="00156FB3">
            <w:r>
              <w:t xml:space="preserve">                }</w:t>
            </w:r>
          </w:p>
          <w:p w:rsidR="00156FB3" w:rsidRDefault="00156FB3" w:rsidP="00156FB3">
            <w:r>
              <w:t xml:space="preserve">            }, {</w:t>
            </w:r>
          </w:p>
          <w:p w:rsidR="00156FB3" w:rsidRDefault="00156FB3" w:rsidP="00156FB3">
            <w:r>
              <w:t xml:space="preserve">                key: "getSelectedCountryData",</w:t>
            </w:r>
          </w:p>
          <w:p w:rsidR="00156FB3" w:rsidRDefault="00156FB3" w:rsidP="00156FB3">
            <w:r>
              <w:t xml:space="preserve">                value: function getSelectedCountryData() {</w:t>
            </w:r>
          </w:p>
          <w:p w:rsidR="00156FB3" w:rsidRDefault="00156FB3" w:rsidP="00156FB3">
            <w:r>
              <w:t xml:space="preserve">                    return this.selectedCountryData;</w:t>
            </w:r>
          </w:p>
          <w:p w:rsidR="00156FB3" w:rsidRDefault="00156FB3" w:rsidP="00156FB3">
            <w:r>
              <w:t xml:space="preserve">                }</w:t>
            </w:r>
          </w:p>
          <w:p w:rsidR="00156FB3" w:rsidRDefault="00156FB3" w:rsidP="00156FB3">
            <w:r>
              <w:t xml:space="preserve">            }, {</w:t>
            </w:r>
          </w:p>
          <w:p w:rsidR="00156FB3" w:rsidRDefault="00156FB3" w:rsidP="00156FB3">
            <w:r>
              <w:t xml:space="preserve">                key: "getValidationError",</w:t>
            </w:r>
          </w:p>
          <w:p w:rsidR="00156FB3" w:rsidRDefault="00156FB3" w:rsidP="00156FB3">
            <w:r>
              <w:t xml:space="preserve">                value: function getValidationError() {</w:t>
            </w:r>
          </w:p>
          <w:p w:rsidR="00156FB3" w:rsidRDefault="00156FB3" w:rsidP="00156FB3">
            <w:r>
              <w:t xml:space="preserve">                    if (window.intlTelInputUtils) {</w:t>
            </w:r>
          </w:p>
          <w:p w:rsidR="00156FB3" w:rsidRDefault="00156FB3" w:rsidP="00156FB3">
            <w:r>
              <w:t xml:space="preserve">                        var iso2 = this.selectedCountryData.iso2;</w:t>
            </w:r>
          </w:p>
          <w:p w:rsidR="00156FB3" w:rsidRDefault="00156FB3" w:rsidP="00156FB3">
            <w:r>
              <w:t xml:space="preserve">                        return intlTelInputUtils.getValidationError(this._getFullNumber(), iso2);</w:t>
            </w:r>
          </w:p>
          <w:p w:rsidR="00156FB3" w:rsidRDefault="00156FB3" w:rsidP="00156FB3">
            <w:r>
              <w:t xml:space="preserve">                    }</w:t>
            </w:r>
          </w:p>
          <w:p w:rsidR="00156FB3" w:rsidRDefault="00156FB3" w:rsidP="00156FB3">
            <w:r>
              <w:t xml:space="preserve">                    return -99;</w:t>
            </w:r>
          </w:p>
          <w:p w:rsidR="00156FB3" w:rsidRDefault="00156FB3" w:rsidP="00156FB3">
            <w:r>
              <w:t xml:space="preserve">                }</w:t>
            </w:r>
          </w:p>
          <w:p w:rsidR="00156FB3" w:rsidRDefault="00156FB3" w:rsidP="00156FB3">
            <w:r>
              <w:t xml:space="preserve">            }, {</w:t>
            </w:r>
          </w:p>
          <w:p w:rsidR="00156FB3" w:rsidRDefault="00156FB3" w:rsidP="00156FB3">
            <w:r>
              <w:t xml:space="preserve">                key: "isValidNumber",</w:t>
            </w:r>
          </w:p>
          <w:p w:rsidR="00156FB3" w:rsidRDefault="00156FB3" w:rsidP="00156FB3">
            <w:r>
              <w:t xml:space="preserve">                value: function isValidNumber() {</w:t>
            </w:r>
          </w:p>
          <w:p w:rsidR="00156FB3" w:rsidRDefault="00156FB3" w:rsidP="00156FB3">
            <w:r>
              <w:t xml:space="preserve">                    var val = this._getFullNumber().trim();</w:t>
            </w:r>
          </w:p>
          <w:p w:rsidR="00156FB3" w:rsidRDefault="00156FB3" w:rsidP="00156FB3">
            <w:r>
              <w:t xml:space="preserve">                    var countryCode = this.options.nationalMode ? this.selectedCountryData.iso2 : "";</w:t>
            </w:r>
          </w:p>
          <w:p w:rsidR="00156FB3" w:rsidRDefault="00156FB3" w:rsidP="00156FB3">
            <w:r>
              <w:t xml:space="preserve">                    return window.intlTelInputUtils ? intlTelInputUtils.isValidNumber(val, countryCode) : null;</w:t>
            </w:r>
          </w:p>
          <w:p w:rsidR="00156FB3" w:rsidRDefault="00156FB3" w:rsidP="00156FB3">
            <w:r>
              <w:t xml:space="preserve">                }</w:t>
            </w:r>
          </w:p>
          <w:p w:rsidR="00156FB3" w:rsidRDefault="00156FB3" w:rsidP="00156FB3">
            <w:r>
              <w:t xml:space="preserve">            }, {</w:t>
            </w:r>
          </w:p>
          <w:p w:rsidR="00156FB3" w:rsidRDefault="00156FB3" w:rsidP="00156FB3">
            <w:r>
              <w:t xml:space="preserve">                key: "setCountry",</w:t>
            </w:r>
          </w:p>
          <w:p w:rsidR="00156FB3" w:rsidRDefault="00156FB3" w:rsidP="00156FB3">
            <w:r>
              <w:t xml:space="preserve">                value: function setCountry(originalCountryCode) {</w:t>
            </w:r>
          </w:p>
          <w:p w:rsidR="00156FB3" w:rsidRDefault="00156FB3" w:rsidP="00156FB3">
            <w:r>
              <w:t xml:space="preserve">                    var countryCode = originalCountryCode.toLowerCase();</w:t>
            </w:r>
          </w:p>
          <w:p w:rsidR="00156FB3" w:rsidRDefault="00156FB3" w:rsidP="00156FB3">
            <w:r>
              <w:t xml:space="preserve">                    // check if already selected</w:t>
            </w:r>
          </w:p>
          <w:p w:rsidR="00156FB3" w:rsidRDefault="00156FB3" w:rsidP="00156FB3">
            <w:r>
              <w:t xml:space="preserve">                    if (!this.selectedFlagInner.classList.contains("iti__".concat(countryCode))) {</w:t>
            </w:r>
          </w:p>
          <w:p w:rsidR="00156FB3" w:rsidRDefault="00156FB3" w:rsidP="00156FB3">
            <w:r>
              <w:t xml:space="preserve">                        this._setFlag(countryCode);</w:t>
            </w:r>
          </w:p>
          <w:p w:rsidR="00156FB3" w:rsidRDefault="00156FB3" w:rsidP="00156FB3">
            <w:r>
              <w:t xml:space="preserve">                        this._updateDialCode(this.selectedCountryData.dialCode, false);</w:t>
            </w:r>
          </w:p>
          <w:p w:rsidR="00156FB3" w:rsidRDefault="00156FB3" w:rsidP="00156FB3">
            <w:r>
              <w:t xml:space="preserve">                        this._triggerCountryChange();</w:t>
            </w:r>
          </w:p>
          <w:p w:rsidR="00156FB3" w:rsidRDefault="00156FB3" w:rsidP="00156FB3">
            <w:r>
              <w:t xml:space="preserve">                    }</w:t>
            </w:r>
          </w:p>
          <w:p w:rsidR="00156FB3" w:rsidRDefault="00156FB3" w:rsidP="00156FB3">
            <w:r>
              <w:t xml:space="preserve">                }</w:t>
            </w:r>
          </w:p>
          <w:p w:rsidR="00156FB3" w:rsidRDefault="00156FB3" w:rsidP="00156FB3">
            <w:r>
              <w:t xml:space="preserve">            }, {</w:t>
            </w:r>
          </w:p>
          <w:p w:rsidR="00156FB3" w:rsidRDefault="00156FB3" w:rsidP="00156FB3">
            <w:r>
              <w:t xml:space="preserve">                key: "setNumber",</w:t>
            </w:r>
          </w:p>
          <w:p w:rsidR="00156FB3" w:rsidRDefault="00156FB3" w:rsidP="00156FB3">
            <w:r>
              <w:t xml:space="preserve">                value: function setNumber(number) {</w:t>
            </w:r>
          </w:p>
          <w:p w:rsidR="00156FB3" w:rsidRDefault="00156FB3" w:rsidP="00156FB3">
            <w:r>
              <w:t xml:space="preserve">                    // we must update the flag first, which updates this.selectedCountryData, which is used for</w:t>
            </w:r>
          </w:p>
          <w:p w:rsidR="00156FB3" w:rsidRDefault="00156FB3" w:rsidP="00156FB3">
            <w:r>
              <w:t xml:space="preserve">                    // formatting the number before displaying it</w:t>
            </w:r>
          </w:p>
          <w:p w:rsidR="00156FB3" w:rsidRDefault="00156FB3" w:rsidP="00156FB3">
            <w:r>
              <w:t xml:space="preserve">                    var flagChanged = this._updateFlagFromNumber(number);</w:t>
            </w:r>
          </w:p>
          <w:p w:rsidR="00156FB3" w:rsidRDefault="00156FB3" w:rsidP="00156FB3">
            <w:r>
              <w:t xml:space="preserve">                    this._updateValFromNumber(number);</w:t>
            </w:r>
          </w:p>
          <w:p w:rsidR="00156FB3" w:rsidRDefault="00156FB3" w:rsidP="00156FB3">
            <w:r>
              <w:lastRenderedPageBreak/>
              <w:t xml:space="preserve">                    if (flagChanged) {</w:t>
            </w:r>
          </w:p>
          <w:p w:rsidR="00156FB3" w:rsidRDefault="00156FB3" w:rsidP="00156FB3">
            <w:r>
              <w:t xml:space="preserve">                        this._triggerCountryChange();</w:t>
            </w:r>
          </w:p>
          <w:p w:rsidR="00156FB3" w:rsidRDefault="00156FB3" w:rsidP="00156FB3">
            <w:r>
              <w:t xml:space="preserve">                    }</w:t>
            </w:r>
          </w:p>
          <w:p w:rsidR="00156FB3" w:rsidRDefault="00156FB3" w:rsidP="00156FB3">
            <w:r>
              <w:t xml:space="preserve">                }</w:t>
            </w:r>
          </w:p>
          <w:p w:rsidR="00156FB3" w:rsidRDefault="00156FB3" w:rsidP="00156FB3">
            <w:r>
              <w:t xml:space="preserve">            }, {</w:t>
            </w:r>
          </w:p>
          <w:p w:rsidR="00156FB3" w:rsidRDefault="00156FB3" w:rsidP="00156FB3">
            <w:r>
              <w:t xml:space="preserve">                key: "setPlaceholderNumberType",</w:t>
            </w:r>
          </w:p>
          <w:p w:rsidR="00156FB3" w:rsidRDefault="00156FB3" w:rsidP="00156FB3">
            <w:r>
              <w:t xml:space="preserve">                value: function setPlaceholderNumberType(type) {</w:t>
            </w:r>
          </w:p>
          <w:p w:rsidR="00156FB3" w:rsidRDefault="00156FB3" w:rsidP="00156FB3">
            <w:r>
              <w:t xml:space="preserve">                    this.options.placeholderNumberType = type;</w:t>
            </w:r>
          </w:p>
          <w:p w:rsidR="00156FB3" w:rsidRDefault="00156FB3" w:rsidP="00156FB3">
            <w:r>
              <w:t xml:space="preserve">                    this._updatePlaceholder();</w:t>
            </w:r>
          </w:p>
          <w:p w:rsidR="00156FB3" w:rsidRDefault="00156FB3" w:rsidP="00156FB3">
            <w:r>
              <w:t xml:space="preserve">                }</w:t>
            </w:r>
          </w:p>
          <w:p w:rsidR="00156FB3" w:rsidRDefault="00156FB3" w:rsidP="00156FB3">
            <w:r>
              <w:t xml:space="preserve">            } ]);</w:t>
            </w:r>
          </w:p>
          <w:p w:rsidR="00156FB3" w:rsidRDefault="00156FB3" w:rsidP="00156FB3">
            <w:r>
              <w:t xml:space="preserve">            return Iti;</w:t>
            </w:r>
          </w:p>
          <w:p w:rsidR="00156FB3" w:rsidRDefault="00156FB3" w:rsidP="00156FB3">
            <w:r>
              <w:t xml:space="preserve">        }();</w:t>
            </w:r>
          </w:p>
          <w:p w:rsidR="00156FB3" w:rsidRDefault="00156FB3" w:rsidP="00156FB3">
            <w:r>
              <w:t xml:space="preserve">        /********************</w:t>
            </w:r>
          </w:p>
          <w:p w:rsidR="00156FB3" w:rsidRDefault="00156FB3" w:rsidP="00156FB3">
            <w:r>
              <w:t xml:space="preserve"> *  STATIC METHODS</w:t>
            </w:r>
          </w:p>
          <w:p w:rsidR="00156FB3" w:rsidRDefault="00156FB3" w:rsidP="00156FB3">
            <w:r>
              <w:t xml:space="preserve"> ********************/</w:t>
            </w:r>
          </w:p>
          <w:p w:rsidR="00156FB3" w:rsidRDefault="00156FB3" w:rsidP="00156FB3">
            <w:r>
              <w:t xml:space="preserve">        // get the country data object</w:t>
            </w:r>
          </w:p>
          <w:p w:rsidR="00156FB3" w:rsidRDefault="00156FB3" w:rsidP="00156FB3">
            <w:r>
              <w:t xml:space="preserve">        window.intlTelInputGlobals.getCountryData = function() {</w:t>
            </w:r>
          </w:p>
          <w:p w:rsidR="00156FB3" w:rsidRDefault="00156FB3" w:rsidP="00156FB3">
            <w:r>
              <w:t xml:space="preserve">            return allCountries;</w:t>
            </w:r>
          </w:p>
          <w:p w:rsidR="00156FB3" w:rsidRDefault="00156FB3" w:rsidP="00156FB3">
            <w:r>
              <w:t xml:space="preserve">        };</w:t>
            </w:r>
          </w:p>
          <w:p w:rsidR="00156FB3" w:rsidRDefault="00156FB3" w:rsidP="00156FB3">
            <w:r>
              <w:t xml:space="preserve">        // inject a &lt;script&gt; element to load utils.js</w:t>
            </w:r>
          </w:p>
          <w:p w:rsidR="00156FB3" w:rsidRDefault="00156FB3" w:rsidP="00156FB3">
            <w:r>
              <w:t xml:space="preserve">        var injectScript = function injectScript(path, handleSuccess, handleFailure) {</w:t>
            </w:r>
          </w:p>
          <w:p w:rsidR="00156FB3" w:rsidRDefault="00156FB3" w:rsidP="00156FB3">
            <w:r>
              <w:t xml:space="preserve">            // inject a new script element into the page</w:t>
            </w:r>
          </w:p>
          <w:p w:rsidR="00156FB3" w:rsidRDefault="00156FB3" w:rsidP="00156FB3">
            <w:r>
              <w:t xml:space="preserve">            var script = document.createElement("script");</w:t>
            </w:r>
          </w:p>
          <w:p w:rsidR="00156FB3" w:rsidRDefault="00156FB3" w:rsidP="00156FB3">
            <w:r>
              <w:t xml:space="preserve">            script.onload = function() {</w:t>
            </w:r>
          </w:p>
          <w:p w:rsidR="00156FB3" w:rsidRDefault="00156FB3" w:rsidP="00156FB3">
            <w:r>
              <w:t xml:space="preserve">                forEachInstance("handleUtils");</w:t>
            </w:r>
          </w:p>
          <w:p w:rsidR="00156FB3" w:rsidRDefault="00156FB3" w:rsidP="00156FB3">
            <w:r>
              <w:t xml:space="preserve">                if (handleSuccess) handleSuccess();</w:t>
            </w:r>
          </w:p>
          <w:p w:rsidR="00156FB3" w:rsidRDefault="00156FB3" w:rsidP="00156FB3">
            <w:r>
              <w:t xml:space="preserve">            };</w:t>
            </w:r>
          </w:p>
          <w:p w:rsidR="00156FB3" w:rsidRDefault="00156FB3" w:rsidP="00156FB3">
            <w:r>
              <w:t xml:space="preserve">            script.onerror = function() {</w:t>
            </w:r>
          </w:p>
          <w:p w:rsidR="00156FB3" w:rsidRDefault="00156FB3" w:rsidP="00156FB3">
            <w:r>
              <w:t xml:space="preserve">                forEachInstance("rejectUtilsScriptPromise");</w:t>
            </w:r>
          </w:p>
          <w:p w:rsidR="00156FB3" w:rsidRDefault="00156FB3" w:rsidP="00156FB3">
            <w:r>
              <w:t xml:space="preserve">                if (handleFailure) handleFailure();</w:t>
            </w:r>
          </w:p>
          <w:p w:rsidR="00156FB3" w:rsidRDefault="00156FB3" w:rsidP="00156FB3">
            <w:r>
              <w:t xml:space="preserve">            };</w:t>
            </w:r>
          </w:p>
          <w:p w:rsidR="00156FB3" w:rsidRDefault="00156FB3" w:rsidP="00156FB3">
            <w:r>
              <w:t xml:space="preserve">            script.className = "iti-load-utils";</w:t>
            </w:r>
          </w:p>
          <w:p w:rsidR="00156FB3" w:rsidRDefault="00156FB3" w:rsidP="00156FB3">
            <w:r>
              <w:t xml:space="preserve">            script.async = true;</w:t>
            </w:r>
          </w:p>
          <w:p w:rsidR="00156FB3" w:rsidRDefault="00156FB3" w:rsidP="00156FB3">
            <w:r>
              <w:t xml:space="preserve">            script.src = path;</w:t>
            </w:r>
          </w:p>
          <w:p w:rsidR="00156FB3" w:rsidRDefault="00156FB3" w:rsidP="00156FB3">
            <w:r>
              <w:t xml:space="preserve">            document.body.appendChild(script);</w:t>
            </w:r>
          </w:p>
          <w:p w:rsidR="00156FB3" w:rsidRDefault="00156FB3" w:rsidP="00156FB3">
            <w:r>
              <w:t xml:space="preserve">        };</w:t>
            </w:r>
          </w:p>
          <w:p w:rsidR="00156FB3" w:rsidRDefault="00156FB3" w:rsidP="00156FB3">
            <w:r>
              <w:t xml:space="preserve">        // load the utils script</w:t>
            </w:r>
          </w:p>
          <w:p w:rsidR="00156FB3" w:rsidRDefault="00156FB3" w:rsidP="00156FB3">
            <w:r>
              <w:t xml:space="preserve">        window.intlTelInputGlobals.loadUtils = function(path) {</w:t>
            </w:r>
          </w:p>
          <w:p w:rsidR="00156FB3" w:rsidRDefault="00156FB3" w:rsidP="00156FB3">
            <w:r>
              <w:t xml:space="preserve">            // 2 options:</w:t>
            </w:r>
          </w:p>
          <w:p w:rsidR="00156FB3" w:rsidRDefault="00156FB3" w:rsidP="00156FB3">
            <w:r>
              <w:t xml:space="preserve">            // 1) not already started loading (start)</w:t>
            </w:r>
          </w:p>
          <w:p w:rsidR="00156FB3" w:rsidRDefault="00156FB3" w:rsidP="00156FB3">
            <w:r>
              <w:t xml:space="preserve">            // 2) already started loading (do nothing - just wait for the onload callback to fire, which will</w:t>
            </w:r>
          </w:p>
          <w:p w:rsidR="00156FB3" w:rsidRDefault="00156FB3" w:rsidP="00156FB3">
            <w:r>
              <w:t xml:space="preserve">            // trigger handleUtils on all instances, invoking their resolveUtilsScriptPromise functions)</w:t>
            </w:r>
          </w:p>
          <w:p w:rsidR="00156FB3" w:rsidRDefault="00156FB3" w:rsidP="00156FB3">
            <w:r>
              <w:t xml:space="preserve">            if (!window.intlTelInputUtils &amp;&amp; !window.intlTelInputGlobals.startedLoadingUtilsScript) {</w:t>
            </w:r>
          </w:p>
          <w:p w:rsidR="00156FB3" w:rsidRDefault="00156FB3" w:rsidP="00156FB3">
            <w:r>
              <w:t xml:space="preserve">                // only do this once</w:t>
            </w:r>
          </w:p>
          <w:p w:rsidR="00156FB3" w:rsidRDefault="00156FB3" w:rsidP="00156FB3">
            <w:r>
              <w:t xml:space="preserve">                window.intlTelInputGlobals.startedLoadingUtilsScript = true;</w:t>
            </w:r>
          </w:p>
          <w:p w:rsidR="00156FB3" w:rsidRDefault="00156FB3" w:rsidP="00156FB3">
            <w:r>
              <w:t xml:space="preserve">                // if we have promises, then return a promise</w:t>
            </w:r>
          </w:p>
          <w:p w:rsidR="00156FB3" w:rsidRDefault="00156FB3" w:rsidP="00156FB3">
            <w:r>
              <w:t xml:space="preserve">                if (typeof Promise !== "undefined") {</w:t>
            </w:r>
          </w:p>
          <w:p w:rsidR="00156FB3" w:rsidRDefault="00156FB3" w:rsidP="00156FB3">
            <w:r>
              <w:lastRenderedPageBreak/>
              <w:t xml:space="preserve">                    return new Promise(function(resolve, reject) {</w:t>
            </w:r>
          </w:p>
          <w:p w:rsidR="00156FB3" w:rsidRDefault="00156FB3" w:rsidP="00156FB3">
            <w:r>
              <w:t xml:space="preserve">                        return injectScript(path, resolve, reject);</w:t>
            </w:r>
          </w:p>
          <w:p w:rsidR="00156FB3" w:rsidRDefault="00156FB3" w:rsidP="00156FB3">
            <w:r>
              <w:t xml:space="preserve">                    });</w:t>
            </w:r>
          </w:p>
          <w:p w:rsidR="00156FB3" w:rsidRDefault="00156FB3" w:rsidP="00156FB3">
            <w:r>
              <w:t xml:space="preserve">                }</w:t>
            </w:r>
          </w:p>
          <w:p w:rsidR="00156FB3" w:rsidRDefault="00156FB3" w:rsidP="00156FB3">
            <w:r>
              <w:t xml:space="preserve">                injectScript(path);</w:t>
            </w:r>
          </w:p>
          <w:p w:rsidR="00156FB3" w:rsidRDefault="00156FB3" w:rsidP="00156FB3">
            <w:r>
              <w:t xml:space="preserve">            }</w:t>
            </w:r>
          </w:p>
          <w:p w:rsidR="00156FB3" w:rsidRDefault="00156FB3" w:rsidP="00156FB3">
            <w:r>
              <w:t xml:space="preserve">            return null;</w:t>
            </w:r>
          </w:p>
          <w:p w:rsidR="00156FB3" w:rsidRDefault="00156FB3" w:rsidP="00156FB3">
            <w:r>
              <w:t xml:space="preserve">        };</w:t>
            </w:r>
          </w:p>
          <w:p w:rsidR="00156FB3" w:rsidRDefault="00156FB3" w:rsidP="00156FB3">
            <w:r>
              <w:t xml:space="preserve">        // default options</w:t>
            </w:r>
          </w:p>
          <w:p w:rsidR="00156FB3" w:rsidRDefault="00156FB3" w:rsidP="00156FB3">
            <w:r>
              <w:t xml:space="preserve">        window.intlTelInputGlobals.defaults = defaults;</w:t>
            </w:r>
          </w:p>
          <w:p w:rsidR="00156FB3" w:rsidRDefault="00156FB3" w:rsidP="00156FB3">
            <w:r>
              <w:t xml:space="preserve">        // version</w:t>
            </w:r>
          </w:p>
          <w:p w:rsidR="00156FB3" w:rsidRDefault="00156FB3" w:rsidP="00156FB3">
            <w:r>
              <w:t xml:space="preserve">        window.intlTelInputGlobals.version = "16.0.0";</w:t>
            </w:r>
          </w:p>
          <w:p w:rsidR="00156FB3" w:rsidRDefault="00156FB3" w:rsidP="00156FB3">
            <w:r>
              <w:t xml:space="preserve">        // convenience wrapper</w:t>
            </w:r>
          </w:p>
          <w:p w:rsidR="00156FB3" w:rsidRDefault="00156FB3" w:rsidP="00156FB3">
            <w:r>
              <w:t xml:space="preserve">        return function(input, options) {</w:t>
            </w:r>
          </w:p>
          <w:p w:rsidR="00156FB3" w:rsidRDefault="00156FB3" w:rsidP="00156FB3">
            <w:r>
              <w:t xml:space="preserve">            var iti = new Iti(input, options);</w:t>
            </w:r>
          </w:p>
          <w:p w:rsidR="00156FB3" w:rsidRDefault="00156FB3" w:rsidP="00156FB3">
            <w:r>
              <w:t xml:space="preserve">            iti._init();</w:t>
            </w:r>
          </w:p>
          <w:p w:rsidR="00156FB3" w:rsidRDefault="00156FB3" w:rsidP="00156FB3">
            <w:r>
              <w:t xml:space="preserve">            input.setAttribute("data-intl-tel-input-id", iti.id);</w:t>
            </w:r>
          </w:p>
          <w:p w:rsidR="00156FB3" w:rsidRDefault="00156FB3" w:rsidP="00156FB3">
            <w:r>
              <w:t xml:space="preserve">            window.intlTelInputGlobals.instances[iti.id] = iti;</w:t>
            </w:r>
          </w:p>
          <w:p w:rsidR="00156FB3" w:rsidRDefault="00156FB3" w:rsidP="00156FB3">
            <w:r>
              <w:t xml:space="preserve">            return iti;</w:t>
            </w:r>
          </w:p>
          <w:p w:rsidR="00156FB3" w:rsidRDefault="00156FB3" w:rsidP="00156FB3">
            <w:r>
              <w:t xml:space="preserve">        };</w:t>
            </w:r>
          </w:p>
          <w:p w:rsidR="00156FB3" w:rsidRDefault="00156FB3" w:rsidP="00156FB3">
            <w:r>
              <w:t xml:space="preserve">    }();</w:t>
            </w:r>
          </w:p>
          <w:p w:rsidR="0048012D" w:rsidRDefault="00156FB3" w:rsidP="00156FB3">
            <w:r>
              <w:t>});</w:t>
            </w:r>
          </w:p>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Jquery.js</w:t>
            </w:r>
          </w:p>
        </w:tc>
      </w:tr>
      <w:tr w:rsidR="0048012D" w:rsidTr="0048012D">
        <w:tc>
          <w:tcPr>
            <w:tcW w:w="9576" w:type="dxa"/>
          </w:tcPr>
          <w:p w:rsidR="00156FB3" w:rsidRDefault="00156FB3" w:rsidP="00156FB3">
            <w:r>
              <w:t>/*! jQuery v3.3.1 | (c) JS Foundation and other contributors | jquery.org/license */</w:t>
            </w:r>
          </w:p>
          <w:p w:rsidR="0048012D" w:rsidRDefault="00156FB3" w:rsidP="00156FB3">
            <w:r>
              <w:t xml:space="preserve">!function(e,t){"use strict";"object"==typeof module&amp;&amp;"object"==typeof module.exports?module.exports=e.document?t(e,!0):function(e){if(!e.document)throw new Error("jQuery requires a window with a document");return t(e)}:t(e)}("undefined"!=typeof window?window:this,function(e,t){"use strict";var n=[],r=e.document,i=Object.getPrototypeOf,o=n.slice,a=n.concat,s=n.push,u=n.indexOf,l={},c=l.toString,f=l.hasOwnProperty,p=f.toString,d=p.call(Object),h={},g=function e(t){return"function"==typeof t&amp;&amp;"number"!=typeof t.nodeType},y=function e(t){return null!=t&amp;&amp;t===t.window},v={type:!0,src:!0,noModule:!0};function m(e,t,n){var i,o=(t=t||r).createElement("script");if(o.text=e,n)for(i in v)n[i]&amp;&amp;(o[i]=n[i]);t.head.appendChild(o).parentNode.removeChild(o)}function x(e){return null==e?e+"":"object"==typeof e||"function"==typeof e?l[c.call(e)]||"object":typeof e}var b="3.3.1",w=function(e,t){return new w.fn.init(e,t)},T=/^[\s\uFEFF\xA0]+|[\s\uFEFF\xA0]+$/g;w.fn=w.prototype={jquery:"3.3.1",constructor:w,length:0,toArray:function(){return o.call(this)},get:function(e){return null==e?o.call(this):e&lt;0?this[e+this.length]:this[e]},pushStack:function(e){var t=w.merge(this.constructor(),e);return t.prevObject=this,t},each:function(e){return w.each(this,e)},map:function(e){return this.pushStack(w.map(this,function(t,n){return e.call(t,n,t)}))},slice:function(){return this.pushStack(o.apply(this,arguments))},first:function(){return this.eq(0)},last:function(){return this.eq(-1)},eq:function(e){var t=this.length,n=+e+(e&lt;0?t:0);return </w:t>
            </w:r>
            <w:r>
              <w:lastRenderedPageBreak/>
              <w:t xml:space="preserve">this.pushStack(n&gt;=0&amp;&amp;n&lt;t?[this[n]]:[])},end:function(){return this.prevObject||this.constructor()},push:s,sort:n.sort,splice:n.splice},w.extend=w.fn.extend=function(){var e,t,n,r,i,o,a=arguments[0]||{},s=1,u=arguments.length,l=!1;for("boolean"==typeof a&amp;&amp;(l=a,a=arguments[s]||{},s++),"object"==typeof a||g(a)||(a={}),s===u&amp;&amp;(a=this,s--);s&lt;u;s++)if(null!=(e=arguments[s]))for(t in e)n=a[t],a!==(r=e[t])&amp;&amp;(l&amp;&amp;r&amp;&amp;(w.isPlainObject(r)||(i=Array.isArray(r)))?(i?(i=!1,o=n&amp;&amp;Array.isArray(n)?n:[]):o=n&amp;&amp;w.isPlainObject(n)?n:{},a[t]=w.extend(l,o,r)):void 0!==r&amp;&amp;(a[t]=r));return a},w.extend({expando:"jQuery"+("3.3.1"+Math.random()).replace(/\D/g,""),isReady:!0,error:function(e){throw new Error(e)},noop:function(){},isPlainObject:function(e){var t,n;return!(!e||"[object Object]"!==c.call(e))&amp;&amp;(!(t=i(e))||"function"==typeof(n=f.call(t,"constructor")&amp;&amp;t.constructor)&amp;&amp;p.call(n)===d)},isEmptyObject:function(e){var t;for(t in e)return!1;return!0},globalEval:function(e){m(e)},each:function(e,t){var n,r=0;if(C(e)){for(n=e.length;r&lt;n;r++)if(!1===t.call(e[r],r,e[r]))break}else for(r in e)if(!1===t.call(e[r],r,e[r]))break;return e},trim:function(e){return null==e?"":(e+"").replace(T,"")},makeArray:function(e,t){var n=t||[];return null!=e&amp;&amp;(C(Object(e))?w.merge(n,"string"==typeof e?[e]:e):s.call(n,e)),n},inArray:function(e,t,n){return null==t?-1:u.call(t,e,n)},merge:function(e,t){for(var n=+t.length,r=0,i=e.length;r&lt;n;r++)e[i++]=t[r];return e.length=i,e},grep:function(e,t,n){for(var r,i=[],o=0,a=e.length,s=!n;o&lt;a;o++)(r=!t(e[o],o))!==s&amp;&amp;i.push(e[o]);return i},map:function(e,t,n){var r,i,o=0,s=[];if(C(e))for(r=e.length;o&lt;r;o++)null!=(i=t(e[o],o,n))&amp;&amp;s.push(i);else for(o in e)null!=(i=t(e[o],o,n))&amp;&amp;s.push(i);return a.apply([],s)},guid:1,support:h}),"function"==typeof Symbol&amp;&amp;(w.fn[Symbol.iterator]=n[Symbol.iterator]),w.each("Boolean Number String Function Array Date RegExp Object Error Symbol".split(" "),function(e,t){l["[object "+t+"]"]=t.toLowerCase()});function C(e){var t=!!e&amp;&amp;"length"in e&amp;&amp;e.length,n=x(e);return!g(e)&amp;&amp;!y(e)&amp;&amp;("array"===n||0===t||"number"==typeof t&amp;&amp;t&gt;0&amp;&amp;t-1 in e)}var E=function(e){var t,n,r,i,o,a,s,u,l,c,f,p,d,h,g,y,v,m,x,b="sizzle"+1*new Date,w=e.document,T=0,C=0,E=ae(),k=ae(),S=ae(),D=function(e,t){return e===t&amp;&amp;(f=!0),0},N={}.hasOwnProperty,A=[],j=A.pop,q=A.push,L=A.push,H=A.slice,O=function(e,t){for(var n=0,r=e.length;n&lt;r;n++)if(e[n]===t)return n;return-1},P="checked|selected|async|autofocus|autoplay|controls|defer|disabled|hidden|ismap|loop|multiple|open|readonly|required|scoped",M="[\\x20\\t\\r\\n\\f]",R="(?:\\\\.|[\\w-]|[^\0-\\xa0])+",I="\\["+M+"*("+R+")(?:"+M+"*([*^$|!~]?=)"+M+"*(?:'((?:\\\\.|[^\\\\'])*)'|\"((?:\\\\.|[^\\\\\"])*)\"|("+R+"))|)"+M+"*\\]",W=":("+R+")(?:\\((('((?:\\\\.|[^\\\\'])*)'|\"((?:\\\\.|[^\\\\\"])*)\")|((?:\\\\.|[^\\\\()[\\]]|"+I+")*)|.*)\\)|)",$=new RegExp(M+"+","g"),B=new RegExp("^"+M+"+|((?:^|[^\\\\])(?:\\\\.)*)"+M+"+$","g"),F=new RegExp("^"+M+"*,"+M+"*"),_=new RegExp("^"+M+"*([&gt;+~]|"+M+")"+M+"*"),z=new RegExp("="+M+"*([^\\]'\"]*?)"+M+"*\\]","g"),X=new RegExp(W),U=new RegExp("^"+R+"$"),V={ID:new RegExp("^#("+R+")"),CLASS:new RegExp("^\\.("+R+")"),TAG:new RegExp("^("+R+"|[*])"),ATTR:new RegExp("^"+I),PSEUDO:new RegExp("^"+W),CHILD:new RegExp("^:(only|first|last|nth|nth-last)-(child|of-type)(?:\\("+M+"*(even|odd|(([+-]|)(\\d*)n|)"+M+"*(?:([+-]|)"+M+"*(\\d+)|))"+M+"*\\)|)","i"),bool:new RegExp("^(?:"+P+")$","i"),needsContext:new RegExp("^"+M+"*[&gt;+~]|:(even|odd|eq|gt|lt|nth|first|last)(?:\\("+M+"*((?:-\\d)?\\d*)"+M+"*\\)|)(?=[^-]|$)","i")},G=/^(?:input|select|textarea|button)$/i,Y=/^h\d$/i,Q=/^[^{]+\{\s*\[native \w/,J=/^(?:#([\w-]+)|(\w+)|\.([\w-]+))$/,K=/[+~]/,Z=new RegExp("\\\\([\\da-f]{1,6}"+M+"?|("+M+")|.)","ig"),ee=function(e,t,n){var r="0x"+t-65536;return r!==r||n?t:r&lt;0?String.fromCharCode(r+65536):String.fromCharCode(r&gt;&gt;10|55296,1023&amp;r|56320)},te=/([\0-\x1f\x7f]|^-?\d)|^-$|[^\0-\x1f\x7f-\uFFFF\w-]/g,ne=function(e,t){return </w:t>
            </w:r>
            <w:r>
              <w:lastRenderedPageBreak/>
              <w:t>t?"\0"===e?"\ufffd":e.slice(0,-1)+"\\"+e.charCodeAt(e.length-1).toString(16)+" ":"\\"+e},re=function(){p()},ie=me(function(e){return!0===e.disabled&amp;&amp;("form"in e||"label"in e)},{dir:"parentNode",next:"legend"});try{L.apply(A=H.call(w.childNodes),w.childNodes),A[w.childNodes.length].nodeType}catch(e){L={apply:A.length?function(e,t){q.apply(e,H.call(t))}:function(e,t){var n=e.length,r=0;while(e[n++]=t[r++]);e.length=n-1}}}function oe(e,t,r,i){var o,s,l,c,f,h,v,m=t&amp;&amp;t.ownerDocument,T=t?t.nodeType:9;if(r=r||[],"string"!=typeof e||!e||1!==T&amp;&amp;9!==T&amp;&amp;11!==T)return r;if(!i&amp;&amp;((t?t.ownerDocument||t:w)!==d&amp;&amp;p(t),t=t||d,g)){if(11!==T&amp;&amp;(f=J.exec(e)))if(o=f[1]){if(9===T){if(!(l=t.getElementById(o)))return r;if(l.id===o)return r.push(l),r}else if(m&amp;&amp;(l=m.getElementById(o))&amp;&amp;x(t,l)&amp;&amp;l.id===o)return r.push(l),r}else{if(f[2])return L.apply(r,t.getElementsByTagName(e)),r;if((o=f[3])&amp;&amp;n.getElementsByClassName&amp;&amp;t.getElementsByClassName)return L.apply(r,t.getElementsByClassName(o)),r}if(n.qsa&amp;&amp;!S[e+" "]&amp;&amp;(!y||!y.test(e))){if(1!==T)m=t,v=e;else if("object"!==t.nodeName.toLowerCase()){(c=t.getAttribute("id"))?c=c.replace(te,ne):t.setAttribute("id",c=b),s=(h=a(e)).length;while(s--)h[s]="#"+c+" "+ve(h[s]);v=h.join(","),m=K.test(e)&amp;&amp;ge(t.parentNode)||t}if(v)try{return L.apply(r,m.querySelectorAll(v)),r}catch(e){}finally{c===b&amp;&amp;t.removeAttribute("id")}}}return u(e.replace(B,"$1"),t,r,i)}function ae(){var e=[];function t(n,i){return e.push(n+" ")&gt;r.cacheLength&amp;&amp;delete t[e.shift()],t[n+" "]=i}return t}function se(e){return e[b]=!0,e}function ue(e){var t=d.createElement("fieldset");try{return!!e(t)}catch(e){return!1}finally{t.parentNode&amp;&amp;t.parentNode.removeChild(t),t=null}}function le(e,t){var n=e.split("|"),i=n.length;while(i--)r.attrHandle[n[i]]=t}function ce(e,t){var n=t&amp;&amp;e,r=n&amp;&amp;1===e.nodeType&amp;&amp;1===t.nodeType&amp;&amp;e.sourceIndex-t.sourceIndex;if(r)return r;if(n)while(n=n.nextSibling)if(n===t)return-1;return e?1:-1}function fe(e){return function(t){return"input"===t.nodeName.toLowerCase()&amp;&amp;t.type===e}}function pe(e){return function(t){var n=t.nodeName.toLowerCase();return("input"===n||"button"===n)&amp;&amp;t.type===e}}function de(e){return function(t){return"form"in t?t.parentNode&amp;&amp;!1===t.disabled?"label"in t?"label"in t.parentNode?t.parentNode.disabled===e:t.disabled===e:t.isDisabled===e||t.isDisabled!==!e&amp;&amp;ie(t)===e:t.disabled===e:"label"in t&amp;&amp;t.disabled===e}}function he(e){return se(function(t){return t=+t,se(function(n,r){var i,o=e([],n.length,t),a=o.length;while(a--)n[i=o[a]]&amp;&amp;(n[i]=!(r[i]=n[i]))})})}function ge(e){return e&amp;&amp;"undefined"!=typeof e.getElementsByTagName&amp;&amp;e}n=oe.support={},o=oe.isXML=function(e){var t=e&amp;&amp;(e.ownerDocument||e).documentElement;return!!t&amp;&amp;"HTML"!==t.nodeName},p=oe.setDocument=function(e){var t,i,a=e?e.ownerDocument||e:w;return a!==d&amp;&amp;9===a.nodeType&amp;&amp;a.documentElement?(d=a,h=d.documentElement,g=!o(d),w!==d&amp;&amp;(i=d.defaultView)&amp;&amp;i.top!==i&amp;&amp;(i.addEventListener?i.addEventListener("unload",re,!1):i.attachEvent&amp;&amp;i.attachEvent("onunload",re)),n.attributes=ue(function(e){return e.className="i",!e.getAttribute("className")}),n.getElementsByTagName=ue(function(e){return e.appendChild(d.createComment("")),!e.getElementsByTagName("*").length}),n.getElementsByClassName=Q.test(d.getElementsByClassName),n.getById=ue(function(e){return h.appendChild(e).id=b,!d.getElementsByName||!d.getElementsByName(b).length}),n.getById?(r.filter.ID=function(e){var t=e.replace(Z,ee);return function(e){return e.getAttribute("id")===t}},r.find.ID=function(e,t){if("undefined"!=typeof t.getElementById&amp;&amp;g){var n=t.getElementById(e);return n?[n]:[]}}):(r.filter.ID=function(e){var t=e.replace(Z,ee);return function(e){var n="undefined"!=typeof e.getAttributeNode&amp;&amp;e.getAttributeNode("id");return n&amp;&amp;n.value===t}},r.find.ID=function(e,t){if("undefined"!=typeof t.getElementById&amp;&amp;g){var n,r,i,o=t.getElementById(e);if(o){if((n=o.getAttributeNode("id"))&amp;&amp;n.value===e)return[o];i=t.getElement</w:t>
            </w:r>
            <w:r>
              <w:lastRenderedPageBreak/>
              <w:t xml:space="preserve">sByName(e),r=0;while(o=i[r++])if((n=o.getAttributeNode("id"))&amp;&amp;n.value===e)return[o]}return[]}}),r.find.TAG=n.getElementsByTagName?function(e,t){return"undefined"!=typeof t.getElementsByTagName?t.getElementsByTagName(e):n.qsa?t.querySelectorAll(e):void 0}:function(e,t){var n,r=[],i=0,o=t.getElementsByTagName(e);if("*"===e){while(n=o[i++])1===n.nodeType&amp;&amp;r.push(n);return r}return o},r.find.CLASS=n.getElementsByClassName&amp;&amp;function(e,t){if("undefined"!=typeof t.getElementsByClassName&amp;&amp;g)return t.getElementsByClassName(e)},v=[],y=[],(n.qsa=Q.test(d.querySelectorAll))&amp;&amp;(ue(function(e){h.appendChild(e).innerHTML="&lt;a id='"+b+"'&gt;&lt;/a&gt;&lt;select id='"+b+"-\r\\' msallowcapture=''&gt;&lt;option selected=''&gt;&lt;/option&gt;&lt;/select&gt;",e.querySelectorAll("[msallowcapture^='']").length&amp;&amp;y.push("[*^$]="+M+"*(?:''|\"\")"),e.querySelectorAll("[selected]").length||y.push("\\["+M+"*(?:value|"+P+")"),e.querySelectorAll("[id~="+b+"-]").length||y.push("~="),e.querySelectorAll(":checked").length||y.push(":checked"),e.querySelectorAll("a#"+b+"+*").length||y.push(".#.+[+~]")}),ue(function(e){e.innerHTML="&lt;a href='' disabled='disabled'&gt;&lt;/a&gt;&lt;select disabled='disabled'&gt;&lt;option/&gt;&lt;/select&gt;";var t=d.createElement("input");t.setAttribute("type","hidden"),e.appendChild(t).setAttribute("name","D"),e.querySelectorAll("[name=d]").length&amp;&amp;y.push("name"+M+"*[*^$|!~]?="),2!==e.querySelectorAll(":enabled").length&amp;&amp;y.push(":enabled",":disabled"),h.appendChild(e).disabled=!0,2!==e.querySelectorAll(":disabled").length&amp;&amp;y.push(":enabled",":disabled"),e.querySelectorAll("*,:x"),y.push(",.*:")})),(n.matchesSelector=Q.test(m=h.matches||h.webkitMatchesSelector||h.mozMatchesSelector||h.oMatchesSelector||h.msMatchesSelector))&amp;&amp;ue(function(e){n.disconnectedMatch=m.call(e,"*"),m.call(e,"[s!='']:x"),v.push("!=",W)}),y=y.length&amp;&amp;new RegExp(y.join("|")),v=v.length&amp;&amp;new RegExp(v.join("|")),t=Q.test(h.compareDocumentPosition),x=t||Q.test(h.contains)?function(e,t){var n=9===e.nodeType?e.documentElement:e,r=t&amp;&amp;t.parentNode;return e===r||!(!r||1!==r.nodeType||!(n.contains?n.contains(r):e.compareDocumentPosition&amp;&amp;16&amp;e.compareDocumentPosition(r)))}:function(e,t){if(t)while(t=t.parentNode)if(t===e)return!0;return!1},D=t?function(e,t){if(e===t)return f=!0,0;var r=!e.compareDocumentPosition-!t.compareDocumentPosition;return r||(1&amp;(r=(e.ownerDocument||e)===(t.ownerDocument||t)?e.compareDocumentPosition(t):1)||!n.sortDetached&amp;&amp;t.compareDocumentPosition(e)===r?e===d||e.ownerDocument===w&amp;&amp;x(w,e)?-1:t===d||t.ownerDocument===w&amp;&amp;x(w,t)?1:c?O(c,e)-O(c,t):0:4&amp;r?-1:1)}:function(e,t){if(e===t)return f=!0,0;var n,r=0,i=e.parentNode,o=t.parentNode,a=[e],s=[t];if(!i||!o)return e===d?-1:t===d?1:i?-1:o?1:c?O(c,e)-O(c,t):0;if(i===o)return ce(e,t);n=e;while(n=n.parentNode)a.unshift(n);n=t;while(n=n.parentNode)s.unshift(n);while(a[r]===s[r])r++;return r?ce(a[r],s[r]):a[r]===w?-1:s[r]===w?1:0},d):d},oe.matches=function(e,t){return oe(e,null,null,t)},oe.matchesSelector=function(e,t){if((e.ownerDocument||e)!==d&amp;&amp;p(e),t=t.replace(z,"='$1']"),n.matchesSelector&amp;&amp;g&amp;&amp;!S[t+" "]&amp;&amp;(!v||!v.test(t))&amp;&amp;(!y||!y.test(t)))try{var r=m.call(e,t);if(r||n.disconnectedMatch||e.document&amp;&amp;11!==e.document.nodeType)return r}catch(e){}return oe(t,d,null,[e]).length&gt;0},oe.contains=function(e,t){return(e.ownerDocument||e)!==d&amp;&amp;p(e),x(e,t)},oe.attr=function(e,t){(e.ownerDocument||e)!==d&amp;&amp;p(e);var i=r.attrHandle[t.toLowerCase()],o=i&amp;&amp;N.call(r.attrHandle,t.toLowerCase())?i(e,t,!g):void 0;return void 0!==o?o:n.attributes||!g?e.getAttribute(t):(o=e.getAttributeNode(t))&amp;&amp;o.specified?o.value:null},oe.escape=function(e){return(e+"").replace(te,ne)},oe.error=function(e){throw new Error("Syntax error, unrecognized expression: "+e)},oe.uniqueSort=function(e){var t,r=[],i=0,o=0;if(f=!n.detectDuplicates,c=!n.sortStable&amp;&amp;e.slice(0),e.sort(D),f){while(t=e[o++])t===e[o]&amp;&amp;(i=r.push(o));while(i--)e.splice(r[i],1)}return c=null,e},i=oe.getText=function(e){var t,n="",r=0,o=e.nodeType;if(o){if(1===o||9===o||11===o){if("string"==typeof e.textContent)return e.textContent;for(e=e.firstChild;e;e=e.nextSibling)n+=i(e)}else if(3===o||4===o)return e.nodeValue}else </w:t>
            </w:r>
            <w:r>
              <w:lastRenderedPageBreak/>
              <w:t>while(t=e[r++])n+=i(t);return n},(r=oe.selectors={cacheLength:50,createPseudo:se,match:V,attrHandle:{},find:{},relative:{"&gt;":{dir:"parentNode",first:!0}," ":{dir:"parentNode"},"+":{dir:"previousSibling",first:!0},"~":{dir:"previousSibling"}},preFilter:{ATTR:function(e){return e[1]=e[1].replace(Z,ee),e[3]=(e[3]||e[4]||e[5]||"").replace(Z,ee),"~="===e[2]&amp;&amp;(e[3]=" "+e[3]+" "),e.slice(0,4)},CHILD:function(e){return e[1]=e[1].toLowerCase(),"nth"===e[1].slice(0,3)?(e[3]||oe.error(e[0]),e[4]=+(e[4]?e[5]+(e[6]||1):2*("even"===e[3]||"odd"===e[3])),e[5]=+(e[7]+e[8]||"odd"===e[3])):e[3]&amp;&amp;oe.error(e[0]),e},PSEUDO:function(e){var t,n=!e[6]&amp;&amp;e[2];return V.CHILD.test(e[0])?null:(e[3]?e[2]=e[4]||e[5]||"":n&amp;&amp;X.test(n)&amp;&amp;(t=a(n,!0))&amp;&amp;(t=n.indexOf(")",n.length-t)-n.length)&amp;&amp;(e[0]=e[0].slice(0,t),e[2]=n.slice(0,t)),e.slice(0,3))}},filter:{TAG:function(e){var t=e.replace(Z,ee).toLowerCase();return"*"===e?function(){return!0}:function(e){return e.nodeName&amp;&amp;e.nodeName.toLowerCase()===t}},CLASS:function(e){var t=E[e+" "];return t||(t=new RegExp("(^|"+M+")"+e+"("+M+"|$)"))&amp;&amp;E(e,function(e){return t.test("string"==typeof e.className&amp;&amp;e.className||"undefined"!=typeof e.getAttribute&amp;&amp;e.getAttribute("class")||"")})},ATTR:function(e,t,n){return function(r){var i=oe.attr(r,e);return null==i?"!="===t:!t||(i+="","="===t?i===n:"!="===t?i!==n:"^="===t?n&amp;&amp;0===i.indexOf(n):"*="===t?n&amp;&amp;i.indexOf(n)&gt;-1:"$="===t?n&amp;&amp;i.slice(-n.length)===n:"~="===t?(" "+i.replace($," ")+" ").indexOf(n)&gt;-1:"|="===t&amp;&amp;(i===n||i.slice(0,n.length+1)===n+"-"))}},CHILD:function(e,t,n,r,i){var o="nth"!==e.slice(0,3),a="last"!==e.slice(-4),s="of-type"===t;return 1===r&amp;&amp;0===i?function(e){return!!e.parentNode}:function(t,n,u){var l,c,f,p,d,h,g=o!==a?"nextSibling":"previousSibling",y=t.parentNode,v=s&amp;&amp;t.nodeName.toLowerCase(),m=!u&amp;&amp;!s,x=!1;if(y){if(o){while(g){p=t;while(p=p[g])if(s?p.nodeName.toLowerCase()===v:1===p.nodeType)return!1;h=g="only"===e&amp;&amp;!h&amp;&amp;"nextSibling"}return!0}if(h=[a?y.firstChild:y.lastChild],a&amp;&amp;m){x=(d=(l=(c=(f=(p=y)[b]||(p[b]={}))[p.uniqueID]||(f[p.uniqueID]={}))[e]||[])[0]===T&amp;&amp;l[1])&amp;&amp;l[2],p=d&amp;&amp;y.childNodes[d];while(p=++d&amp;&amp;p&amp;&amp;p[g]||(x=d=0)||h.pop())if(1===p.nodeType&amp;&amp;++x&amp;&amp;p===t){c[e]=[T,d,x];break}}else if(m&amp;&amp;(x=d=(l=(c=(f=(p=t)[b]||(p[b]={}))[p.uniqueID]||(f[p.uniqueID]={}))[e]||[])[0]===T&amp;&amp;l[1]),!1===x)while(p=++d&amp;&amp;p&amp;&amp;p[g]||(x=d=0)||h.pop())if((s?p.nodeName.toLowerCase()===v:1===p.nodeType)&amp;&amp;++x&amp;&amp;(m&amp;&amp;((c=(f=p[b]||(p[b]={}))[p.uniqueID]||(f[p.uniqueID]={}))[e]=[T,x]),p===t))break;return(x-=i)===r||x%r==0&amp;&amp;x/r&gt;=0}}},PSEUDO:function(e,t){var n,i=r.pseudos[e]||r.setFilters[e.toLowerCase()]||oe.error("unsupported pseudo: "+e);return i[b]?i(t):i.length&gt;1?(n=[e,e,"",t],r.setFilters.hasOwnProperty(e.toLowerCase())?se(function(e,n){var r,o=i(e,t),a=o.length;while(a--)e[r=O(e,o[a])]=!(n[r]=o[a])}):function(e){return i(e,0,n)}):i}},pseudos:{not:se(function(e){var t=[],n=[],r=s(e.replace(B,"$1"));return r[b]?se(function(e,t,n,i){var o,a=r(e,null,i,[]),s=e.length;while(s--)(o=a[s])&amp;&amp;(e[s]=!(t[s]=o))}):function(e,i,o){return t[0]=e,r(t,null,o,n),t[0]=null,!n.pop()}}),has:se(function(e){return function(t){return oe(e,t).length&gt;0}}),contains:se(function(e){return e=e.replace(Z,ee),function(t){return(t.textContent||t.innerText||i(t)).indexOf(e)&gt;-1}}),lang:se(function(e){return U.test(e||"")||oe.error("unsupported lang: "+e),e=e.replace(Z,ee).toLowerCase(),function(t){var n;do{if(n=g?t.lang:t.getAttribute("xml:lang")||t.getAttribute("lang"))return(n=n.toLowerCase())===e||0===n.indexOf(e+"-")}while((t=t.parentNode)&amp;&amp;1===t.nodeType);return!1}}),target:function(t){var n=e.location&amp;&amp;e.location.hash;return n&amp;&amp;n.slice(1)===t.id},root:function(e){return e===h},focus:function(e){return e===d.activeElement&amp;&amp;(!d.hasFocus||d.hasFocus())&amp;&amp;!!(e.type||e.href||~e.tabIndex)},enabled:de(!1),</w:t>
            </w:r>
            <w:r>
              <w:lastRenderedPageBreak/>
              <w:t>disabled:de(!0),checked:function(e){var t=e.nodeName.toLowerCase();return"input"===t&amp;&amp;!!e.checked||"option"===t&amp;&amp;!!e.selected},selected:function(e){return e.parentNode&amp;&amp;e.parentNode.selectedIndex,!0===e.selected},empty:function(e){for(e=e.firstChild;e;e=e.nextSibling)if(e.nodeType&lt;6)return!1;return!0},parent:function(e){return!r.pseudos.empty(e)},header:function(e){return Y.test(e.nodeName)},input:function(e){return G.test(e.nodeName)},button:function(e){var t=e.nodeName.toLowerCase();return"input"===t&amp;&amp;"button"===e.type||"button"===t},text:function(e){var t;return"input"===e.nodeName.toLowerCase()&amp;&amp;"text"===e.type&amp;&amp;(null==(t=e.getAttribute("type"))||"text"===t.toLowerCase())},first:he(function(){return[0]}),last:he(function(e,t){return[t-1]}),eq:he(function(e,t,n){return[n&lt;0?n+t:n]}),even:he(function(e,t){for(var n=0;n&lt;t;n+=2)e.push(n);return e}),odd:he(function(e,t){for(var n=1;n&lt;t;n+=2)e.push(n);return e}),lt:he(function(e,t,n){for(var r=n&lt;0?n+t:n;--r&gt;=0;)e.push(r);return e}),gt:he(function(e,t,n){for(var r=n&lt;0?n+t:n;++r&lt;t;)e.push(r);return e})}}).pseudos.nth=r.pseudos.eq;for(t in{radio:!0,checkbox:!0,file:!0,password:!0,image:!0})r.pseudos[t]=fe(t);for(t in{submit:!0,reset:!0})r.pseudos[t]=pe(t);function ye(){}ye.prototype=r.filters=r.pseudos,r.setFilters=new ye,a=oe.tokenize=function(e,t){var n,i,o,a,s,u,l,c=k[e+" "];if(c)return t?0:c.slice(0);s=e,u=[],l=r.preFilter;while(s){n&amp;&amp;!(i=F.exec(s))||(i&amp;&amp;(s=s.slice(i[0].length)||s),u.push(o=[])),n=!1,(i=_.exec(s))&amp;&amp;(n=i.shift(),o.push({value:n,type:i[0].replace(B," ")}),s=s.slice(n.length));for(a in r.filter)!(i=V[a].exec(s))||l[a]&amp;&amp;!(i=l[a](i))||(n=i.shift(),o.push({value:n,type:a,matches:i}),s=s.slice(n.length));if(!n)break}return t?s.length:s?oe.error(e):k(e,u).slice(0)};function ve(e){for(var t=0,n=e.length,r="";t&lt;n;t++)r+=e[t].value;return r}function me(e,t,n){var r=t.dir,i=t.next,o=i||r,a=n&amp;&amp;"parentNode"===o,s=C++;return t.first?function(t,n,i){while(t=t[r])if(1===t.nodeType||a)return e(t,n,i);return!1}:function(t,n,u){var l,c,f,p=[T,s];if(u){while(t=t[r])if((1===t.nodeType||a)&amp;&amp;e(t,n,u))return!0}else while(t=t[r])if(1===t.nodeType||a)if(f=t[b]||(t[b]={}),c=f[t.uniqueID]||(f[t.uniqueID]={}),i&amp;&amp;i===t.nodeName.toLowerCase())t=t[r]||t;else{if((l=c[o])&amp;&amp;l[0]===T&amp;&amp;l[1]===s)return p[2]=l[2];if(c[o]=p,p[2]=e(t,n,u))return!0}return!1}}function xe(e){return e.length&gt;1?function(t,n,r){var i=e.length;while(i--)if(!e[i](t,n,r))return!1;return!0}:e[0]}function be(e,t,n){for(var r=0,i=t.length;r&lt;i;r++)oe(e,t[r],n);return n}function we(e,t,n,r,i){for(var o,a=[],s=0,u=e.length,l=null!=t;s&lt;u;s++)(o=e[s])&amp;&amp;(n&amp;&amp;!n(o,r,i)||(a.push(o),l&amp;&amp;t.push(s)));return a}function Te(e,t,n,r,i,o){return r&amp;&amp;!r[b]&amp;&amp;(r=Te(r)),i&amp;&amp;!i[b]&amp;&amp;(i=Te(i,o)),se(function(o,a,s,u){var l,c,f,p=[],d=[],h=a.length,g=o||be(t||"*",s.nodeType?[s]:s,[]),y=!e||!o&amp;&amp;t?g:we(g,p,e,s,u),v=n?i||(o?e:h||r)?[]:a:y;if(n&amp;&amp;n(y,v,s,u),r){l=we(v,d),r(l,[],s,u),c=l.length;while(c--)(f=l[c])&amp;&amp;(v[d[c]]=!(y[d[c]]=f))}if(o){if(i||e){if(i){l=[],c=v.length;while(c--)(f=v[c])&amp;&amp;l.push(y[c]=f);i(null,v=[],l,u)}c=v.length;while(c--)(f=v[c])&amp;&amp;(l=i?O(o,f):p[c])&gt;-1&amp;&amp;(o[l]=!(a[l]=f))}}else v=we(v===a?v.splice(h,v.length):v),i?i(null,a,v,u):L.apply(a,v)})}function Ce(e){for(var t,n,i,o=e.length,a=r.relative[e[0].type],s=a||r.relative[" "],u=a?1:0,c=me(function(e){return e===t},s,!0),f=me(function(e){return O(t,e)&gt;-1},s,!0),p=[function(e,n,r){var i=!a&amp;&amp;(r||n!==l)||((t=n).nodeType?c(e,n,r):f(e,n,r));return t=null,i}];u&lt;o;u++)if(n=r.relative[e[u].type])p=[me(xe(p),n)];else{if((n=r.filter[e[u].type].apply(null,e[u].matches))[b]){for(i=++u;i&lt;o;i++)if(r.relative[e[i].type])break;return Te(u&gt;1&amp;&amp;xe(p),u&gt;1&amp;&amp;ve(e.slice(0,u-1).concat({value:" "===e[u-2].type?"*":""})).replace(B,"$1"),n,u&lt;i&amp;&amp;Ce(e.slice(u,i)),i&lt;o&amp;&amp;Ce(e=e.slice(i)),i&lt;o&amp;&amp;ve(e))}p.push(n)}return xe(p)}function Ee(e,t){var n=t.length&gt;0,i=e.length&gt;0,o=function(o,a,s,u,c){var f,h,y,v=0,m="0",x=o&amp;&amp;[],b=[],w=l,C=o||i&amp;&amp;r.find.TAG("*",c),E=T+=null==w?1:Math.random()||.1,k=C.length;for(c&amp;&amp;(l=a===d||a||c);m!==k&amp;&amp;null!=(f=C[m]);m++){if(i&amp;&amp;f){h=0,a||f.ownerDocument===d||(p</w:t>
            </w:r>
            <w:r>
              <w:lastRenderedPageBreak/>
              <w:t xml:space="preserve">(f),s=!g);while(y=e[h++])if(y(f,a||d,s)){u.push(f);break}c&amp;&amp;(T=E)}n&amp;&amp;((f=!y&amp;&amp;f)&amp;&amp;v--,o&amp;&amp;x.push(f))}if(v+=m,n&amp;&amp;m!==v){h=0;while(y=t[h++])y(x,b,a,s);if(o){if(v&gt;0)while(m--)x[m]||b[m]||(b[m]=j.call(u));b=we(b)}L.apply(u,b),c&amp;&amp;!o&amp;&amp;b.length&gt;0&amp;&amp;v+t.length&gt;1&amp;&amp;oe.uniqueSort(u)}return c&amp;&amp;(T=E,l=w),x};return n?se(o):o}return s=oe.compile=function(e,t){var n,r=[],i=[],o=S[e+" "];if(!o){t||(t=a(e)),n=t.length;while(n--)(o=Ce(t[n]))[b]?r.push(o):i.push(o);(o=S(e,Ee(i,r))).selector=e}return o},u=oe.select=function(e,t,n,i){var o,u,l,c,f,p="function"==typeof e&amp;&amp;e,d=!i&amp;&amp;a(e=p.selector||e);if(n=n||[],1===d.length){if((u=d[0]=d[0].slice(0)).length&gt;2&amp;&amp;"ID"===(l=u[0]).type&amp;&amp;9===t.nodeType&amp;&amp;g&amp;&amp;r.relative[u[1].type]){if(!(t=(r.find.ID(l.matches[0].replace(Z,ee),t)||[])[0]))return n;p&amp;&amp;(t=t.parentNode),e=e.slice(u.shift().value.length)}o=V.needsContext.test(e)?0:u.length;while(o--){if(l=u[o],r.relative[c=l.type])break;if((f=r.find[c])&amp;&amp;(i=f(l.matches[0].replace(Z,ee),K.test(u[0].type)&amp;&amp;ge(t.parentNode)||t))){if(u.splice(o,1),!(e=i.length&amp;&amp;ve(u)))return L.apply(n,i),n;break}}}return(p||s(e,d))(i,t,!g,n,!t||K.test(e)&amp;&amp;ge(t.parentNode)||t),n},n.sortStable=b.split("").sort(D).join("")===b,n.detectDuplicates=!!f,p(),n.sortDetached=ue(function(e){return 1&amp;e.compareDocumentPosition(d.createElement("fieldset"))}),ue(function(e){return e.innerHTML="&lt;a href='#'&gt;&lt;/a&gt;","#"===e.firstChild.getAttribute("href")})||le("type|href|height|width",function(e,t,n){if(!n)return e.getAttribute(t,"type"===t.toLowerCase()?1:2)}),n.attributes&amp;&amp;ue(function(e){return e.innerHTML="&lt;input/&gt;",e.firstChild.setAttribute("value",""),""===e.firstChild.getAttribute("value")})||le("value",function(e,t,n){if(!n&amp;&amp;"input"===e.nodeName.toLowerCase())return e.defaultValue}),ue(function(e){return null==e.getAttribute("disabled")})||le(P,function(e,t,n){var r;if(!n)return!0===e[t]?t.toLowerCase():(r=e.getAttributeNode(t))&amp;&amp;r.specified?r.value:null}),oe}(e);w.find=E,w.expr=E.selectors,w.expr[":"]=w.expr.pseudos,w.uniqueSort=w.unique=E.uniqueSort,w.text=E.getText,w.isXMLDoc=E.isXML,w.contains=E.contains,w.escapeSelector=E.escape;var k=function(e,t,n){var r=[],i=void 0!==n;while((e=e[t])&amp;&amp;9!==e.nodeType)if(1===e.nodeType){if(i&amp;&amp;w(e).is(n))break;r.push(e)}return r},S=function(e,t){for(var n=[];e;e=e.nextSibling)1===e.nodeType&amp;&amp;e!==t&amp;&amp;n.push(e);return n},D=w.expr.match.needsContext;function N(e,t){return e.nodeName&amp;&amp;e.nodeName.toLowerCase()===t.toLowerCase()}var A=/^&lt;([a-z][^\/\0&gt;:\x20\t\r\n\f]*)[\x20\t\r\n\f]*\/?&gt;(?:&lt;\/\1&gt;|)$/i;function j(e,t,n){return g(t)?w.grep(e,function(e,r){return!!t.call(e,r,e)!==n}):t.nodeType?w.grep(e,function(e){return e===t!==n}):"string"!=typeof t?w.grep(e,function(e){return u.call(t,e)&gt;-1!==n}):w.filter(t,e,n)}w.filter=function(e,t,n){var r=t[0];return n&amp;&amp;(e=":not("+e+")"),1===t.length&amp;&amp;1===r.nodeType?w.find.matchesSelector(r,e)?[r]:[]:w.find.matches(e,w.grep(t,function(e){return 1===e.nodeType}))},w.fn.extend({find:function(e){var t,n,r=this.length,i=this;if("string"!=typeof e)return this.pushStack(w(e).filter(function(){for(t=0;t&lt;r;t++)if(w.contains(i[t],this))return!0}));for(n=this.pushStack([]),t=0;t&lt;r;t++)w.find(e,i[t],n);return r&gt;1?w.uniqueSort(n):n},filter:function(e){return this.pushStack(j(this,e||[],!1))},not:function(e){return this.pushStack(j(this,e||[],!0))},is:function(e){return!!j(this,"string"==typeof e&amp;&amp;D.test(e)?w(e):e||[],!1).length}});var q,L=/^(?:\s*(&lt;[\w\W]+&gt;)[^&gt;]*|#([\w-]+))$/;(w.fn.init=function(e,t,n){var i,o;if(!e)return this;if(n=n||q,"string"==typeof e){if(!(i="&lt;"===e[0]&amp;&amp;"&gt;"===e[e.length-1]&amp;&amp;e.length&gt;=3?[null,e,null]:L.exec(e))||!i[1]&amp;&amp;t)return!t||t.jquery?(t||n).find(e):this.constructor(t).find(e);if(i[1]){if(t=t instanceof w?t[0]:t,w.merge(this,w.parseHTML(i[1],t&amp;&amp;t.nodeType?t.ownerDocument||t:r,!0)),A.test(i[1])&amp;&amp;w.isPlainObject(t))for(i in t)g(this[i])?this[i](t[i]):this.attr(i,t[i]);return this}return(o=r.getElementById(i[2]))&amp;&amp;(this[0]=o,this.length=1),this}return </w:t>
            </w:r>
            <w:r>
              <w:lastRenderedPageBreak/>
              <w:t>e.nodeType?(this[0]=e,this.length=1,this):g(e)?void 0!==n.ready?n.ready(e):e(w):w.makeArray(e,this)}).prototype=w.fn,q=w(r);var H=/^(?:parents|prev(?:Until|All))/,O={children:!0,contents:!0,next:!0,prev:!0};w.fn.extend({has:function(e){var t=w(e,this),n=t.length;return this.filter(function(){for(var e=0;e&lt;n;e++)if(w.contains(this,t[e]))return!0})},closest:function(e,t){var n,r=0,i=this.length,o=[],a="string"!=typeof e&amp;&amp;w(e);if(!D.test(e))for(;r&lt;i;r++)for(n=this[r];n&amp;&amp;n!==t;n=n.parentNode)if(n.nodeType&lt;11&amp;&amp;(a?a.index(n)&gt;-1:1===n.nodeType&amp;&amp;w.find.matchesSelector(n,e))){o.push(n);break}return this.pushStack(o.length&gt;1?w.uniqueSort(o):o)},index:function(e){return e?"string"==typeof e?u.call(w(e),this[0]):u.call(this,e.jquery?e[0]:e):this[0]&amp;&amp;this[0].parentNode?this.first().prevAll().length:-1},add:function(e,t){return this.pushStack(w.uniqueSort(w.merge(this.get(),w(e,t))))},addBack:function(e){return this.add(null==e?this.prevObject:this.prevObject.filter(e))}});function P(e,t){while((e=e[t])&amp;&amp;1!==e.nodeType);return e}w.each({parent:function(e){var t=e.parentNode;return t&amp;&amp;11!==t.nodeType?t:null},parents:function(e){return k(e,"parentNode")},parentsUntil:function(e,t,n){return k(e,"parentNode",n)},next:function(e){return P(e,"nextSibling")},prev:function(e){return P(e,"previousSibling")},nextAll:function(e){return k(e,"nextSibling")},prevAll:function(e){return k(e,"previousSibling")},nextUntil:function(e,t,n){return k(e,"nextSibling",n)},prevUntil:function(e,t,n){return k(e,"previousSibling",n)},siblings:function(e){return S((e.parentNode||{}).firstChild,e)},children:function(e){return S(e.firstChild)},contents:function(e){return N(e,"iframe")?e.contentDocument:(N(e,"template")&amp;&amp;(e=e.content||e),w.merge([],e.childNodes))}},function(e,t){w.fn[e]=function(n,r){var i=w.map(this,t,n);return"Until"!==e.slice(-5)&amp;&amp;(r=n),r&amp;&amp;"string"==typeof r&amp;&amp;(i=w.filter(r,i)),this.length&gt;1&amp;&amp;(O[e]||w.uniqueSort(i),H.test(e)&amp;&amp;i.reverse()),this.pushStack(i)}});var M=/[^\x20\t\r\n\f]+/g;function R(e){var t={};return w.each(e.match(M)||[],function(e,n){t[n]=!0}),t}w.Callbacks=function(e){e="string"==typeof e?R(e):w.extend({},e);var t,n,r,i,o=[],a=[],s=-1,u=function(){for(i=i||e.once,r=t=!0;a.length;s=-1){n=a.shift();while(++s&lt;o.length)!1===o[s].apply(n[0],n[1])&amp;&amp;e.stopOnFalse&amp;&amp;(s=o.length,n=!1)}e.memory||(n=!1),t=!1,i&amp;&amp;(o=n?[]:"")},l={add:function(){return o&amp;&amp;(n&amp;&amp;!t&amp;&amp;(s=o.length-1,a.push(n)),function t(n){w.each(n,function(n,r){g(r)?e.unique&amp;&amp;l.has(r)||o.push(r):r&amp;&amp;r.length&amp;&amp;"string"!==x(r)&amp;&amp;t(r)})}(arguments),n&amp;&amp;!t&amp;&amp;u()),this},remove:function(){return w.each(arguments,function(e,t){var n;while((n=w.inArray(t,o,n))&gt;-1)o.splice(n,1),n&lt;=s&amp;&amp;s--}),this},has:function(e){return e?w.inArray(e,o)&gt;-1:o.length&gt;0},empty:function(){return o&amp;&amp;(o=[]),this},disable:function(){return i=a=[],o=n="",this},disabled:function(){return!o},lock:function(){return i=a=[],n||t||(o=n=""),this},locked:function(){return!!i},fireWith:function(e,n){return i||(n=[e,(n=n||[]).slice?n.slice():n],a.push(n),t||u()),this},fire:function(){return l.fireWith(this,arguments),this},fired:function(){return!!r}};return l};function I(e){return e}function W(e){throw e}function $(e,t,n,r){var i;try{e&amp;&amp;g(i=e.promise)?i.call(e).done(t).fail(n):e&amp;&amp;g(i=e.then)?i.call(e,t,n):t.apply(void 0,[e].slice(r))}catch(e){n.apply(void 0,[e])}}w.extend({Deferred:function(t){var n=[["notify","progress",w.Callbacks("memory"),w.Callbacks("memory"),2],["resolve","done",w.Callbacks("once memory"),w.Callbacks("once memory"),0,"resolved"],["reject","fail",w.Callbacks("once memory"),w.Callbacks("once memory"),1,"rejected"]],r="pending",i={state:function(){return r},always:function(){return o.done(arguments).fail(arguments),this},"catch":function(e){return i.then(null,e)},pipe:function(){var e=arguments;return w.Deferred(function(t){w.each(n,function(n,r){var i=g(e[r[4]])&amp;&amp;e[r[4]];o[r[1]](function(){var e=i&amp;&amp;i.apply(this,arguments);e&amp;&amp;g(e.promise)?e.promise().progress(t.notify).done(t.resolve).fail(t.reje</w:t>
            </w:r>
            <w:r>
              <w:lastRenderedPageBreak/>
              <w:t>ct):t[r[0]+"With"](this,i?[e]:arguments)})}),e=null}).promise()},then:function(t,r,i){var o=0;function a(t,n,r,i){return function(){var s=this,u=arguments,l=function(){var e,l;if(!(t&lt;o)){if((e=r.apply(s,u))===n.promise())throw new TypeError("Thenable self-resolution");l=e&amp;&amp;("object"==typeof e||"function"==typeof e)&amp;&amp;e.then,g(l)?i?l.call(e,a(o,n,I,i),a(o,n,W,i)):(o++,l.call(e,a(o,n,I,i),a(o,n,W,i),a(o,n,I,n.notifyWith))):(r!==I&amp;&amp;(s=void 0,u=[e]),(i||n.resolveWith)(s,u))}},c=i?l:function(){try{l()}catch(e){w.Deferred.exceptionHook&amp;&amp;w.Deferred.exceptionHook(e,c.stackTrace),t+1&gt;=o&amp;&amp;(r!==W&amp;&amp;(s=void 0,u=[e]),n.rejectWith(s,u))}};t?c():(w.Deferred.getStackHook&amp;&amp;(c.stackTrace=w.Deferred.getStackHook()),e.setTimeout(c))}}return w.Deferred(function(e){n[0][3].add(a(0,e,g(i)?i:I,e.notifyWith)),n[1][3].add(a(0,e,g(t)?t:I)),n[2][3].add(a(0,e,g(r)?r:W))}).promise()},promise:function(e){return null!=e?w.extend(e,i):i}},o={};return w.each(n,function(e,t){var a=t[2],s=t[5];i[t[1]]=a.add,s&amp;&amp;a.add(function(){r=s},n[3-e][2].disable,n[3-e][3].disable,n[0][2].lock,n[0][3].lock),a.add(t[3].fire),o[t[0]]=function(){return o[t[0]+"With"](this===o?void 0:this,arguments),this},o[t[0]+"With"]=a.fireWith}),i.promise(o),t&amp;&amp;t.call(o,o),o},when:function(e){var t=arguments.length,n=t,r=Array(n),i=o.call(arguments),a=w.Deferred(),s=function(e){return function(n){r[e]=this,i[e]=arguments.length&gt;1?o.call(arguments):n,--t||a.resolveWith(r,i)}};if(t&lt;=1&amp;&amp;($(e,a.done(s(n)).resolve,a.reject,!t),"pending"===a.state()||g(i[n]&amp;&amp;i[n].then)))return a.then();while(n--)$(i[n],s(n),a.reject);return a.promise()}});var B=/^(Eval|Internal|Range|Reference|Syntax|Type|URI)Error$/;w.Deferred.exceptionHook=function(t,n){e.console&amp;&amp;e.console.warn&amp;&amp;t&amp;&amp;B.test(t.name)&amp;&amp;e.console.warn("jQuery.Deferred exception: "+t.message,t.stack,n)},w.readyException=function(t){e.setTimeout(function(){throw t})};var F=w.Deferred();w.fn.ready=function(e){return F.then(e)["catch"](function(e){w.readyException(e)}),this},w.extend({isReady:!1,readyWait:1,ready:function(e){(!0===e?--w.readyWait:w.isReady)||(w.isReady=!0,!0!==e&amp;&amp;--w.readyWait&gt;0||F.resolveWith(r,[w]))}}),w.ready.then=F.then;function _(){r.removeEventListener("DOMContentLoaded",_),e.removeEventListener("load",_),w.ready()}"complete"===r.readyState||"loading"!==r.readyState&amp;&amp;!r.documentElement.doScroll?e.setTimeout(w.ready):(r.addEventListener("DOMContentLoaded",_),e.addEventListener("load",_));var z=function(e,t,n,r,i,o,a){var s=0,u=e.length,l=null==n;if("object"===x(n)){i=!0;for(s in n)z(e,t,s,n[s],!0,o,a)}else if(void 0!==r&amp;&amp;(i=!0,g(r)||(a=!0),l&amp;&amp;(a?(t.call(e,r),t=null):(l=t,t=function(e,t,n){return l.call(w(e),n)})),t))for(;s&lt;u;s++)t(e[s],n,a?r:r.call(e[s],s,t(e[s],n)));return i?e:l?t.call(e):u?t(e[0],n):o},X=/^-ms-/,U=/-([a-z])/g;function V(e,t){return t.toUpperCase()}function G(e){return e.replace(X,"ms-").replace(U,V)}var Y=function(e){return 1===e.nodeType||9===e.nodeType||!+e.nodeType};function Q(){this.expando=w.expando+Q.uid++}Q.uid=1,Q.prototype={cache:function(e){var t=e[this.expando];return t||(t={},Y(e)&amp;&amp;(e.nodeType?e[this.expando]=t:Object.defineProperty(e,this.expando,{value:t,configurable:!0}))),t},set:function(e,t,n){var r,i=this.cache(e);if("string"==typeof t)i[G(t)]=n;else for(r in t)i[G(r)]=t[r];return i},get:function(e,t){return void 0===t?this.cache(e):e[this.expando]&amp;&amp;e[this.expando][G(t)]},access:function(e,t,n){return void 0===t||t&amp;&amp;"string"==typeof t&amp;&amp;void 0===n?this.get(e,t):(this.set(e,t,n),void 0!==n?n:t)},remove:function(e,t){var n,r=e[this.expando];if(void 0!==r){if(void 0!==t){n=(t=Array.isArray(t)?t.map(G):(t=G(t))in r?[t]:t.match(M)||[]).length;while(n--)delete r[t[n]]}(void 0===t||w.isEmptyObject(r))&amp;&amp;(e.nodeType?e[this.expando]=void 0:delete e[this.expando])}},hasData:function(e){var t=e[this.expando];return void 0!==t&amp;&amp;!w.isEmptyObject(t)}};var J=new Q,K=new Q,Z=/^(?:\{[\w\W]*\}|\[[\w\W]*\])$/,ee=/[A-</w:t>
            </w:r>
            <w:r>
              <w:lastRenderedPageBreak/>
              <w:t>Z]/g;function te(e){return"true"===e||"false"!==e&amp;&amp;("null"===e?null:e===+e+""?+e:Z.test(e)?JSON.parse(e):e)}function ne(e,t,n){var r;if(void 0===n&amp;&amp;1===e.nodeType)if(r="data-"+t.replace(ee,"-$&amp;").toLowerCase(),"string"==typeof(n=e.getAttribute(r))){try{n=te(n)}catch(e){}K.set(e,t,n)}else n=void 0;return n}w.extend({hasData:function(e){return K.hasData(e)||J.hasData(e)},data:function(e,t,n){return K.access(e,t,n)},removeData:function(e,t){K.remove(e,t)},_data:function(e,t,n){return J.access(e,t,n)},_removeData:function(e,t){J.remove(e,t)}}),w.fn.extend({data:function(e,t){var n,r,i,o=this[0],a=o&amp;&amp;o.attributes;if(void 0===e){if(this.length&amp;&amp;(i=K.get(o),1===o.nodeType&amp;&amp;!J.get(o,"hasDataAttrs"))){n=a.length;while(n--)a[n]&amp;&amp;0===(r=a[n].name).indexOf("data-")&amp;&amp;(r=G(r.slice(5)),ne(o,r,i[r]));J.set(o,"hasDataAttrs",!0)}return i}return"object"==typeof e?this.each(function(){K.set(this,e)}):z(this,function(t){var n;if(o&amp;&amp;void 0===t){if(void 0!==(n=K.get(o,e)))return n;if(void 0!==(n=ne(o,e)))return n}else this.each(function(){K.set(this,e,t)})},null,t,arguments.length&gt;1,null,!0)},removeData:function(e){return this.each(function(){K.remove(this,e)})}}),w.extend({queue:function(e,t,n){var r;if(e)return t=(t||"fx")+"queue",r=J.get(e,t),n&amp;&amp;(!r||Array.isArray(n)?r=J.access(e,t,w.makeArray(n)):r.push(n)),r||[]},dequeue:function(e,t){t=t||"fx";var n=w.queue(e,t),r=n.length,i=n.shift(),o=w._queueHooks(e,t),a=function(){w.dequeue(e,t)};"inprogress"===i&amp;&amp;(i=n.shift(),r--),i&amp;&amp;("fx"===t&amp;&amp;n.unshift("inprogress"),delete o.stop,i.call(e,a,o)),!r&amp;&amp;o&amp;&amp;o.empty.fire()},_queueHooks:function(e,t){var n=t+"queueHooks";return J.get(e,n)||J.access(e,n,{empty:w.Callbacks("once memory").add(function(){J.remove(e,[t+"queue",n])})})}}),w.fn.extend({queue:function(e,t){var n=2;return"string"!=typeof e&amp;&amp;(t=e,e="fx",n--),arguments.length&lt;n?w.queue(this[0],e):void 0===t?this:this.each(function(){var n=w.queue(this,e,t);w._queueHooks(this,e),"fx"===e&amp;&amp;"inprogress"!==n[0]&amp;&amp;w.dequeue(this,e)})},dequeue:function(e){return this.each(function(){w.dequeue(this,e)})},clearQueue:function(e){return this.queue(e||"fx",[])},promise:function(e,t){var n,r=1,i=w.Deferred(),o=this,a=this.length,s=function(){--r||i.resolveWith(o,[o])};"string"!=typeof e&amp;&amp;(t=e,e=void 0),e=e||"fx";while(a--)(n=J.get(o[a],e+"queueHooks"))&amp;&amp;n.empty&amp;&amp;(r++,n.empty.add(s));return s(),i.promise(t)}});var re=/[+-]?(?:\d*\.|)\d+(?:[eE][+-]?\d+|)/.source,ie=new RegExp("^(?:([+-])=|)("+re+")([a-z%]*)$","i"),oe=["Top","Right","Bottom","Left"],ae=function(e,t){return"none"===(e=t||e).style.display||""===e.style.display&amp;&amp;w.contains(e.ownerDocument,e)&amp;&amp;"none"===w.css(e,"display")},se=function(e,t,n,r){var i,o,a={};for(o in t)a[o]=e.style[o],e.style[o]=t[o];i=n.apply(e,r||[]);for(o in t)e.style[o]=a[o];return i};function ue(e,t,n,r){var i,o,a=20,s=r?function(){return r.cur()}:function(){return w.css(e,t,"")},u=s(),l=n&amp;&amp;n[3]||(w.cssNumber[t]?"":"px"),c=(w.cssNumber[t]||"px"!==l&amp;&amp;+u)&amp;&amp;ie.exec(w.css(e,t));if(c&amp;&amp;c[3]!==l){u/=2,l=l||c[3],c=+u||1;while(a--)w.style(e,t,c+l),(1-o)*(1-(o=s()/u||.5))&lt;=0&amp;&amp;(a=0),c/=o;c*=2,w.style(e,t,c+l),n=n||[]}return n&amp;&amp;(c=+c||+u||0,i=n[1]?c+(n[1]+1)*n[2]:+n[2],r&amp;&amp;(r.unit=l,r.start=c,r.end=i)),i}var le={};function ce(e){var t,n=e.ownerDocument,r=e.nodeName,i=le[r];return i||(t=n.body.appendChild(n.createElement(r)),i=w.css(t,"display"),t.parentNode.removeChild(t),"none"===i&amp;&amp;(i="block"),le[r]=i,i)}function fe(e,t){for(var n,r,i=[],o=0,a=e.length;o&lt;a;o++)(r=e[o]).style&amp;&amp;(n=r.style.display,t?("none"===n&amp;&amp;(i[o]=J.get(r,"display")||null,i[o]||(r.style.display="")),""===r.style.display&amp;&amp;ae(r)&amp;&amp;(i[o]=ce(r))):"none"!==n&amp;&amp;(i[o]="none",J.set(r,"display",n)));for(o=0;o&lt;a;o++)null!=i[o]&amp;&amp;(e[o].style.display=i[o]);return e}w.fn.extend({show:function(){return fe(this,!0)},hide:function(){return fe(this)},toggle:function(e){return"boolean"==typeof e?e?this.show():this.hide():this.each(function(){ae(this)?w(this).show():w(this).hide()})}});var pe=/^(?:checkbox|radio)$/i,de=/&lt;([a-</w:t>
            </w:r>
            <w:r>
              <w:lastRenderedPageBreak/>
              <w:t>z][^\/\0&gt;\x20\t\r\n\f]+)/i,he=/^$|^module$|\/(?:java|ecma)script/i,ge={option:[1,"&lt;select multiple='multiple'&gt;","&lt;/select&gt;"],thead:[1,"&lt;table&gt;","&lt;/table&gt;"],col:[2,"&lt;table&gt;&lt;colgroup&gt;","&lt;/colgroup&gt;&lt;/table&gt;"],tr:[2,"&lt;table&gt;&lt;tbody&gt;","&lt;/tbody&gt;&lt;/table&gt;"],td:[3,"&lt;table&gt;&lt;tbody&gt;&lt;tr&gt;","&lt;/tr&gt;&lt;/tbody&gt;&lt;/table&gt;"],_default:[0,"",""]};ge.optgroup=ge.option,ge.tbody=ge.tfoot=ge.colgroup=ge.caption=ge.thead,ge.th=ge.td;function ye(e,t){var n;return n="undefined"!=typeof e.getElementsByTagName?e.getElementsByTagName(t||"*"):"undefined"!=typeof e.querySelectorAll?e.querySelectorAll(t||"*"):[],void 0===t||t&amp;&amp;N(e,t)?w.merge([e],n):n}function ve(e,t){for(var n=0,r=e.length;n&lt;r;n++)J.set(e[n],"globalEval",!t||J.get(t[n],"globalEval"))}var me=/&lt;|&amp;#?\w+;/;function xe(e,t,n,r,i){for(var o,a,s,u,l,c,f=t.createDocumentFragment(),p=[],d=0,h=e.length;d&lt;h;d++)if((o=e[d])||0===o)if("object"===x(o))w.merge(p,o.nodeType?[o]:o);else if(me.test(o)){a=a||f.appendChild(t.createElement("div")),s=(de.exec(o)||["",""])[1].toLowerCase(),u=ge[s]||ge._default,a.innerHTML=u[1]+w.htmlPrefilter(o)+u[2],c=u[0];while(c--)a=a.lastChild;w.merge(p,a.childNodes),(a=f.firstChild).textContent=""}else p.push(t.createTextNode(o));f.textContent="",d=0;while(o=p[d++])if(r&amp;&amp;w.inArray(o,r)&gt;-1)i&amp;&amp;i.push(o);else if(l=w.contains(o.ownerDocument,o),a=ye(f.appendChild(o),"script"),l&amp;&amp;ve(a),n){c=0;while(o=a[c++])he.test(o.type||"")&amp;&amp;n.push(o)}return f}!function(){var e=r.createDocumentFragment().appendChild(r.createElement("div")),t=r.createElement("input");t.setAttribute("type","radio"),t.setAttribute("checked","checked"),t.setAttribute("name","t"),e.appendChild(t),h.checkClone=e.cloneNode(!0).cloneNode(!0).lastChild.checked,e.innerHTML="&lt;textarea&gt;x&lt;/textarea&gt;",h.noCloneChecked=!!e.cloneNode(!0).lastChild.defaultValue}();var be=r.documentElement,we=/^key/,Te=/^(?:mouse|pointer|contextmenu|drag|drop)|click/,Ce=/^([^.]*)(?:\.(.+)|)/;function Ee(){return!0}function ke(){return!1}function Se(){try{return r.activeElement}catch(e){}}function De(e,t,n,r,i,o){var a,s;if("object"==typeof t){"string"!=typeof n&amp;&amp;(r=r||n,n=void 0);for(s in t)De(e,s,n,r,t[s],o);return e}if(null==r&amp;&amp;null==i?(i=n,r=n=void 0):null==i&amp;&amp;("string"==typeof n?(i=r,r=void 0):(i=r,r=n,n=void 0)),!1===i)i=ke;else if(!i)return e;return 1===o&amp;&amp;(a=i,(i=function(e){return w().off(e),a.apply(this,arguments)}).guid=a.guid||(a.guid=w.guid++)),e.each(function(){w.event.add(this,t,i,r,n)})}w.event={global:{},add:function(e,t,n,r,i){var o,a,s,u,l,c,f,p,d,h,g,y=J.get(e);if(y){n.handler&amp;&amp;(n=(o=n).handler,i=o.selector),i&amp;&amp;w.find.matchesSelector(be,i),n.guid||(n.guid=w.guid++),(u=y.events)||(u=y.events={}),(a=y.handle)||(a=y.handle=function(t){return"undefined"!=typeof w&amp;&amp;w.event.triggered!==t.type?w.event.dispatch.apply(e,arguments):void 0}),l=(t=(t||"").match(M)||[""]).length;while(l--)d=g=(s=Ce.exec(t[l])||[])[1],h=(s[2]||"").split(".").sort(),d&amp;&amp;(f=w.event.special[d]||{},d=(i?f.delegateType:f.bindType)||d,f=w.event.special[d]||{},c=w.extend({type:d,origType:g,data:r,handler:n,guid:n.guid,selector:i,needsContext:i&amp;&amp;w.expr.match.needsContext.test(i),namespace:h.join(".")},o),(p=u[d])||((p=u[d]=[]).delegateCount=0,f.setup&amp;&amp;!1!==f.setup.call(e,r,h,a)||e.addEventListener&amp;&amp;e.addEventListener(d,a)),f.add&amp;&amp;(f.add.call(e,c),c.handler.guid||(c.handler.guid=n.guid)),i?p.splice(p.delegateCount++,0,c):p.push(c),w.event.global[d]=!0)}},remove:function(e,t,n,r,i){var o,a,s,u,l,c,f,p,d,h,g,y=J.hasData(e)&amp;&amp;J.get(e);if(y&amp;&amp;(u=y.events)){l=(t=(t||"").match(M)||[""]).length;while(l--)if(s=Ce.exec(t[l])||[],d=g=s[1],h=(s[2]||"").split(".").sort(),d){f=w.event.special[d]||{},p=u[d=(r?f.delegateType:f.bindType)||d]||[],s=s[2]&amp;&amp;new RegExp("(^|\\.)"+h.join("\\.(?:.*\\.|)")+"(\\.|$)"),a=o=p.length;while(o--)c=p[o],!i&amp;&amp;g!==c.origType||n&amp;&amp;n.guid!==c.guid||s&amp;&amp;!s.test(c.namespace)||r&amp;&amp;r!==c.selector&amp;&amp;("**"!==r||!c.selector)||(p.splice(o,1),c.selector&amp;&amp;p.delegateCount--,f.remove&amp;&amp;f.remove.call(e,c));a&amp;&amp;!p.length&amp;&amp;(f.teardown&amp;&amp;!1!==f.teardown.call(e,h,y.handle)||w.r</w:t>
            </w:r>
            <w:r>
              <w:lastRenderedPageBreak/>
              <w:t>emoveEvent(e,d,y.handle),delete u[d])}else for(d in u)w.event.remove(e,d+t[l],n,r,!0);w.isEmptyObject(u)&amp;&amp;J.remove(e,"handle events")}},dispatch:function(e){var t=w.event.fix(e),n,r,i,o,a,s,u=new Array(arguments.length),l=(J.get(this,"events")||{})[t.type]||[],c=w.event.special[t.type]||{};for(u[0]=t,n=1;n&lt;arguments.length;n++)u[n]=arguments[n];if(t.delegateTarget=this,!c.preDispatch||!1!==c.preDispatch.call(this,t)){s=w.event.handlers.call(this,t,l),n=0;while((o=s[n++])&amp;&amp;!t.isPropagationStopped()){t.currentTarget=o.elem,r=0;while((a=o.handlers[r++])&amp;&amp;!t.isImmediatePropagationStopped())t.rnamespace&amp;&amp;!t.rnamespace.test(a.namespace)||(t.handleObj=a,t.data=a.data,void 0!==(i=((w.event.special[a.origType]||{}).handle||a.handler).apply(o.elem,u))&amp;&amp;!1===(t.result=i)&amp;&amp;(t.preventDefault(),t.stopPropagation()))}return c.postDispatch&amp;&amp;c.postDispatch.call(this,t),t.result}},handlers:function(e,t){var n,r,i,o,a,s=[],u=t.delegateCount,l=e.target;if(u&amp;&amp;l.nodeType&amp;&amp;!("click"===e.type&amp;&amp;e.button&gt;=1))for(;l!==this;l=l.parentNode||this)if(1===l.nodeType&amp;&amp;("click"!==e.type||!0!==l.disabled)){for(o=[],a={},n=0;n&lt;u;n++)void 0===a[i=(r=t[n]).selector+" "]&amp;&amp;(a[i]=r.needsContext?w(i,this).index(l)&gt;-1:w.find(i,this,null,[l]).length),a[i]&amp;&amp;o.push(r);o.length&amp;&amp;s.push({elem:l,handlers:o})}return l=this,u&lt;t.length&amp;&amp;s.push({elem:l,handlers:t.slice(u)}),s},addProp:function(e,t){Object.defineProperty(w.Event.prototype,e,{enumerable:!0,configurable:!0,get:g(t)?function(){if(this.originalEvent)return t(this.originalEvent)}:function(){if(this.originalEvent)return this.originalEvent[e]},set:function(t){Object.defineProperty(this,e,{enumerable:!0,configurable:!0,writable:!0,value:t})}})},fix:function(e){return e[w.expando]?e:new w.Event(e)},special:{load:{noBubble:!0},focus:{trigger:function(){if(this!==Se()&amp;&amp;this.focus)return this.focus(),!1},delegateType:"focusin"},blur:{trigger:function(){if(this===Se()&amp;&amp;this.blur)return this.blur(),!1},delegateType:"focusout"},click:{trigger:function(){if("checkbox"===this.type&amp;&amp;this.click&amp;&amp;N(this,"input"))return this.click(),!1},_default:function(e){return N(e.target,"a")}},beforeunload:{postDispatch:function(e){void 0!==e.result&amp;&amp;e.originalEvent&amp;&amp;(e.originalEvent.returnValue=e.result)}}}},w.removeEvent=function(e,t,n){e.removeEventListener&amp;&amp;e.removeEventListener(t,n)},w.Event=function(e,t){if(!(this instanceof w.Event))return new w.Event(e,t);e&amp;&amp;e.type?(this.originalEvent=e,this.type=e.type,this.isDefaultPrevented=e.defaultPrevented||void 0===e.defaultPrevented&amp;&amp;!1===e.returnValue?Ee:ke,this.target=e.target&amp;&amp;3===e.target.nodeType?e.target.parentNode:e.target,this.currentTarget=e.currentTarget,this.relatedTarget=e.relatedTarget):this.type=e,t&amp;&amp;w.extend(this,t),this.timeStamp=e&amp;&amp;e.timeStamp||Date.now(),this[w.expando]=!0},w.Event.prototype={constructor:w.Event,isDefaultPrevented:ke,isPropagationStopped:ke,isImmediatePropagationStopped:ke,isSimulated:!1,preventDefault:function(){var e=this.originalEvent;this.isDefaultPrevented=Ee,e&amp;&amp;!this.isSimulated&amp;&amp;e.preventDefault()},stopPropagation:function(){var e=this.originalEvent;this.isPropagationStopped=Ee,e&amp;&amp;!this.isSimulated&amp;&amp;e.stopPropagation()},stopImmediatePropagation:function(){var e=this.originalEvent;this.isImmediatePropagationStopped=Ee,e&amp;&amp;!this.isSimulated&amp;&amp;e.stopImmediatePropagation(),this.stopPropagation()}},w.each({altKey:!0,bubbles:!0,cancelable:!0,changedTouches:!0,ctrlKey:!0,detail:!0,eventPhase:!0,metaKey:!0,pageX:!0,pageY:!0,shiftKey:!0,view:!0,"char":!0,charCode:!0,key:!0,keyCode:!0,button:!0,buttons:!0,clientX:!0,clientY:!0,offsetX:!0,offsetY:!0,pointerId:!0,pointerType:!0,screenX:!0,screenY:!0,targetTouches:!0,toElement:!0,touches:!0,which:function(e){var t=e.button;return null==e.which&amp;&amp;we.test(e.type)?null!=e.charCode?e.charCode:e.keyCode:!e.which&amp;&amp;void 0!==t&amp;&amp;Te.test(e.type)?1&amp;t?1:2&amp;t?3:4&amp;t?2:0:e.which}},w.event.addProp),w.each({mouseenter:"mouseover",mouseleave:"mouseout",pointerenter:"pointerover",pointerleave:"pointerout"},function(e,t){w.e</w:t>
            </w:r>
            <w:r>
              <w:lastRenderedPageBreak/>
              <w:t>vent.special[e]={delegateType:t,bindType:t,handle:function(e){var n,r=this,i=e.relatedTarget,o=e.handleObj;return i&amp;&amp;(i===r||w.contains(r,i))||(e.type=o.origType,n=o.handler.apply(this,arguments),e.type=t),n}}}),w.fn.extend({on:function(e,t,n,r){return De(this,e,t,n,r)},one:function(e,t,n,r){return De(this,e,t,n,r,1)},off:function(e,t,n){var r,i;if(e&amp;&amp;e.preventDefault&amp;&amp;e.handleObj)return r=e.handleObj,w(e.delegateTarget).off(r.namespace?r.origType+"."+r.namespace:r.origType,r.selector,r.handler),this;if("object"==typeof e){for(i in e)this.off(i,t,e[i]);return this}return!1!==t&amp;&amp;"function"!=typeof t||(n=t,t=void 0),!1===n&amp;&amp;(n=ke),this.each(function(){w.event.remove(this,e,n,t)})}});var Ne=/&lt;(?!area|br|col|embed|hr|img|input|link|meta|param)(([a-z][^\/\0&gt;\x20\t\r\n\f]*)[^&gt;]*)\/&gt;/gi,Ae=/&lt;script|&lt;style|&lt;link/i,je=/checked\s*(?:[^=]|=\s*.checked.)/i,qe=/^\s*&lt;!(?:\[CDATA\[|--)|(?:\]\]|--)&gt;\s*$/g;function Le(e,t){return N(e,"table")&amp;&amp;N(11!==t.nodeType?t:t.firstChild,"tr")?w(e).children("tbody")[0]||e:e}function He(e){return e.type=(null!==e.getAttribute("type"))+"/"+e.type,e}function Oe(e){return"true/"===(e.type||"").slice(0,5)?e.type=e.type.slice(5):e.removeAttribute("type"),e}function Pe(e,t){var n,r,i,o,a,s,u,l;if(1===t.nodeType){if(J.hasData(e)&amp;&amp;(o=J.access(e),a=J.set(t,o),l=o.events)){delete a.handle,a.events={};for(i in l)for(n=0,r=l[i].length;n&lt;r;n++)w.event.add(t,i,l[i][n])}K.hasData(e)&amp;&amp;(s=K.access(e),u=w.extend({},s),K.set(t,u))}}function Me(e,t){var n=t.nodeName.toLowerCase();"input"===n&amp;&amp;pe.test(e.type)?t.checked=e.checked:"input"!==n&amp;&amp;"textarea"!==n||(t.defaultValue=e.defaultValue)}function Re(e,t,n,r){t=a.apply([],t);var i,o,s,u,l,c,f=0,p=e.length,d=p-1,y=t[0],v=g(y);if(v||p&gt;1&amp;&amp;"string"==typeof y&amp;&amp;!h.checkClone&amp;&amp;je.test(y))return e.each(function(i){var o=e.eq(i);v&amp;&amp;(t[0]=y.call(this,i,o.html())),Re(o,t,n,r)});if(p&amp;&amp;(i=xe(t,e[0].ownerDocument,!1,e,r),o=i.firstChild,1===i.childNodes.length&amp;&amp;(i=o),o||r)){for(u=(s=w.map(ye(i,"script"),He)).length;f&lt;p;f++)l=i,f!==d&amp;&amp;(l=w.clone(l,!0,!0),u&amp;&amp;w.merge(s,ye(l,"script"))),n.call(e[f],l,f);if(u)for(c=s[s.length-1].ownerDocument,w.map(s,Oe),f=0;f&lt;u;f++)l=s[f],he.test(l.type||"")&amp;&amp;!J.access(l,"globalEval")&amp;&amp;w.contains(c,l)&amp;&amp;(l.src&amp;&amp;"module"!==(l.type||"").toLowerCase()?w._evalUrl&amp;&amp;w._evalUrl(l.src):m(l.textContent.replace(qe,""),c,l))}return e}function Ie(e,t,n){for(var r,i=t?w.filter(t,e):e,o=0;null!=(r=i[o]);o++)n||1!==r.nodeType||w.cleanData(ye(r)),r.parentNode&amp;&amp;(n&amp;&amp;w.contains(r.ownerDocument,r)&amp;&amp;ve(ye(r,"script")),r.parentNode.removeChild(r));return e}w.extend({htmlPrefilter:function(e){return e.replace(Ne,"&lt;$1&gt;&lt;/$2&gt;")},clone:function(e,t,n){var r,i,o,a,s=e.cloneNode(!0),u=w.contains(e.ownerDocument,e);if(!(h.noCloneChecked||1!==e.nodeType&amp;&amp;11!==e.nodeType||w.isXMLDoc(e)))for(a=ye(s),r=0,i=(o=ye(e)).length;r&lt;i;r++)Me(o[r],a[r]);if(t)if(n)for(o=o||ye(e),a=a||ye(s),r=0,i=o.length;r&lt;i;r++)Pe(o[r],a[r]);else Pe(e,s);return(a=ye(s,"script")).length&gt;0&amp;&amp;ve(a,!u&amp;&amp;ye(e,"script")),s},cleanData:function(e){for(var t,n,r,i=w.event.special,o=0;void 0!==(n=e[o]);o++)if(Y(n)){if(t=n[J.expando]){if(t.events)for(r in t.events)i[r]?w.event.remove(n,r):w.removeEvent(n,r,t.handle);n[J.expando]=void 0}n[K.expando]&amp;&amp;(n[K.expando]=void 0)}}}),w.fn.extend({detach:function(e){return Ie(this,e,!0)},remove:function(e){return Ie(this,e)},text:function(e){return z(this,function(e){return void 0===e?w.text(this):this.empty().each(function(){1!==this.nodeType&amp;&amp;11!==this.nodeType&amp;&amp;9!==this.nodeType||(this.textContent=e)})},null,e,arguments.length)},append:function(){return Re(this,arguments,function(e){1!==this.nodeType&amp;&amp;11!==this.nodeType&amp;&amp;9!==this.nodeType||Le(this,e).appendChild(e)})},prepend:function(){return Re(this,arguments,function(e){if(1===this.nodeType||11===this.nodeType||9===this.nodeType){var t=Le(this,e);t.insertBefore(e,t.firstChild)}})},before:function(){return Re(this,arguments,function(e){this.parentNode&amp;&amp;this.parentNode.insertBefore(e,this)})},after:function(</w:t>
            </w:r>
            <w:r>
              <w:lastRenderedPageBreak/>
              <w:t xml:space="preserve">){return Re(this,arguments,function(e){this.parentNode&amp;&amp;this.parentNode.insertBefore(e,this.nextSibling)})},empty:function(){for(var e,t=0;null!=(e=this[t]);t++)1===e.nodeType&amp;&amp;(w.cleanData(ye(e,!1)),e.textContent="");return this},clone:function(e,t){return e=null!=e&amp;&amp;e,t=null==t?e:t,this.map(function(){return w.clone(this,e,t)})},html:function(e){return z(this,function(e){var t=this[0]||{},n=0,r=this.length;if(void 0===e&amp;&amp;1===t.nodeType)return t.innerHTML;if("string"==typeof e&amp;&amp;!Ae.test(e)&amp;&amp;!ge[(de.exec(e)||["",""])[1].toLowerCase()]){e=w.htmlPrefilter(e);try{for(;n&lt;r;n++)1===(t=this[n]||{}).nodeType&amp;&amp;(w.cleanData(ye(t,!1)),t.innerHTML=e);t=0}catch(e){}}t&amp;&amp;this.empty().append(e)},null,e,arguments.length)},replaceWith:function(){var e=[];return Re(this,arguments,function(t){var n=this.parentNode;w.inArray(this,e)&lt;0&amp;&amp;(w.cleanData(ye(this)),n&amp;&amp;n.replaceChild(t,this))},e)}}),w.each({appendTo:"append",prependTo:"prepend",insertBefore:"before",insertAfter:"after",replaceAll:"replaceWith"},function(e,t){w.fn[e]=function(e){for(var n,r=[],i=w(e),o=i.length-1,a=0;a&lt;=o;a++)n=a===o?this:this.clone(!0),w(i[a])[t](n),s.apply(r,n.get());return this.pushStack(r)}});var We=new RegExp("^("+re+")(?!px)[a-z%]+$","i"),$e=function(t){var n=t.ownerDocument.defaultView;return n&amp;&amp;n.opener||(n=e),n.getComputedStyle(t)},Be=new RegExp(oe.join("|"),"i");!function(){function t(){if(c){l.style.cssText="position:absolute;left:-11111px;width:60px;margin-top:1px;padding:0;border:0",c.style.cssText="position:relative;display:block;box-sizing:border-box;overflow:scroll;margin:auto;border:1px;padding:1px;width:60%;top:1%",be.appendChild(l).appendChild(c);var t=e.getComputedStyle(c);i="1%"!==t.top,u=12===n(t.marginLeft),c.style.right="60%",s=36===n(t.right),o=36===n(t.width),c.style.position="absolute",a=36===c.offsetWidth||"absolute",be.removeChild(l),c=null}}function n(e){return Math.round(parseFloat(e))}var i,o,a,s,u,l=r.createElement("div"),c=r.createElement("div");c.style&amp;&amp;(c.style.backgroundClip="content-box",c.cloneNode(!0).style.backgroundClip="",h.clearCloneStyle="content-box"===c.style.backgroundClip,w.extend(h,{boxSizingReliable:function(){return t(),o},pixelBoxStyles:function(){return t(),s},pixelPosition:function(){return t(),i},reliableMarginLeft:function(){return t(),u},scrollboxSize:function(){return t(),a}}))}();function Fe(e,t,n){var r,i,o,a,s=e.style;return(n=n||$e(e))&amp;&amp;(""!==(a=n.getPropertyValue(t)||n[t])||w.contains(e.ownerDocument,e)||(a=w.style(e,t)),!h.pixelBoxStyles()&amp;&amp;We.test(a)&amp;&amp;Be.test(t)&amp;&amp;(r=s.width,i=s.minWidth,o=s.maxWidth,s.minWidth=s.maxWidth=s.width=a,a=n.width,s.width=r,s.minWidth=i,s.maxWidth=o)),void 0!==a?a+"":a}function _e(e,t){return{get:function(){if(!e())return(this.get=t).apply(this,arguments);delete this.get}}}var ze=/^(none|table(?!-c[ea]).+)/,Xe=/^--/,Ue={position:"absolute",visibility:"hidden",display:"block"},Ve={letterSpacing:"0",fontWeight:"400"},Ge=["Webkit","Moz","ms"],Ye=r.createElement("div").style;function Qe(e){if(e in Ye)return e;var t=e[0].toUpperCase()+e.slice(1),n=Ge.length;while(n--)if((e=Ge[n]+t)in Ye)return e}function Je(e){var t=w.cssProps[e];return t||(t=w.cssProps[e]=Qe(e)||e),t}function Ke(e,t,n){var r=ie.exec(t);return r?Math.max(0,r[2]-(n||0))+(r[3]||"px"):t}function Ze(e,t,n,r,i,o){var a="width"===t?1:0,s=0,u=0;if(n===(r?"border":"content"))return 0;for(;a&lt;4;a+=2)"margin"===n&amp;&amp;(u+=w.css(e,n+oe[a],!0,i)),r?("content"===n&amp;&amp;(u-=w.css(e,"padding"+oe[a],!0,i)),"margin"!==n&amp;&amp;(u-=w.css(e,"border"+oe[a]+"Width",!0,i))):(u+=w.css(e,"padding"+oe[a],!0,i),"padding"!==n?u+=w.css(e,"border"+oe[a]+"Width",!0,i):s+=w.css(e,"border"+oe[a]+"Width",!0,i));return!r&amp;&amp;o&gt;=0&amp;&amp;(u+=Math.max(0,Math.ceil(e["offset"+t[0].toUpperCase()+t.slice(1)]-o-u-s-.5))),u}function et(e,t,n){var </w:t>
            </w:r>
            <w:r>
              <w:lastRenderedPageBreak/>
              <w:t xml:space="preserve">r=$e(e),i=Fe(e,t,r),o="border-box"===w.css(e,"boxSizing",!1,r),a=o;if(We.test(i)){if(!n)return i;i="auto"}return a=a&amp;&amp;(h.boxSizingReliable()||i===e.style[t]),("auto"===i||!parseFloat(i)&amp;&amp;"inline"===w.css(e,"display",!1,r))&amp;&amp;(i=e["offset"+t[0].toUpperCase()+t.slice(1)],a=!0),(i=parseFloat(i)||0)+Ze(e,t,n||(o?"border":"content"),a,r,i)+"px"}w.extend({cssHooks:{opacity:{get:function(e,t){if(t){var n=Fe(e,"opacity");return""===n?"1":n}}}},cssNumber:{animationIterationCount:!0,columnCount:!0,fillOpacity:!0,flexGrow:!0,flexShrink:!0,fontWeight:!0,lineHeight:!0,opacity:!0,order:!0,orphans:!0,widows:!0,zIndex:!0,zoom:!0},cssProps:{},style:function(e,t,n,r){if(e&amp;&amp;3!==e.nodeType&amp;&amp;8!==e.nodeType&amp;&amp;e.style){var i,o,a,s=G(t),u=Xe.test(t),l=e.style;if(u||(t=Je(s)),a=w.cssHooks[t]||w.cssHooks[s],void 0===n)return a&amp;&amp;"get"in a&amp;&amp;void 0!==(i=a.get(e,!1,r))?i:l[t];"string"==(o=typeof n)&amp;&amp;(i=ie.exec(n))&amp;&amp;i[1]&amp;&amp;(n=ue(e,t,i),o="number"),null!=n&amp;&amp;n===n&amp;&amp;("number"===o&amp;&amp;(n+=i&amp;&amp;i[3]||(w.cssNumber[s]?"":"px")),h.clearCloneStyle||""!==n||0!==t.indexOf("background")||(l[t]="inherit"),a&amp;&amp;"set"in a&amp;&amp;void 0===(n=a.set(e,n,r))||(u?l.setProperty(t,n):l[t]=n))}},css:function(e,t,n,r){var i,o,a,s=G(t);return Xe.test(t)||(t=Je(s)),(a=w.cssHooks[t]||w.cssHooks[s])&amp;&amp;"get"in a&amp;&amp;(i=a.get(e,!0,n)),void 0===i&amp;&amp;(i=Fe(e,t,r)),"normal"===i&amp;&amp;t in Ve&amp;&amp;(i=Ve[t]),""===n||n?(o=parseFloat(i),!0===n||isFinite(o)?o||0:i):i}}),w.each(["height","width"],function(e,t){w.cssHooks[t]={get:function(e,n,r){if(n)return!ze.test(w.css(e,"display"))||e.getClientRects().length&amp;&amp;e.getBoundingClientRect().width?et(e,t,r):se(e,Ue,function(){return et(e,t,r)})},set:function(e,n,r){var i,o=$e(e),a="border-box"===w.css(e,"boxSizing",!1,o),s=r&amp;&amp;Ze(e,t,r,a,o);return a&amp;&amp;h.scrollboxSize()===o.position&amp;&amp;(s-=Math.ceil(e["offset"+t[0].toUpperCase()+t.slice(1)]-parseFloat(o[t])-Ze(e,t,"border",!1,o)-.5)),s&amp;&amp;(i=ie.exec(n))&amp;&amp;"px"!==(i[3]||"px")&amp;&amp;(e.style[t]=n,n=w.css(e,t)),Ke(e,n,s)}}}),w.cssHooks.marginLeft=_e(h.reliableMarginLeft,function(e,t){if(t)return(parseFloat(Fe(e,"marginLeft"))||e.getBoundingClientRect().left-se(e,{marginLeft:0},function(){return e.getBoundingClientRect().left}))+"px"}),w.each({margin:"",padding:"",border:"Width"},function(e,t){w.cssHooks[e+t]={expand:function(n){for(var r=0,i={},o="string"==typeof n?n.split(" "):[n];r&lt;4;r++)i[e+oe[r]+t]=o[r]||o[r-2]||o[0];return i}},"margin"!==e&amp;&amp;(w.cssHooks[e+t].set=Ke)}),w.fn.extend({css:function(e,t){return z(this,function(e,t,n){var r,i,o={},a=0;if(Array.isArray(t)){for(r=$e(e),i=t.length;a&lt;i;a++)o[t[a]]=w.css(e,t[a],!1,r);return o}return void 0!==n?w.style(e,t,n):w.css(e,t)},e,t,arguments.length&gt;1)}});function tt(e,t,n,r,i){return new tt.prototype.init(e,t,n,r,i)}w.Tween=tt,tt.prototype={constructor:tt,init:function(e,t,n,r,i,o){this.elem=e,this.prop=n,this.easing=i||w.easing._default,this.options=t,this.start=this.now=this.cur(),this.end=r,this.unit=o||(w.cssNumber[n]?"":"px")},cur:function(){var e=tt.propHooks[this.prop];return e&amp;&amp;e.get?e.get(this):tt.propHooks._default.get(this)},run:function(e){var t,n=tt.propHooks[this.prop];return this.options.duration?this.pos=t=w.easing[this.easing](e,this.options.duration*e,0,1,this.options.duration):this.pos=t=e,this.now=(this.end-this.start)*t+this.start,this.options.step&amp;&amp;this.options.step.call(this.elem,this.now,this),n&amp;&amp;n.set?n.set(this):tt.propHooks._default.set(this),this}},tt.prototype.init.prototype=tt.prototype,tt.propHooks={_default:{get:function(e){var t;return 1!==e.elem.nodeType||null!=e.elem[e.prop]&amp;&amp;null==e.elem.style[e.prop]?e.elem[e.prop]:(t=w.css(e.elem,e.prop,""))&amp;&amp;"auto"!==t?t:0},set:function(e){w.fx.step[e.prop]?w.fx.step[e.prop](e):1!==e.elem.nodeType||null==e.elem.style[w.cssProps[e.prop]]&amp;&amp;!w.cssHooks[e.prop]?e.elem[e.prop]=e.now:w.style(e.elem,e.prop,e.now+e.unit)}}},tt.propHooks.scrollTop=tt.propHooks.scrollLeft={set:function(e){e.elem.nodeType&amp;&amp;e.elem.parentNode&amp;&amp;(e.elem[e.prop]=e.now)}},w.easing={linear:function(e){return e},swing:function(e){return.5-Math.cos(e*Math.PI)/2},_default:"swing"},w.fx=tt.prototype.init,w.fx.step={};var </w:t>
            </w:r>
            <w:r>
              <w:lastRenderedPageBreak/>
              <w:t>nt,rt,it=/^(?:toggle|show|hide)$/,ot=/queueHooks$/;function at(){rt&amp;&amp;(!1===r.hidden&amp;&amp;e.requestAnimationFrame?e.requestAnimationFrame(at):e.setTimeout(at,w.fx.interval),w.fx.tick())}function st(){return e.setTimeout(function(){nt=void 0}),nt=Date.now()}function ut(e,t){var n,r=0,i={height:e};for(t=t?1:0;r&lt;4;r+=2-t)i["margin"+(n=oe[r])]=i["padding"+n]=e;return t&amp;&amp;(i.opacity=i.width=e),i}function lt(e,t,n){for(var r,i=(pt.tweeners[t]||[]).concat(pt.tweeners["*"]),o=0,a=i.length;o&lt;a;o++)if(r=i[o].call(n,t,e))return r}function ct(e,t,n){var r,i,o,a,s,u,l,c,f="width"in t||"height"in t,p=this,d={},h=e.style,g=e.nodeType&amp;&amp;ae(e),y=J.get(e,"fxshow");n.queue||(null==(a=w._queueHooks(e,"fx")).unqueued&amp;&amp;(a.unqueued=0,s=a.empty.fire,a.empty.fire=function(){a.unqueued||s()}),a.unqueued++,p.always(function(){p.always(function(){a.unqueued--,w.queue(e,"fx").length||a.empty.fire()})}));for(r in t)if(i=t[r],it.test(i)){if(delete t[r],o=o||"toggle"===i,i===(g?"hide":"show")){if("show"!==i||!y||void 0===y[r])continue;g=!0}d[r]=y&amp;&amp;y[r]||w.style(e,r)}if((u=!w.isEmptyObject(t))||!w.isEmptyObject(d)){f&amp;&amp;1===e.nodeType&amp;&amp;(n.overflow=[h.overflow,h.overflowX,h.overflowY],null==(l=y&amp;&amp;y.display)&amp;&amp;(l=J.get(e,"display")),"none"===(c=w.css(e,"display"))&amp;&amp;(l?c=l:(fe([e],!0),l=e.style.display||l,c=w.css(e,"display"),fe([e]))),("inline"===c||"inline-block"===c&amp;&amp;null!=l)&amp;&amp;"none"===w.css(e,"float")&amp;&amp;(u||(p.done(function(){h.display=l}),null==l&amp;&amp;(c=h.display,l="none"===c?"":c)),h.display="inline-block")),n.overflow&amp;&amp;(h.overflow="hidden",p.always(function(){h.overflow=n.overflow[0],h.overflowX=n.overflow[1],h.overflowY=n.overflow[2]})),u=!1;for(r in d)u||(y?"hidden"in y&amp;&amp;(g=y.hidden):y=J.access(e,"fxshow",{display:l}),o&amp;&amp;(y.hidden=!g),g&amp;&amp;fe([e],!0),p.done(function(){g||fe([e]),J.remove(e,"fxshow");for(r in d)w.style(e,r,d[r])})),u=lt(g?y[r]:0,r,p),r in y||(y[r]=u.start,g&amp;&amp;(u.end=u.start,u.start=0))}}function ft(e,t){var n,r,i,o,a;for(n in e)if(r=G(n),i=t[r],o=e[n],Array.isArray(o)&amp;&amp;(i=o[1],o=e[n]=o[0]),n!==r&amp;&amp;(e[r]=o,delete e[n]),(a=w.cssHooks[r])&amp;&amp;"expand"in a){o=a.expand(o),delete e[r];for(n in o)n in e||(e[n]=o[n],t[n]=i)}else t[r]=i}function pt(e,t,n){var r,i,o=0,a=pt.prefilters.length,s=w.Deferred().always(function(){delete u.elem}),u=function(){if(i)return!1;for(var t=nt||st(),n=Math.max(0,l.startTime+l.duration-t),r=1-(n/l.duration||0),o=0,a=l.tweens.length;o&lt;a;o++)l.tweens[o].run(r);return s.notifyWith(e,[l,r,n]),r&lt;1&amp;&amp;a?n:(a||s.notifyWith(e,[l,1,0]),s.resolveWith(e,[l]),!1)},l=s.promise({elem:e,props:w.extend({},t),opts:w.extend(!0,{specialEasing:{},easing:w.easing._default},n),originalProperties:t,originalOptions:n,startTime:nt||st(),duration:n.duration,tweens:[],createTween:function(t,n){var r=w.Tween(e,l.opts,t,n,l.opts.specialEasing[t]||l.opts.easing);return l.tweens.push(r),r},stop:function(t){var n=0,r=t?l.tweens.length:0;if(i)return this;for(i=!0;n&lt;r;n++)l.tweens[n].run(1);return t?(s.notifyWith(e,[l,1,0]),s.resolveWith(e,[l,t])):s.rejectWith(e,[l,t]),this}}),c=l.props;for(ft(c,l.opts.specialEasing);o&lt;a;o++)if(r=pt.prefilters[o].call(l,e,c,l.opts))return g(r.stop)&amp;&amp;(w._queueHooks(l.elem,l.opts.queue).stop=r.stop.bind(r)),r;return w.map(c,lt,l),g(l.opts.start)&amp;&amp;l.opts.start.call(e,l),l.progress(l.opts.progress).done(l.opts.done,l.opts.complete).fail(l.opts.fail).always(l.opts.always),w.fx.timer(w.extend(u,{elem:e,anim:l,queue:l.opts.queue})),l}w.Animation=w.extend(pt,{tweeners:{"*":[function(e,t){var n=this.createTween(e,t);return ue(n.elem,e,ie.exec(t),n),n}]},tweener:function(e,t){g(e)?(t=e,e=["*"]):e=e.match(M);for(var n,r=0,i=e.length;r&lt;i;r++)n=e[r],pt.tweeners[n]=pt.tweeners[n]||[],pt.tweeners[n].unshift(t)},prefilters:[ct],prefilter:function(e,t){t?pt.prefilters.unshift(e):pt.prefilters.push(e)}}),w.speed=function(e,t,n){var r=e&amp;&amp;"object"==typeof e?w.extend({},e):{complete:n||!n&amp;&amp;t||g(e)&amp;&amp;e,duration:e,easing:n&amp;&amp;t||t&amp;&amp;!g(t)&amp;&amp;t};return w.fx.off?r.duration=0:"number"!=typeof r.duration&amp;&amp;(r.duration in w.fx.speeds?r.duration=w.fx.speeds[r.duration]:r.duration=w.fx.speeds._default),null!=r.queue&amp;&amp;!0!==</w:t>
            </w:r>
            <w:r>
              <w:lastRenderedPageBreak/>
              <w:t xml:space="preserve">r.queue||(r.queue="fx"),r.old=r.complete,r.complete=function(){g(r.old)&amp;&amp;r.old.call(this),r.queue&amp;&amp;w.dequeue(this,r.queue)},r},w.fn.extend({fadeTo:function(e,t,n,r){return this.filter(ae).css("opacity",0).show().end().animate({opacity:t},e,n,r)},animate:function(e,t,n,r){var i=w.isEmptyObject(e),o=w.speed(t,n,r),a=function(){var t=pt(this,w.extend({},e),o);(i||J.get(this,"finish"))&amp;&amp;t.stop(!0)};return a.finish=a,i||!1===o.queue?this.each(a):this.queue(o.queue,a)},stop:function(e,t,n){var r=function(e){var t=e.stop;delete e.stop,t(n)};return"string"!=typeof e&amp;&amp;(n=t,t=e,e=void 0),t&amp;&amp;!1!==e&amp;&amp;this.queue(e||"fx",[]),this.each(function(){var t=!0,i=null!=e&amp;&amp;e+"queueHooks",o=w.timers,a=J.get(this);if(i)a[i]&amp;&amp;a[i].stop&amp;&amp;r(a[i]);else for(i in a)a[i]&amp;&amp;a[i].stop&amp;&amp;ot.test(i)&amp;&amp;r(a[i]);for(i=o.length;i--;)o[i].elem!==this||null!=e&amp;&amp;o[i].queue!==e||(o[i].anim.stop(n),t=!1,o.splice(i,1));!t&amp;&amp;n||w.dequeue(this,e)})},finish:function(e){return!1!==e&amp;&amp;(e=e||"fx"),this.each(function(){var t,n=J.get(this),r=n[e+"queue"],i=n[e+"queueHooks"],o=w.timers,a=r?r.length:0;for(n.finish=!0,w.queue(this,e,[]),i&amp;&amp;i.stop&amp;&amp;i.stop.call(this,!0),t=o.length;t--;)o[t].elem===this&amp;&amp;o[t].queue===e&amp;&amp;(o[t].anim.stop(!0),o.splice(t,1));for(t=0;t&lt;a;t++)r[t]&amp;&amp;r[t].finish&amp;&amp;r[t].finish.call(this);delete n.finish})}}),w.each(["toggle","show","hide"],function(e,t){var n=w.fn[t];w.fn[t]=function(e,r,i){return null==e||"boolean"==typeof e?n.apply(this,arguments):this.animate(ut(t,!0),e,r,i)}}),w.each({slideDown:ut("show"),slideUp:ut("hide"),slideToggle:ut("toggle"),fadeIn:{opacity:"show"},fadeOut:{opacity:"hide"},fadeToggle:{opacity:"toggle"}},function(e,t){w.fn[e]=function(e,n,r){return this.animate(t,e,n,r)}}),w.timers=[],w.fx.tick=function(){var e,t=0,n=w.timers;for(nt=Date.now();t&lt;n.length;t++)(e=n[t])()||n[t]!==e||n.splice(t--,1);n.length||w.fx.stop(),nt=void 0},w.fx.timer=function(e){w.timers.push(e),w.fx.start()},w.fx.interval=13,w.fx.start=function(){rt||(rt=!0,at())},w.fx.stop=function(){rt=null},w.fx.speeds={slow:600,fast:200,_default:400},w.fn.delay=function(t,n){return t=w.fx?w.fx.speeds[t]||t:t,n=n||"fx",this.queue(n,function(n,r){var i=e.setTimeout(n,t);r.stop=function(){e.clearTimeout(i)}})},function(){var e=r.createElement("input"),t=r.createElement("select").appendChild(r.createElement("option"));e.type="checkbox",h.checkOn=""!==e.value,h.optSelected=t.selected,(e=r.createElement("input")).value="t",e.type="radio",h.radioValue="t"===e.value}();var dt,ht=w.expr.attrHandle;w.fn.extend({attr:function(e,t){return z(this,w.attr,e,t,arguments.length&gt;1)},removeAttr:function(e){return this.each(function(){w.removeAttr(this,e)})}}),w.extend({attr:function(e,t,n){var r,i,o=e.nodeType;if(3!==o&amp;&amp;8!==o&amp;&amp;2!==o)return"undefined"==typeof e.getAttribute?w.prop(e,t,n):(1===o&amp;&amp;w.isXMLDoc(e)||(i=w.attrHooks[t.toLowerCase()]||(w.expr.match.bool.test(t)?dt:void 0)),void 0!==n?null===n?void w.removeAttr(e,t):i&amp;&amp;"set"in i&amp;&amp;void 0!==(r=i.set(e,n,t))?r:(e.setAttribute(t,n+""),n):i&amp;&amp;"get"in i&amp;&amp;null!==(r=i.get(e,t))?r:null==(r=w.find.attr(e,t))?void 0:r)},attrHooks:{type:{set:function(e,t){if(!h.radioValue&amp;&amp;"radio"===t&amp;&amp;N(e,"input")){var n=e.value;return e.setAttribute("type",t),n&amp;&amp;(e.value=n),t}}}},removeAttr:function(e,t){var n,r=0,i=t&amp;&amp;t.match(M);if(i&amp;&amp;1===e.nodeType)while(n=i[r++])e.removeAttribute(n)}}),dt={set:function(e,t,n){return!1===t?w.removeAttr(e,n):e.setAttribute(n,n),n}},w.each(w.expr.match.bool.source.match(/\w+/g),function(e,t){var n=ht[t]||w.find.attr;ht[t]=function(e,t,r){var i,o,a=t.toLowerCase();return r||(o=ht[a],ht[a]=i,i=null!=n(e,t,r)?a:null,ht[a]=o),i}});var gt=/^(?:input|select|textarea|button)$/i,yt=/^(?:a|area)$/i;w.fn.extend({prop:function(e,t){return z(this,w.prop,e,t,arguments.length&gt;1)},removeProp:function(e){return this.each(function(){delete this[w.propFix[e]||e]})}}),w.extend({prop:function(e,t,n){var r,i,o=e.nodeType;if(3!==o&amp;&amp;8!==o&amp;&amp;2!==o)return 1===o&amp;&amp;w.isXMLDoc(e)||(t=w.propFix[t]||t,i=w.propHooks[t]),void 0!==n?i&amp;&amp;"set"in i&amp;&amp;void </w:t>
            </w:r>
            <w:r>
              <w:lastRenderedPageBreak/>
              <w:t xml:space="preserve">0!==(r=i.set(e,n,t))?r:e[t]=n:i&amp;&amp;"get"in i&amp;&amp;null!==(r=i.get(e,t))?r:e[t]},propHooks:{tabIndex:{get:function(e){var t=w.find.attr(e,"tabindex");return t?parseInt(t,10):gt.test(e.nodeName)||yt.test(e.nodeName)&amp;&amp;e.href?0:-1}}},propFix:{"for":"htmlFor","class":"className"}}),h.optSelected||(w.propHooks.selected={get:function(e){var t=e.parentNode;return t&amp;&amp;t.parentNode&amp;&amp;t.parentNode.selectedIndex,null},set:function(e){var t=e.parentNode;t&amp;&amp;(t.selectedIndex,t.parentNode&amp;&amp;t.parentNode.selectedIndex)}}),w.each(["tabIndex","readOnly","maxLength","cellSpacing","cellPadding","rowSpan","colSpan","useMap","frameBorder","contentEditable"],function(){w.propFix[this.toLowerCase()]=this});function vt(e){return(e.match(M)||[]).join(" ")}function mt(e){return e.getAttribute&amp;&amp;e.getAttribute("class")||""}function xt(e){return Array.isArray(e)?e:"string"==typeof e?e.match(M)||[]:[]}w.fn.extend({addClass:function(e){var t,n,r,i,o,a,s,u=0;if(g(e))return this.each(function(t){w(this).addClass(e.call(this,t,mt(this)))});if((t=xt(e)).length)while(n=this[u++])if(i=mt(n),r=1===n.nodeType&amp;&amp;" "+vt(i)+" "){a=0;while(o=t[a++])r.indexOf(" "+o+" ")&lt;0&amp;&amp;(r+=o+" ");i!==(s=vt(r))&amp;&amp;n.setAttribute("class",s)}return this},removeClass:function(e){var t,n,r,i,o,a,s,u=0;if(g(e))return this.each(function(t){w(this).removeClass(e.call(this,t,mt(this)))});if(!arguments.length)return this.attr("class","");if((t=xt(e)).length)while(n=this[u++])if(i=mt(n),r=1===n.nodeType&amp;&amp;" "+vt(i)+" "){a=0;while(o=t[a++])while(r.indexOf(" "+o+" ")&gt;-1)r=r.replace(" "+o+" "," ");i!==(s=vt(r))&amp;&amp;n.setAttribute("class",s)}return this},toggleClass:function(e,t){var n=typeof e,r="string"===n||Array.isArray(e);return"boolean"==typeof t&amp;&amp;r?t?this.addClass(e):this.removeClass(e):g(e)?this.each(function(n){w(this).toggleClass(e.call(this,n,mt(this),t),t)}):this.each(function(){var t,i,o,a;if(r){i=0,o=w(this),a=xt(e);while(t=a[i++])o.hasClass(t)?o.removeClass(t):o.addClass(t)}else void 0!==e&amp;&amp;"boolean"!==n||((t=mt(this))&amp;&amp;J.set(this,"__className__",t),this.setAttribute&amp;&amp;this.setAttribute("class",t||!1===e?"":J.get(this,"__className__")||""))})},hasClass:function(e){var t,n,r=0;t=" "+e+" ";while(n=this[r++])if(1===n.nodeType&amp;&amp;(" "+vt(mt(n))+" ").indexOf(t)&gt;-1)return!0;return!1}});var bt=/\r/g;w.fn.extend({val:function(e){var t,n,r,i=this[0];{if(arguments.length)return r=g(e),this.each(function(n){var i;1===this.nodeType&amp;&amp;(null==(i=r?e.call(this,n,w(this).val()):e)?i="":"number"==typeof i?i+="":Array.isArray(i)&amp;&amp;(i=w.map(i,function(e){return null==e?"":e+""})),(t=w.valHooks[this.type]||w.valHooks[this.nodeName.toLowerCase()])&amp;&amp;"set"in t&amp;&amp;void 0!==t.set(this,i,"value")||(this.value=i))});if(i)return(t=w.valHooks[i.type]||w.valHooks[i.nodeName.toLowerCase()])&amp;&amp;"get"in t&amp;&amp;void 0!==(n=t.get(i,"value"))?n:"string"==typeof(n=i.value)?n.replace(bt,""):null==n?"":n}}}),w.extend({valHooks:{option:{get:function(e){var t=w.find.attr(e,"value");return null!=t?t:vt(w.text(e))}},select:{get:function(e){var t,n,r,i=e.options,o=e.selectedIndex,a="select-one"===e.type,s=a?null:[],u=a?o+1:i.length;for(r=o&lt;0?u:a?o:0;r&lt;u;r++)if(((n=i[r]).selected||r===o)&amp;&amp;!n.disabled&amp;&amp;(!n.parentNode.disabled||!N(n.parentNode,"optgroup"))){if(t=w(n).val(),a)return t;s.push(t)}return s},set:function(e,t){var n,r,i=e.options,o=w.makeArray(t),a=i.length;while(a--)((r=i[a]).selected=w.inArray(w.valHooks.option.get(r),o)&gt;-1)&amp;&amp;(n=!0);return n||(e.selectedIndex=-1),o}}}}),w.each(["radio","checkbox"],function(){w.valHooks[this]={set:function(e,t){if(Array.isArray(t))return e.checked=w.inArray(w(e).val(),t)&gt;-1}},h.checkOn||(w.valHooks[this].get=function(e){return null===e.getAttribute("value")?"on":e.value})}),h.focusin="onfocusin"in e;var wt=/^(?:focusinfocus|focusoutblur)$/,Tt=function(e){e.stopPropagation()};w.extend(w.event,{trigger:function(t,n,i,o){var </w:t>
            </w:r>
            <w:r>
              <w:lastRenderedPageBreak/>
              <w:t xml:space="preserve">a,s,u,l,c,p,d,h,v=[i||r],m=f.call(t,"type")?t.type:t,x=f.call(t,"namespace")?t.namespace.split("."):[];if(s=h=u=i=i||r,3!==i.nodeType&amp;&amp;8!==i.nodeType&amp;&amp;!wt.test(m+w.event.triggered)&amp;&amp;(m.indexOf(".")&gt;-1&amp;&amp;(m=(x=m.split(".")).shift(),x.sort()),c=m.indexOf(":")&lt;0&amp;&amp;"on"+m,t=t[w.expando]?t:new w.Event(m,"object"==typeof t&amp;&amp;t),t.isTrigger=o?2:3,t.namespace=x.join("."),t.rnamespace=t.namespace?new RegExp("(^|\\.)"+x.join("\\.(?:.*\\.|)")+"(\\.|$)"):null,t.result=void 0,t.target||(t.target=i),n=null==n?[t]:w.makeArray(n,[t]),d=w.event.special[m]||{},o||!d.trigger||!1!==d.trigger.apply(i,n))){if(!o&amp;&amp;!d.noBubble&amp;&amp;!y(i)){for(l=d.delegateType||m,wt.test(l+m)||(s=s.parentNode);s;s=s.parentNode)v.push(s),u=s;u===(i.ownerDocument||r)&amp;&amp;v.push(u.defaultView||u.parentWindow||e)}a=0;while((s=v[a++])&amp;&amp;!t.isPropagationStopped())h=s,t.type=a&gt;1?l:d.bindType||m,(p=(J.get(s,"events")||{})[t.type]&amp;&amp;J.get(s,"handle"))&amp;&amp;p.apply(s,n),(p=c&amp;&amp;s[c])&amp;&amp;p.apply&amp;&amp;Y(s)&amp;&amp;(t.result=p.apply(s,n),!1===t.result&amp;&amp;t.preventDefault());return t.type=m,o||t.isDefaultPrevented()||d._default&amp;&amp;!1!==d._default.apply(v.pop(),n)||!Y(i)||c&amp;&amp;g(i[m])&amp;&amp;!y(i)&amp;&amp;((u=i[c])&amp;&amp;(i[c]=null),w.event.triggered=m,t.isPropagationStopped()&amp;&amp;h.addEventListener(m,Tt),i[m](),t.isPropagationStopped()&amp;&amp;h.removeEventListener(m,Tt),w.event.triggered=void 0,u&amp;&amp;(i[c]=u)),t.result}},simulate:function(e,t,n){var r=w.extend(new w.Event,n,{type:e,isSimulated:!0});w.event.trigger(r,null,t)}}),w.fn.extend({trigger:function(e,t){return this.each(function(){w.event.trigger(e,t,this)})},triggerHandler:function(e,t){var n=this[0];if(n)return w.event.trigger(e,t,n,!0)}}),h.focusin||w.each({focus:"focusin",blur:"focusout"},function(e,t){var n=function(e){w.event.simulate(t,e.target,w.event.fix(e))};w.event.special[t]={setup:function(){var r=this.ownerDocument||this,i=J.access(r,t);i||r.addEventListener(e,n,!0),J.access(r,t,(i||0)+1)},teardown:function(){var r=this.ownerDocument||this,i=J.access(r,t)-1;i?J.access(r,t,i):(r.removeEventListener(e,n,!0),J.remove(r,t))}}});var Ct=e.location,Et=Date.now(),kt=/\?/;w.parseXML=function(t){var n;if(!t||"string"!=typeof t)return null;try{n=(new e.DOMParser).parseFromString(t,"text/xml")}catch(e){n=void 0}return n&amp;&amp;!n.getElementsByTagName("parsererror").length||w.error("Invalid XML: "+t),n};var St=/\[\]$/,Dt=/\r?\n/g,Nt=/^(?:submit|button|image|reset|file)$/i,At=/^(?:input|select|textarea|keygen)/i;function jt(e,t,n,r){var i;if(Array.isArray(t))w.each(t,function(t,i){n||St.test(e)?r(e,i):jt(e+"["+("object"==typeof i&amp;&amp;null!=i?t:"")+"]",i,n,r)});else if(n||"object"!==x(t))r(e,t);else for(i in t)jt(e+"["+i+"]",t[i],n,r)}w.param=function(e,t){var n,r=[],i=function(e,t){var n=g(t)?t():t;r[r.length]=encodeURIComponent(e)+"="+encodeURIComponent(null==n?"":n)};if(Array.isArray(e)||e.jquery&amp;&amp;!w.isPlainObject(e))w.each(e,function(){i(this.name,this.value)});else for(n in e)jt(n,e[n],t,i);return r.join("&amp;")},w.fn.extend({serialize:function(){return w.param(this.serializeArray())},serializeArray:function(){return this.map(function(){var e=w.prop(this,"elements");return e?w.makeArray(e):this}).filter(function(){var e=this.type;return this.name&amp;&amp;!w(this).is(":disabled")&amp;&amp;At.test(this.nodeName)&amp;&amp;!Nt.test(e)&amp;&amp;(this.checked||!pe.test(e))}).map(function(e,t){var n=w(this).val();return null==n?null:Array.isArray(n)?w.map(n,function(e){return{name:t.name,value:e.replace(Dt,"\r\n")}}):{name:t.name,value:n.replace(Dt,"\r\n")}}).get()}});var qt=/%20/g,Lt=/#.*$/,Ht=/([?&amp;])_=[^&amp;]*/,Ot=/^(.*?):[ \t]*([^\r\n]*)$/gm,Pt=/^(?:about|app|app-storage|.+-extension|file|res|widget):$/,Mt=/^(?:GET|HEAD)$/,Rt=/^\/\//,It={},Wt={},$t="*/".concat("*"),Bt=r.createElement("a");Bt.href=Ct.href;function Ft(e){return function(t,n){"string"!=typeof t&amp;&amp;(n=t,t="*");var r,i=0,o=t.toLowerCase().match(M)||[];if(g(n))while(r=o[i++])"+"===r[0]?(r=r.slice(1)||"*",(e[r]=e[r]||[]).unshift(n)):(e[r]=e[r]||[]).push(n)}}function _t(e,t,n,r){var i={},o=e===Wt;function a(s){var u;return i[s]=!0,w.each(e[s]||[],function(e,s){var l=s(t,n,r);return"string"!=typeof l||o||i[l]?o?!(u=l):void 0:(t.dataTypes.unshift(l),a(l),!1)}),u}return a(t.dataTypes[0])||!i["*"]&amp;&amp;a("*")}function zt(e,t){var n,r,i=w.ajaxSettings.flatOptions||{};for(n in t)void 0!==t[n]&amp;&amp;((i[n]?e:r||(r={}))[n]=t[n]);return </w:t>
            </w:r>
            <w:r>
              <w:lastRenderedPageBreak/>
              <w:t xml:space="preserve">r&amp;&amp;w.extend(!0,e,r),e}function Xt(e,t,n){var r,i,o,a,s=e.contents,u=e.dataTypes;while("*"===u[0])u.shift(),void 0===r&amp;&amp;(r=e.mimeType||t.getResponseHeader("Content-Type"));if(r)for(i in s)if(s[i]&amp;&amp;s[i].test(r)){u.unshift(i);break}if(u[0]in n)o=u[0];else{for(i in n){if(!u[0]||e.converters[i+" "+u[0]]){o=i;break}a||(a=i)}o=o||a}if(o)return o!==u[0]&amp;&amp;u.unshift(o),n[o]}function Ut(e,t,n,r){var i,o,a,s,u,l={},c=e.dataTypes.slice();if(c[1])for(a in e.converters)l[a.toLowerCase()]=e.converters[a];o=c.shift();while(o)if(e.responseFields[o]&amp;&amp;(n[e.responseFields[o]]=t),!u&amp;&amp;r&amp;&amp;e.dataFilter&amp;&amp;(t=e.dataFilter(t,e.dataType)),u=o,o=c.shift())if("*"===o)o=u;else if("*"!==u&amp;&amp;u!==o){if(!(a=l[u+" "+o]||l["* "+o]))for(i in l)if((s=i.split(" "))[1]===o&amp;&amp;(a=l[u+" "+s[0]]||l["* "+s[0]])){!0===a?a=l[i]:!0!==l[i]&amp;&amp;(o=s[0],c.unshift(s[1]));break}if(!0!==a)if(a&amp;&amp;e["throws"])t=a(t);else try{t=a(t)}catch(e){return{state:"parsererror",error:a?e:"No conversion from "+u+" to "+o}}}return{state:"success",data:t}}w.extend({active:0,lastModified:{},etag:{},ajaxSettings:{url:Ct.href,type:"GET",isLocal:Pt.test(Ct.protocol),global:!0,processData:!0,async:!0,contentType:"application/x-www-form-urlencoded; charset=UTF-8",accepts:{"*":$t,text:"text/plain",html:"text/html",xml:"application/xml, text/xml",json:"application/json, text/javascript"},contents:{xml:/\bxml\b/,html:/\bhtml/,json:/\bjson\b/},responseFields:{xml:"responseXML",text:"responseText",json:"responseJSON"},converters:{"* text":String,"text html":!0,"text json":JSON.parse,"text xml":w.parseXML},flatOptions:{url:!0,context:!0}},ajaxSetup:function(e,t){return t?zt(zt(e,w.ajaxSettings),t):zt(w.ajaxSettings,e)},ajaxPrefilter:Ft(It),ajaxTransport:Ft(Wt),ajax:function(t,n){"object"==typeof t&amp;&amp;(n=t,t=void 0),n=n||{};var i,o,a,s,u,l,c,f,p,d,h=w.ajaxSetup({},n),g=h.context||h,y=h.context&amp;&amp;(g.nodeType||g.jquery)?w(g):w.event,v=w.Deferred(),m=w.Callbacks("once memory"),x=h.statusCode||{},b={},T={},C="canceled",E={readyState:0,getResponseHeader:function(e){var t;if(c){if(!s){s={};while(t=Ot.exec(a))s[t[1].toLowerCase()]=t[2]}t=s[e.toLowerCase()]}return null==t?null:t},getAllResponseHeaders:function(){return c?a:null},setRequestHeader:function(e,t){return null==c&amp;&amp;(e=T[e.toLowerCase()]=T[e.toLowerCase()]||e,b[e]=t),this},overrideMimeType:function(e){return null==c&amp;&amp;(h.mimeType=e),this},statusCode:function(e){var t;if(e)if(c)E.always(e[E.status]);else for(t in e)x[t]=[x[t],e[t]];return this},abort:function(e){var t=e||C;return i&amp;&amp;i.abort(t),k(0,t),this}};if(v.promise(E),h.url=((t||h.url||Ct.href)+"").replace(Rt,Ct.protocol+"//"),h.type=n.method||n.type||h.method||h.type,h.dataTypes=(h.dataType||"*").toLowerCase().match(M)||[""],null==h.crossDomain){l=r.createElement("a");try{l.href=h.url,l.href=l.href,h.crossDomain=Bt.protocol+"//"+Bt.host!=l.protocol+"//"+l.host}catch(e){h.crossDomain=!0}}if(h.data&amp;&amp;h.processData&amp;&amp;"string"!=typeof h.data&amp;&amp;(h.data=w.param(h.data,h.traditional)),_t(It,h,n,E),c)return E;(f=w.event&amp;&amp;h.global)&amp;&amp;0==w.active++&amp;&amp;w.event.trigger("ajaxStart"),h.type=h.type.toUpperCase(),h.hasContent=!Mt.test(h.type),o=h.url.replace(Lt,""),h.hasContent?h.data&amp;&amp;h.processData&amp;&amp;0===(h.contentType||"").indexOf("application/x-www-form-urlencoded")&amp;&amp;(h.data=h.data.replace(qt,"+")):(d=h.url.slice(o.length),h.data&amp;&amp;(h.processData||"string"==typeof h.data)&amp;&amp;(o+=(kt.test(o)?"&amp;":"?")+h.data,delete h.data),!1===h.cache&amp;&amp;(o=o.replace(Ht,"$1"),d=(kt.test(o)?"&amp;":"?")+"_="+Et+++d),h.url=o+d),h.ifModified&amp;&amp;(w.lastModified[o]&amp;&amp;E.setRequestHeader("If-Modified-Since",w.lastModified[o]),w.etag[o]&amp;&amp;E.setRequestHeader("If-None-Match",w.etag[o])),(h.data&amp;&amp;h.hasContent&amp;&amp;!1!==h.contentType||n.contentType)&amp;&amp;E.setRequestHeader("Content-Type",h.contentType),E.setRequestHeader("Accept",h.dataTypes[0]&amp;&amp;h.accepts[h.dataTypes[0]]?h.accepts[h.dataTypes[0]]+("*"!==h.dataTypes[0]?", "+$t+"; q=0.01":""):h.accepts["*"]);for(p in h.headers)E.setRequestHeader(p,h.headers[p]);if(h.beforeSend&amp;&amp;(!1===h.beforeSend.call(g,E,h)||c))return </w:t>
            </w:r>
            <w:r>
              <w:lastRenderedPageBreak/>
              <w:t xml:space="preserve">E.abort();if(C="abort",m.add(h.complete),E.done(h.success),E.fail(h.error),i=_t(Wt,h,n,E)){if(E.readyState=1,f&amp;&amp;y.trigger("ajaxSend",[E,h]),c)return E;h.async&amp;&amp;h.timeout&gt;0&amp;&amp;(u=e.setTimeout(function(){E.abort("timeout")},h.timeout));try{c=!1,i.send(b,k)}catch(e){if(c)throw e;k(-1,e)}}else k(-1,"No Transport");function k(t,n,r,s){var l,p,d,b,T,C=n;c||(c=!0,u&amp;&amp;e.clearTimeout(u),i=void 0,a=s||"",E.readyState=t&gt;0?4:0,l=t&gt;=200&amp;&amp;t&lt;300||304===t,r&amp;&amp;(b=Xt(h,E,r)),b=Ut(h,b,E,l),l?(h.ifModified&amp;&amp;((T=E.getResponseHeader("Last-Modified"))&amp;&amp;(w.lastModified[o]=T),(T=E.getResponseHeader("etag"))&amp;&amp;(w.etag[o]=T)),204===t||"HEAD"===h.type?C="nocontent":304===t?C="notmodified":(C=b.state,p=b.data,l=!(d=b.error))):(d=C,!t&amp;&amp;C||(C="error",t&lt;0&amp;&amp;(t=0))),E.status=t,E.statusText=(n||C)+"",l?v.resolveWith(g,[p,C,E]):v.rejectWith(g,[E,C,d]),E.statusCode(x),x=void 0,f&amp;&amp;y.trigger(l?"ajaxSuccess":"ajaxError",[E,h,l?p:d]),m.fireWith(g,[E,C]),f&amp;&amp;(y.trigger("ajaxComplete",[E,h]),--w.active||w.event.trigger("ajaxStop")))}return E},getJSON:function(e,t,n){return w.get(e,t,n,"json")},getScript:function(e,t){return w.get(e,void 0,t,"script")}}),w.each(["get","post"],function(e,t){w[t]=function(e,n,r,i){return g(n)&amp;&amp;(i=i||r,r=n,n=void 0),w.ajax(w.extend({url:e,type:t,dataType:i,data:n,success:r},w.isPlainObject(e)&amp;&amp;e))}}),w._evalUrl=function(e){return w.ajax({url:e,type:"GET",dataType:"script",cache:!0,async:!1,global:!1,"throws":!0})},w.fn.extend({wrapAll:function(e){var t;return this[0]&amp;&amp;(g(e)&amp;&amp;(e=e.call(this[0])),t=w(e,this[0].ownerDocument).eq(0).clone(!0),this[0].parentNode&amp;&amp;t.insertBefore(this[0]),t.map(function(){var e=this;while(e.firstElementChild)e=e.firstElementChild;return e}).append(this)),this},wrapInner:function(e){return g(e)?this.each(function(t){w(this).wrapInner(e.call(this,t))}):this.each(function(){var t=w(this),n=t.contents();n.length?n.wrapAll(e):t.append(e)})},wrap:function(e){var t=g(e);return this.each(function(n){w(this).wrapAll(t?e.call(this,n):e)})},unwrap:function(e){return this.parent(e).not("body").each(function(){w(this).replaceWith(this.childNodes)}),this}}),w.expr.pseudos.hidden=function(e){return!w.expr.pseudos.visible(e)},w.expr.pseudos.visible=function(e){return!!(e.offsetWidth||e.offsetHeight||e.getClientRects().length)},w.ajaxSettings.xhr=function(){try{return new e.XMLHttpRequest}catch(e){}};var Vt={0:200,1223:204},Gt=w.ajaxSettings.xhr();h.cors=!!Gt&amp;&amp;"withCredentials"in Gt,h.ajax=Gt=!!Gt,w.ajaxTransport(function(t){var n,r;if(h.cors||Gt&amp;&amp;!t.crossDomain)return{send:function(i,o){var a,s=t.xhr();if(s.open(t.type,t.url,t.async,t.username,t.password),t.xhrFields)for(a in t.xhrFields)s[a]=t.xhrFields[a];t.mimeType&amp;&amp;s.overrideMimeType&amp;&amp;s.overrideMimeType(t.mimeType),t.crossDomain||i["X-Requested-With"]||(i["X-Requested-With"]="XMLHttpRequest");for(a in i)s.setRequestHeader(a,i[a]);n=function(e){return function(){n&amp;&amp;(n=r=s.onload=s.onerror=s.onabort=s.ontimeout=s.onreadystatechange=null,"abort"===e?s.abort():"error"===e?"number"!=typeof s.status?o(0,"error"):o(s.status,s.statusText):o(Vt[s.status]||s.status,s.statusText,"text"!==(s.responseType||"text")||"string"!=typeof s.responseText?{binary:s.response}:{text:s.responseText},s.getAllResponseHeaders()))}},s.onload=n(),r=s.onerror=s.ontimeout=n("error"),void 0!==s.onabort?s.onabort=r:s.onreadystatechange=function(){4===s.readyState&amp;&amp;e.setTimeout(function(){n&amp;&amp;r()})},n=n("abort");try{s.send(t.hasContent&amp;&amp;t.data||null)}catch(e){if(n)throw e}},abort:function(){n&amp;&amp;n()}}}),w.ajaxPrefilter(function(e){e.crossDomain&amp;&amp;(e.contents.script=!1)}),w.ajaxSetup({accepts:{script:"text/javascript, application/javascript, application/ecmascript, application/x-ecmascript"},contents:{script:/\b(?:java|ecma)script\b/},converters:{"text script":function(e){return </w:t>
            </w:r>
            <w:r>
              <w:lastRenderedPageBreak/>
              <w:t xml:space="preserve">w.globalEval(e),e}}}),w.ajaxPrefilter("script",function(e){void 0===e.cache&amp;&amp;(e.cache=!1),e.crossDomain&amp;&amp;(e.type="GET")}),w.ajaxTransport("script",function(e){if(e.crossDomain){var t,n;return{send:function(i,o){t=w("&lt;script&gt;").prop({charset:e.scriptCharset,src:e.url}).on("load error",n=function(e){t.remove(),n=null,e&amp;&amp;o("error"===e.type?404:200,e.type)}),r.head.appendChild(t[0])},abort:function(){n&amp;&amp;n()}}}});var Yt=[],Qt=/(=)\?(?=&amp;|$)|\?\?/;w.ajaxSetup({jsonp:"callback",jsonpCallback:function(){var e=Yt.pop()||w.expando+"_"+Et++;return this[e]=!0,e}}),w.ajaxPrefilter("json jsonp",function(t,n,r){var i,o,a,s=!1!==t.jsonp&amp;&amp;(Qt.test(t.url)?"url":"string"==typeof t.data&amp;&amp;0===(t.contentType||"").indexOf("application/x-www-form-urlencoded")&amp;&amp;Qt.test(t.data)&amp;&amp;"data");if(s||"jsonp"===t.dataTypes[0])return i=t.jsonpCallback=g(t.jsonpCallback)?t.jsonpCallback():t.jsonpCallback,s?t[s]=t[s].replace(Qt,"$1"+i):!1!==t.jsonp&amp;&amp;(t.url+=(kt.test(t.url)?"&amp;":"?")+t.jsonp+"="+i),t.converters["script json"]=function(){return a||w.error(i+" was not called"),a[0]},t.dataTypes[0]="json",o=e[i],e[i]=function(){a=arguments},r.always(function(){void 0===o?w(e).removeProp(i):e[i]=o,t[i]&amp;&amp;(t.jsonpCallback=n.jsonpCallback,Yt.push(i)),a&amp;&amp;g(o)&amp;&amp;o(a[0]),a=o=void 0}),"script"}),h.createHTMLDocument=function(){var e=r.implementation.createHTMLDocument("").body;return e.innerHTML="&lt;form&gt;&lt;/form&gt;&lt;form&gt;&lt;/form&gt;",2===e.childNodes.length}(),w.parseHTML=function(e,t,n){if("string"!=typeof e)return[];"boolean"==typeof t&amp;&amp;(n=t,t=!1);var i,o,a;return t||(h.createHTMLDocument?((i=(t=r.implementation.createHTMLDocument("")).createElement("base")).href=r.location.href,t.head.appendChild(i)):t=r),o=A.exec(e),a=!n&amp;&amp;[],o?[t.createElement(o[1])]:(o=xe([e],t,a),a&amp;&amp;a.length&amp;&amp;w(a).remove(),w.merge([],o.childNodes))},w.fn.load=function(e,t,n){var r,i,o,a=this,s=e.indexOf(" ");return s&gt;-1&amp;&amp;(r=vt(e.slice(s)),e=e.slice(0,s)),g(t)?(n=t,t=void 0):t&amp;&amp;"object"==typeof t&amp;&amp;(i="POST"),a.length&gt;0&amp;&amp;w.ajax({url:e,type:i||"GET",dataType:"html",data:t}).done(function(e){o=arguments,a.html(r?w("&lt;div&gt;").append(w.parseHTML(e)).find(r):e)}).always(n&amp;&amp;function(e,t){a.each(function(){n.apply(this,o||[e.responseText,t,e])})}),this},w.each(["ajaxStart","ajaxStop","ajaxComplete","ajaxError","ajaxSuccess","ajaxSend"],function(e,t){w.fn[t]=function(e){return this.on(t,e)}}),w.expr.pseudos.animated=function(e){return w.grep(w.timers,function(t){return e===t.elem}).length},w.offset={setOffset:function(e,t,n){var r,i,o,a,s,u,l,c=w.css(e,"position"),f=w(e),p={};"static"===c&amp;&amp;(e.style.position="relative"),s=f.offset(),o=w.css(e,"top"),u=w.css(e,"left"),(l=("absolute"===c||"fixed"===c)&amp;&amp;(o+u).indexOf("auto")&gt;-1)?(a=(r=f.position()).top,i=r.left):(a=parseFloat(o)||0,i=parseFloat(u)||0),g(t)&amp;&amp;(t=t.call(e,n,w.extend({},s))),null!=t.top&amp;&amp;(p.top=t.top-s.top+a),null!=t.left&amp;&amp;(p.left=t.left-s.left+i),"using"in t?t.using.call(e,p):f.css(p)}},w.fn.extend({offset:function(e){if(arguments.length)return void 0===e?this:this.each(function(t){w.offset.setOffset(this,e,t)});var t,n,r=this[0];if(r)return r.getClientRects().length?(t=r.getBoundingClientRect(),n=r.ownerDocument.defaultView,{top:t.top+n.pageYOffset,left:t.left+n.pageXOffset}):{top:0,left:0}},position:function(){if(this[0]){var e,t,n,r=this[0],i={top:0,left:0};if("fixed"===w.css(r,"position"))t=r.getBoundingClientRect();else{t=this.offset(),n=r.ownerDocument,e=r.offsetParent||n.documentElement;while(e&amp;&amp;(e===n.body||e===n.documentElement)&amp;&amp;"static"===w.css(e,"position"))e=e.parentNode;e&amp;&amp;e!==r&amp;&amp;1===e.nodeType&amp;&amp;((i=w(e).offset()).top+=w.css(e,"borderTopWidth",!0),i.left+=w.css(e,"borderLeftWidth",!0))}return{top:t.top-i.top-w.css(r,"marginTop",!0),left:t.left-i.left-w.css(r,"marginLeft",!0)}}},offsetParent:function(){return this.map(function(){var e=this.offsetParent;while(e&amp;&amp;"static"===w.css(e,"position"))e=e.offsetParent;return e||be})}}),w.each({scrollLeft:"pageXOffset",scrollTop:"pageYOffset"},function(e,t){var n="pageYOffset"===t;w.fn[e]=function(r){return z(this,function(e,r,i){var </w:t>
            </w:r>
            <w:r>
              <w:lastRenderedPageBreak/>
              <w:t>o;if(y(e)?o=e:9===e.nodeType&amp;&amp;(o=e.defaultView),void 0===i)return o?o[t]:e[r];o?o.scrollTo(n?o.pageXOffset:i,n?i:o.pageYOffset):e[r]=i},e,r,arguments.length)}}),w.each(["top","left"],function(e,t){w.cssHooks[t]=_e(h.pixelPosition,function(e,n){if(n)return n=Fe(e,t),We.test(n)?w(e).position()[t]+"px":n})}),w.each({Height:"height",Width:"width"},function(e,t){w.each({padding:"inner"+e,content:t,"":"outer"+e},function(n,r){w.fn[r]=function(i,o){var a=arguments.length&amp;&amp;(n||"boolean"!=typeof i),s=n||(!0===i||!0===o?"margin":"border");return z(this,function(t,n,i){var o;return y(t)?0===r.indexOf("outer")?t["inner"+e]:t.document.documentElement["client"+e]:9===t.nodeType?(o=t.documentElement,Math.max(t.body["scroll"+e],o["scroll"+e],t.body["offset"+e],o["offset"+e],o["client"+e])):void 0===i?w.css(t,n,s):w.style(t,n,i,s)},t,a?i:void 0,a)}})}),w.each("blur focus focusin focusout resize scroll click dblclick mousedown mouseup mousemove mouseover mouseout mouseenter mouseleave change select submit keydown keypress keyup contextmenu".split(" "),function(e,t){w.fn[t]=function(e,n){return arguments.length&gt;0?this.on(t,null,e,n):this.trigger(t)}}),w.fn.extend({hover:function(e,t){return this.mouseenter(e).mouseleave(t||e)}}),w.fn.extend({bind:function(e,t,n){return this.on(e,null,t,n)},unbind:function(e,t){return this.off(e,null,t)},delegate:function(e,t,n,r){return this.on(t,e,n,r)},undelegate:function(e,t,n){return 1===arguments.length?this.off(e,"**"):this.off(t,e||"**",n)}}),w.proxy=function(e,t){var n,r,i;if("string"==typeof t&amp;&amp;(n=e[t],t=e,e=n),g(e))return r=o.call(arguments,2),i=function(){return e.apply(t||this,r.concat(o.call(arguments)))},i.guid=e.guid=e.guid||w.guid++,i},w.holdReady=function(e){e?w.readyWait++:w.ready(!0)},w.isArray=Array.isArray,w.parseJSON=JSON.parse,w.nodeName=N,w.isFunction=g,w.isWindow=y,w.camelCase=G,w.type=x,w.now=Date.now,w.isNumeric=function(e){var t=w.type(e);return("number"===t||"string"===t)&amp;&amp;!isNaN(e-parseFloat(e))},"function"==typeof define&amp;&amp;define.amd&amp;&amp;define("jquery",[],function(){return w});var Jt=e.jQuery,Kt=e.$;return w.noConflict=function(t){return e.$===w&amp;&amp;(e.$=Kt),t&amp;&amp;e.jQuery===w&amp;&amp;(e.jQuery=Jt),w},t||(e.jQuery=e.$=w),w});</w:t>
            </w:r>
          </w:p>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Lightgallery.js</w:t>
            </w:r>
          </w:p>
        </w:tc>
      </w:tr>
      <w:tr w:rsidR="0048012D" w:rsidTr="0048012D">
        <w:tc>
          <w:tcPr>
            <w:tcW w:w="9576" w:type="dxa"/>
          </w:tcPr>
          <w:p w:rsidR="00156FB3" w:rsidRDefault="00156FB3" w:rsidP="00156FB3">
            <w:r>
              <w:t>/*! lightgallery - v1.6.12 - 2019-02-19</w:t>
            </w:r>
          </w:p>
          <w:p w:rsidR="00156FB3" w:rsidRDefault="00156FB3" w:rsidP="00156FB3">
            <w:r>
              <w:t>* http://sachinchoolur.github.io/lightGallery/</w:t>
            </w:r>
          </w:p>
          <w:p w:rsidR="00156FB3" w:rsidRDefault="00156FB3" w:rsidP="00156FB3">
            <w:r>
              <w:t>* Copyright (c) 2019 Sachin N; Licensed GPLv3 */</w:t>
            </w:r>
          </w:p>
          <w:p w:rsidR="00156FB3" w:rsidRDefault="00156FB3" w:rsidP="00156FB3">
            <w:r>
              <w:t>/*! lightgallery - v1.6.12 - 2019-02-19</w:t>
            </w:r>
          </w:p>
          <w:p w:rsidR="00156FB3" w:rsidRDefault="00156FB3" w:rsidP="00156FB3">
            <w:r>
              <w:t>* http://sachinchoolur.github.io/lightGallery/</w:t>
            </w:r>
          </w:p>
          <w:p w:rsidR="00156FB3" w:rsidRDefault="00156FB3" w:rsidP="00156FB3">
            <w:r>
              <w:t>* Copyright (c) 2019 Sachin N; Licensed GPLv3 */</w:t>
            </w:r>
          </w:p>
          <w:p w:rsidR="00156FB3" w:rsidRDefault="00156FB3" w:rsidP="00156FB3">
            <w:r>
              <w:t>(function (root, factory) {</w:t>
            </w:r>
          </w:p>
          <w:p w:rsidR="00156FB3" w:rsidRDefault="00156FB3" w:rsidP="00156FB3">
            <w:r>
              <w:t xml:space="preserve">  if (typeof define === 'function' &amp;&amp; define.amd) {</w:t>
            </w:r>
          </w:p>
          <w:p w:rsidR="00156FB3" w:rsidRDefault="00156FB3" w:rsidP="00156FB3">
            <w:r>
              <w:t xml:space="preserve">    // AMD. Register as an anonymous module unless amdModuleId is set</w:t>
            </w:r>
          </w:p>
          <w:p w:rsidR="00156FB3" w:rsidRDefault="00156FB3" w:rsidP="00156FB3">
            <w:r>
              <w:t xml:space="preserve">    define(['jquery'], function (a0) {</w:t>
            </w:r>
          </w:p>
          <w:p w:rsidR="00156FB3" w:rsidRDefault="00156FB3" w:rsidP="00156FB3">
            <w:r>
              <w:t xml:space="preserve">      return (factory(a0));</w:t>
            </w:r>
          </w:p>
          <w:p w:rsidR="00156FB3" w:rsidRDefault="00156FB3" w:rsidP="00156FB3">
            <w:r>
              <w:t xml:space="preserve">    });</w:t>
            </w:r>
          </w:p>
          <w:p w:rsidR="00156FB3" w:rsidRDefault="00156FB3" w:rsidP="00156FB3">
            <w:r>
              <w:t xml:space="preserve">  } else if (typeof module === 'object' &amp;&amp; module.exports) {</w:t>
            </w:r>
          </w:p>
          <w:p w:rsidR="00156FB3" w:rsidRDefault="00156FB3" w:rsidP="00156FB3">
            <w:r>
              <w:t xml:space="preserve">    // Node. Does not work with strict CommonJS, but</w:t>
            </w:r>
          </w:p>
          <w:p w:rsidR="00156FB3" w:rsidRDefault="00156FB3" w:rsidP="00156FB3">
            <w:r>
              <w:t xml:space="preserve">    // only CommonJS-like environments that support module.exports,</w:t>
            </w:r>
          </w:p>
          <w:p w:rsidR="00156FB3" w:rsidRDefault="00156FB3" w:rsidP="00156FB3">
            <w:r>
              <w:t xml:space="preserve">    // like Node.</w:t>
            </w:r>
          </w:p>
          <w:p w:rsidR="00156FB3" w:rsidRDefault="00156FB3" w:rsidP="00156FB3">
            <w:r>
              <w:lastRenderedPageBreak/>
              <w:t xml:space="preserve">    module.exports = factory(require('jquery'));</w:t>
            </w:r>
          </w:p>
          <w:p w:rsidR="00156FB3" w:rsidRDefault="00156FB3" w:rsidP="00156FB3">
            <w:r>
              <w:t xml:space="preserve">  } else {</w:t>
            </w:r>
          </w:p>
          <w:p w:rsidR="00156FB3" w:rsidRDefault="00156FB3" w:rsidP="00156FB3">
            <w:r>
              <w:t xml:space="preserve">    factory(root["jQuery"]);</w:t>
            </w:r>
          </w:p>
          <w:p w:rsidR="00156FB3" w:rsidRDefault="00156FB3" w:rsidP="00156FB3">
            <w:r>
              <w:t xml:space="preserve">  }</w:t>
            </w:r>
          </w:p>
          <w:p w:rsidR="00156FB3" w:rsidRDefault="00156FB3" w:rsidP="00156FB3">
            <w:r>
              <w:t>}(this, function ($) {</w:t>
            </w:r>
          </w:p>
          <w:p w:rsidR="00156FB3" w:rsidRDefault="00156FB3" w:rsidP="00156FB3"/>
          <w:p w:rsidR="00156FB3" w:rsidRDefault="00156FB3" w:rsidP="00156FB3">
            <w:r>
              <w:t>(function() {</w:t>
            </w:r>
          </w:p>
          <w:p w:rsidR="00156FB3" w:rsidRDefault="00156FB3" w:rsidP="00156FB3">
            <w:r>
              <w:t xml:space="preserve">    'use strict';</w:t>
            </w:r>
          </w:p>
          <w:p w:rsidR="00156FB3" w:rsidRDefault="00156FB3" w:rsidP="00156FB3"/>
          <w:p w:rsidR="00156FB3" w:rsidRDefault="00156FB3" w:rsidP="00156FB3">
            <w:r>
              <w:t xml:space="preserve">    var defaults = {</w:t>
            </w:r>
          </w:p>
          <w:p w:rsidR="00156FB3" w:rsidRDefault="00156FB3" w:rsidP="00156FB3"/>
          <w:p w:rsidR="00156FB3" w:rsidRDefault="00156FB3" w:rsidP="00156FB3">
            <w:r>
              <w:t xml:space="preserve">        mode: 'lg-slide',</w:t>
            </w:r>
          </w:p>
          <w:p w:rsidR="00156FB3" w:rsidRDefault="00156FB3" w:rsidP="00156FB3"/>
          <w:p w:rsidR="00156FB3" w:rsidRDefault="00156FB3" w:rsidP="00156FB3">
            <w:r>
              <w:t xml:space="preserve">        // Ex : 'ease'</w:t>
            </w:r>
          </w:p>
          <w:p w:rsidR="00156FB3" w:rsidRDefault="00156FB3" w:rsidP="00156FB3">
            <w:r>
              <w:t xml:space="preserve">        cssEasing: 'ease',</w:t>
            </w:r>
          </w:p>
          <w:p w:rsidR="00156FB3" w:rsidRDefault="00156FB3" w:rsidP="00156FB3"/>
          <w:p w:rsidR="00156FB3" w:rsidRDefault="00156FB3" w:rsidP="00156FB3">
            <w:r>
              <w:t xml:space="preserve">        //'for jquery animation'</w:t>
            </w:r>
          </w:p>
          <w:p w:rsidR="00156FB3" w:rsidRDefault="00156FB3" w:rsidP="00156FB3">
            <w:r>
              <w:t xml:space="preserve">        easing: 'linear',</w:t>
            </w:r>
          </w:p>
          <w:p w:rsidR="00156FB3" w:rsidRDefault="00156FB3" w:rsidP="00156FB3">
            <w:r>
              <w:t xml:space="preserve">        speed: 600,</w:t>
            </w:r>
          </w:p>
          <w:p w:rsidR="00156FB3" w:rsidRDefault="00156FB3" w:rsidP="00156FB3">
            <w:r>
              <w:t xml:space="preserve">        height: '100%',</w:t>
            </w:r>
          </w:p>
          <w:p w:rsidR="00156FB3" w:rsidRDefault="00156FB3" w:rsidP="00156FB3">
            <w:r>
              <w:t xml:space="preserve">        width: '100%',</w:t>
            </w:r>
          </w:p>
          <w:p w:rsidR="00156FB3" w:rsidRDefault="00156FB3" w:rsidP="00156FB3">
            <w:r>
              <w:t xml:space="preserve">        addClass: '',</w:t>
            </w:r>
          </w:p>
          <w:p w:rsidR="00156FB3" w:rsidRDefault="00156FB3" w:rsidP="00156FB3">
            <w:r>
              <w:t xml:space="preserve">        startClass: 'lg-start-zoom',</w:t>
            </w:r>
          </w:p>
          <w:p w:rsidR="00156FB3" w:rsidRDefault="00156FB3" w:rsidP="00156FB3">
            <w:r>
              <w:t xml:space="preserve">        backdropDuration: 150,</w:t>
            </w:r>
          </w:p>
          <w:p w:rsidR="00156FB3" w:rsidRDefault="00156FB3" w:rsidP="00156FB3">
            <w:r>
              <w:t xml:space="preserve">        hideBarsDelay: 6000,</w:t>
            </w:r>
          </w:p>
          <w:p w:rsidR="00156FB3" w:rsidRDefault="00156FB3" w:rsidP="00156FB3"/>
          <w:p w:rsidR="00156FB3" w:rsidRDefault="00156FB3" w:rsidP="00156FB3">
            <w:r>
              <w:t xml:space="preserve">        useLeft: false,</w:t>
            </w:r>
          </w:p>
          <w:p w:rsidR="00156FB3" w:rsidRDefault="00156FB3" w:rsidP="00156FB3"/>
          <w:p w:rsidR="00156FB3" w:rsidRDefault="00156FB3" w:rsidP="00156FB3">
            <w:r>
              <w:t xml:space="preserve">        closable: true,</w:t>
            </w:r>
          </w:p>
          <w:p w:rsidR="00156FB3" w:rsidRDefault="00156FB3" w:rsidP="00156FB3">
            <w:r>
              <w:t xml:space="preserve">        loop: true,</w:t>
            </w:r>
          </w:p>
          <w:p w:rsidR="00156FB3" w:rsidRDefault="00156FB3" w:rsidP="00156FB3">
            <w:r>
              <w:t xml:space="preserve">        escKey: true,</w:t>
            </w:r>
          </w:p>
          <w:p w:rsidR="00156FB3" w:rsidRDefault="00156FB3" w:rsidP="00156FB3">
            <w:r>
              <w:t xml:space="preserve">        keyPress: true,</w:t>
            </w:r>
          </w:p>
          <w:p w:rsidR="00156FB3" w:rsidRDefault="00156FB3" w:rsidP="00156FB3">
            <w:r>
              <w:t xml:space="preserve">        controls: true,</w:t>
            </w:r>
          </w:p>
          <w:p w:rsidR="00156FB3" w:rsidRDefault="00156FB3" w:rsidP="00156FB3">
            <w:r>
              <w:t xml:space="preserve">        slideEndAnimatoin: true,</w:t>
            </w:r>
          </w:p>
          <w:p w:rsidR="00156FB3" w:rsidRDefault="00156FB3" w:rsidP="00156FB3">
            <w:r>
              <w:t xml:space="preserve">        hideControlOnEnd: false,</w:t>
            </w:r>
          </w:p>
          <w:p w:rsidR="00156FB3" w:rsidRDefault="00156FB3" w:rsidP="00156FB3">
            <w:r>
              <w:t xml:space="preserve">        mousewheel: true,</w:t>
            </w:r>
          </w:p>
          <w:p w:rsidR="00156FB3" w:rsidRDefault="00156FB3" w:rsidP="00156FB3"/>
          <w:p w:rsidR="00156FB3" w:rsidRDefault="00156FB3" w:rsidP="00156FB3">
            <w:r>
              <w:t xml:space="preserve">        getCaptionFromTitleOrAlt: true,</w:t>
            </w:r>
          </w:p>
          <w:p w:rsidR="00156FB3" w:rsidRDefault="00156FB3" w:rsidP="00156FB3"/>
          <w:p w:rsidR="00156FB3" w:rsidRDefault="00156FB3" w:rsidP="00156FB3">
            <w:r>
              <w:t xml:space="preserve">        // .lg-item || '.lg-sub-html'</w:t>
            </w:r>
          </w:p>
          <w:p w:rsidR="00156FB3" w:rsidRDefault="00156FB3" w:rsidP="00156FB3">
            <w:r>
              <w:t xml:space="preserve">        appendSubHtmlTo: '.lg-sub-html',</w:t>
            </w:r>
          </w:p>
          <w:p w:rsidR="00156FB3" w:rsidRDefault="00156FB3" w:rsidP="00156FB3"/>
          <w:p w:rsidR="00156FB3" w:rsidRDefault="00156FB3" w:rsidP="00156FB3">
            <w:r>
              <w:t xml:space="preserve">        subHtmlSelectorRelative: false,</w:t>
            </w:r>
          </w:p>
          <w:p w:rsidR="00156FB3" w:rsidRDefault="00156FB3" w:rsidP="00156FB3"/>
          <w:p w:rsidR="00156FB3" w:rsidRDefault="00156FB3" w:rsidP="00156FB3">
            <w:r>
              <w:t xml:space="preserve">        /**</w:t>
            </w:r>
          </w:p>
          <w:p w:rsidR="00156FB3" w:rsidRDefault="00156FB3" w:rsidP="00156FB3">
            <w:r>
              <w:t xml:space="preserve">         * @desc number of preload slides</w:t>
            </w:r>
          </w:p>
          <w:p w:rsidR="00156FB3" w:rsidRDefault="00156FB3" w:rsidP="00156FB3">
            <w:r>
              <w:t xml:space="preserve">         * will exicute only after the current slide is fully loaded.</w:t>
            </w:r>
          </w:p>
          <w:p w:rsidR="00156FB3" w:rsidRDefault="00156FB3" w:rsidP="00156FB3">
            <w:r>
              <w:t xml:space="preserve">         *</w:t>
            </w:r>
          </w:p>
          <w:p w:rsidR="00156FB3" w:rsidRDefault="00156FB3" w:rsidP="00156FB3">
            <w:r>
              <w:lastRenderedPageBreak/>
              <w:t xml:space="preserve">         * @ex you clicked on 4th image and if preload = 1 then 3rd slide and 5th</w:t>
            </w:r>
          </w:p>
          <w:p w:rsidR="00156FB3" w:rsidRDefault="00156FB3" w:rsidP="00156FB3">
            <w:r>
              <w:t xml:space="preserve">         * slide will be loaded in the background after the 4th slide is fully loaded..</w:t>
            </w:r>
          </w:p>
          <w:p w:rsidR="00156FB3" w:rsidRDefault="00156FB3" w:rsidP="00156FB3">
            <w:r>
              <w:t xml:space="preserve">         * if preload is 2 then 2nd 3rd 5th 6th slides will be preloaded.. ... ...</w:t>
            </w:r>
          </w:p>
          <w:p w:rsidR="00156FB3" w:rsidRDefault="00156FB3" w:rsidP="00156FB3">
            <w:r>
              <w:t xml:space="preserve">         *</w:t>
            </w:r>
          </w:p>
          <w:p w:rsidR="00156FB3" w:rsidRDefault="00156FB3" w:rsidP="00156FB3">
            <w:r>
              <w:t xml:space="preserve">         */</w:t>
            </w:r>
          </w:p>
          <w:p w:rsidR="00156FB3" w:rsidRDefault="00156FB3" w:rsidP="00156FB3">
            <w:r>
              <w:t xml:space="preserve">        preload: 1,</w:t>
            </w:r>
          </w:p>
          <w:p w:rsidR="00156FB3" w:rsidRDefault="00156FB3" w:rsidP="00156FB3">
            <w:r>
              <w:t xml:space="preserve">        showAfterLoad: true,</w:t>
            </w:r>
          </w:p>
          <w:p w:rsidR="00156FB3" w:rsidRDefault="00156FB3" w:rsidP="00156FB3">
            <w:r>
              <w:t xml:space="preserve">        selector: '',</w:t>
            </w:r>
          </w:p>
          <w:p w:rsidR="00156FB3" w:rsidRDefault="00156FB3" w:rsidP="00156FB3">
            <w:r>
              <w:t xml:space="preserve">        selectWithin: '',</w:t>
            </w:r>
          </w:p>
          <w:p w:rsidR="00156FB3" w:rsidRDefault="00156FB3" w:rsidP="00156FB3">
            <w:r>
              <w:t xml:space="preserve">        nextHtml: '',</w:t>
            </w:r>
          </w:p>
          <w:p w:rsidR="00156FB3" w:rsidRDefault="00156FB3" w:rsidP="00156FB3">
            <w:r>
              <w:t xml:space="preserve">        prevHtml: '',</w:t>
            </w:r>
          </w:p>
          <w:p w:rsidR="00156FB3" w:rsidRDefault="00156FB3" w:rsidP="00156FB3"/>
          <w:p w:rsidR="00156FB3" w:rsidRDefault="00156FB3" w:rsidP="00156FB3">
            <w:r>
              <w:t xml:space="preserve">        // 0, 1</w:t>
            </w:r>
          </w:p>
          <w:p w:rsidR="00156FB3" w:rsidRDefault="00156FB3" w:rsidP="00156FB3">
            <w:r>
              <w:t xml:space="preserve">        index: false,</w:t>
            </w:r>
          </w:p>
          <w:p w:rsidR="00156FB3" w:rsidRDefault="00156FB3" w:rsidP="00156FB3"/>
          <w:p w:rsidR="00156FB3" w:rsidRDefault="00156FB3" w:rsidP="00156FB3">
            <w:r>
              <w:t xml:space="preserve">        iframeMaxWidth: '100%',</w:t>
            </w:r>
          </w:p>
          <w:p w:rsidR="00156FB3" w:rsidRDefault="00156FB3" w:rsidP="00156FB3"/>
          <w:p w:rsidR="00156FB3" w:rsidRDefault="00156FB3" w:rsidP="00156FB3">
            <w:r>
              <w:t xml:space="preserve">        download: true,</w:t>
            </w:r>
          </w:p>
          <w:p w:rsidR="00156FB3" w:rsidRDefault="00156FB3" w:rsidP="00156FB3">
            <w:r>
              <w:t xml:space="preserve">        counter: true,</w:t>
            </w:r>
          </w:p>
          <w:p w:rsidR="00156FB3" w:rsidRDefault="00156FB3" w:rsidP="00156FB3">
            <w:r>
              <w:t xml:space="preserve">        appendCounterTo: '.lg-toolbar',</w:t>
            </w:r>
          </w:p>
          <w:p w:rsidR="00156FB3" w:rsidRDefault="00156FB3" w:rsidP="00156FB3"/>
          <w:p w:rsidR="00156FB3" w:rsidRDefault="00156FB3" w:rsidP="00156FB3">
            <w:r>
              <w:t xml:space="preserve">        swipeThreshold: 50,</w:t>
            </w:r>
          </w:p>
          <w:p w:rsidR="00156FB3" w:rsidRDefault="00156FB3" w:rsidP="00156FB3">
            <w:r>
              <w:t xml:space="preserve">        enableSwipe: true,</w:t>
            </w:r>
          </w:p>
          <w:p w:rsidR="00156FB3" w:rsidRDefault="00156FB3" w:rsidP="00156FB3">
            <w:r>
              <w:t xml:space="preserve">        enableDrag: true,</w:t>
            </w:r>
          </w:p>
          <w:p w:rsidR="00156FB3" w:rsidRDefault="00156FB3" w:rsidP="00156FB3"/>
          <w:p w:rsidR="00156FB3" w:rsidRDefault="00156FB3" w:rsidP="00156FB3">
            <w:r>
              <w:t xml:space="preserve">        dynamic: false,</w:t>
            </w:r>
          </w:p>
          <w:p w:rsidR="00156FB3" w:rsidRDefault="00156FB3" w:rsidP="00156FB3">
            <w:r>
              <w:t xml:space="preserve">        dynamicEl: [],</w:t>
            </w:r>
          </w:p>
          <w:p w:rsidR="00156FB3" w:rsidRDefault="00156FB3" w:rsidP="00156FB3">
            <w:r>
              <w:t xml:space="preserve">        galleryId: 1</w:t>
            </w:r>
          </w:p>
          <w:p w:rsidR="00156FB3" w:rsidRDefault="00156FB3" w:rsidP="00156FB3">
            <w:r>
              <w:t xml:space="preserve">    };</w:t>
            </w:r>
          </w:p>
          <w:p w:rsidR="00156FB3" w:rsidRDefault="00156FB3" w:rsidP="00156FB3"/>
          <w:p w:rsidR="00156FB3" w:rsidRDefault="00156FB3" w:rsidP="00156FB3">
            <w:r>
              <w:t xml:space="preserve">    function Plugin(element, options) {</w:t>
            </w:r>
          </w:p>
          <w:p w:rsidR="00156FB3" w:rsidRDefault="00156FB3" w:rsidP="00156FB3"/>
          <w:p w:rsidR="00156FB3" w:rsidRDefault="00156FB3" w:rsidP="00156FB3">
            <w:r>
              <w:t xml:space="preserve">        // Current lightGallery element</w:t>
            </w:r>
          </w:p>
          <w:p w:rsidR="00156FB3" w:rsidRDefault="00156FB3" w:rsidP="00156FB3">
            <w:r>
              <w:t xml:space="preserve">        this.el = element;</w:t>
            </w:r>
          </w:p>
          <w:p w:rsidR="00156FB3" w:rsidRDefault="00156FB3" w:rsidP="00156FB3"/>
          <w:p w:rsidR="00156FB3" w:rsidRDefault="00156FB3" w:rsidP="00156FB3">
            <w:r>
              <w:t xml:space="preserve">        // Current jquery element</w:t>
            </w:r>
          </w:p>
          <w:p w:rsidR="00156FB3" w:rsidRDefault="00156FB3" w:rsidP="00156FB3">
            <w:r>
              <w:t xml:space="preserve">        this.$el = $(element);</w:t>
            </w:r>
          </w:p>
          <w:p w:rsidR="00156FB3" w:rsidRDefault="00156FB3" w:rsidP="00156FB3"/>
          <w:p w:rsidR="00156FB3" w:rsidRDefault="00156FB3" w:rsidP="00156FB3">
            <w:r>
              <w:t xml:space="preserve">        // lightGallery settings</w:t>
            </w:r>
          </w:p>
          <w:p w:rsidR="00156FB3" w:rsidRDefault="00156FB3" w:rsidP="00156FB3">
            <w:r>
              <w:t xml:space="preserve">        this.s = $.extend({}, defaults, options);</w:t>
            </w:r>
          </w:p>
          <w:p w:rsidR="00156FB3" w:rsidRDefault="00156FB3" w:rsidP="00156FB3"/>
          <w:p w:rsidR="00156FB3" w:rsidRDefault="00156FB3" w:rsidP="00156FB3">
            <w:r>
              <w:t xml:space="preserve">        // When using dynamic mode, ensure dynamicEl is an array</w:t>
            </w:r>
          </w:p>
          <w:p w:rsidR="00156FB3" w:rsidRDefault="00156FB3" w:rsidP="00156FB3">
            <w:r>
              <w:t xml:space="preserve">        if (this.s.dynamic &amp;&amp; this.s.dynamicEl !== 'undefined' &amp;&amp; this.s.dynamicEl.constructor === Array &amp;&amp; !this.s.dynamicEl.length) {</w:t>
            </w:r>
          </w:p>
          <w:p w:rsidR="00156FB3" w:rsidRDefault="00156FB3" w:rsidP="00156FB3">
            <w:r>
              <w:t xml:space="preserve">            throw ('When using dynamic mode, you must also define dynamicEl as an Array.');</w:t>
            </w:r>
          </w:p>
          <w:p w:rsidR="00156FB3" w:rsidRDefault="00156FB3" w:rsidP="00156FB3">
            <w:r>
              <w:t xml:space="preserve">        }</w:t>
            </w:r>
          </w:p>
          <w:p w:rsidR="00156FB3" w:rsidRDefault="00156FB3" w:rsidP="00156FB3"/>
          <w:p w:rsidR="00156FB3" w:rsidRDefault="00156FB3" w:rsidP="00156FB3">
            <w:r>
              <w:t xml:space="preserve">        // lightGallery modules</w:t>
            </w:r>
          </w:p>
          <w:p w:rsidR="00156FB3" w:rsidRDefault="00156FB3" w:rsidP="00156FB3">
            <w:r>
              <w:lastRenderedPageBreak/>
              <w:t xml:space="preserve">        this.modules = {};</w:t>
            </w:r>
          </w:p>
          <w:p w:rsidR="00156FB3" w:rsidRDefault="00156FB3" w:rsidP="00156FB3"/>
          <w:p w:rsidR="00156FB3" w:rsidRDefault="00156FB3" w:rsidP="00156FB3">
            <w:r>
              <w:t xml:space="preserve">        // false when lightgallery complete first slide;</w:t>
            </w:r>
          </w:p>
          <w:p w:rsidR="00156FB3" w:rsidRDefault="00156FB3" w:rsidP="00156FB3">
            <w:r>
              <w:t xml:space="preserve">        this.lGalleryOn = false;</w:t>
            </w:r>
          </w:p>
          <w:p w:rsidR="00156FB3" w:rsidRDefault="00156FB3" w:rsidP="00156FB3"/>
          <w:p w:rsidR="00156FB3" w:rsidRDefault="00156FB3" w:rsidP="00156FB3">
            <w:r>
              <w:t xml:space="preserve">        this.lgBusy = false;</w:t>
            </w:r>
          </w:p>
          <w:p w:rsidR="00156FB3" w:rsidRDefault="00156FB3" w:rsidP="00156FB3"/>
          <w:p w:rsidR="00156FB3" w:rsidRDefault="00156FB3" w:rsidP="00156FB3">
            <w:r>
              <w:t xml:space="preserve">        // Timeout function for hiding controls;</w:t>
            </w:r>
          </w:p>
          <w:p w:rsidR="00156FB3" w:rsidRDefault="00156FB3" w:rsidP="00156FB3">
            <w:r>
              <w:t xml:space="preserve">        this.hideBartimeout = false;</w:t>
            </w:r>
          </w:p>
          <w:p w:rsidR="00156FB3" w:rsidRDefault="00156FB3" w:rsidP="00156FB3"/>
          <w:p w:rsidR="00156FB3" w:rsidRDefault="00156FB3" w:rsidP="00156FB3">
            <w:r>
              <w:t xml:space="preserve">        // To determine browser supports for touch events;</w:t>
            </w:r>
          </w:p>
          <w:p w:rsidR="00156FB3" w:rsidRDefault="00156FB3" w:rsidP="00156FB3">
            <w:r>
              <w:t xml:space="preserve">        this.isTouch = ('ontouchstart' in document.documentElement);</w:t>
            </w:r>
          </w:p>
          <w:p w:rsidR="00156FB3" w:rsidRDefault="00156FB3" w:rsidP="00156FB3"/>
          <w:p w:rsidR="00156FB3" w:rsidRDefault="00156FB3" w:rsidP="00156FB3">
            <w:r>
              <w:t xml:space="preserve">        // Disable hideControlOnEnd if sildeEndAnimation is true</w:t>
            </w:r>
          </w:p>
          <w:p w:rsidR="00156FB3" w:rsidRDefault="00156FB3" w:rsidP="00156FB3">
            <w:r>
              <w:t xml:space="preserve">        if (this.s.slideEndAnimatoin) {</w:t>
            </w:r>
          </w:p>
          <w:p w:rsidR="00156FB3" w:rsidRDefault="00156FB3" w:rsidP="00156FB3">
            <w:r>
              <w:t xml:space="preserve">            this.s.hideControlOnEnd = false;</w:t>
            </w:r>
          </w:p>
          <w:p w:rsidR="00156FB3" w:rsidRDefault="00156FB3" w:rsidP="00156FB3">
            <w:r>
              <w:t xml:space="preserve">        }</w:t>
            </w:r>
          </w:p>
          <w:p w:rsidR="00156FB3" w:rsidRDefault="00156FB3" w:rsidP="00156FB3"/>
          <w:p w:rsidR="00156FB3" w:rsidRDefault="00156FB3" w:rsidP="00156FB3">
            <w:r>
              <w:t xml:space="preserve">        // Gallery items</w:t>
            </w:r>
          </w:p>
          <w:p w:rsidR="00156FB3" w:rsidRDefault="00156FB3" w:rsidP="00156FB3">
            <w:r>
              <w:t xml:space="preserve">        if (this.s.dynamic) {</w:t>
            </w:r>
          </w:p>
          <w:p w:rsidR="00156FB3" w:rsidRDefault="00156FB3" w:rsidP="00156FB3">
            <w:r>
              <w:t xml:space="preserve">            this.$items = this.s.dynamicEl;</w:t>
            </w:r>
          </w:p>
          <w:p w:rsidR="00156FB3" w:rsidRDefault="00156FB3" w:rsidP="00156FB3">
            <w:r>
              <w:t xml:space="preserve">        } else {</w:t>
            </w:r>
          </w:p>
          <w:p w:rsidR="00156FB3" w:rsidRDefault="00156FB3" w:rsidP="00156FB3">
            <w:r>
              <w:t xml:space="preserve">            if (this.s.selector === 'this') {</w:t>
            </w:r>
          </w:p>
          <w:p w:rsidR="00156FB3" w:rsidRDefault="00156FB3" w:rsidP="00156FB3">
            <w:r>
              <w:t xml:space="preserve">                this.$items = this.$el;</w:t>
            </w:r>
          </w:p>
          <w:p w:rsidR="00156FB3" w:rsidRDefault="00156FB3" w:rsidP="00156FB3">
            <w:r>
              <w:t xml:space="preserve">            } else if (this.s.selector !== '') {</w:t>
            </w:r>
          </w:p>
          <w:p w:rsidR="00156FB3" w:rsidRDefault="00156FB3" w:rsidP="00156FB3">
            <w:r>
              <w:t xml:space="preserve">                if (this.s.selectWithin) {</w:t>
            </w:r>
          </w:p>
          <w:p w:rsidR="00156FB3" w:rsidRDefault="00156FB3" w:rsidP="00156FB3">
            <w:r>
              <w:t xml:space="preserve">                    this.$items = $(this.s.selectWithin).find(this.s.selector);</w:t>
            </w:r>
          </w:p>
          <w:p w:rsidR="00156FB3" w:rsidRDefault="00156FB3" w:rsidP="00156FB3">
            <w:r>
              <w:t xml:space="preserve">                } else {</w:t>
            </w:r>
          </w:p>
          <w:p w:rsidR="00156FB3" w:rsidRDefault="00156FB3" w:rsidP="00156FB3">
            <w:r>
              <w:t xml:space="preserve">                    this.$items = this.$el.find($(this.s.selector));</w:t>
            </w:r>
          </w:p>
          <w:p w:rsidR="00156FB3" w:rsidRDefault="00156FB3" w:rsidP="00156FB3">
            <w:r>
              <w:t xml:space="preserve">                }</w:t>
            </w:r>
          </w:p>
          <w:p w:rsidR="00156FB3" w:rsidRDefault="00156FB3" w:rsidP="00156FB3">
            <w:r>
              <w:t xml:space="preserve">            } else {</w:t>
            </w:r>
          </w:p>
          <w:p w:rsidR="00156FB3" w:rsidRDefault="00156FB3" w:rsidP="00156FB3">
            <w:r>
              <w:t xml:space="preserve">                this.$items = this.$el.children();</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lg-item</w:t>
            </w:r>
          </w:p>
          <w:p w:rsidR="00156FB3" w:rsidRDefault="00156FB3" w:rsidP="00156FB3">
            <w:r>
              <w:t xml:space="preserve">        this.$slide = '';</w:t>
            </w:r>
          </w:p>
          <w:p w:rsidR="00156FB3" w:rsidRDefault="00156FB3" w:rsidP="00156FB3"/>
          <w:p w:rsidR="00156FB3" w:rsidRDefault="00156FB3" w:rsidP="00156FB3">
            <w:r>
              <w:t xml:space="preserve">        // .lg-outer</w:t>
            </w:r>
          </w:p>
          <w:p w:rsidR="00156FB3" w:rsidRDefault="00156FB3" w:rsidP="00156FB3">
            <w:r>
              <w:t xml:space="preserve">        this.$outer = '';</w:t>
            </w:r>
          </w:p>
          <w:p w:rsidR="00156FB3" w:rsidRDefault="00156FB3" w:rsidP="00156FB3"/>
          <w:p w:rsidR="00156FB3" w:rsidRDefault="00156FB3" w:rsidP="00156FB3">
            <w:r>
              <w:t xml:space="preserve">        this.init();</w:t>
            </w:r>
          </w:p>
          <w:p w:rsidR="00156FB3" w:rsidRDefault="00156FB3" w:rsidP="00156FB3"/>
          <w:p w:rsidR="00156FB3" w:rsidRDefault="00156FB3" w:rsidP="00156FB3">
            <w:r>
              <w:t xml:space="preserve">        return this;</w:t>
            </w:r>
          </w:p>
          <w:p w:rsidR="00156FB3" w:rsidRDefault="00156FB3" w:rsidP="00156FB3">
            <w:r>
              <w:t xml:space="preserve">    }</w:t>
            </w:r>
          </w:p>
          <w:p w:rsidR="00156FB3" w:rsidRDefault="00156FB3" w:rsidP="00156FB3"/>
          <w:p w:rsidR="00156FB3" w:rsidRDefault="00156FB3" w:rsidP="00156FB3">
            <w:r>
              <w:t xml:space="preserve">    Plugin.prototype.init = function() {</w:t>
            </w:r>
          </w:p>
          <w:p w:rsidR="00156FB3" w:rsidRDefault="00156FB3" w:rsidP="00156FB3"/>
          <w:p w:rsidR="00156FB3" w:rsidRDefault="00156FB3" w:rsidP="00156FB3">
            <w:r>
              <w:lastRenderedPageBreak/>
              <w:t xml:space="preserve">        var _this = this;</w:t>
            </w:r>
          </w:p>
          <w:p w:rsidR="00156FB3" w:rsidRDefault="00156FB3" w:rsidP="00156FB3"/>
          <w:p w:rsidR="00156FB3" w:rsidRDefault="00156FB3" w:rsidP="00156FB3">
            <w:r>
              <w:t xml:space="preserve">        // s.preload should not be more than $item.length</w:t>
            </w:r>
          </w:p>
          <w:p w:rsidR="00156FB3" w:rsidRDefault="00156FB3" w:rsidP="00156FB3">
            <w:r>
              <w:t xml:space="preserve">        if (_this.s.preload &gt; _this.$items.length) {</w:t>
            </w:r>
          </w:p>
          <w:p w:rsidR="00156FB3" w:rsidRDefault="00156FB3" w:rsidP="00156FB3">
            <w:r>
              <w:t xml:space="preserve">            _this.s.preload = _this.$items.length;</w:t>
            </w:r>
          </w:p>
          <w:p w:rsidR="00156FB3" w:rsidRDefault="00156FB3" w:rsidP="00156FB3">
            <w:r>
              <w:t xml:space="preserve">        }</w:t>
            </w:r>
          </w:p>
          <w:p w:rsidR="00156FB3" w:rsidRDefault="00156FB3" w:rsidP="00156FB3"/>
          <w:p w:rsidR="00156FB3" w:rsidRDefault="00156FB3" w:rsidP="00156FB3">
            <w:r>
              <w:t xml:space="preserve">        // if dynamic option is enabled execute immediately</w:t>
            </w:r>
          </w:p>
          <w:p w:rsidR="00156FB3" w:rsidRDefault="00156FB3" w:rsidP="00156FB3">
            <w:r>
              <w:t xml:space="preserve">        var _hash = window.location.hash;</w:t>
            </w:r>
          </w:p>
          <w:p w:rsidR="00156FB3" w:rsidRDefault="00156FB3" w:rsidP="00156FB3">
            <w:r>
              <w:t xml:space="preserve">        if (_hash.indexOf('lg=' + this.s.galleryId) &gt; 0) {</w:t>
            </w:r>
          </w:p>
          <w:p w:rsidR="00156FB3" w:rsidRDefault="00156FB3" w:rsidP="00156FB3"/>
          <w:p w:rsidR="00156FB3" w:rsidRDefault="00156FB3" w:rsidP="00156FB3">
            <w:r>
              <w:t xml:space="preserve">            _this.index = parseInt(_hash.split('&amp;slide=')[1], 10);</w:t>
            </w:r>
          </w:p>
          <w:p w:rsidR="00156FB3" w:rsidRDefault="00156FB3" w:rsidP="00156FB3"/>
          <w:p w:rsidR="00156FB3" w:rsidRDefault="00156FB3" w:rsidP="00156FB3">
            <w:r>
              <w:t xml:space="preserve">            $('body').addClass('lg-from-hash');</w:t>
            </w:r>
          </w:p>
          <w:p w:rsidR="00156FB3" w:rsidRDefault="00156FB3" w:rsidP="00156FB3">
            <w:r>
              <w:t xml:space="preserve">            if (!$('body').hasClass('lg-on')) {</w:t>
            </w:r>
          </w:p>
          <w:p w:rsidR="00156FB3" w:rsidRDefault="00156FB3" w:rsidP="00156FB3">
            <w:r>
              <w:t xml:space="preserve">                setTimeout(function() {</w:t>
            </w:r>
          </w:p>
          <w:p w:rsidR="00156FB3" w:rsidRDefault="00156FB3" w:rsidP="00156FB3">
            <w:r>
              <w:t xml:space="preserve">                    _this.build(_this.index);</w:t>
            </w:r>
          </w:p>
          <w:p w:rsidR="00156FB3" w:rsidRDefault="00156FB3" w:rsidP="00156FB3">
            <w:r>
              <w:t xml:space="preserve">                });</w:t>
            </w:r>
          </w:p>
          <w:p w:rsidR="00156FB3" w:rsidRDefault="00156FB3" w:rsidP="00156FB3"/>
          <w:p w:rsidR="00156FB3" w:rsidRDefault="00156FB3" w:rsidP="00156FB3">
            <w:r>
              <w:t xml:space="preserve">                $('body').addClass('lg-on');</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if (_this.s.dynamic) {</w:t>
            </w:r>
          </w:p>
          <w:p w:rsidR="00156FB3" w:rsidRDefault="00156FB3" w:rsidP="00156FB3"/>
          <w:p w:rsidR="00156FB3" w:rsidRDefault="00156FB3" w:rsidP="00156FB3">
            <w:r>
              <w:t xml:space="preserve">            _this.$el.trigger('onBeforeOpen.lg');</w:t>
            </w:r>
          </w:p>
          <w:p w:rsidR="00156FB3" w:rsidRDefault="00156FB3" w:rsidP="00156FB3"/>
          <w:p w:rsidR="00156FB3" w:rsidRDefault="00156FB3" w:rsidP="00156FB3">
            <w:r>
              <w:t xml:space="preserve">            _this.index = _this.s.index || 0;</w:t>
            </w:r>
          </w:p>
          <w:p w:rsidR="00156FB3" w:rsidRDefault="00156FB3" w:rsidP="00156FB3"/>
          <w:p w:rsidR="00156FB3" w:rsidRDefault="00156FB3" w:rsidP="00156FB3">
            <w:r>
              <w:t xml:space="preserve">            // prevent accidental double execution</w:t>
            </w:r>
          </w:p>
          <w:p w:rsidR="00156FB3" w:rsidRDefault="00156FB3" w:rsidP="00156FB3">
            <w:r>
              <w:t xml:space="preserve">            if (!$('body').hasClass('lg-on')) {</w:t>
            </w:r>
          </w:p>
          <w:p w:rsidR="00156FB3" w:rsidRDefault="00156FB3" w:rsidP="00156FB3">
            <w:r>
              <w:t xml:space="preserve">                setTimeout(function() {</w:t>
            </w:r>
          </w:p>
          <w:p w:rsidR="00156FB3" w:rsidRDefault="00156FB3" w:rsidP="00156FB3">
            <w:r>
              <w:t xml:space="preserve">                    _this.build(_this.index);</w:t>
            </w:r>
          </w:p>
          <w:p w:rsidR="00156FB3" w:rsidRDefault="00156FB3" w:rsidP="00156FB3">
            <w:r>
              <w:t xml:space="preserve">                    $('body').addClass('lg-on');</w:t>
            </w:r>
          </w:p>
          <w:p w:rsidR="00156FB3" w:rsidRDefault="00156FB3" w:rsidP="00156FB3">
            <w:r>
              <w:t xml:space="preserve">                });</w:t>
            </w:r>
          </w:p>
          <w:p w:rsidR="00156FB3" w:rsidRDefault="00156FB3" w:rsidP="00156FB3">
            <w:r>
              <w:t xml:space="preserve">            }</w:t>
            </w:r>
          </w:p>
          <w:p w:rsidR="00156FB3" w:rsidRDefault="00156FB3" w:rsidP="00156FB3">
            <w:r>
              <w:t xml:space="preserve">        } else {</w:t>
            </w:r>
          </w:p>
          <w:p w:rsidR="00156FB3" w:rsidRDefault="00156FB3" w:rsidP="00156FB3"/>
          <w:p w:rsidR="00156FB3" w:rsidRDefault="00156FB3" w:rsidP="00156FB3">
            <w:r>
              <w:t xml:space="preserve">            // Using different namespace for click because click event should not unbind if selector is same object('this')</w:t>
            </w:r>
          </w:p>
          <w:p w:rsidR="00156FB3" w:rsidRDefault="00156FB3" w:rsidP="00156FB3">
            <w:r>
              <w:t xml:space="preserve">            _this.$items.on('click.lgcustom', function(event) {</w:t>
            </w:r>
          </w:p>
          <w:p w:rsidR="00156FB3" w:rsidRDefault="00156FB3" w:rsidP="00156FB3"/>
          <w:p w:rsidR="00156FB3" w:rsidRDefault="00156FB3" w:rsidP="00156FB3">
            <w:r>
              <w:t xml:space="preserve">                // For IE8</w:t>
            </w:r>
          </w:p>
          <w:p w:rsidR="00156FB3" w:rsidRDefault="00156FB3" w:rsidP="00156FB3">
            <w:r>
              <w:t xml:space="preserve">                try {</w:t>
            </w:r>
          </w:p>
          <w:p w:rsidR="00156FB3" w:rsidRDefault="00156FB3" w:rsidP="00156FB3">
            <w:r>
              <w:t xml:space="preserve">                    event.preventDefault();</w:t>
            </w:r>
          </w:p>
          <w:p w:rsidR="00156FB3" w:rsidRDefault="00156FB3" w:rsidP="00156FB3">
            <w:r>
              <w:t xml:space="preserve">                    event.preventDefault();</w:t>
            </w:r>
          </w:p>
          <w:p w:rsidR="00156FB3" w:rsidRDefault="00156FB3" w:rsidP="00156FB3">
            <w:r>
              <w:t xml:space="preserve">                } catch (er) {</w:t>
            </w:r>
          </w:p>
          <w:p w:rsidR="00156FB3" w:rsidRDefault="00156FB3" w:rsidP="00156FB3">
            <w:r>
              <w:t xml:space="preserve">                    event.returnValue = false;</w:t>
            </w:r>
          </w:p>
          <w:p w:rsidR="00156FB3" w:rsidRDefault="00156FB3" w:rsidP="00156FB3">
            <w:r>
              <w:lastRenderedPageBreak/>
              <w:t xml:space="preserve">                }</w:t>
            </w:r>
          </w:p>
          <w:p w:rsidR="00156FB3" w:rsidRDefault="00156FB3" w:rsidP="00156FB3"/>
          <w:p w:rsidR="00156FB3" w:rsidRDefault="00156FB3" w:rsidP="00156FB3">
            <w:r>
              <w:t xml:space="preserve">                _this.$el.trigger('onBeforeOpen.lg');</w:t>
            </w:r>
          </w:p>
          <w:p w:rsidR="00156FB3" w:rsidRDefault="00156FB3" w:rsidP="00156FB3"/>
          <w:p w:rsidR="00156FB3" w:rsidRDefault="00156FB3" w:rsidP="00156FB3">
            <w:r>
              <w:t xml:space="preserve">                _this.index = _this.s.index || _this.$items.index(this);</w:t>
            </w:r>
          </w:p>
          <w:p w:rsidR="00156FB3" w:rsidRDefault="00156FB3" w:rsidP="00156FB3"/>
          <w:p w:rsidR="00156FB3" w:rsidRDefault="00156FB3" w:rsidP="00156FB3">
            <w:r>
              <w:t xml:space="preserve">                // prevent accidental double execution</w:t>
            </w:r>
          </w:p>
          <w:p w:rsidR="00156FB3" w:rsidRDefault="00156FB3" w:rsidP="00156FB3">
            <w:r>
              <w:t xml:space="preserve">                if (!$('body').hasClass('lg-on')) {</w:t>
            </w:r>
          </w:p>
          <w:p w:rsidR="00156FB3" w:rsidRDefault="00156FB3" w:rsidP="00156FB3">
            <w:r>
              <w:t xml:space="preserve">                    _this.build(_this.index);</w:t>
            </w:r>
          </w:p>
          <w:p w:rsidR="00156FB3" w:rsidRDefault="00156FB3" w:rsidP="00156FB3">
            <w:r>
              <w:t xml:space="preserve">                    $('body').addClass('lg-on');</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Plugin.prototype.build = function(index) {</w:t>
            </w:r>
          </w:p>
          <w:p w:rsidR="00156FB3" w:rsidRDefault="00156FB3" w:rsidP="00156FB3"/>
          <w:p w:rsidR="00156FB3" w:rsidRDefault="00156FB3" w:rsidP="00156FB3">
            <w:r>
              <w:t xml:space="preserve">        var _this = this;</w:t>
            </w:r>
          </w:p>
          <w:p w:rsidR="00156FB3" w:rsidRDefault="00156FB3" w:rsidP="00156FB3"/>
          <w:p w:rsidR="00156FB3" w:rsidRDefault="00156FB3" w:rsidP="00156FB3">
            <w:r>
              <w:t xml:space="preserve">        _this.structure();</w:t>
            </w:r>
          </w:p>
          <w:p w:rsidR="00156FB3" w:rsidRDefault="00156FB3" w:rsidP="00156FB3"/>
          <w:p w:rsidR="00156FB3" w:rsidRDefault="00156FB3" w:rsidP="00156FB3">
            <w:r>
              <w:t xml:space="preserve">        // module constructor</w:t>
            </w:r>
          </w:p>
          <w:p w:rsidR="00156FB3" w:rsidRDefault="00156FB3" w:rsidP="00156FB3">
            <w:r>
              <w:t xml:space="preserve">        $.each($.fn.lightGallery.modules, function(key) {</w:t>
            </w:r>
          </w:p>
          <w:p w:rsidR="00156FB3" w:rsidRDefault="00156FB3" w:rsidP="00156FB3">
            <w:r>
              <w:t xml:space="preserve">            _this.modules[key] = new $.fn.lightGallery.modules[key](_this.el);</w:t>
            </w:r>
          </w:p>
          <w:p w:rsidR="00156FB3" w:rsidRDefault="00156FB3" w:rsidP="00156FB3">
            <w:r>
              <w:t xml:space="preserve">        });</w:t>
            </w:r>
          </w:p>
          <w:p w:rsidR="00156FB3" w:rsidRDefault="00156FB3" w:rsidP="00156FB3"/>
          <w:p w:rsidR="00156FB3" w:rsidRDefault="00156FB3" w:rsidP="00156FB3">
            <w:r>
              <w:t xml:space="preserve">        // initiate slide function</w:t>
            </w:r>
          </w:p>
          <w:p w:rsidR="00156FB3" w:rsidRDefault="00156FB3" w:rsidP="00156FB3">
            <w:r>
              <w:t xml:space="preserve">        _this.slide(index, false, false, false);</w:t>
            </w:r>
          </w:p>
          <w:p w:rsidR="00156FB3" w:rsidRDefault="00156FB3" w:rsidP="00156FB3"/>
          <w:p w:rsidR="00156FB3" w:rsidRDefault="00156FB3" w:rsidP="00156FB3">
            <w:r>
              <w:t xml:space="preserve">        if (_this.s.keyPress) {</w:t>
            </w:r>
          </w:p>
          <w:p w:rsidR="00156FB3" w:rsidRDefault="00156FB3" w:rsidP="00156FB3">
            <w:r>
              <w:t xml:space="preserve">            _this.keyPress();</w:t>
            </w:r>
          </w:p>
          <w:p w:rsidR="00156FB3" w:rsidRDefault="00156FB3" w:rsidP="00156FB3">
            <w:r>
              <w:t xml:space="preserve">        }</w:t>
            </w:r>
          </w:p>
          <w:p w:rsidR="00156FB3" w:rsidRDefault="00156FB3" w:rsidP="00156FB3"/>
          <w:p w:rsidR="00156FB3" w:rsidRDefault="00156FB3" w:rsidP="00156FB3">
            <w:r>
              <w:t xml:space="preserve">        if (_this.$items.length &gt; 1) {</w:t>
            </w:r>
          </w:p>
          <w:p w:rsidR="00156FB3" w:rsidRDefault="00156FB3" w:rsidP="00156FB3"/>
          <w:p w:rsidR="00156FB3" w:rsidRDefault="00156FB3" w:rsidP="00156FB3">
            <w:r>
              <w:t xml:space="preserve">            _this.arrow();</w:t>
            </w:r>
          </w:p>
          <w:p w:rsidR="00156FB3" w:rsidRDefault="00156FB3" w:rsidP="00156FB3"/>
          <w:p w:rsidR="00156FB3" w:rsidRDefault="00156FB3" w:rsidP="00156FB3">
            <w:r>
              <w:t xml:space="preserve">            setTimeout(function() {</w:t>
            </w:r>
          </w:p>
          <w:p w:rsidR="00156FB3" w:rsidRDefault="00156FB3" w:rsidP="00156FB3">
            <w:r>
              <w:t xml:space="preserve">                _this.enableDrag();</w:t>
            </w:r>
          </w:p>
          <w:p w:rsidR="00156FB3" w:rsidRDefault="00156FB3" w:rsidP="00156FB3">
            <w:r>
              <w:t xml:space="preserve">                _this.enableSwipe();</w:t>
            </w:r>
          </w:p>
          <w:p w:rsidR="00156FB3" w:rsidRDefault="00156FB3" w:rsidP="00156FB3">
            <w:r>
              <w:t xml:space="preserve">            }, 50);</w:t>
            </w:r>
          </w:p>
          <w:p w:rsidR="00156FB3" w:rsidRDefault="00156FB3" w:rsidP="00156FB3"/>
          <w:p w:rsidR="00156FB3" w:rsidRDefault="00156FB3" w:rsidP="00156FB3">
            <w:r>
              <w:t xml:space="preserve">            if (_this.s.mousewheel) {</w:t>
            </w:r>
          </w:p>
          <w:p w:rsidR="00156FB3" w:rsidRDefault="00156FB3" w:rsidP="00156FB3">
            <w:r>
              <w:t xml:space="preserve">                _this.mousewheel();</w:t>
            </w:r>
          </w:p>
          <w:p w:rsidR="00156FB3" w:rsidRDefault="00156FB3" w:rsidP="00156FB3">
            <w:r>
              <w:t xml:space="preserve">            }</w:t>
            </w:r>
          </w:p>
          <w:p w:rsidR="00156FB3" w:rsidRDefault="00156FB3" w:rsidP="00156FB3">
            <w:r>
              <w:t xml:space="preserve">        } else {</w:t>
            </w:r>
          </w:p>
          <w:p w:rsidR="00156FB3" w:rsidRDefault="00156FB3" w:rsidP="00156FB3">
            <w:r>
              <w:t xml:space="preserve">            _this.$slide.on('click.lg', function() {</w:t>
            </w:r>
          </w:p>
          <w:p w:rsidR="00156FB3" w:rsidRDefault="00156FB3" w:rsidP="00156FB3">
            <w:r>
              <w:lastRenderedPageBreak/>
              <w:t xml:space="preserve">                _this.$el.trigger('onSlideClick.lg');</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_this.counter();</w:t>
            </w:r>
          </w:p>
          <w:p w:rsidR="00156FB3" w:rsidRDefault="00156FB3" w:rsidP="00156FB3"/>
          <w:p w:rsidR="00156FB3" w:rsidRDefault="00156FB3" w:rsidP="00156FB3">
            <w:r>
              <w:t xml:space="preserve">        _this.closeGallery();</w:t>
            </w:r>
          </w:p>
          <w:p w:rsidR="00156FB3" w:rsidRDefault="00156FB3" w:rsidP="00156FB3"/>
          <w:p w:rsidR="00156FB3" w:rsidRDefault="00156FB3" w:rsidP="00156FB3">
            <w:r>
              <w:t xml:space="preserve">        _this.$el.trigger('onAfterOpen.lg');</w:t>
            </w:r>
          </w:p>
          <w:p w:rsidR="00156FB3" w:rsidRDefault="00156FB3" w:rsidP="00156FB3"/>
          <w:p w:rsidR="00156FB3" w:rsidRDefault="00156FB3" w:rsidP="00156FB3">
            <w:r>
              <w:t xml:space="preserve">        // Hide controllers if mouse doesn't move for some period</w:t>
            </w:r>
          </w:p>
          <w:p w:rsidR="00156FB3" w:rsidRDefault="00156FB3" w:rsidP="00156FB3">
            <w:r>
              <w:t xml:space="preserve">        _this.$outer.on('mousemove.lg click.lg touchstart.lg', function() {</w:t>
            </w:r>
          </w:p>
          <w:p w:rsidR="00156FB3" w:rsidRDefault="00156FB3" w:rsidP="00156FB3"/>
          <w:p w:rsidR="00156FB3" w:rsidRDefault="00156FB3" w:rsidP="00156FB3">
            <w:r>
              <w:t xml:space="preserve">            _this.$outer.removeClass('lg-hide-items');</w:t>
            </w:r>
          </w:p>
          <w:p w:rsidR="00156FB3" w:rsidRDefault="00156FB3" w:rsidP="00156FB3"/>
          <w:p w:rsidR="00156FB3" w:rsidRDefault="00156FB3" w:rsidP="00156FB3">
            <w:r>
              <w:t xml:space="preserve">            clearTimeout(_this.hideBartimeout);</w:t>
            </w:r>
          </w:p>
          <w:p w:rsidR="00156FB3" w:rsidRDefault="00156FB3" w:rsidP="00156FB3"/>
          <w:p w:rsidR="00156FB3" w:rsidRDefault="00156FB3" w:rsidP="00156FB3">
            <w:r>
              <w:t xml:space="preserve">            // Timeout will be cleared on each slide movement also</w:t>
            </w:r>
          </w:p>
          <w:p w:rsidR="00156FB3" w:rsidRDefault="00156FB3" w:rsidP="00156FB3">
            <w:r>
              <w:t xml:space="preserve">            _this.hideBartimeout = setTimeout(function() {</w:t>
            </w:r>
          </w:p>
          <w:p w:rsidR="00156FB3" w:rsidRDefault="00156FB3" w:rsidP="00156FB3">
            <w:r>
              <w:t xml:space="preserve">                _this.$outer.addClass('lg-hide-items');</w:t>
            </w:r>
          </w:p>
          <w:p w:rsidR="00156FB3" w:rsidRDefault="00156FB3" w:rsidP="00156FB3">
            <w:r>
              <w:t xml:space="preserve">            }, _this.s.hideBarsDelay);</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_this.$outer.trigger('mousemove.lg');</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Plugin.prototype.structure = function() {</w:t>
            </w:r>
          </w:p>
          <w:p w:rsidR="00156FB3" w:rsidRDefault="00156FB3" w:rsidP="00156FB3">
            <w:r>
              <w:t xml:space="preserve">        var list = '';</w:t>
            </w:r>
          </w:p>
          <w:p w:rsidR="00156FB3" w:rsidRDefault="00156FB3" w:rsidP="00156FB3">
            <w:r>
              <w:t xml:space="preserve">        var controls = '';</w:t>
            </w:r>
          </w:p>
          <w:p w:rsidR="00156FB3" w:rsidRDefault="00156FB3" w:rsidP="00156FB3">
            <w:r>
              <w:t xml:space="preserve">        var i = 0;</w:t>
            </w:r>
          </w:p>
          <w:p w:rsidR="00156FB3" w:rsidRDefault="00156FB3" w:rsidP="00156FB3">
            <w:r>
              <w:t xml:space="preserve">        var subHtmlCont = '';</w:t>
            </w:r>
          </w:p>
          <w:p w:rsidR="00156FB3" w:rsidRDefault="00156FB3" w:rsidP="00156FB3">
            <w:r>
              <w:t xml:space="preserve">        var template;</w:t>
            </w:r>
          </w:p>
          <w:p w:rsidR="00156FB3" w:rsidRDefault="00156FB3" w:rsidP="00156FB3">
            <w:r>
              <w:t xml:space="preserve">        var _this = this;</w:t>
            </w:r>
          </w:p>
          <w:p w:rsidR="00156FB3" w:rsidRDefault="00156FB3" w:rsidP="00156FB3"/>
          <w:p w:rsidR="00156FB3" w:rsidRDefault="00156FB3" w:rsidP="00156FB3">
            <w:r>
              <w:t xml:space="preserve">        $('body').append('&lt;div class="lg-backdrop"&gt;&lt;/div&gt;');</w:t>
            </w:r>
          </w:p>
          <w:p w:rsidR="00156FB3" w:rsidRDefault="00156FB3" w:rsidP="00156FB3">
            <w:r>
              <w:t xml:space="preserve">        $('.lg-backdrop').css('transition-duration', this.s.backdropDuration + 'ms');</w:t>
            </w:r>
          </w:p>
          <w:p w:rsidR="00156FB3" w:rsidRDefault="00156FB3" w:rsidP="00156FB3"/>
          <w:p w:rsidR="00156FB3" w:rsidRDefault="00156FB3" w:rsidP="00156FB3">
            <w:r>
              <w:t xml:space="preserve">        // Create gallery items</w:t>
            </w:r>
          </w:p>
          <w:p w:rsidR="00156FB3" w:rsidRDefault="00156FB3" w:rsidP="00156FB3">
            <w:r>
              <w:t xml:space="preserve">        for (i = 0; i &lt; this.$items.length; i++) {</w:t>
            </w:r>
          </w:p>
          <w:p w:rsidR="00156FB3" w:rsidRDefault="00156FB3" w:rsidP="00156FB3">
            <w:r>
              <w:t xml:space="preserve">            list += '&lt;div class="lg-item"&gt;&lt;/div&gt;';</w:t>
            </w:r>
          </w:p>
          <w:p w:rsidR="00156FB3" w:rsidRDefault="00156FB3" w:rsidP="00156FB3">
            <w:r>
              <w:t xml:space="preserve">        }</w:t>
            </w:r>
          </w:p>
          <w:p w:rsidR="00156FB3" w:rsidRDefault="00156FB3" w:rsidP="00156FB3"/>
          <w:p w:rsidR="00156FB3" w:rsidRDefault="00156FB3" w:rsidP="00156FB3">
            <w:r>
              <w:t xml:space="preserve">        // Create controlls</w:t>
            </w:r>
          </w:p>
          <w:p w:rsidR="00156FB3" w:rsidRDefault="00156FB3" w:rsidP="00156FB3">
            <w:r>
              <w:t xml:space="preserve">        if (this.s.controls &amp;&amp; this.$items.length &gt; 1) {</w:t>
            </w:r>
          </w:p>
          <w:p w:rsidR="00156FB3" w:rsidRDefault="00156FB3" w:rsidP="00156FB3">
            <w:r>
              <w:t xml:space="preserve">            controls = '&lt;div class="lg-actions"&gt;' +</w:t>
            </w:r>
          </w:p>
          <w:p w:rsidR="00156FB3" w:rsidRDefault="00156FB3" w:rsidP="00156FB3">
            <w:r>
              <w:t xml:space="preserve">                '&lt;button class="lg-prev lg-icon"&gt;' + this.s.prevHtml + '&lt;/button&gt;' +</w:t>
            </w:r>
          </w:p>
          <w:p w:rsidR="00156FB3" w:rsidRDefault="00156FB3" w:rsidP="00156FB3">
            <w:r>
              <w:lastRenderedPageBreak/>
              <w:t xml:space="preserve">                '&lt;button class="lg-next lg-icon"&gt;' + this.s.nextHtml + '&lt;/button&gt;' +</w:t>
            </w:r>
          </w:p>
          <w:p w:rsidR="00156FB3" w:rsidRDefault="00156FB3" w:rsidP="00156FB3">
            <w:r>
              <w:t xml:space="preserve">                '&lt;/div&gt;';</w:t>
            </w:r>
          </w:p>
          <w:p w:rsidR="00156FB3" w:rsidRDefault="00156FB3" w:rsidP="00156FB3">
            <w:r>
              <w:t xml:space="preserve">        }</w:t>
            </w:r>
          </w:p>
          <w:p w:rsidR="00156FB3" w:rsidRDefault="00156FB3" w:rsidP="00156FB3"/>
          <w:p w:rsidR="00156FB3" w:rsidRDefault="00156FB3" w:rsidP="00156FB3">
            <w:r>
              <w:t xml:space="preserve">        if (this.s.appendSubHtmlTo === '.lg-sub-html') {</w:t>
            </w:r>
          </w:p>
          <w:p w:rsidR="00156FB3" w:rsidRDefault="00156FB3" w:rsidP="00156FB3">
            <w:r>
              <w:t xml:space="preserve">            subHtmlCont = '&lt;div class="lg-sub-html"&gt;&lt;/div&gt;';</w:t>
            </w:r>
          </w:p>
          <w:p w:rsidR="00156FB3" w:rsidRDefault="00156FB3" w:rsidP="00156FB3">
            <w:r>
              <w:t xml:space="preserve">        }</w:t>
            </w:r>
          </w:p>
          <w:p w:rsidR="00156FB3" w:rsidRDefault="00156FB3" w:rsidP="00156FB3"/>
          <w:p w:rsidR="00156FB3" w:rsidRDefault="00156FB3" w:rsidP="00156FB3">
            <w:r>
              <w:t xml:space="preserve">        template = '&lt;div class="lg-outer ' + this.s.addClass + ' ' + this.s.startClass + '"&gt;' +</w:t>
            </w:r>
          </w:p>
          <w:p w:rsidR="00156FB3" w:rsidRDefault="00156FB3" w:rsidP="00156FB3">
            <w:r>
              <w:t xml:space="preserve">            '&lt;div class="lg" style="width:' + this.s.width + '; height:' + this.s.height + '"&gt;' +</w:t>
            </w:r>
          </w:p>
          <w:p w:rsidR="00156FB3" w:rsidRDefault="00156FB3" w:rsidP="00156FB3">
            <w:r>
              <w:t xml:space="preserve">            '&lt;div class="lg-inner"&gt;' + list + '&lt;/div&gt;' +</w:t>
            </w:r>
          </w:p>
          <w:p w:rsidR="00156FB3" w:rsidRDefault="00156FB3" w:rsidP="00156FB3">
            <w:r>
              <w:t xml:space="preserve">            '&lt;div class="lg-toolbar lg-group"&gt;' +</w:t>
            </w:r>
          </w:p>
          <w:p w:rsidR="00156FB3" w:rsidRDefault="00156FB3" w:rsidP="00156FB3">
            <w:r>
              <w:t xml:space="preserve">            '&lt;span class="lg-close lg-icon"&gt;&lt;/span&gt;' +</w:t>
            </w:r>
          </w:p>
          <w:p w:rsidR="00156FB3" w:rsidRDefault="00156FB3" w:rsidP="00156FB3">
            <w:r>
              <w:t xml:space="preserve">            '&lt;/div&gt;' +</w:t>
            </w:r>
          </w:p>
          <w:p w:rsidR="00156FB3" w:rsidRDefault="00156FB3" w:rsidP="00156FB3">
            <w:r>
              <w:t xml:space="preserve">            controls +</w:t>
            </w:r>
          </w:p>
          <w:p w:rsidR="00156FB3" w:rsidRDefault="00156FB3" w:rsidP="00156FB3">
            <w:r>
              <w:t xml:space="preserve">            subHtmlCont +</w:t>
            </w:r>
          </w:p>
          <w:p w:rsidR="00156FB3" w:rsidRDefault="00156FB3" w:rsidP="00156FB3">
            <w:r>
              <w:t xml:space="preserve">            '&lt;/div&gt;' +</w:t>
            </w:r>
          </w:p>
          <w:p w:rsidR="00156FB3" w:rsidRDefault="00156FB3" w:rsidP="00156FB3">
            <w:r>
              <w:t xml:space="preserve">            '&lt;/div&gt;';</w:t>
            </w:r>
          </w:p>
          <w:p w:rsidR="00156FB3" w:rsidRDefault="00156FB3" w:rsidP="00156FB3"/>
          <w:p w:rsidR="00156FB3" w:rsidRDefault="00156FB3" w:rsidP="00156FB3">
            <w:r>
              <w:t xml:space="preserve">        $('body').append(template);</w:t>
            </w:r>
          </w:p>
          <w:p w:rsidR="00156FB3" w:rsidRDefault="00156FB3" w:rsidP="00156FB3">
            <w:r>
              <w:t xml:space="preserve">        this.$outer = $('.lg-outer');</w:t>
            </w:r>
          </w:p>
          <w:p w:rsidR="00156FB3" w:rsidRDefault="00156FB3" w:rsidP="00156FB3">
            <w:r>
              <w:t xml:space="preserve">        this.$slide = this.$outer.find('.lg-item');</w:t>
            </w:r>
          </w:p>
          <w:p w:rsidR="00156FB3" w:rsidRDefault="00156FB3" w:rsidP="00156FB3"/>
          <w:p w:rsidR="00156FB3" w:rsidRDefault="00156FB3" w:rsidP="00156FB3">
            <w:r>
              <w:t xml:space="preserve">        if (this.s.useLeft) {</w:t>
            </w:r>
          </w:p>
          <w:p w:rsidR="00156FB3" w:rsidRDefault="00156FB3" w:rsidP="00156FB3">
            <w:r>
              <w:t xml:space="preserve">            this.$outer.addClass('lg-use-left');</w:t>
            </w:r>
          </w:p>
          <w:p w:rsidR="00156FB3" w:rsidRDefault="00156FB3" w:rsidP="00156FB3"/>
          <w:p w:rsidR="00156FB3" w:rsidRDefault="00156FB3" w:rsidP="00156FB3">
            <w:r>
              <w:t xml:space="preserve">            // Set mode lg-slide if use left is true;</w:t>
            </w:r>
          </w:p>
          <w:p w:rsidR="00156FB3" w:rsidRDefault="00156FB3" w:rsidP="00156FB3">
            <w:r>
              <w:t xml:space="preserve">            this.s.mode = 'lg-slide';</w:t>
            </w:r>
          </w:p>
          <w:p w:rsidR="00156FB3" w:rsidRDefault="00156FB3" w:rsidP="00156FB3">
            <w:r>
              <w:t xml:space="preserve">        } else {</w:t>
            </w:r>
          </w:p>
          <w:p w:rsidR="00156FB3" w:rsidRDefault="00156FB3" w:rsidP="00156FB3">
            <w:r>
              <w:t xml:space="preserve">            this.$outer.addClass('lg-use-css3');</w:t>
            </w:r>
          </w:p>
          <w:p w:rsidR="00156FB3" w:rsidRDefault="00156FB3" w:rsidP="00156FB3">
            <w:r>
              <w:t xml:space="preserve">        }</w:t>
            </w:r>
          </w:p>
          <w:p w:rsidR="00156FB3" w:rsidRDefault="00156FB3" w:rsidP="00156FB3"/>
          <w:p w:rsidR="00156FB3" w:rsidRDefault="00156FB3" w:rsidP="00156FB3">
            <w:r>
              <w:t xml:space="preserve">        // For fixed height gallery</w:t>
            </w:r>
          </w:p>
          <w:p w:rsidR="00156FB3" w:rsidRDefault="00156FB3" w:rsidP="00156FB3">
            <w:r>
              <w:t xml:space="preserve">        _this.setTop();</w:t>
            </w:r>
          </w:p>
          <w:p w:rsidR="00156FB3" w:rsidRDefault="00156FB3" w:rsidP="00156FB3">
            <w:r>
              <w:t xml:space="preserve">        $(window).on('resize.lg orientationchange.lg', function() {</w:t>
            </w:r>
          </w:p>
          <w:p w:rsidR="00156FB3" w:rsidRDefault="00156FB3" w:rsidP="00156FB3">
            <w:r>
              <w:t xml:space="preserve">            setTimeout(function() {</w:t>
            </w:r>
          </w:p>
          <w:p w:rsidR="00156FB3" w:rsidRDefault="00156FB3" w:rsidP="00156FB3">
            <w:r>
              <w:t xml:space="preserve">                _this.setTop();</w:t>
            </w:r>
          </w:p>
          <w:p w:rsidR="00156FB3" w:rsidRDefault="00156FB3" w:rsidP="00156FB3">
            <w:r>
              <w:t xml:space="preserve">            }, 100);</w:t>
            </w:r>
          </w:p>
          <w:p w:rsidR="00156FB3" w:rsidRDefault="00156FB3" w:rsidP="00156FB3">
            <w:r>
              <w:t xml:space="preserve">        });</w:t>
            </w:r>
          </w:p>
          <w:p w:rsidR="00156FB3" w:rsidRDefault="00156FB3" w:rsidP="00156FB3"/>
          <w:p w:rsidR="00156FB3" w:rsidRDefault="00156FB3" w:rsidP="00156FB3">
            <w:r>
              <w:t xml:space="preserve">        // add class lg-current to remove initial transition</w:t>
            </w:r>
          </w:p>
          <w:p w:rsidR="00156FB3" w:rsidRDefault="00156FB3" w:rsidP="00156FB3">
            <w:r>
              <w:t xml:space="preserve">        this.$slide.eq(this.index).addClass('lg-current');</w:t>
            </w:r>
          </w:p>
          <w:p w:rsidR="00156FB3" w:rsidRDefault="00156FB3" w:rsidP="00156FB3"/>
          <w:p w:rsidR="00156FB3" w:rsidRDefault="00156FB3" w:rsidP="00156FB3">
            <w:r>
              <w:t xml:space="preserve">        // add Class for css support and transition mode</w:t>
            </w:r>
          </w:p>
          <w:p w:rsidR="00156FB3" w:rsidRDefault="00156FB3" w:rsidP="00156FB3">
            <w:r>
              <w:t xml:space="preserve">        if (this.doCss()) {</w:t>
            </w:r>
          </w:p>
          <w:p w:rsidR="00156FB3" w:rsidRDefault="00156FB3" w:rsidP="00156FB3">
            <w:r>
              <w:t xml:space="preserve">            this.$outer.addClass('lg-css3');</w:t>
            </w:r>
          </w:p>
          <w:p w:rsidR="00156FB3" w:rsidRDefault="00156FB3" w:rsidP="00156FB3">
            <w:r>
              <w:t xml:space="preserve">        } else {</w:t>
            </w:r>
          </w:p>
          <w:p w:rsidR="00156FB3" w:rsidRDefault="00156FB3" w:rsidP="00156FB3">
            <w:r>
              <w:t xml:space="preserve">            this.$outer.addClass('lg-css');</w:t>
            </w:r>
          </w:p>
          <w:p w:rsidR="00156FB3" w:rsidRDefault="00156FB3" w:rsidP="00156FB3"/>
          <w:p w:rsidR="00156FB3" w:rsidRDefault="00156FB3" w:rsidP="00156FB3">
            <w:r>
              <w:t xml:space="preserve">            // Set speed 0 because no animation will happen if browser doesn't support css3</w:t>
            </w:r>
          </w:p>
          <w:p w:rsidR="00156FB3" w:rsidRDefault="00156FB3" w:rsidP="00156FB3">
            <w:r>
              <w:t xml:space="preserve">            this.s.speed = 0;</w:t>
            </w:r>
          </w:p>
          <w:p w:rsidR="00156FB3" w:rsidRDefault="00156FB3" w:rsidP="00156FB3">
            <w:r>
              <w:t xml:space="preserve">        }</w:t>
            </w:r>
          </w:p>
          <w:p w:rsidR="00156FB3" w:rsidRDefault="00156FB3" w:rsidP="00156FB3"/>
          <w:p w:rsidR="00156FB3" w:rsidRDefault="00156FB3" w:rsidP="00156FB3">
            <w:r>
              <w:t xml:space="preserve">        this.$outer.addClass(this.s.mode);</w:t>
            </w:r>
          </w:p>
          <w:p w:rsidR="00156FB3" w:rsidRDefault="00156FB3" w:rsidP="00156FB3"/>
          <w:p w:rsidR="00156FB3" w:rsidRDefault="00156FB3" w:rsidP="00156FB3">
            <w:r>
              <w:t xml:space="preserve">        if (this.s.enableDrag &amp;&amp; this.$items.length &gt; 1) {</w:t>
            </w:r>
          </w:p>
          <w:p w:rsidR="00156FB3" w:rsidRDefault="00156FB3" w:rsidP="00156FB3">
            <w:r>
              <w:t xml:space="preserve">            this.$outer.addClass('lg-grab');</w:t>
            </w:r>
          </w:p>
          <w:p w:rsidR="00156FB3" w:rsidRDefault="00156FB3" w:rsidP="00156FB3">
            <w:r>
              <w:t xml:space="preserve">        }</w:t>
            </w:r>
          </w:p>
          <w:p w:rsidR="00156FB3" w:rsidRDefault="00156FB3" w:rsidP="00156FB3"/>
          <w:p w:rsidR="00156FB3" w:rsidRDefault="00156FB3" w:rsidP="00156FB3">
            <w:r>
              <w:t xml:space="preserve">        if (this.s.showAfterLoad) {</w:t>
            </w:r>
          </w:p>
          <w:p w:rsidR="00156FB3" w:rsidRDefault="00156FB3" w:rsidP="00156FB3">
            <w:r>
              <w:t xml:space="preserve">            this.$outer.addClass('lg-show-after-load');</w:t>
            </w:r>
          </w:p>
          <w:p w:rsidR="00156FB3" w:rsidRDefault="00156FB3" w:rsidP="00156FB3">
            <w:r>
              <w:t xml:space="preserve">        }</w:t>
            </w:r>
          </w:p>
          <w:p w:rsidR="00156FB3" w:rsidRDefault="00156FB3" w:rsidP="00156FB3"/>
          <w:p w:rsidR="00156FB3" w:rsidRDefault="00156FB3" w:rsidP="00156FB3">
            <w:r>
              <w:t xml:space="preserve">        if (this.doCss()) {</w:t>
            </w:r>
          </w:p>
          <w:p w:rsidR="00156FB3" w:rsidRDefault="00156FB3" w:rsidP="00156FB3">
            <w:r>
              <w:t xml:space="preserve">            var $inner = this.$outer.find('.lg-inner');</w:t>
            </w:r>
          </w:p>
          <w:p w:rsidR="00156FB3" w:rsidRDefault="00156FB3" w:rsidP="00156FB3">
            <w:r>
              <w:t xml:space="preserve">            $inner.css('transition-timing-function', this.s.cssEasing);</w:t>
            </w:r>
          </w:p>
          <w:p w:rsidR="00156FB3" w:rsidRDefault="00156FB3" w:rsidP="00156FB3">
            <w:r>
              <w:t xml:space="preserve">            $inner.css('transition-duration', this.s.speed + 'ms');</w:t>
            </w:r>
          </w:p>
          <w:p w:rsidR="00156FB3" w:rsidRDefault="00156FB3" w:rsidP="00156FB3">
            <w:r>
              <w:t xml:space="preserve">        }</w:t>
            </w:r>
          </w:p>
          <w:p w:rsidR="00156FB3" w:rsidRDefault="00156FB3" w:rsidP="00156FB3"/>
          <w:p w:rsidR="00156FB3" w:rsidRDefault="00156FB3" w:rsidP="00156FB3">
            <w:r>
              <w:t xml:space="preserve">        setTimeout(function() {</w:t>
            </w:r>
          </w:p>
          <w:p w:rsidR="00156FB3" w:rsidRDefault="00156FB3" w:rsidP="00156FB3">
            <w:r>
              <w:t xml:space="preserve">            $('.lg-backdrop').addClass('in');</w:t>
            </w:r>
          </w:p>
          <w:p w:rsidR="00156FB3" w:rsidRDefault="00156FB3" w:rsidP="00156FB3">
            <w:r>
              <w:t xml:space="preserve">        });</w:t>
            </w:r>
          </w:p>
          <w:p w:rsidR="00156FB3" w:rsidRDefault="00156FB3" w:rsidP="00156FB3"/>
          <w:p w:rsidR="00156FB3" w:rsidRDefault="00156FB3" w:rsidP="00156FB3">
            <w:r>
              <w:t xml:space="preserve">        setTimeout(function() {</w:t>
            </w:r>
          </w:p>
          <w:p w:rsidR="00156FB3" w:rsidRDefault="00156FB3" w:rsidP="00156FB3">
            <w:r>
              <w:t xml:space="preserve">            _this.$outer.addClass('lg-visible');</w:t>
            </w:r>
          </w:p>
          <w:p w:rsidR="00156FB3" w:rsidRDefault="00156FB3" w:rsidP="00156FB3">
            <w:r>
              <w:t xml:space="preserve">        }, this.s.backdropDuration);</w:t>
            </w:r>
          </w:p>
          <w:p w:rsidR="00156FB3" w:rsidRDefault="00156FB3" w:rsidP="00156FB3"/>
          <w:p w:rsidR="00156FB3" w:rsidRDefault="00156FB3" w:rsidP="00156FB3">
            <w:r>
              <w:t xml:space="preserve">        if (this.s.download) {</w:t>
            </w:r>
          </w:p>
          <w:p w:rsidR="00156FB3" w:rsidRDefault="00156FB3" w:rsidP="00156FB3">
            <w:r>
              <w:t xml:space="preserve">            this.$outer.find('.lg-toolbar').append('&lt;a id="lg-download" target="_blank" download class="lg-download lg-icon"&gt;&lt;/a&gt;');</w:t>
            </w:r>
          </w:p>
          <w:p w:rsidR="00156FB3" w:rsidRDefault="00156FB3" w:rsidP="00156FB3">
            <w:r>
              <w:t xml:space="preserve">        }</w:t>
            </w:r>
          </w:p>
          <w:p w:rsidR="00156FB3" w:rsidRDefault="00156FB3" w:rsidP="00156FB3"/>
          <w:p w:rsidR="00156FB3" w:rsidRDefault="00156FB3" w:rsidP="00156FB3">
            <w:r>
              <w:t xml:space="preserve">        // Store the current scroll top value to scroll back after closing the gallery..</w:t>
            </w:r>
          </w:p>
          <w:p w:rsidR="00156FB3" w:rsidRDefault="00156FB3" w:rsidP="00156FB3">
            <w:r>
              <w:t xml:space="preserve">        this.prevScrollTop = $(window).scrollTop();</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 For fixed height gallery</w:t>
            </w:r>
          </w:p>
          <w:p w:rsidR="00156FB3" w:rsidRDefault="00156FB3" w:rsidP="00156FB3">
            <w:r>
              <w:t xml:space="preserve">    Plugin.prototype.setTop = function() {</w:t>
            </w:r>
          </w:p>
          <w:p w:rsidR="00156FB3" w:rsidRDefault="00156FB3" w:rsidP="00156FB3">
            <w:r>
              <w:t xml:space="preserve">        if (this.s.height !== '100%') {</w:t>
            </w:r>
          </w:p>
          <w:p w:rsidR="00156FB3" w:rsidRDefault="00156FB3" w:rsidP="00156FB3">
            <w:r>
              <w:t xml:space="preserve">            var wH = $(window).height();</w:t>
            </w:r>
          </w:p>
          <w:p w:rsidR="00156FB3" w:rsidRDefault="00156FB3" w:rsidP="00156FB3">
            <w:r>
              <w:t xml:space="preserve">            var top = (wH - parseInt(this.s.height, 10)) / 2;</w:t>
            </w:r>
          </w:p>
          <w:p w:rsidR="00156FB3" w:rsidRDefault="00156FB3" w:rsidP="00156FB3">
            <w:r>
              <w:t xml:space="preserve">            var $lGallery = this.$outer.find('.lg');</w:t>
            </w:r>
          </w:p>
          <w:p w:rsidR="00156FB3" w:rsidRDefault="00156FB3" w:rsidP="00156FB3">
            <w:r>
              <w:t xml:space="preserve">            if (wH &gt;= parseInt(this.s.height, 10)) {</w:t>
            </w:r>
          </w:p>
          <w:p w:rsidR="00156FB3" w:rsidRDefault="00156FB3" w:rsidP="00156FB3">
            <w:r>
              <w:t xml:space="preserve">                $lGallery.css('top', top + 'px');</w:t>
            </w:r>
          </w:p>
          <w:p w:rsidR="00156FB3" w:rsidRDefault="00156FB3" w:rsidP="00156FB3">
            <w:r>
              <w:t xml:space="preserve">            } else {</w:t>
            </w:r>
          </w:p>
          <w:p w:rsidR="00156FB3" w:rsidRDefault="00156FB3" w:rsidP="00156FB3">
            <w:r>
              <w:lastRenderedPageBreak/>
              <w:t xml:space="preserve">                $lGallery.css('top', '0px');</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Find css3 support</w:t>
            </w:r>
          </w:p>
          <w:p w:rsidR="00156FB3" w:rsidRDefault="00156FB3" w:rsidP="00156FB3">
            <w:r>
              <w:t xml:space="preserve">    Plugin.prototype.doCss = function() {</w:t>
            </w:r>
          </w:p>
          <w:p w:rsidR="00156FB3" w:rsidRDefault="00156FB3" w:rsidP="00156FB3">
            <w:r>
              <w:t xml:space="preserve">        // check for css animation support</w:t>
            </w:r>
          </w:p>
          <w:p w:rsidR="00156FB3" w:rsidRDefault="00156FB3" w:rsidP="00156FB3">
            <w:r>
              <w:t xml:space="preserve">        var support = function() {</w:t>
            </w:r>
          </w:p>
          <w:p w:rsidR="00156FB3" w:rsidRDefault="00156FB3" w:rsidP="00156FB3">
            <w:r>
              <w:t xml:space="preserve">            var transition = ['transition', 'MozTransition', 'WebkitTransition', 'OTransition', 'msTransition', 'KhtmlTransition'];</w:t>
            </w:r>
          </w:p>
          <w:p w:rsidR="00156FB3" w:rsidRDefault="00156FB3" w:rsidP="00156FB3">
            <w:r>
              <w:t xml:space="preserve">            var root = document.documentElement;</w:t>
            </w:r>
          </w:p>
          <w:p w:rsidR="00156FB3" w:rsidRDefault="00156FB3" w:rsidP="00156FB3">
            <w:r>
              <w:t xml:space="preserve">            var i = 0;</w:t>
            </w:r>
          </w:p>
          <w:p w:rsidR="00156FB3" w:rsidRDefault="00156FB3" w:rsidP="00156FB3">
            <w:r>
              <w:t xml:space="preserve">            for (i = 0; i &lt; transition.length; i++) {</w:t>
            </w:r>
          </w:p>
          <w:p w:rsidR="00156FB3" w:rsidRDefault="00156FB3" w:rsidP="00156FB3">
            <w:r>
              <w:t xml:space="preserve">                if (transition[i] in root.style) {</w:t>
            </w:r>
          </w:p>
          <w:p w:rsidR="00156FB3" w:rsidRDefault="00156FB3" w:rsidP="00156FB3">
            <w:r>
              <w:t xml:space="preserve">                    return true;</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if (support()) {</w:t>
            </w:r>
          </w:p>
          <w:p w:rsidR="00156FB3" w:rsidRDefault="00156FB3" w:rsidP="00156FB3">
            <w:r>
              <w:t xml:space="preserve">            return true;</w:t>
            </w:r>
          </w:p>
          <w:p w:rsidR="00156FB3" w:rsidRDefault="00156FB3" w:rsidP="00156FB3">
            <w:r>
              <w:t xml:space="preserve">        }</w:t>
            </w:r>
          </w:p>
          <w:p w:rsidR="00156FB3" w:rsidRDefault="00156FB3" w:rsidP="00156FB3"/>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desc Check the given src is video</w:t>
            </w:r>
          </w:p>
          <w:p w:rsidR="00156FB3" w:rsidRDefault="00156FB3" w:rsidP="00156FB3">
            <w:r>
              <w:t xml:space="preserve">     *  @param {String} src</w:t>
            </w:r>
          </w:p>
          <w:p w:rsidR="00156FB3" w:rsidRDefault="00156FB3" w:rsidP="00156FB3">
            <w:r>
              <w:t xml:space="preserve">     *  @return {Object} video type</w:t>
            </w:r>
          </w:p>
          <w:p w:rsidR="00156FB3" w:rsidRDefault="00156FB3" w:rsidP="00156FB3">
            <w:r>
              <w:t xml:space="preserve">     *  Ex:{ youtube  :  ["//www.youtube.com/watch?v=c0asJgSyxcY", "c0asJgSyxcY"] }</w:t>
            </w:r>
          </w:p>
          <w:p w:rsidR="00156FB3" w:rsidRDefault="00156FB3" w:rsidP="00156FB3">
            <w:r>
              <w:t xml:space="preserve">     */</w:t>
            </w:r>
          </w:p>
          <w:p w:rsidR="00156FB3" w:rsidRDefault="00156FB3" w:rsidP="00156FB3">
            <w:r>
              <w:t xml:space="preserve">    Plugin.prototype.isVideo = function(src, index) {</w:t>
            </w:r>
          </w:p>
          <w:p w:rsidR="00156FB3" w:rsidRDefault="00156FB3" w:rsidP="00156FB3"/>
          <w:p w:rsidR="00156FB3" w:rsidRDefault="00156FB3" w:rsidP="00156FB3">
            <w:r>
              <w:t xml:space="preserve">        var html;</w:t>
            </w:r>
          </w:p>
          <w:p w:rsidR="00156FB3" w:rsidRDefault="00156FB3" w:rsidP="00156FB3">
            <w:r>
              <w:t xml:space="preserve">        if (this.s.dynamic) {</w:t>
            </w:r>
          </w:p>
          <w:p w:rsidR="00156FB3" w:rsidRDefault="00156FB3" w:rsidP="00156FB3">
            <w:r>
              <w:t xml:space="preserve">            html = this.s.dynamicEl[index].html;</w:t>
            </w:r>
          </w:p>
          <w:p w:rsidR="00156FB3" w:rsidRDefault="00156FB3" w:rsidP="00156FB3">
            <w:r>
              <w:t xml:space="preserve">        } else {</w:t>
            </w:r>
          </w:p>
          <w:p w:rsidR="00156FB3" w:rsidRDefault="00156FB3" w:rsidP="00156FB3">
            <w:r>
              <w:t xml:space="preserve">            html = this.$items.eq(index).attr('data-html');</w:t>
            </w:r>
          </w:p>
          <w:p w:rsidR="00156FB3" w:rsidRDefault="00156FB3" w:rsidP="00156FB3">
            <w:r>
              <w:t xml:space="preserve">        }</w:t>
            </w:r>
          </w:p>
          <w:p w:rsidR="00156FB3" w:rsidRDefault="00156FB3" w:rsidP="00156FB3"/>
          <w:p w:rsidR="00156FB3" w:rsidRDefault="00156FB3" w:rsidP="00156FB3">
            <w:r>
              <w:t xml:space="preserve">        if (!src) {</w:t>
            </w:r>
          </w:p>
          <w:p w:rsidR="00156FB3" w:rsidRDefault="00156FB3" w:rsidP="00156FB3">
            <w:r>
              <w:t xml:space="preserve">            if(html) {</w:t>
            </w:r>
          </w:p>
          <w:p w:rsidR="00156FB3" w:rsidRDefault="00156FB3" w:rsidP="00156FB3">
            <w:r>
              <w:t xml:space="preserve">                return {</w:t>
            </w:r>
          </w:p>
          <w:p w:rsidR="00156FB3" w:rsidRDefault="00156FB3" w:rsidP="00156FB3">
            <w:r>
              <w:t xml:space="preserve">                    html5: true</w:t>
            </w:r>
          </w:p>
          <w:p w:rsidR="00156FB3" w:rsidRDefault="00156FB3" w:rsidP="00156FB3">
            <w:r>
              <w:t xml:space="preserve">                };</w:t>
            </w:r>
          </w:p>
          <w:p w:rsidR="00156FB3" w:rsidRDefault="00156FB3" w:rsidP="00156FB3">
            <w:r>
              <w:t xml:space="preserve">            } else {</w:t>
            </w:r>
          </w:p>
          <w:p w:rsidR="00156FB3" w:rsidRDefault="00156FB3" w:rsidP="00156FB3">
            <w:r>
              <w:lastRenderedPageBreak/>
              <w:t xml:space="preserve">                console.error('lightGallery :- data-src is not pvovided on slide item ' + (index + 1) + '. Please make sure the selector property is properly configured. More info - http://sachinchoolur.github.io/lightGallery/demos/html-markup.html');</w:t>
            </w:r>
          </w:p>
          <w:p w:rsidR="00156FB3" w:rsidRDefault="00156FB3" w:rsidP="00156FB3">
            <w:r>
              <w:t xml:space="preserve">                return fals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youtube = src.match(/\/\/(?:www\.)?youtu(?:\.be|be\.com|be-nocookie\.com)\/(?:watch\?v=|embed\/)?([a-z0-9\-\_\%]+)/i);</w:t>
            </w:r>
          </w:p>
          <w:p w:rsidR="00156FB3" w:rsidRDefault="00156FB3" w:rsidP="00156FB3">
            <w:r>
              <w:t xml:space="preserve">        var vimeo = src.match(/\/\/(?:www\.)?vimeo.com\/([0-9a-z\-_]+)/i);</w:t>
            </w:r>
          </w:p>
          <w:p w:rsidR="00156FB3" w:rsidRDefault="00156FB3" w:rsidP="00156FB3">
            <w:r>
              <w:t xml:space="preserve">        var dailymotion = src.match(/\/\/(?:www\.)?dai.ly\/([0-9a-z\-_]+)/i);</w:t>
            </w:r>
          </w:p>
          <w:p w:rsidR="00156FB3" w:rsidRDefault="00156FB3" w:rsidP="00156FB3">
            <w:r>
              <w:t xml:space="preserve">        var vk = src.match(/\/\/(?:www\.)?(?:vk\.com|vkontakte\.ru)\/(?:video_ext\.php\?)(.*)/i);</w:t>
            </w:r>
          </w:p>
          <w:p w:rsidR="00156FB3" w:rsidRDefault="00156FB3" w:rsidP="00156FB3"/>
          <w:p w:rsidR="00156FB3" w:rsidRDefault="00156FB3" w:rsidP="00156FB3">
            <w:r>
              <w:t xml:space="preserve">        if (youtube) {</w:t>
            </w:r>
          </w:p>
          <w:p w:rsidR="00156FB3" w:rsidRDefault="00156FB3" w:rsidP="00156FB3">
            <w:r>
              <w:t xml:space="preserve">            return {</w:t>
            </w:r>
          </w:p>
          <w:p w:rsidR="00156FB3" w:rsidRDefault="00156FB3" w:rsidP="00156FB3">
            <w:r>
              <w:t xml:space="preserve">                youtube: youtube</w:t>
            </w:r>
          </w:p>
          <w:p w:rsidR="00156FB3" w:rsidRDefault="00156FB3" w:rsidP="00156FB3">
            <w:r>
              <w:t xml:space="preserve">            };</w:t>
            </w:r>
          </w:p>
          <w:p w:rsidR="00156FB3" w:rsidRDefault="00156FB3" w:rsidP="00156FB3">
            <w:r>
              <w:t xml:space="preserve">        } else if (vimeo) {</w:t>
            </w:r>
          </w:p>
          <w:p w:rsidR="00156FB3" w:rsidRDefault="00156FB3" w:rsidP="00156FB3">
            <w:r>
              <w:t xml:space="preserve">            return {</w:t>
            </w:r>
          </w:p>
          <w:p w:rsidR="00156FB3" w:rsidRDefault="00156FB3" w:rsidP="00156FB3">
            <w:r>
              <w:t xml:space="preserve">                vimeo: vimeo</w:t>
            </w:r>
          </w:p>
          <w:p w:rsidR="00156FB3" w:rsidRDefault="00156FB3" w:rsidP="00156FB3">
            <w:r>
              <w:t xml:space="preserve">            };</w:t>
            </w:r>
          </w:p>
          <w:p w:rsidR="00156FB3" w:rsidRDefault="00156FB3" w:rsidP="00156FB3">
            <w:r>
              <w:t xml:space="preserve">        } else if (dailymotion) {</w:t>
            </w:r>
          </w:p>
          <w:p w:rsidR="00156FB3" w:rsidRDefault="00156FB3" w:rsidP="00156FB3">
            <w:r>
              <w:t xml:space="preserve">            return {</w:t>
            </w:r>
          </w:p>
          <w:p w:rsidR="00156FB3" w:rsidRDefault="00156FB3" w:rsidP="00156FB3">
            <w:r>
              <w:t xml:space="preserve">                dailymotion: dailymotion</w:t>
            </w:r>
          </w:p>
          <w:p w:rsidR="00156FB3" w:rsidRDefault="00156FB3" w:rsidP="00156FB3">
            <w:r>
              <w:t xml:space="preserve">            };</w:t>
            </w:r>
          </w:p>
          <w:p w:rsidR="00156FB3" w:rsidRDefault="00156FB3" w:rsidP="00156FB3">
            <w:r>
              <w:t xml:space="preserve">        } else if (vk) {</w:t>
            </w:r>
          </w:p>
          <w:p w:rsidR="00156FB3" w:rsidRDefault="00156FB3" w:rsidP="00156FB3">
            <w:r>
              <w:t xml:space="preserve">            return {</w:t>
            </w:r>
          </w:p>
          <w:p w:rsidR="00156FB3" w:rsidRDefault="00156FB3" w:rsidP="00156FB3">
            <w:r>
              <w:t xml:space="preserve">                vk: vk</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desc Create image counter</w:t>
            </w:r>
          </w:p>
          <w:p w:rsidR="00156FB3" w:rsidRDefault="00156FB3" w:rsidP="00156FB3">
            <w:r>
              <w:t xml:space="preserve">     *  Ex: 1/10</w:t>
            </w:r>
          </w:p>
          <w:p w:rsidR="00156FB3" w:rsidRDefault="00156FB3" w:rsidP="00156FB3">
            <w:r>
              <w:t xml:space="preserve">     */</w:t>
            </w:r>
          </w:p>
          <w:p w:rsidR="00156FB3" w:rsidRDefault="00156FB3" w:rsidP="00156FB3">
            <w:r>
              <w:t xml:space="preserve">    Plugin.prototype.counter = function() {</w:t>
            </w:r>
          </w:p>
          <w:p w:rsidR="00156FB3" w:rsidRDefault="00156FB3" w:rsidP="00156FB3">
            <w:r>
              <w:t xml:space="preserve">        if (this.s.counter) {</w:t>
            </w:r>
          </w:p>
          <w:p w:rsidR="00156FB3" w:rsidRDefault="00156FB3" w:rsidP="00156FB3">
            <w:r>
              <w:t xml:space="preserve">            $(this.s.appendCounterTo).append('&lt;div id="lg-counter"&gt;&lt;span id="lg-counter-current"&gt;' + (parseInt(this.index, 10) + 1) + '&lt;/span&gt; / &lt;span id="lg-counter-all"&gt;' + this.$items.length + '&lt;/span&gt;&lt;/div&g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desc add sub-html into the slide</w:t>
            </w:r>
          </w:p>
          <w:p w:rsidR="00156FB3" w:rsidRDefault="00156FB3" w:rsidP="00156FB3">
            <w:r>
              <w:t xml:space="preserve">     *  @param {Number} index - index of the slide</w:t>
            </w:r>
          </w:p>
          <w:p w:rsidR="00156FB3" w:rsidRDefault="00156FB3" w:rsidP="00156FB3">
            <w:r>
              <w:t xml:space="preserve">     */</w:t>
            </w:r>
          </w:p>
          <w:p w:rsidR="00156FB3" w:rsidRDefault="00156FB3" w:rsidP="00156FB3">
            <w:r>
              <w:lastRenderedPageBreak/>
              <w:t xml:space="preserve">    Plugin.prototype.addHtml = function(index) {</w:t>
            </w:r>
          </w:p>
          <w:p w:rsidR="00156FB3" w:rsidRDefault="00156FB3" w:rsidP="00156FB3">
            <w:r>
              <w:t xml:space="preserve">        var subHtml = null;</w:t>
            </w:r>
          </w:p>
          <w:p w:rsidR="00156FB3" w:rsidRDefault="00156FB3" w:rsidP="00156FB3">
            <w:r>
              <w:t xml:space="preserve">        var subHtmlUrl;</w:t>
            </w:r>
          </w:p>
          <w:p w:rsidR="00156FB3" w:rsidRDefault="00156FB3" w:rsidP="00156FB3">
            <w:r>
              <w:t xml:space="preserve">        var $currentEle;</w:t>
            </w:r>
          </w:p>
          <w:p w:rsidR="00156FB3" w:rsidRDefault="00156FB3" w:rsidP="00156FB3">
            <w:r>
              <w:t xml:space="preserve">        if (this.s.dynamic) {</w:t>
            </w:r>
          </w:p>
          <w:p w:rsidR="00156FB3" w:rsidRDefault="00156FB3" w:rsidP="00156FB3">
            <w:r>
              <w:t xml:space="preserve">            if (this.s.dynamicEl[index].subHtmlUrl) {</w:t>
            </w:r>
          </w:p>
          <w:p w:rsidR="00156FB3" w:rsidRDefault="00156FB3" w:rsidP="00156FB3">
            <w:r>
              <w:t xml:space="preserve">                subHtmlUrl = this.s.dynamicEl[index].subHtmlUrl;</w:t>
            </w:r>
          </w:p>
          <w:p w:rsidR="00156FB3" w:rsidRDefault="00156FB3" w:rsidP="00156FB3">
            <w:r>
              <w:t xml:space="preserve">            } else {</w:t>
            </w:r>
          </w:p>
          <w:p w:rsidR="00156FB3" w:rsidRDefault="00156FB3" w:rsidP="00156FB3">
            <w:r>
              <w:t xml:space="preserve">                subHtml = this.s.dynamicEl[index].subHtml;</w:t>
            </w:r>
          </w:p>
          <w:p w:rsidR="00156FB3" w:rsidRDefault="00156FB3" w:rsidP="00156FB3">
            <w:r>
              <w:t xml:space="preserve">            }</w:t>
            </w:r>
          </w:p>
          <w:p w:rsidR="00156FB3" w:rsidRDefault="00156FB3" w:rsidP="00156FB3">
            <w:r>
              <w:t xml:space="preserve">        } else {</w:t>
            </w:r>
          </w:p>
          <w:p w:rsidR="00156FB3" w:rsidRDefault="00156FB3" w:rsidP="00156FB3">
            <w:r>
              <w:t xml:space="preserve">            $currentEle = this.$items.eq(index);</w:t>
            </w:r>
          </w:p>
          <w:p w:rsidR="00156FB3" w:rsidRDefault="00156FB3" w:rsidP="00156FB3">
            <w:r>
              <w:t xml:space="preserve">            if ($currentEle.attr('data-sub-html-url')) {</w:t>
            </w:r>
          </w:p>
          <w:p w:rsidR="00156FB3" w:rsidRDefault="00156FB3" w:rsidP="00156FB3">
            <w:r>
              <w:t xml:space="preserve">                subHtmlUrl = $currentEle.attr('data-sub-html-url');</w:t>
            </w:r>
          </w:p>
          <w:p w:rsidR="00156FB3" w:rsidRDefault="00156FB3" w:rsidP="00156FB3">
            <w:r>
              <w:t xml:space="preserve">            } else {</w:t>
            </w:r>
          </w:p>
          <w:p w:rsidR="00156FB3" w:rsidRDefault="00156FB3" w:rsidP="00156FB3">
            <w:r>
              <w:t xml:space="preserve">                subHtml = $currentEle.attr('data-sub-html');</w:t>
            </w:r>
          </w:p>
          <w:p w:rsidR="00156FB3" w:rsidRDefault="00156FB3" w:rsidP="00156FB3">
            <w:r>
              <w:t xml:space="preserve">                if (this.s.getCaptionFromTitleOrAlt &amp;&amp; !subHtml) {</w:t>
            </w:r>
          </w:p>
          <w:p w:rsidR="00156FB3" w:rsidRDefault="00156FB3" w:rsidP="00156FB3">
            <w:r>
              <w:t xml:space="preserve">                    subHtml = $currentEle.attr('title') || $currentEle.find('img').first().attr('alt');</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if (!subHtmlUrl) {</w:t>
            </w:r>
          </w:p>
          <w:p w:rsidR="00156FB3" w:rsidRDefault="00156FB3" w:rsidP="00156FB3">
            <w:r>
              <w:t xml:space="preserve">            if (typeof subHtml !== 'undefined' &amp;&amp; subHtml !== null) {</w:t>
            </w:r>
          </w:p>
          <w:p w:rsidR="00156FB3" w:rsidRDefault="00156FB3" w:rsidP="00156FB3"/>
          <w:p w:rsidR="00156FB3" w:rsidRDefault="00156FB3" w:rsidP="00156FB3">
            <w:r>
              <w:t xml:space="preserve">                // get first letter of subhtml</w:t>
            </w:r>
          </w:p>
          <w:p w:rsidR="00156FB3" w:rsidRDefault="00156FB3" w:rsidP="00156FB3">
            <w:r>
              <w:t xml:space="preserve">                // if first letter starts with . or # get the html form the jQuery object</w:t>
            </w:r>
          </w:p>
          <w:p w:rsidR="00156FB3" w:rsidRDefault="00156FB3" w:rsidP="00156FB3">
            <w:r>
              <w:t xml:space="preserve">                var fL = subHtml.substring(0, 1);</w:t>
            </w:r>
          </w:p>
          <w:p w:rsidR="00156FB3" w:rsidRDefault="00156FB3" w:rsidP="00156FB3">
            <w:r>
              <w:t xml:space="preserve">                if (fL === '.' || fL === '#') {</w:t>
            </w:r>
          </w:p>
          <w:p w:rsidR="00156FB3" w:rsidRDefault="00156FB3" w:rsidP="00156FB3">
            <w:r>
              <w:t xml:space="preserve">                    if (this.s.subHtmlSelectorRelative &amp;&amp; !this.s.dynamic) {</w:t>
            </w:r>
          </w:p>
          <w:p w:rsidR="00156FB3" w:rsidRDefault="00156FB3" w:rsidP="00156FB3">
            <w:r>
              <w:t xml:space="preserve">                        subHtml = $currentEle.find(subHtml).html();</w:t>
            </w:r>
          </w:p>
          <w:p w:rsidR="00156FB3" w:rsidRDefault="00156FB3" w:rsidP="00156FB3">
            <w:r>
              <w:t xml:space="preserve">                    } else {</w:t>
            </w:r>
          </w:p>
          <w:p w:rsidR="00156FB3" w:rsidRDefault="00156FB3" w:rsidP="00156FB3">
            <w:r>
              <w:t xml:space="preserve">                        subHtml = $(subHtml).html();</w:t>
            </w:r>
          </w:p>
          <w:p w:rsidR="00156FB3" w:rsidRDefault="00156FB3" w:rsidP="00156FB3">
            <w:r>
              <w:t xml:space="preserve">                    }</w:t>
            </w:r>
          </w:p>
          <w:p w:rsidR="00156FB3" w:rsidRDefault="00156FB3" w:rsidP="00156FB3">
            <w:r>
              <w:t xml:space="preserve">                }</w:t>
            </w:r>
          </w:p>
          <w:p w:rsidR="00156FB3" w:rsidRDefault="00156FB3" w:rsidP="00156FB3">
            <w:r>
              <w:t xml:space="preserve">            } else {</w:t>
            </w:r>
          </w:p>
          <w:p w:rsidR="00156FB3" w:rsidRDefault="00156FB3" w:rsidP="00156FB3">
            <w:r>
              <w:t xml:space="preserve">                subHtml =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if (this.s.appendSubHtmlTo === '.lg-sub-html') {</w:t>
            </w:r>
          </w:p>
          <w:p w:rsidR="00156FB3" w:rsidRDefault="00156FB3" w:rsidP="00156FB3"/>
          <w:p w:rsidR="00156FB3" w:rsidRDefault="00156FB3" w:rsidP="00156FB3">
            <w:r>
              <w:t xml:space="preserve">            if (subHtmlUrl) {</w:t>
            </w:r>
          </w:p>
          <w:p w:rsidR="00156FB3" w:rsidRDefault="00156FB3" w:rsidP="00156FB3">
            <w:r>
              <w:t xml:space="preserve">                this.$outer.find(this.s.appendSubHtmlTo).load(subHtmlUrl);</w:t>
            </w:r>
          </w:p>
          <w:p w:rsidR="00156FB3" w:rsidRDefault="00156FB3" w:rsidP="00156FB3">
            <w:r>
              <w:t xml:space="preserve">            } else {</w:t>
            </w:r>
          </w:p>
          <w:p w:rsidR="00156FB3" w:rsidRDefault="00156FB3" w:rsidP="00156FB3">
            <w:r>
              <w:t xml:space="preserve">                this.$outer.find(this.s.appendSubHtmlTo).html(subHtml);</w:t>
            </w:r>
          </w:p>
          <w:p w:rsidR="00156FB3" w:rsidRDefault="00156FB3" w:rsidP="00156FB3">
            <w:r>
              <w:t xml:space="preserve">            }</w:t>
            </w:r>
          </w:p>
          <w:p w:rsidR="00156FB3" w:rsidRDefault="00156FB3" w:rsidP="00156FB3"/>
          <w:p w:rsidR="00156FB3" w:rsidRDefault="00156FB3" w:rsidP="00156FB3">
            <w:r>
              <w:lastRenderedPageBreak/>
              <w:t xml:space="preserve">        } else {</w:t>
            </w:r>
          </w:p>
          <w:p w:rsidR="00156FB3" w:rsidRDefault="00156FB3" w:rsidP="00156FB3"/>
          <w:p w:rsidR="00156FB3" w:rsidRDefault="00156FB3" w:rsidP="00156FB3">
            <w:r>
              <w:t xml:space="preserve">            if (subHtmlUrl) {</w:t>
            </w:r>
          </w:p>
          <w:p w:rsidR="00156FB3" w:rsidRDefault="00156FB3" w:rsidP="00156FB3">
            <w:r>
              <w:t xml:space="preserve">                this.$slide.eq(index).load(subHtmlUrl);</w:t>
            </w:r>
          </w:p>
          <w:p w:rsidR="00156FB3" w:rsidRDefault="00156FB3" w:rsidP="00156FB3">
            <w:r>
              <w:t xml:space="preserve">            } else {</w:t>
            </w:r>
          </w:p>
          <w:p w:rsidR="00156FB3" w:rsidRDefault="00156FB3" w:rsidP="00156FB3">
            <w:r>
              <w:t xml:space="preserve">                this.$slide.eq(index).append(subHtml);</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Add lg-empty-html class if title doesn't exist</w:t>
            </w:r>
          </w:p>
          <w:p w:rsidR="00156FB3" w:rsidRDefault="00156FB3" w:rsidP="00156FB3">
            <w:r>
              <w:t xml:space="preserve">        if (typeof subHtml !== 'undefined' &amp;&amp; subHtml !== null) {</w:t>
            </w:r>
          </w:p>
          <w:p w:rsidR="00156FB3" w:rsidRDefault="00156FB3" w:rsidP="00156FB3">
            <w:r>
              <w:t xml:space="preserve">            if (subHtml === '') {</w:t>
            </w:r>
          </w:p>
          <w:p w:rsidR="00156FB3" w:rsidRDefault="00156FB3" w:rsidP="00156FB3">
            <w:r>
              <w:t xml:space="preserve">                this.$outer.find(this.s.appendSubHtmlTo).addClass('lg-empty-html');</w:t>
            </w:r>
          </w:p>
          <w:p w:rsidR="00156FB3" w:rsidRDefault="00156FB3" w:rsidP="00156FB3">
            <w:r>
              <w:t xml:space="preserve">            } else {</w:t>
            </w:r>
          </w:p>
          <w:p w:rsidR="00156FB3" w:rsidRDefault="00156FB3" w:rsidP="00156FB3">
            <w:r>
              <w:t xml:space="preserve">                this.$outer.find(this.s.appendSubHtmlTo).removeClass('lg-empty-html');</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this.$el.trigger('onAfterAppendSubHtml.lg', [index]);</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desc Preload slides</w:t>
            </w:r>
          </w:p>
          <w:p w:rsidR="00156FB3" w:rsidRDefault="00156FB3" w:rsidP="00156FB3">
            <w:r>
              <w:t xml:space="preserve">     *  @param {Number} index - index of the slide</w:t>
            </w:r>
          </w:p>
          <w:p w:rsidR="00156FB3" w:rsidRDefault="00156FB3" w:rsidP="00156FB3">
            <w:r>
              <w:t xml:space="preserve">     */</w:t>
            </w:r>
          </w:p>
          <w:p w:rsidR="00156FB3" w:rsidRDefault="00156FB3" w:rsidP="00156FB3">
            <w:r>
              <w:t xml:space="preserve">    Plugin.prototype.preload = function(index) {</w:t>
            </w:r>
          </w:p>
          <w:p w:rsidR="00156FB3" w:rsidRDefault="00156FB3" w:rsidP="00156FB3">
            <w:r>
              <w:t xml:space="preserve">        var i = 1;</w:t>
            </w:r>
          </w:p>
          <w:p w:rsidR="00156FB3" w:rsidRDefault="00156FB3" w:rsidP="00156FB3">
            <w:r>
              <w:t xml:space="preserve">        var j = 1;</w:t>
            </w:r>
          </w:p>
          <w:p w:rsidR="00156FB3" w:rsidRDefault="00156FB3" w:rsidP="00156FB3">
            <w:r>
              <w:t xml:space="preserve">        for (i = 1; i &lt;= this.s.preload; i++) {</w:t>
            </w:r>
          </w:p>
          <w:p w:rsidR="00156FB3" w:rsidRDefault="00156FB3" w:rsidP="00156FB3">
            <w:r>
              <w:t xml:space="preserve">            if (i &gt;= this.$items.length - index) {</w:t>
            </w:r>
          </w:p>
          <w:p w:rsidR="00156FB3" w:rsidRDefault="00156FB3" w:rsidP="00156FB3">
            <w:r>
              <w:t xml:space="preserve">                break;</w:t>
            </w:r>
          </w:p>
          <w:p w:rsidR="00156FB3" w:rsidRDefault="00156FB3" w:rsidP="00156FB3">
            <w:r>
              <w:t xml:space="preserve">            }</w:t>
            </w:r>
          </w:p>
          <w:p w:rsidR="00156FB3" w:rsidRDefault="00156FB3" w:rsidP="00156FB3"/>
          <w:p w:rsidR="00156FB3" w:rsidRDefault="00156FB3" w:rsidP="00156FB3">
            <w:r>
              <w:t xml:space="preserve">            this.loadContent(index + i, false, 0);</w:t>
            </w:r>
          </w:p>
          <w:p w:rsidR="00156FB3" w:rsidRDefault="00156FB3" w:rsidP="00156FB3">
            <w:r>
              <w:t xml:space="preserve">        }</w:t>
            </w:r>
          </w:p>
          <w:p w:rsidR="00156FB3" w:rsidRDefault="00156FB3" w:rsidP="00156FB3"/>
          <w:p w:rsidR="00156FB3" w:rsidRDefault="00156FB3" w:rsidP="00156FB3">
            <w:r>
              <w:t xml:space="preserve">        for (j = 1; j &lt;= this.s.preload; j++) {</w:t>
            </w:r>
          </w:p>
          <w:p w:rsidR="00156FB3" w:rsidRDefault="00156FB3" w:rsidP="00156FB3">
            <w:r>
              <w:t xml:space="preserve">            if (index - j &lt; 0) {</w:t>
            </w:r>
          </w:p>
          <w:p w:rsidR="00156FB3" w:rsidRDefault="00156FB3" w:rsidP="00156FB3">
            <w:r>
              <w:t xml:space="preserve">                break;</w:t>
            </w:r>
          </w:p>
          <w:p w:rsidR="00156FB3" w:rsidRDefault="00156FB3" w:rsidP="00156FB3">
            <w:r>
              <w:t xml:space="preserve">            }</w:t>
            </w:r>
          </w:p>
          <w:p w:rsidR="00156FB3" w:rsidRDefault="00156FB3" w:rsidP="00156FB3"/>
          <w:p w:rsidR="00156FB3" w:rsidRDefault="00156FB3" w:rsidP="00156FB3">
            <w:r>
              <w:t xml:space="preserve">            this.loadContent(index - j, false, 0);</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desc Load slide content into slide.</w:t>
            </w:r>
          </w:p>
          <w:p w:rsidR="00156FB3" w:rsidRDefault="00156FB3" w:rsidP="00156FB3">
            <w:r>
              <w:t xml:space="preserve">     *  @param {Number} index - index of the slide.</w:t>
            </w:r>
          </w:p>
          <w:p w:rsidR="00156FB3" w:rsidRDefault="00156FB3" w:rsidP="00156FB3">
            <w:r>
              <w:lastRenderedPageBreak/>
              <w:t xml:space="preserve">     *  @param {Boolean} rec - if true call loadcontent() function again.</w:t>
            </w:r>
          </w:p>
          <w:p w:rsidR="00156FB3" w:rsidRDefault="00156FB3" w:rsidP="00156FB3">
            <w:r>
              <w:t xml:space="preserve">     *  @param {Boolean} delay - delay for adding complete class. it is 0 except first time.</w:t>
            </w:r>
          </w:p>
          <w:p w:rsidR="00156FB3" w:rsidRDefault="00156FB3" w:rsidP="00156FB3">
            <w:r>
              <w:t xml:space="preserve">     */</w:t>
            </w:r>
          </w:p>
          <w:p w:rsidR="00156FB3" w:rsidRDefault="00156FB3" w:rsidP="00156FB3">
            <w:r>
              <w:t xml:space="preserve">    Plugin.prototype.loadContent = function(index, rec, delay) {</w:t>
            </w:r>
          </w:p>
          <w:p w:rsidR="00156FB3" w:rsidRDefault="00156FB3" w:rsidP="00156FB3"/>
          <w:p w:rsidR="00156FB3" w:rsidRDefault="00156FB3" w:rsidP="00156FB3">
            <w:r>
              <w:t xml:space="preserve">        var _this = this;</w:t>
            </w:r>
          </w:p>
          <w:p w:rsidR="00156FB3" w:rsidRDefault="00156FB3" w:rsidP="00156FB3">
            <w:r>
              <w:t xml:space="preserve">        var _hasPoster = false;</w:t>
            </w:r>
          </w:p>
          <w:p w:rsidR="00156FB3" w:rsidRDefault="00156FB3" w:rsidP="00156FB3">
            <w:r>
              <w:t xml:space="preserve">        var _$img;</w:t>
            </w:r>
          </w:p>
          <w:p w:rsidR="00156FB3" w:rsidRDefault="00156FB3" w:rsidP="00156FB3">
            <w:r>
              <w:t xml:space="preserve">        var _src;</w:t>
            </w:r>
          </w:p>
          <w:p w:rsidR="00156FB3" w:rsidRDefault="00156FB3" w:rsidP="00156FB3">
            <w:r>
              <w:t xml:space="preserve">        var _poster;</w:t>
            </w:r>
          </w:p>
          <w:p w:rsidR="00156FB3" w:rsidRDefault="00156FB3" w:rsidP="00156FB3">
            <w:r>
              <w:t xml:space="preserve">        var _srcset;</w:t>
            </w:r>
          </w:p>
          <w:p w:rsidR="00156FB3" w:rsidRDefault="00156FB3" w:rsidP="00156FB3">
            <w:r>
              <w:t xml:space="preserve">        var _sizes;</w:t>
            </w:r>
          </w:p>
          <w:p w:rsidR="00156FB3" w:rsidRDefault="00156FB3" w:rsidP="00156FB3">
            <w:r>
              <w:t xml:space="preserve">        var _html;</w:t>
            </w:r>
          </w:p>
          <w:p w:rsidR="00156FB3" w:rsidRDefault="00156FB3" w:rsidP="00156FB3">
            <w:r>
              <w:t xml:space="preserve">        var getResponsiveSrc = function(srcItms) {</w:t>
            </w:r>
          </w:p>
          <w:p w:rsidR="00156FB3" w:rsidRDefault="00156FB3" w:rsidP="00156FB3">
            <w:r>
              <w:t xml:space="preserve">            var rsWidth = [];</w:t>
            </w:r>
          </w:p>
          <w:p w:rsidR="00156FB3" w:rsidRDefault="00156FB3" w:rsidP="00156FB3">
            <w:r>
              <w:t xml:space="preserve">            var rsSrc = [];</w:t>
            </w:r>
          </w:p>
          <w:p w:rsidR="00156FB3" w:rsidRDefault="00156FB3" w:rsidP="00156FB3">
            <w:r>
              <w:t xml:space="preserve">            for (var i = 0; i &lt; srcItms.length; i++) {</w:t>
            </w:r>
          </w:p>
          <w:p w:rsidR="00156FB3" w:rsidRDefault="00156FB3" w:rsidP="00156FB3">
            <w:r>
              <w:t xml:space="preserve">                var __src = srcItms[i].split(' ');</w:t>
            </w:r>
          </w:p>
          <w:p w:rsidR="00156FB3" w:rsidRDefault="00156FB3" w:rsidP="00156FB3"/>
          <w:p w:rsidR="00156FB3" w:rsidRDefault="00156FB3" w:rsidP="00156FB3">
            <w:r>
              <w:t xml:space="preserve">                // Manage empty space</w:t>
            </w:r>
          </w:p>
          <w:p w:rsidR="00156FB3" w:rsidRDefault="00156FB3" w:rsidP="00156FB3">
            <w:r>
              <w:t xml:space="preserve">                if (__src[0] === '') {</w:t>
            </w:r>
          </w:p>
          <w:p w:rsidR="00156FB3" w:rsidRDefault="00156FB3" w:rsidP="00156FB3">
            <w:r>
              <w:t xml:space="preserve">                    __src.splice(0, 1);</w:t>
            </w:r>
          </w:p>
          <w:p w:rsidR="00156FB3" w:rsidRDefault="00156FB3" w:rsidP="00156FB3">
            <w:r>
              <w:t xml:space="preserve">                }</w:t>
            </w:r>
          </w:p>
          <w:p w:rsidR="00156FB3" w:rsidRDefault="00156FB3" w:rsidP="00156FB3"/>
          <w:p w:rsidR="00156FB3" w:rsidRDefault="00156FB3" w:rsidP="00156FB3">
            <w:r>
              <w:t xml:space="preserve">                rsSrc.push(__src[0]);</w:t>
            </w:r>
          </w:p>
          <w:p w:rsidR="00156FB3" w:rsidRDefault="00156FB3" w:rsidP="00156FB3">
            <w:r>
              <w:t xml:space="preserve">                rsWidth.push(__src[1]);</w:t>
            </w:r>
          </w:p>
          <w:p w:rsidR="00156FB3" w:rsidRDefault="00156FB3" w:rsidP="00156FB3">
            <w:r>
              <w:t xml:space="preserve">            }</w:t>
            </w:r>
          </w:p>
          <w:p w:rsidR="00156FB3" w:rsidRDefault="00156FB3" w:rsidP="00156FB3"/>
          <w:p w:rsidR="00156FB3" w:rsidRDefault="00156FB3" w:rsidP="00156FB3">
            <w:r>
              <w:t xml:space="preserve">            var wWidth = $(window).width();</w:t>
            </w:r>
          </w:p>
          <w:p w:rsidR="00156FB3" w:rsidRDefault="00156FB3" w:rsidP="00156FB3">
            <w:r>
              <w:t xml:space="preserve">            for (var j = 0; j &lt; rsWidth.length; j++) {</w:t>
            </w:r>
          </w:p>
          <w:p w:rsidR="00156FB3" w:rsidRDefault="00156FB3" w:rsidP="00156FB3">
            <w:r>
              <w:t xml:space="preserve">                if (parseInt(rsWidth[j], 10) &gt; wWidth) {</w:t>
            </w:r>
          </w:p>
          <w:p w:rsidR="00156FB3" w:rsidRDefault="00156FB3" w:rsidP="00156FB3">
            <w:r>
              <w:t xml:space="preserve">                    _src = rsSrc[j];</w:t>
            </w:r>
          </w:p>
          <w:p w:rsidR="00156FB3" w:rsidRDefault="00156FB3" w:rsidP="00156FB3">
            <w:r>
              <w:t xml:space="preserve">                    break;</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if (_this.s.dynamic) {</w:t>
            </w:r>
          </w:p>
          <w:p w:rsidR="00156FB3" w:rsidRDefault="00156FB3" w:rsidP="00156FB3"/>
          <w:p w:rsidR="00156FB3" w:rsidRDefault="00156FB3" w:rsidP="00156FB3">
            <w:r>
              <w:t xml:space="preserve">            if (_this.s.dynamicEl[index].poster) {</w:t>
            </w:r>
          </w:p>
          <w:p w:rsidR="00156FB3" w:rsidRDefault="00156FB3" w:rsidP="00156FB3">
            <w:r>
              <w:t xml:space="preserve">                _hasPoster = true;</w:t>
            </w:r>
          </w:p>
          <w:p w:rsidR="00156FB3" w:rsidRDefault="00156FB3" w:rsidP="00156FB3">
            <w:r>
              <w:t xml:space="preserve">                _poster = _this.s.dynamicEl[index].poster;</w:t>
            </w:r>
          </w:p>
          <w:p w:rsidR="00156FB3" w:rsidRDefault="00156FB3" w:rsidP="00156FB3">
            <w:r>
              <w:t xml:space="preserve">            }</w:t>
            </w:r>
          </w:p>
          <w:p w:rsidR="00156FB3" w:rsidRDefault="00156FB3" w:rsidP="00156FB3"/>
          <w:p w:rsidR="00156FB3" w:rsidRDefault="00156FB3" w:rsidP="00156FB3">
            <w:r>
              <w:t xml:space="preserve">            _html = _this.s.dynamicEl[index].html;</w:t>
            </w:r>
          </w:p>
          <w:p w:rsidR="00156FB3" w:rsidRDefault="00156FB3" w:rsidP="00156FB3">
            <w:r>
              <w:t xml:space="preserve">            _src = _this.s.dynamicEl[index].src;</w:t>
            </w:r>
          </w:p>
          <w:p w:rsidR="00156FB3" w:rsidRDefault="00156FB3" w:rsidP="00156FB3"/>
          <w:p w:rsidR="00156FB3" w:rsidRDefault="00156FB3" w:rsidP="00156FB3">
            <w:r>
              <w:t xml:space="preserve">            if (_this.s.dynamicEl[index].responsive) {</w:t>
            </w:r>
          </w:p>
          <w:p w:rsidR="00156FB3" w:rsidRDefault="00156FB3" w:rsidP="00156FB3">
            <w:r>
              <w:lastRenderedPageBreak/>
              <w:t xml:space="preserve">                var srcDyItms = _this.s.dynamicEl[index].responsive.split(',');</w:t>
            </w:r>
          </w:p>
          <w:p w:rsidR="00156FB3" w:rsidRDefault="00156FB3" w:rsidP="00156FB3">
            <w:r>
              <w:t xml:space="preserve">                getResponsiveSrc(srcDyItms);</w:t>
            </w:r>
          </w:p>
          <w:p w:rsidR="00156FB3" w:rsidRDefault="00156FB3" w:rsidP="00156FB3">
            <w:r>
              <w:t xml:space="preserve">            }</w:t>
            </w:r>
          </w:p>
          <w:p w:rsidR="00156FB3" w:rsidRDefault="00156FB3" w:rsidP="00156FB3"/>
          <w:p w:rsidR="00156FB3" w:rsidRDefault="00156FB3" w:rsidP="00156FB3">
            <w:r>
              <w:t xml:space="preserve">            _srcset = _this.s.dynamicEl[index].srcset;</w:t>
            </w:r>
          </w:p>
          <w:p w:rsidR="00156FB3" w:rsidRDefault="00156FB3" w:rsidP="00156FB3">
            <w:r>
              <w:t xml:space="preserve">            _sizes = _this.s.dynamicEl[index].sizes;</w:t>
            </w:r>
          </w:p>
          <w:p w:rsidR="00156FB3" w:rsidRDefault="00156FB3" w:rsidP="00156FB3"/>
          <w:p w:rsidR="00156FB3" w:rsidRDefault="00156FB3" w:rsidP="00156FB3">
            <w:r>
              <w:t xml:space="preserve">        } else {</w:t>
            </w:r>
          </w:p>
          <w:p w:rsidR="00156FB3" w:rsidRDefault="00156FB3" w:rsidP="00156FB3"/>
          <w:p w:rsidR="00156FB3" w:rsidRDefault="00156FB3" w:rsidP="00156FB3">
            <w:r>
              <w:t xml:space="preserve">            if (_this.$items.eq(index).attr('data-poster')) {</w:t>
            </w:r>
          </w:p>
          <w:p w:rsidR="00156FB3" w:rsidRDefault="00156FB3" w:rsidP="00156FB3">
            <w:r>
              <w:t xml:space="preserve">                _hasPoster = true;</w:t>
            </w:r>
          </w:p>
          <w:p w:rsidR="00156FB3" w:rsidRDefault="00156FB3" w:rsidP="00156FB3">
            <w:r>
              <w:t xml:space="preserve">                _poster = _this.$items.eq(index).attr('data-poster');</w:t>
            </w:r>
          </w:p>
          <w:p w:rsidR="00156FB3" w:rsidRDefault="00156FB3" w:rsidP="00156FB3">
            <w:r>
              <w:t xml:space="preserve">            }</w:t>
            </w:r>
          </w:p>
          <w:p w:rsidR="00156FB3" w:rsidRDefault="00156FB3" w:rsidP="00156FB3"/>
          <w:p w:rsidR="00156FB3" w:rsidRDefault="00156FB3" w:rsidP="00156FB3">
            <w:r>
              <w:t xml:space="preserve">            _html = _this.$items.eq(index).attr('data-html');</w:t>
            </w:r>
          </w:p>
          <w:p w:rsidR="00156FB3" w:rsidRDefault="00156FB3" w:rsidP="00156FB3">
            <w:r>
              <w:t xml:space="preserve">            _src = _this.$items.eq(index).attr('href') || _this.$items.eq(index).attr('data-src');</w:t>
            </w:r>
          </w:p>
          <w:p w:rsidR="00156FB3" w:rsidRDefault="00156FB3" w:rsidP="00156FB3"/>
          <w:p w:rsidR="00156FB3" w:rsidRDefault="00156FB3" w:rsidP="00156FB3">
            <w:r>
              <w:t xml:space="preserve">            if (_this.$items.eq(index).attr('data-responsive')) {</w:t>
            </w:r>
          </w:p>
          <w:p w:rsidR="00156FB3" w:rsidRDefault="00156FB3" w:rsidP="00156FB3">
            <w:r>
              <w:t xml:space="preserve">                var srcItms = _this.$items.eq(index).attr('data-responsive').split(',');</w:t>
            </w:r>
          </w:p>
          <w:p w:rsidR="00156FB3" w:rsidRDefault="00156FB3" w:rsidP="00156FB3">
            <w:r>
              <w:t xml:space="preserve">                getResponsiveSrc(srcItms);</w:t>
            </w:r>
          </w:p>
          <w:p w:rsidR="00156FB3" w:rsidRDefault="00156FB3" w:rsidP="00156FB3">
            <w:r>
              <w:t xml:space="preserve">            }</w:t>
            </w:r>
          </w:p>
          <w:p w:rsidR="00156FB3" w:rsidRDefault="00156FB3" w:rsidP="00156FB3"/>
          <w:p w:rsidR="00156FB3" w:rsidRDefault="00156FB3" w:rsidP="00156FB3">
            <w:r>
              <w:t xml:space="preserve">            _srcset = _this.$items.eq(index).attr('data-srcset');</w:t>
            </w:r>
          </w:p>
          <w:p w:rsidR="00156FB3" w:rsidRDefault="00156FB3" w:rsidP="00156FB3">
            <w:r>
              <w:t xml:space="preserve">            _sizes = _this.$items.eq(index).attr('data-sizes');</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if (_src || _srcset || _sizes || _poster) {</w:t>
            </w:r>
          </w:p>
          <w:p w:rsidR="00156FB3" w:rsidRDefault="00156FB3" w:rsidP="00156FB3"/>
          <w:p w:rsidR="00156FB3" w:rsidRDefault="00156FB3" w:rsidP="00156FB3">
            <w:r>
              <w:t xml:space="preserve">        var iframe = false;</w:t>
            </w:r>
          </w:p>
          <w:p w:rsidR="00156FB3" w:rsidRDefault="00156FB3" w:rsidP="00156FB3">
            <w:r>
              <w:t xml:space="preserve">        if (_this.s.dynamic) {</w:t>
            </w:r>
          </w:p>
          <w:p w:rsidR="00156FB3" w:rsidRDefault="00156FB3" w:rsidP="00156FB3">
            <w:r>
              <w:t xml:space="preserve">            if (_this.s.dynamicEl[index].iframe) {</w:t>
            </w:r>
          </w:p>
          <w:p w:rsidR="00156FB3" w:rsidRDefault="00156FB3" w:rsidP="00156FB3">
            <w:r>
              <w:t xml:space="preserve">                iframe = true;</w:t>
            </w:r>
          </w:p>
          <w:p w:rsidR="00156FB3" w:rsidRDefault="00156FB3" w:rsidP="00156FB3">
            <w:r>
              <w:t xml:space="preserve">            }</w:t>
            </w:r>
          </w:p>
          <w:p w:rsidR="00156FB3" w:rsidRDefault="00156FB3" w:rsidP="00156FB3">
            <w:r>
              <w:t xml:space="preserve">        } else {</w:t>
            </w:r>
          </w:p>
          <w:p w:rsidR="00156FB3" w:rsidRDefault="00156FB3" w:rsidP="00156FB3">
            <w:r>
              <w:t xml:space="preserve">            if (_this.$items.eq(index).attr('data-iframe') === 'true') {</w:t>
            </w:r>
          </w:p>
          <w:p w:rsidR="00156FB3" w:rsidRDefault="00156FB3" w:rsidP="00156FB3">
            <w:r>
              <w:t xml:space="preserve">                iframe = tr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_isVideo = _this.isVideo(_src, index);</w:t>
            </w:r>
          </w:p>
          <w:p w:rsidR="00156FB3" w:rsidRDefault="00156FB3" w:rsidP="00156FB3">
            <w:r>
              <w:t xml:space="preserve">        if (!_this.$slide.eq(index).hasClass('lg-loaded')) {</w:t>
            </w:r>
          </w:p>
          <w:p w:rsidR="00156FB3" w:rsidRDefault="00156FB3" w:rsidP="00156FB3">
            <w:r>
              <w:t xml:space="preserve">            if (iframe) {</w:t>
            </w:r>
          </w:p>
          <w:p w:rsidR="00156FB3" w:rsidRDefault="00156FB3" w:rsidP="00156FB3">
            <w:r>
              <w:t xml:space="preserve">                _this.$slide.eq(index).prepend('&lt;div class="lg-video-cont lg-has-iframe" style="max-width:' + _this.s.iframeMaxWidth + '"&gt;&lt;div class="lg-video"&gt;&lt;iframe class="lg-object" frameborder="0" src="' + _src + '"  allowfullscreen="true"&gt;&lt;/iframe&gt;&lt;/div&gt;&lt;/div&gt;');</w:t>
            </w:r>
          </w:p>
          <w:p w:rsidR="00156FB3" w:rsidRDefault="00156FB3" w:rsidP="00156FB3">
            <w:r>
              <w:t xml:space="preserve">            } else if (_hasPoster) {</w:t>
            </w:r>
          </w:p>
          <w:p w:rsidR="00156FB3" w:rsidRDefault="00156FB3" w:rsidP="00156FB3">
            <w:r>
              <w:t xml:space="preserve">                var videoClass = '';</w:t>
            </w:r>
          </w:p>
          <w:p w:rsidR="00156FB3" w:rsidRDefault="00156FB3" w:rsidP="00156FB3">
            <w:r>
              <w:lastRenderedPageBreak/>
              <w:t xml:space="preserve">                if (_isVideo &amp;&amp; _isVideo.youtube) {</w:t>
            </w:r>
          </w:p>
          <w:p w:rsidR="00156FB3" w:rsidRDefault="00156FB3" w:rsidP="00156FB3">
            <w:r>
              <w:t xml:space="preserve">                    videoClass = 'lg-has-youtube';</w:t>
            </w:r>
          </w:p>
          <w:p w:rsidR="00156FB3" w:rsidRDefault="00156FB3" w:rsidP="00156FB3">
            <w:r>
              <w:t xml:space="preserve">                } else if (_isVideo &amp;&amp; _isVideo.vimeo) {</w:t>
            </w:r>
          </w:p>
          <w:p w:rsidR="00156FB3" w:rsidRDefault="00156FB3" w:rsidP="00156FB3">
            <w:r>
              <w:t xml:space="preserve">                    videoClass = 'lg-has-vimeo';</w:t>
            </w:r>
          </w:p>
          <w:p w:rsidR="00156FB3" w:rsidRDefault="00156FB3" w:rsidP="00156FB3">
            <w:r>
              <w:t xml:space="preserve">                } else {</w:t>
            </w:r>
          </w:p>
          <w:p w:rsidR="00156FB3" w:rsidRDefault="00156FB3" w:rsidP="00156FB3">
            <w:r>
              <w:t xml:space="preserve">                    videoClass = 'lg-has-html5';</w:t>
            </w:r>
          </w:p>
          <w:p w:rsidR="00156FB3" w:rsidRDefault="00156FB3" w:rsidP="00156FB3">
            <w:r>
              <w:t xml:space="preserve">                }</w:t>
            </w:r>
          </w:p>
          <w:p w:rsidR="00156FB3" w:rsidRDefault="00156FB3" w:rsidP="00156FB3"/>
          <w:p w:rsidR="00156FB3" w:rsidRDefault="00156FB3" w:rsidP="00156FB3">
            <w:r>
              <w:t xml:space="preserve">                _this.$slide.eq(index).prepend('&lt;div class="lg-video-cont ' + videoClass + ' "&gt;&lt;div class="lg-video"&gt;&lt;span class="lg-video-play"&gt;&lt;/span&gt;&lt;img class="lg-object lg-has-poster" src="' + _poster + '" /&gt;&lt;/div&gt;&lt;/div&gt;');</w:t>
            </w:r>
          </w:p>
          <w:p w:rsidR="00156FB3" w:rsidRDefault="00156FB3" w:rsidP="00156FB3"/>
          <w:p w:rsidR="00156FB3" w:rsidRDefault="00156FB3" w:rsidP="00156FB3">
            <w:r>
              <w:t xml:space="preserve">            } else if (_isVideo) {</w:t>
            </w:r>
          </w:p>
          <w:p w:rsidR="00156FB3" w:rsidRDefault="00156FB3" w:rsidP="00156FB3">
            <w:r>
              <w:t xml:space="preserve">                _this.$slide.eq(index).prepend('&lt;div class="lg-video-cont "&gt;&lt;div class="lg-video"&gt;&lt;/div&gt;&lt;/div&gt;');</w:t>
            </w:r>
          </w:p>
          <w:p w:rsidR="00156FB3" w:rsidRDefault="00156FB3" w:rsidP="00156FB3">
            <w:r>
              <w:t xml:space="preserve">                _this.$el.trigger('hasVideo.lg', [index, _src, _html]);</w:t>
            </w:r>
          </w:p>
          <w:p w:rsidR="00156FB3" w:rsidRDefault="00156FB3" w:rsidP="00156FB3">
            <w:r>
              <w:t xml:space="preserve">            } else {</w:t>
            </w:r>
          </w:p>
          <w:p w:rsidR="00156FB3" w:rsidRDefault="00156FB3" w:rsidP="00156FB3">
            <w:r>
              <w:t xml:space="preserve">                _this.$slide.eq(index).prepend('&lt;div class="lg-img-wrap"&gt;&lt;img class="lg-object lg-image" src="' + _src + '" /&gt;&lt;/div&gt;');</w:t>
            </w:r>
          </w:p>
          <w:p w:rsidR="00156FB3" w:rsidRDefault="00156FB3" w:rsidP="00156FB3">
            <w:r>
              <w:t xml:space="preserve">            }</w:t>
            </w:r>
          </w:p>
          <w:p w:rsidR="00156FB3" w:rsidRDefault="00156FB3" w:rsidP="00156FB3"/>
          <w:p w:rsidR="00156FB3" w:rsidRDefault="00156FB3" w:rsidP="00156FB3">
            <w:r>
              <w:t xml:space="preserve">            _this.$el.trigger('onAferAppendSlide.lg', [index]);</w:t>
            </w:r>
          </w:p>
          <w:p w:rsidR="00156FB3" w:rsidRDefault="00156FB3" w:rsidP="00156FB3"/>
          <w:p w:rsidR="00156FB3" w:rsidRDefault="00156FB3" w:rsidP="00156FB3">
            <w:r>
              <w:t xml:space="preserve">            _$img = _this.$slide.eq(index).find('.lg-object');</w:t>
            </w:r>
          </w:p>
          <w:p w:rsidR="00156FB3" w:rsidRDefault="00156FB3" w:rsidP="00156FB3">
            <w:r>
              <w:t xml:space="preserve">            if (_sizes) {</w:t>
            </w:r>
          </w:p>
          <w:p w:rsidR="00156FB3" w:rsidRDefault="00156FB3" w:rsidP="00156FB3">
            <w:r>
              <w:t xml:space="preserve">                _$img.attr('sizes', _sizes);</w:t>
            </w:r>
          </w:p>
          <w:p w:rsidR="00156FB3" w:rsidRDefault="00156FB3" w:rsidP="00156FB3">
            <w:r>
              <w:t xml:space="preserve">            }</w:t>
            </w:r>
          </w:p>
          <w:p w:rsidR="00156FB3" w:rsidRDefault="00156FB3" w:rsidP="00156FB3"/>
          <w:p w:rsidR="00156FB3" w:rsidRDefault="00156FB3" w:rsidP="00156FB3">
            <w:r>
              <w:t xml:space="preserve">            if (_srcset) {</w:t>
            </w:r>
          </w:p>
          <w:p w:rsidR="00156FB3" w:rsidRDefault="00156FB3" w:rsidP="00156FB3">
            <w:r>
              <w:t xml:space="preserve">                _$img.attr('srcset', _srcset);</w:t>
            </w:r>
          </w:p>
          <w:p w:rsidR="00156FB3" w:rsidRDefault="00156FB3" w:rsidP="00156FB3">
            <w:r>
              <w:t xml:space="preserve">                try {</w:t>
            </w:r>
          </w:p>
          <w:p w:rsidR="00156FB3" w:rsidRDefault="00156FB3" w:rsidP="00156FB3">
            <w:r>
              <w:t xml:space="preserve">                    picturefill({</w:t>
            </w:r>
          </w:p>
          <w:p w:rsidR="00156FB3" w:rsidRDefault="00156FB3" w:rsidP="00156FB3">
            <w:r>
              <w:t xml:space="preserve">                        elements: [_$img[0]]</w:t>
            </w:r>
          </w:p>
          <w:p w:rsidR="00156FB3" w:rsidRDefault="00156FB3" w:rsidP="00156FB3">
            <w:r>
              <w:t xml:space="preserve">                    });</w:t>
            </w:r>
          </w:p>
          <w:p w:rsidR="00156FB3" w:rsidRDefault="00156FB3" w:rsidP="00156FB3">
            <w:r>
              <w:t xml:space="preserve">                } catch (e) {</w:t>
            </w:r>
          </w:p>
          <w:p w:rsidR="00156FB3" w:rsidRDefault="00156FB3" w:rsidP="00156FB3">
            <w:r>
              <w:t xml:space="preserve">                    console.warn('lightGallery :- If you want srcset to be supported for older browser please include picturefil version 2 javascript library in your documen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if (this.s.appendSubHtmlTo !== '.lg-sub-html') {</w:t>
            </w:r>
          </w:p>
          <w:p w:rsidR="00156FB3" w:rsidRDefault="00156FB3" w:rsidP="00156FB3">
            <w:r>
              <w:t xml:space="preserve">                _this.addHtml(index);</w:t>
            </w:r>
          </w:p>
          <w:p w:rsidR="00156FB3" w:rsidRDefault="00156FB3" w:rsidP="00156FB3">
            <w:r>
              <w:t xml:space="preserve">            }</w:t>
            </w:r>
          </w:p>
          <w:p w:rsidR="00156FB3" w:rsidRDefault="00156FB3" w:rsidP="00156FB3"/>
          <w:p w:rsidR="00156FB3" w:rsidRDefault="00156FB3" w:rsidP="00156FB3">
            <w:r>
              <w:t xml:space="preserve">            _this.$slide.eq(index).addClass('lg-loaded');</w:t>
            </w:r>
          </w:p>
          <w:p w:rsidR="00156FB3" w:rsidRDefault="00156FB3" w:rsidP="00156FB3">
            <w:r>
              <w:t xml:space="preserve">        }</w:t>
            </w:r>
          </w:p>
          <w:p w:rsidR="00156FB3" w:rsidRDefault="00156FB3" w:rsidP="00156FB3"/>
          <w:p w:rsidR="00156FB3" w:rsidRDefault="00156FB3" w:rsidP="00156FB3">
            <w:r>
              <w:t xml:space="preserve">        _this.$slide.eq(index).find('.lg-object').on('load.lg error.lg', function() {</w:t>
            </w:r>
          </w:p>
          <w:p w:rsidR="00156FB3" w:rsidRDefault="00156FB3" w:rsidP="00156FB3"/>
          <w:p w:rsidR="00156FB3" w:rsidRDefault="00156FB3" w:rsidP="00156FB3">
            <w:r>
              <w:t xml:space="preserve">            // For first time add some delay for displaying the start animation.</w:t>
            </w:r>
          </w:p>
          <w:p w:rsidR="00156FB3" w:rsidRDefault="00156FB3" w:rsidP="00156FB3">
            <w:r>
              <w:t xml:space="preserve">            var _speed = 0;</w:t>
            </w:r>
          </w:p>
          <w:p w:rsidR="00156FB3" w:rsidRDefault="00156FB3" w:rsidP="00156FB3"/>
          <w:p w:rsidR="00156FB3" w:rsidRDefault="00156FB3" w:rsidP="00156FB3">
            <w:r>
              <w:t xml:space="preserve">            // Do not change the delay value because it is required for zoom plugin.</w:t>
            </w:r>
          </w:p>
          <w:p w:rsidR="00156FB3" w:rsidRDefault="00156FB3" w:rsidP="00156FB3">
            <w:r>
              <w:t xml:space="preserve">            // If gallery opened from direct url (hash) speed value should be 0</w:t>
            </w:r>
          </w:p>
          <w:p w:rsidR="00156FB3" w:rsidRDefault="00156FB3" w:rsidP="00156FB3">
            <w:r>
              <w:t xml:space="preserve">            if (delay &amp;&amp; !$('body').hasClass('lg-from-hash')) {</w:t>
            </w:r>
          </w:p>
          <w:p w:rsidR="00156FB3" w:rsidRDefault="00156FB3" w:rsidP="00156FB3">
            <w:r>
              <w:t xml:space="preserve">                _speed = delay;</w:t>
            </w:r>
          </w:p>
          <w:p w:rsidR="00156FB3" w:rsidRDefault="00156FB3" w:rsidP="00156FB3">
            <w:r>
              <w:t xml:space="preserve">            }</w:t>
            </w:r>
          </w:p>
          <w:p w:rsidR="00156FB3" w:rsidRDefault="00156FB3" w:rsidP="00156FB3"/>
          <w:p w:rsidR="00156FB3" w:rsidRDefault="00156FB3" w:rsidP="00156FB3">
            <w:r>
              <w:t xml:space="preserve">            setTimeout(function() {</w:t>
            </w:r>
          </w:p>
          <w:p w:rsidR="00156FB3" w:rsidRDefault="00156FB3" w:rsidP="00156FB3">
            <w:r>
              <w:t xml:space="preserve">                _this.$slide.eq(index).addClass('lg-complete');</w:t>
            </w:r>
          </w:p>
          <w:p w:rsidR="00156FB3" w:rsidRDefault="00156FB3" w:rsidP="00156FB3">
            <w:r>
              <w:t xml:space="preserve">                _this.$el.trigger('onSlideItemLoad.lg', [index, delay || 0]);</w:t>
            </w:r>
          </w:p>
          <w:p w:rsidR="00156FB3" w:rsidRDefault="00156FB3" w:rsidP="00156FB3">
            <w:r>
              <w:t xml:space="preserve">            }, _speed);</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 @todo check load state for html5 videos</w:t>
            </w:r>
          </w:p>
          <w:p w:rsidR="00156FB3" w:rsidRDefault="00156FB3" w:rsidP="00156FB3">
            <w:r>
              <w:t xml:space="preserve">        if (_isVideo &amp;&amp; _isVideo.html5 &amp;&amp; !_hasPoster) {</w:t>
            </w:r>
          </w:p>
          <w:p w:rsidR="00156FB3" w:rsidRDefault="00156FB3" w:rsidP="00156FB3">
            <w:r>
              <w:t xml:space="preserve">            _this.$slide.eq(index).addClass('lg-complete');</w:t>
            </w:r>
          </w:p>
          <w:p w:rsidR="00156FB3" w:rsidRDefault="00156FB3" w:rsidP="00156FB3">
            <w:r>
              <w:t xml:space="preserve">        }</w:t>
            </w:r>
          </w:p>
          <w:p w:rsidR="00156FB3" w:rsidRDefault="00156FB3" w:rsidP="00156FB3"/>
          <w:p w:rsidR="00156FB3" w:rsidRDefault="00156FB3" w:rsidP="00156FB3">
            <w:r>
              <w:t xml:space="preserve">        if (rec === true) {</w:t>
            </w:r>
          </w:p>
          <w:p w:rsidR="00156FB3" w:rsidRDefault="00156FB3" w:rsidP="00156FB3">
            <w:r>
              <w:t xml:space="preserve">            if (!_this.$slide.eq(index).hasClass('lg-complete')) {</w:t>
            </w:r>
          </w:p>
          <w:p w:rsidR="00156FB3" w:rsidRDefault="00156FB3" w:rsidP="00156FB3">
            <w:r>
              <w:t xml:space="preserve">                _this.$slide.eq(index).find('.lg-object').on('load.lg error.lg', function() {</w:t>
            </w:r>
          </w:p>
          <w:p w:rsidR="00156FB3" w:rsidRDefault="00156FB3" w:rsidP="00156FB3">
            <w:r>
              <w:t xml:space="preserve">                    _this.preload(index);</w:t>
            </w:r>
          </w:p>
          <w:p w:rsidR="00156FB3" w:rsidRDefault="00156FB3" w:rsidP="00156FB3">
            <w:r>
              <w:t xml:space="preserve">                });</w:t>
            </w:r>
          </w:p>
          <w:p w:rsidR="00156FB3" w:rsidRDefault="00156FB3" w:rsidP="00156FB3">
            <w:r>
              <w:t xml:space="preserve">            } else {</w:t>
            </w:r>
          </w:p>
          <w:p w:rsidR="00156FB3" w:rsidRDefault="00156FB3" w:rsidP="00156FB3">
            <w:r>
              <w:t xml:space="preserve">                _this.preload(index);</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desc slide function for lightgallery</w:t>
            </w:r>
          </w:p>
          <w:p w:rsidR="00156FB3" w:rsidRDefault="00156FB3" w:rsidP="00156FB3">
            <w:r>
              <w:t xml:space="preserve">        ** Slide() gets call on start</w:t>
            </w:r>
          </w:p>
          <w:p w:rsidR="00156FB3" w:rsidRDefault="00156FB3" w:rsidP="00156FB3">
            <w:r>
              <w:t xml:space="preserve">        ** ** Set lg.on true once slide() function gets called.</w:t>
            </w:r>
          </w:p>
          <w:p w:rsidR="00156FB3" w:rsidRDefault="00156FB3" w:rsidP="00156FB3">
            <w:r>
              <w:t xml:space="preserve">        ** Call loadContent() on slide() function inside setTimeout</w:t>
            </w:r>
          </w:p>
          <w:p w:rsidR="00156FB3" w:rsidRDefault="00156FB3" w:rsidP="00156FB3">
            <w:r>
              <w:t xml:space="preserve">        ** ** On first slide we do not want any animation like slide of fade</w:t>
            </w:r>
          </w:p>
          <w:p w:rsidR="00156FB3" w:rsidRDefault="00156FB3" w:rsidP="00156FB3">
            <w:r>
              <w:t xml:space="preserve">        ** ** So on first slide( if lg.on if false that is first slide) loadContent() should start loading immediately</w:t>
            </w:r>
          </w:p>
          <w:p w:rsidR="00156FB3" w:rsidRDefault="00156FB3" w:rsidP="00156FB3">
            <w:r>
              <w:t xml:space="preserve">        ** ** Else loadContent() should wait for the transition to complete.</w:t>
            </w:r>
          </w:p>
          <w:p w:rsidR="00156FB3" w:rsidRDefault="00156FB3" w:rsidP="00156FB3">
            <w:r>
              <w:t xml:space="preserve">        ** ** So set timeout s.speed + 50</w:t>
            </w:r>
          </w:p>
          <w:p w:rsidR="00156FB3" w:rsidRDefault="00156FB3" w:rsidP="00156FB3">
            <w:r>
              <w:t xml:space="preserve">    &lt;=&gt; ** loadContent() will load slide content in to the particular slide</w:t>
            </w:r>
          </w:p>
          <w:p w:rsidR="00156FB3" w:rsidRDefault="00156FB3" w:rsidP="00156FB3">
            <w:r>
              <w:t xml:space="preserve">        ** ** It has recursion (rec) parameter. if rec === true loadContent() will call preload() function.</w:t>
            </w:r>
          </w:p>
          <w:p w:rsidR="00156FB3" w:rsidRDefault="00156FB3" w:rsidP="00156FB3">
            <w:r>
              <w:t xml:space="preserve">        ** ** preload will execute only when the previous slide is fully loaded (images iframe)</w:t>
            </w:r>
          </w:p>
          <w:p w:rsidR="00156FB3" w:rsidRDefault="00156FB3" w:rsidP="00156FB3">
            <w:r>
              <w:lastRenderedPageBreak/>
              <w:t xml:space="preserve">        ** ** avoid simultaneous image load</w:t>
            </w:r>
          </w:p>
          <w:p w:rsidR="00156FB3" w:rsidRDefault="00156FB3" w:rsidP="00156FB3">
            <w:r>
              <w:t xml:space="preserve">    &lt;=&gt; ** Preload() will check for s.preload value and call loadContent() again accoring to preload value</w:t>
            </w:r>
          </w:p>
          <w:p w:rsidR="00156FB3" w:rsidRDefault="00156FB3" w:rsidP="00156FB3">
            <w:r>
              <w:t xml:space="preserve">        ** loadContent()  &lt;====&gt; Preload();</w:t>
            </w:r>
          </w:p>
          <w:p w:rsidR="00156FB3" w:rsidRDefault="00156FB3" w:rsidP="00156FB3"/>
          <w:p w:rsidR="00156FB3" w:rsidRDefault="00156FB3" w:rsidP="00156FB3">
            <w:r>
              <w:t xml:space="preserve">    *   @param {Number} index - index of the slide</w:t>
            </w:r>
          </w:p>
          <w:p w:rsidR="00156FB3" w:rsidRDefault="00156FB3" w:rsidP="00156FB3">
            <w:r>
              <w:t xml:space="preserve">    *   @param {Boolean} fromTouch - true if slide function called via touch event or mouse drag</w:t>
            </w:r>
          </w:p>
          <w:p w:rsidR="00156FB3" w:rsidRDefault="00156FB3" w:rsidP="00156FB3">
            <w:r>
              <w:t xml:space="preserve">    *   @param {Boolean} fromThumb - true if slide function called via thumbnail click</w:t>
            </w:r>
          </w:p>
          <w:p w:rsidR="00156FB3" w:rsidRDefault="00156FB3" w:rsidP="00156FB3">
            <w:r>
              <w:t xml:space="preserve">    *   @param {String} direction - Direction of the slide(next/prev)</w:t>
            </w:r>
          </w:p>
          <w:p w:rsidR="00156FB3" w:rsidRDefault="00156FB3" w:rsidP="00156FB3">
            <w:r>
              <w:t xml:space="preserve">    */</w:t>
            </w:r>
          </w:p>
          <w:p w:rsidR="00156FB3" w:rsidRDefault="00156FB3" w:rsidP="00156FB3">
            <w:r>
              <w:t xml:space="preserve">    Plugin.prototype.slide = function(index, fromTouch, fromThumb, direction) {</w:t>
            </w:r>
          </w:p>
          <w:p w:rsidR="00156FB3" w:rsidRDefault="00156FB3" w:rsidP="00156FB3"/>
          <w:p w:rsidR="00156FB3" w:rsidRDefault="00156FB3" w:rsidP="00156FB3">
            <w:r>
              <w:t xml:space="preserve">        var _prevIndex = this.$outer.find('.lg-current').index();</w:t>
            </w:r>
          </w:p>
          <w:p w:rsidR="00156FB3" w:rsidRDefault="00156FB3" w:rsidP="00156FB3">
            <w:r>
              <w:t xml:space="preserve">        var _this = this;</w:t>
            </w:r>
          </w:p>
          <w:p w:rsidR="00156FB3" w:rsidRDefault="00156FB3" w:rsidP="00156FB3"/>
          <w:p w:rsidR="00156FB3" w:rsidRDefault="00156FB3" w:rsidP="00156FB3">
            <w:r>
              <w:t xml:space="preserve">        // Prevent if multiple call</w:t>
            </w:r>
          </w:p>
          <w:p w:rsidR="00156FB3" w:rsidRDefault="00156FB3" w:rsidP="00156FB3">
            <w:r>
              <w:t xml:space="preserve">        // Required for hsh plugin</w:t>
            </w:r>
          </w:p>
          <w:p w:rsidR="00156FB3" w:rsidRDefault="00156FB3" w:rsidP="00156FB3">
            <w:r>
              <w:t xml:space="preserve">        if (_this.lGalleryOn &amp;&amp; (_prevIndex === index))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var _length = this.$slide.length;</w:t>
            </w:r>
          </w:p>
          <w:p w:rsidR="00156FB3" w:rsidRDefault="00156FB3" w:rsidP="00156FB3">
            <w:r>
              <w:t xml:space="preserve">        var _time = _this.lGalleryOn ? this.s.speed : 0;</w:t>
            </w:r>
          </w:p>
          <w:p w:rsidR="00156FB3" w:rsidRDefault="00156FB3" w:rsidP="00156FB3"/>
          <w:p w:rsidR="00156FB3" w:rsidRDefault="00156FB3" w:rsidP="00156FB3">
            <w:r>
              <w:t xml:space="preserve">        if (!_this.lgBusy) {</w:t>
            </w:r>
          </w:p>
          <w:p w:rsidR="00156FB3" w:rsidRDefault="00156FB3" w:rsidP="00156FB3"/>
          <w:p w:rsidR="00156FB3" w:rsidRDefault="00156FB3" w:rsidP="00156FB3">
            <w:r>
              <w:t xml:space="preserve">            if (this.s.download) {</w:t>
            </w:r>
          </w:p>
          <w:p w:rsidR="00156FB3" w:rsidRDefault="00156FB3" w:rsidP="00156FB3">
            <w:r>
              <w:t xml:space="preserve">                var _src;</w:t>
            </w:r>
          </w:p>
          <w:p w:rsidR="00156FB3" w:rsidRDefault="00156FB3" w:rsidP="00156FB3">
            <w:r>
              <w:t xml:space="preserve">                if (_this.s.dynamic) {</w:t>
            </w:r>
          </w:p>
          <w:p w:rsidR="00156FB3" w:rsidRDefault="00156FB3" w:rsidP="00156FB3">
            <w:r>
              <w:t xml:space="preserve">                    _src = _this.s.dynamicEl[index].downloadUrl !== false &amp;&amp; (_this.s.dynamicEl[index].downloadUrl || _this.s.dynamicEl[index].src);</w:t>
            </w:r>
          </w:p>
          <w:p w:rsidR="00156FB3" w:rsidRDefault="00156FB3" w:rsidP="00156FB3">
            <w:r>
              <w:t xml:space="preserve">                } else {</w:t>
            </w:r>
          </w:p>
          <w:p w:rsidR="00156FB3" w:rsidRDefault="00156FB3" w:rsidP="00156FB3">
            <w:r>
              <w:t xml:space="preserve">                    _src = _this.$items.eq(index).attr('data-download-url') !== 'false' &amp;&amp; (_this.$items.eq(index).attr('data-download-url') || _this.$items.eq(index).attr('href') || _this.$items.eq(index).attr('data-src'));</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if (_src) {</w:t>
            </w:r>
          </w:p>
          <w:p w:rsidR="00156FB3" w:rsidRDefault="00156FB3" w:rsidP="00156FB3">
            <w:r>
              <w:t xml:space="preserve">                    $('#lg-download').attr('href', _src);</w:t>
            </w:r>
          </w:p>
          <w:p w:rsidR="00156FB3" w:rsidRDefault="00156FB3" w:rsidP="00156FB3">
            <w:r>
              <w:t xml:space="preserve">                    _this.$outer.removeClass('lg-hide-download');</w:t>
            </w:r>
          </w:p>
          <w:p w:rsidR="00156FB3" w:rsidRDefault="00156FB3" w:rsidP="00156FB3">
            <w:r>
              <w:t xml:space="preserve">                } else {</w:t>
            </w:r>
          </w:p>
          <w:p w:rsidR="00156FB3" w:rsidRDefault="00156FB3" w:rsidP="00156FB3">
            <w:r>
              <w:t xml:space="preserve">                    _this.$outer.addClass('lg-hide-download');</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this.$el.trigger('onBeforeSlide.lg', [_prevIndex, index, fromTouch, fromThumb]);</w:t>
            </w:r>
          </w:p>
          <w:p w:rsidR="00156FB3" w:rsidRDefault="00156FB3" w:rsidP="00156FB3"/>
          <w:p w:rsidR="00156FB3" w:rsidRDefault="00156FB3" w:rsidP="00156FB3">
            <w:r>
              <w:t xml:space="preserve">            _this.lgBusy = true;</w:t>
            </w:r>
          </w:p>
          <w:p w:rsidR="00156FB3" w:rsidRDefault="00156FB3" w:rsidP="00156FB3"/>
          <w:p w:rsidR="00156FB3" w:rsidRDefault="00156FB3" w:rsidP="00156FB3">
            <w:r>
              <w:t xml:space="preserve">            clearTimeout(_this.hideBartimeout);</w:t>
            </w:r>
          </w:p>
          <w:p w:rsidR="00156FB3" w:rsidRDefault="00156FB3" w:rsidP="00156FB3"/>
          <w:p w:rsidR="00156FB3" w:rsidRDefault="00156FB3" w:rsidP="00156FB3">
            <w:r>
              <w:t xml:space="preserve">            // Add title if this.s.appendSubHtmlTo === lg-sub-html</w:t>
            </w:r>
          </w:p>
          <w:p w:rsidR="00156FB3" w:rsidRDefault="00156FB3" w:rsidP="00156FB3">
            <w:r>
              <w:t xml:space="preserve">            if (this.s.appendSubHtmlTo === '.lg-sub-html') {</w:t>
            </w:r>
          </w:p>
          <w:p w:rsidR="00156FB3" w:rsidRDefault="00156FB3" w:rsidP="00156FB3"/>
          <w:p w:rsidR="00156FB3" w:rsidRDefault="00156FB3" w:rsidP="00156FB3">
            <w:r>
              <w:t xml:space="preserve">                // wait for slide animation to complete</w:t>
            </w:r>
          </w:p>
          <w:p w:rsidR="00156FB3" w:rsidRDefault="00156FB3" w:rsidP="00156FB3">
            <w:r>
              <w:t xml:space="preserve">                setTimeout(function() {</w:t>
            </w:r>
          </w:p>
          <w:p w:rsidR="00156FB3" w:rsidRDefault="00156FB3" w:rsidP="00156FB3">
            <w:r>
              <w:t xml:space="preserve">                    _this.addHtml(index);</w:t>
            </w:r>
          </w:p>
          <w:p w:rsidR="00156FB3" w:rsidRDefault="00156FB3" w:rsidP="00156FB3">
            <w:r>
              <w:t xml:space="preserve">                }, _time);</w:t>
            </w:r>
          </w:p>
          <w:p w:rsidR="00156FB3" w:rsidRDefault="00156FB3" w:rsidP="00156FB3">
            <w:r>
              <w:t xml:space="preserve">            }</w:t>
            </w:r>
          </w:p>
          <w:p w:rsidR="00156FB3" w:rsidRDefault="00156FB3" w:rsidP="00156FB3"/>
          <w:p w:rsidR="00156FB3" w:rsidRDefault="00156FB3" w:rsidP="00156FB3">
            <w:r>
              <w:t xml:space="preserve">            this.arrowDisable(index);</w:t>
            </w:r>
          </w:p>
          <w:p w:rsidR="00156FB3" w:rsidRDefault="00156FB3" w:rsidP="00156FB3"/>
          <w:p w:rsidR="00156FB3" w:rsidRDefault="00156FB3" w:rsidP="00156FB3">
            <w:r>
              <w:t xml:space="preserve">            if (!direction) {</w:t>
            </w:r>
          </w:p>
          <w:p w:rsidR="00156FB3" w:rsidRDefault="00156FB3" w:rsidP="00156FB3">
            <w:r>
              <w:t xml:space="preserve">                if (index &lt; _prevIndex) {</w:t>
            </w:r>
          </w:p>
          <w:p w:rsidR="00156FB3" w:rsidRDefault="00156FB3" w:rsidP="00156FB3">
            <w:r>
              <w:t xml:space="preserve">                    direction = 'prev';</w:t>
            </w:r>
          </w:p>
          <w:p w:rsidR="00156FB3" w:rsidRDefault="00156FB3" w:rsidP="00156FB3">
            <w:r>
              <w:t xml:space="preserve">                } else if (index &gt; _prevIndex) {</w:t>
            </w:r>
          </w:p>
          <w:p w:rsidR="00156FB3" w:rsidRDefault="00156FB3" w:rsidP="00156FB3">
            <w:r>
              <w:t xml:space="preserve">                    direction = 'nex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if (!fromTouch) {</w:t>
            </w:r>
          </w:p>
          <w:p w:rsidR="00156FB3" w:rsidRDefault="00156FB3" w:rsidP="00156FB3"/>
          <w:p w:rsidR="00156FB3" w:rsidRDefault="00156FB3" w:rsidP="00156FB3">
            <w:r>
              <w:t xml:space="preserve">                // remove all transitions</w:t>
            </w:r>
          </w:p>
          <w:p w:rsidR="00156FB3" w:rsidRDefault="00156FB3" w:rsidP="00156FB3">
            <w:r>
              <w:t xml:space="preserve">                _this.$outer.addClass('lg-no-trans');</w:t>
            </w:r>
          </w:p>
          <w:p w:rsidR="00156FB3" w:rsidRDefault="00156FB3" w:rsidP="00156FB3"/>
          <w:p w:rsidR="00156FB3" w:rsidRDefault="00156FB3" w:rsidP="00156FB3">
            <w:r>
              <w:t xml:space="preserve">                this.$slide.removeClass('lg-prev-slide lg-next-slide');</w:t>
            </w:r>
          </w:p>
          <w:p w:rsidR="00156FB3" w:rsidRDefault="00156FB3" w:rsidP="00156FB3"/>
          <w:p w:rsidR="00156FB3" w:rsidRDefault="00156FB3" w:rsidP="00156FB3">
            <w:r>
              <w:t xml:space="preserve">                if (direction === 'prev') {</w:t>
            </w:r>
          </w:p>
          <w:p w:rsidR="00156FB3" w:rsidRDefault="00156FB3" w:rsidP="00156FB3"/>
          <w:p w:rsidR="00156FB3" w:rsidRDefault="00156FB3" w:rsidP="00156FB3">
            <w:r>
              <w:t xml:space="preserve">                    //prevslide</w:t>
            </w:r>
          </w:p>
          <w:p w:rsidR="00156FB3" w:rsidRDefault="00156FB3" w:rsidP="00156FB3">
            <w:r>
              <w:t xml:space="preserve">                    this.$slide.eq(index).addClass('lg-prev-slide');</w:t>
            </w:r>
          </w:p>
          <w:p w:rsidR="00156FB3" w:rsidRDefault="00156FB3" w:rsidP="00156FB3">
            <w:r>
              <w:t xml:space="preserve">                    this.$slide.eq(_prevIndex).addClass('lg-next-slide');</w:t>
            </w:r>
          </w:p>
          <w:p w:rsidR="00156FB3" w:rsidRDefault="00156FB3" w:rsidP="00156FB3">
            <w:r>
              <w:t xml:space="preserve">                } else {</w:t>
            </w:r>
          </w:p>
          <w:p w:rsidR="00156FB3" w:rsidRDefault="00156FB3" w:rsidP="00156FB3"/>
          <w:p w:rsidR="00156FB3" w:rsidRDefault="00156FB3" w:rsidP="00156FB3">
            <w:r>
              <w:t xml:space="preserve">                    // next slide</w:t>
            </w:r>
          </w:p>
          <w:p w:rsidR="00156FB3" w:rsidRDefault="00156FB3" w:rsidP="00156FB3">
            <w:r>
              <w:t xml:space="preserve">                    this.$slide.eq(index).addClass('lg-next-slide');</w:t>
            </w:r>
          </w:p>
          <w:p w:rsidR="00156FB3" w:rsidRDefault="00156FB3" w:rsidP="00156FB3">
            <w:r>
              <w:t xml:space="preserve">                    this.$slide.eq(_prevIndex).addClass('lg-prev-slide');</w:t>
            </w:r>
          </w:p>
          <w:p w:rsidR="00156FB3" w:rsidRDefault="00156FB3" w:rsidP="00156FB3">
            <w:r>
              <w:t xml:space="preserve">                }</w:t>
            </w:r>
          </w:p>
          <w:p w:rsidR="00156FB3" w:rsidRDefault="00156FB3" w:rsidP="00156FB3"/>
          <w:p w:rsidR="00156FB3" w:rsidRDefault="00156FB3" w:rsidP="00156FB3">
            <w:r>
              <w:t xml:space="preserve">                // give 50 ms for browser to add/remove class</w:t>
            </w:r>
          </w:p>
          <w:p w:rsidR="00156FB3" w:rsidRDefault="00156FB3" w:rsidP="00156FB3">
            <w:r>
              <w:t xml:space="preserve">                setTimeout(function() {</w:t>
            </w:r>
          </w:p>
          <w:p w:rsidR="00156FB3" w:rsidRDefault="00156FB3" w:rsidP="00156FB3">
            <w:r>
              <w:t xml:space="preserve">                    _this.$slide.removeClass('lg-current');</w:t>
            </w:r>
          </w:p>
          <w:p w:rsidR="00156FB3" w:rsidRDefault="00156FB3" w:rsidP="00156FB3"/>
          <w:p w:rsidR="00156FB3" w:rsidRDefault="00156FB3" w:rsidP="00156FB3">
            <w:r>
              <w:t xml:space="preserve">                    //_this.$slide.eq(_prevIndex).removeClass('lg-current');</w:t>
            </w:r>
          </w:p>
          <w:p w:rsidR="00156FB3" w:rsidRDefault="00156FB3" w:rsidP="00156FB3">
            <w:r>
              <w:t xml:space="preserve">                    _this.$slide.eq(index).addClass('lg-current');</w:t>
            </w:r>
          </w:p>
          <w:p w:rsidR="00156FB3" w:rsidRDefault="00156FB3" w:rsidP="00156FB3"/>
          <w:p w:rsidR="00156FB3" w:rsidRDefault="00156FB3" w:rsidP="00156FB3">
            <w:r>
              <w:lastRenderedPageBreak/>
              <w:t xml:space="preserve">                    // reset all transitions</w:t>
            </w:r>
          </w:p>
          <w:p w:rsidR="00156FB3" w:rsidRDefault="00156FB3" w:rsidP="00156FB3">
            <w:r>
              <w:t xml:space="preserve">                    _this.$outer.removeClass('lg-no-trans');</w:t>
            </w:r>
          </w:p>
          <w:p w:rsidR="00156FB3" w:rsidRDefault="00156FB3" w:rsidP="00156FB3">
            <w:r>
              <w:t xml:space="preserve">                }, 50);</w:t>
            </w:r>
          </w:p>
          <w:p w:rsidR="00156FB3" w:rsidRDefault="00156FB3" w:rsidP="00156FB3">
            <w:r>
              <w:t xml:space="preserve">            } else {</w:t>
            </w:r>
          </w:p>
          <w:p w:rsidR="00156FB3" w:rsidRDefault="00156FB3" w:rsidP="00156FB3"/>
          <w:p w:rsidR="00156FB3" w:rsidRDefault="00156FB3" w:rsidP="00156FB3">
            <w:r>
              <w:t xml:space="preserve">                this.$slide.removeClass('lg-prev-slide lg-current lg-next-slide');</w:t>
            </w:r>
          </w:p>
          <w:p w:rsidR="00156FB3" w:rsidRDefault="00156FB3" w:rsidP="00156FB3">
            <w:r>
              <w:t xml:space="preserve">                var touchPrev;</w:t>
            </w:r>
          </w:p>
          <w:p w:rsidR="00156FB3" w:rsidRDefault="00156FB3" w:rsidP="00156FB3">
            <w:r>
              <w:t xml:space="preserve">                var touchNext;</w:t>
            </w:r>
          </w:p>
          <w:p w:rsidR="00156FB3" w:rsidRDefault="00156FB3" w:rsidP="00156FB3">
            <w:r>
              <w:t xml:space="preserve">                if (_length &gt; 2) {</w:t>
            </w:r>
          </w:p>
          <w:p w:rsidR="00156FB3" w:rsidRDefault="00156FB3" w:rsidP="00156FB3">
            <w:r>
              <w:t xml:space="preserve">                    touchPrev = index - 1;</w:t>
            </w:r>
          </w:p>
          <w:p w:rsidR="00156FB3" w:rsidRDefault="00156FB3" w:rsidP="00156FB3">
            <w:r>
              <w:t xml:space="preserve">                    touchNext = index + 1;</w:t>
            </w:r>
          </w:p>
          <w:p w:rsidR="00156FB3" w:rsidRDefault="00156FB3" w:rsidP="00156FB3"/>
          <w:p w:rsidR="00156FB3" w:rsidRDefault="00156FB3" w:rsidP="00156FB3">
            <w:r>
              <w:t xml:space="preserve">                    if ((index === 0) &amp;&amp; (_prevIndex === _length - 1)) {</w:t>
            </w:r>
          </w:p>
          <w:p w:rsidR="00156FB3" w:rsidRDefault="00156FB3" w:rsidP="00156FB3"/>
          <w:p w:rsidR="00156FB3" w:rsidRDefault="00156FB3" w:rsidP="00156FB3">
            <w:r>
              <w:t xml:space="preserve">                        // next slide</w:t>
            </w:r>
          </w:p>
          <w:p w:rsidR="00156FB3" w:rsidRDefault="00156FB3" w:rsidP="00156FB3">
            <w:r>
              <w:t xml:space="preserve">                        touchNext = 0;</w:t>
            </w:r>
          </w:p>
          <w:p w:rsidR="00156FB3" w:rsidRDefault="00156FB3" w:rsidP="00156FB3">
            <w:r>
              <w:t xml:space="preserve">                        touchPrev = _length - 1;</w:t>
            </w:r>
          </w:p>
          <w:p w:rsidR="00156FB3" w:rsidRDefault="00156FB3" w:rsidP="00156FB3">
            <w:r>
              <w:t xml:space="preserve">                    } else if ((index === _length - 1) &amp;&amp; (_prevIndex === 0)) {</w:t>
            </w:r>
          </w:p>
          <w:p w:rsidR="00156FB3" w:rsidRDefault="00156FB3" w:rsidP="00156FB3"/>
          <w:p w:rsidR="00156FB3" w:rsidRDefault="00156FB3" w:rsidP="00156FB3">
            <w:r>
              <w:t xml:space="preserve">                        // prev slide</w:t>
            </w:r>
          </w:p>
          <w:p w:rsidR="00156FB3" w:rsidRDefault="00156FB3" w:rsidP="00156FB3">
            <w:r>
              <w:t xml:space="preserve">                        touchNext = 0;</w:t>
            </w:r>
          </w:p>
          <w:p w:rsidR="00156FB3" w:rsidRDefault="00156FB3" w:rsidP="00156FB3">
            <w:r>
              <w:t xml:space="preserve">                        touchPrev = _length - 1;</w:t>
            </w:r>
          </w:p>
          <w:p w:rsidR="00156FB3" w:rsidRDefault="00156FB3" w:rsidP="00156FB3">
            <w:r>
              <w:t xml:space="preserve">                    }</w:t>
            </w:r>
          </w:p>
          <w:p w:rsidR="00156FB3" w:rsidRDefault="00156FB3" w:rsidP="00156FB3"/>
          <w:p w:rsidR="00156FB3" w:rsidRDefault="00156FB3" w:rsidP="00156FB3">
            <w:r>
              <w:t xml:space="preserve">                } else {</w:t>
            </w:r>
          </w:p>
          <w:p w:rsidR="00156FB3" w:rsidRDefault="00156FB3" w:rsidP="00156FB3">
            <w:r>
              <w:t xml:space="preserve">                    touchPrev = 0;</w:t>
            </w:r>
          </w:p>
          <w:p w:rsidR="00156FB3" w:rsidRDefault="00156FB3" w:rsidP="00156FB3">
            <w:r>
              <w:t xml:space="preserve">                    touchNext = 1;</w:t>
            </w:r>
          </w:p>
          <w:p w:rsidR="00156FB3" w:rsidRDefault="00156FB3" w:rsidP="00156FB3">
            <w:r>
              <w:t xml:space="preserve">                }</w:t>
            </w:r>
          </w:p>
          <w:p w:rsidR="00156FB3" w:rsidRDefault="00156FB3" w:rsidP="00156FB3"/>
          <w:p w:rsidR="00156FB3" w:rsidRDefault="00156FB3" w:rsidP="00156FB3">
            <w:r>
              <w:t xml:space="preserve">                if (direction === 'prev') {</w:t>
            </w:r>
          </w:p>
          <w:p w:rsidR="00156FB3" w:rsidRDefault="00156FB3" w:rsidP="00156FB3">
            <w:r>
              <w:t xml:space="preserve">                    _this.$slide.eq(touchNext).addClass('lg-next-slide');</w:t>
            </w:r>
          </w:p>
          <w:p w:rsidR="00156FB3" w:rsidRDefault="00156FB3" w:rsidP="00156FB3">
            <w:r>
              <w:t xml:space="preserve">                } else {</w:t>
            </w:r>
          </w:p>
          <w:p w:rsidR="00156FB3" w:rsidRDefault="00156FB3" w:rsidP="00156FB3">
            <w:r>
              <w:t xml:space="preserve">                    _this.$slide.eq(touchPrev).addClass('lg-prev-slide');</w:t>
            </w:r>
          </w:p>
          <w:p w:rsidR="00156FB3" w:rsidRDefault="00156FB3" w:rsidP="00156FB3">
            <w:r>
              <w:t xml:space="preserve">                }</w:t>
            </w:r>
          </w:p>
          <w:p w:rsidR="00156FB3" w:rsidRDefault="00156FB3" w:rsidP="00156FB3"/>
          <w:p w:rsidR="00156FB3" w:rsidRDefault="00156FB3" w:rsidP="00156FB3">
            <w:r>
              <w:t xml:space="preserve">                _this.$slide.eq(index).addClass('lg-current');</w:t>
            </w:r>
          </w:p>
          <w:p w:rsidR="00156FB3" w:rsidRDefault="00156FB3" w:rsidP="00156FB3">
            <w:r>
              <w:t xml:space="preserve">            }</w:t>
            </w:r>
          </w:p>
          <w:p w:rsidR="00156FB3" w:rsidRDefault="00156FB3" w:rsidP="00156FB3"/>
          <w:p w:rsidR="00156FB3" w:rsidRDefault="00156FB3" w:rsidP="00156FB3">
            <w:r>
              <w:t xml:space="preserve">            if (_this.lGalleryOn) {</w:t>
            </w:r>
          </w:p>
          <w:p w:rsidR="00156FB3" w:rsidRDefault="00156FB3" w:rsidP="00156FB3">
            <w:r>
              <w:t xml:space="preserve">                setTimeout(function() {</w:t>
            </w:r>
          </w:p>
          <w:p w:rsidR="00156FB3" w:rsidRDefault="00156FB3" w:rsidP="00156FB3">
            <w:r>
              <w:t xml:space="preserve">                    _this.loadContent(index, true, 0);</w:t>
            </w:r>
          </w:p>
          <w:p w:rsidR="00156FB3" w:rsidRDefault="00156FB3" w:rsidP="00156FB3">
            <w:r>
              <w:t xml:space="preserve">                }, this.s.speed + 50);</w:t>
            </w:r>
          </w:p>
          <w:p w:rsidR="00156FB3" w:rsidRDefault="00156FB3" w:rsidP="00156FB3"/>
          <w:p w:rsidR="00156FB3" w:rsidRDefault="00156FB3" w:rsidP="00156FB3">
            <w:r>
              <w:t xml:space="preserve">                setTimeout(function() {</w:t>
            </w:r>
          </w:p>
          <w:p w:rsidR="00156FB3" w:rsidRDefault="00156FB3" w:rsidP="00156FB3">
            <w:r>
              <w:t xml:space="preserve">                    _this.lgBusy = false;</w:t>
            </w:r>
          </w:p>
          <w:p w:rsidR="00156FB3" w:rsidRDefault="00156FB3" w:rsidP="00156FB3">
            <w:r>
              <w:t xml:space="preserve">                    _this.$el.trigger('onAfterSlide.lg', [_prevIndex, index, fromTouch, fromThumb]);</w:t>
            </w:r>
          </w:p>
          <w:p w:rsidR="00156FB3" w:rsidRDefault="00156FB3" w:rsidP="00156FB3">
            <w:r>
              <w:t xml:space="preserve">                }, this.s.speed);</w:t>
            </w:r>
          </w:p>
          <w:p w:rsidR="00156FB3" w:rsidRDefault="00156FB3" w:rsidP="00156FB3"/>
          <w:p w:rsidR="00156FB3" w:rsidRDefault="00156FB3" w:rsidP="00156FB3">
            <w:r>
              <w:lastRenderedPageBreak/>
              <w:t xml:space="preserve">            } else {</w:t>
            </w:r>
          </w:p>
          <w:p w:rsidR="00156FB3" w:rsidRDefault="00156FB3" w:rsidP="00156FB3">
            <w:r>
              <w:t xml:space="preserve">                _this.loadContent(index, true, _this.s.backdropDuration);</w:t>
            </w:r>
          </w:p>
          <w:p w:rsidR="00156FB3" w:rsidRDefault="00156FB3" w:rsidP="00156FB3"/>
          <w:p w:rsidR="00156FB3" w:rsidRDefault="00156FB3" w:rsidP="00156FB3">
            <w:r>
              <w:t xml:space="preserve">                _this.lgBusy = false;</w:t>
            </w:r>
          </w:p>
          <w:p w:rsidR="00156FB3" w:rsidRDefault="00156FB3" w:rsidP="00156FB3">
            <w:r>
              <w:t xml:space="preserve">                _this.$el.trigger('onAfterSlide.lg', [_prevIndex, index, fromTouch, fromThumb]);</w:t>
            </w:r>
          </w:p>
          <w:p w:rsidR="00156FB3" w:rsidRDefault="00156FB3" w:rsidP="00156FB3">
            <w:r>
              <w:t xml:space="preserve">            }</w:t>
            </w:r>
          </w:p>
          <w:p w:rsidR="00156FB3" w:rsidRDefault="00156FB3" w:rsidP="00156FB3"/>
          <w:p w:rsidR="00156FB3" w:rsidRDefault="00156FB3" w:rsidP="00156FB3">
            <w:r>
              <w:t xml:space="preserve">            _this.lGalleryOn = true;</w:t>
            </w:r>
          </w:p>
          <w:p w:rsidR="00156FB3" w:rsidRDefault="00156FB3" w:rsidP="00156FB3"/>
          <w:p w:rsidR="00156FB3" w:rsidRDefault="00156FB3" w:rsidP="00156FB3">
            <w:r>
              <w:t xml:space="preserve">            if (this.s.counter) {</w:t>
            </w:r>
          </w:p>
          <w:p w:rsidR="00156FB3" w:rsidRDefault="00156FB3" w:rsidP="00156FB3">
            <w:r>
              <w:t xml:space="preserve">                $('#lg-counter-current').text(index + 1);</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_this.index = index;</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desc Go to next slide</w:t>
            </w:r>
          </w:p>
          <w:p w:rsidR="00156FB3" w:rsidRDefault="00156FB3" w:rsidP="00156FB3">
            <w:r>
              <w:t xml:space="preserve">     *  @param {Boolean} fromTouch - true if slide function called via touch event</w:t>
            </w:r>
          </w:p>
          <w:p w:rsidR="00156FB3" w:rsidRDefault="00156FB3" w:rsidP="00156FB3">
            <w:r>
              <w:t xml:space="preserve">     */</w:t>
            </w:r>
          </w:p>
          <w:p w:rsidR="00156FB3" w:rsidRDefault="00156FB3" w:rsidP="00156FB3">
            <w:r>
              <w:t xml:space="preserve">    Plugin.prototype.goToNextSlide = function(fromTouch) {</w:t>
            </w:r>
          </w:p>
          <w:p w:rsidR="00156FB3" w:rsidRDefault="00156FB3" w:rsidP="00156FB3">
            <w:r>
              <w:t xml:space="preserve">        var _this = this;</w:t>
            </w:r>
          </w:p>
          <w:p w:rsidR="00156FB3" w:rsidRDefault="00156FB3" w:rsidP="00156FB3">
            <w:r>
              <w:t xml:space="preserve">        var _loop = _this.s.loop;</w:t>
            </w:r>
          </w:p>
          <w:p w:rsidR="00156FB3" w:rsidRDefault="00156FB3" w:rsidP="00156FB3">
            <w:r>
              <w:t xml:space="preserve">        if (fromTouch &amp;&amp; _this.$slide.length &lt; 3) {</w:t>
            </w:r>
          </w:p>
          <w:p w:rsidR="00156FB3" w:rsidRDefault="00156FB3" w:rsidP="00156FB3">
            <w:r>
              <w:t xml:space="preserve">            _loop = false;</w:t>
            </w:r>
          </w:p>
          <w:p w:rsidR="00156FB3" w:rsidRDefault="00156FB3" w:rsidP="00156FB3">
            <w:r>
              <w:t xml:space="preserve">        }</w:t>
            </w:r>
          </w:p>
          <w:p w:rsidR="00156FB3" w:rsidRDefault="00156FB3" w:rsidP="00156FB3"/>
          <w:p w:rsidR="00156FB3" w:rsidRDefault="00156FB3" w:rsidP="00156FB3">
            <w:r>
              <w:t xml:space="preserve">        if (!_this.lgBusy) {</w:t>
            </w:r>
          </w:p>
          <w:p w:rsidR="00156FB3" w:rsidRDefault="00156FB3" w:rsidP="00156FB3">
            <w:r>
              <w:t xml:space="preserve">            if ((_this.index + 1) &lt; _this.$slide.length) {</w:t>
            </w:r>
          </w:p>
          <w:p w:rsidR="00156FB3" w:rsidRDefault="00156FB3" w:rsidP="00156FB3">
            <w:r>
              <w:t xml:space="preserve">                _this.index++;</w:t>
            </w:r>
          </w:p>
          <w:p w:rsidR="00156FB3" w:rsidRDefault="00156FB3" w:rsidP="00156FB3">
            <w:r>
              <w:t xml:space="preserve">                _this.$el.trigger('onBeforeNextSlide.lg', [_this.index]);</w:t>
            </w:r>
          </w:p>
          <w:p w:rsidR="00156FB3" w:rsidRDefault="00156FB3" w:rsidP="00156FB3">
            <w:r>
              <w:t xml:space="preserve">                _this.slide(_this.index, fromTouch, false, 'next');</w:t>
            </w:r>
          </w:p>
          <w:p w:rsidR="00156FB3" w:rsidRDefault="00156FB3" w:rsidP="00156FB3">
            <w:r>
              <w:t xml:space="preserve">            } else {</w:t>
            </w:r>
          </w:p>
          <w:p w:rsidR="00156FB3" w:rsidRDefault="00156FB3" w:rsidP="00156FB3">
            <w:r>
              <w:t xml:space="preserve">                if (_loop) {</w:t>
            </w:r>
          </w:p>
          <w:p w:rsidR="00156FB3" w:rsidRDefault="00156FB3" w:rsidP="00156FB3">
            <w:r>
              <w:t xml:space="preserve">                    _this.index = 0;</w:t>
            </w:r>
          </w:p>
          <w:p w:rsidR="00156FB3" w:rsidRDefault="00156FB3" w:rsidP="00156FB3">
            <w:r>
              <w:t xml:space="preserve">                    _this.$el.trigger('onBeforeNextSlide.lg', [_this.index]);</w:t>
            </w:r>
          </w:p>
          <w:p w:rsidR="00156FB3" w:rsidRDefault="00156FB3" w:rsidP="00156FB3">
            <w:r>
              <w:t xml:space="preserve">                    _this.slide(_this.index, fromTouch, false, 'next');</w:t>
            </w:r>
          </w:p>
          <w:p w:rsidR="00156FB3" w:rsidRDefault="00156FB3" w:rsidP="00156FB3">
            <w:r>
              <w:t xml:space="preserve">                } else if (_this.s.slideEndAnimatoin &amp;&amp; !fromTouch) {</w:t>
            </w:r>
          </w:p>
          <w:p w:rsidR="00156FB3" w:rsidRDefault="00156FB3" w:rsidP="00156FB3">
            <w:r>
              <w:t xml:space="preserve">                    _this.$outer.addClass('lg-right-end');</w:t>
            </w:r>
          </w:p>
          <w:p w:rsidR="00156FB3" w:rsidRDefault="00156FB3" w:rsidP="00156FB3">
            <w:r>
              <w:t xml:space="preserve">                    setTimeout(function() {</w:t>
            </w:r>
          </w:p>
          <w:p w:rsidR="00156FB3" w:rsidRDefault="00156FB3" w:rsidP="00156FB3">
            <w:r>
              <w:t xml:space="preserve">                        _this.$outer.removeClass('lg-right-end');</w:t>
            </w:r>
          </w:p>
          <w:p w:rsidR="00156FB3" w:rsidRDefault="00156FB3" w:rsidP="00156FB3">
            <w:r>
              <w:t xml:space="preserve">                    }, 400);</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desc Go to previous slide</w:t>
            </w:r>
          </w:p>
          <w:p w:rsidR="00156FB3" w:rsidRDefault="00156FB3" w:rsidP="00156FB3">
            <w:r>
              <w:t xml:space="preserve">     *  @param {Boolean} fromTouch - true if slide function called via touch event</w:t>
            </w:r>
          </w:p>
          <w:p w:rsidR="00156FB3" w:rsidRDefault="00156FB3" w:rsidP="00156FB3">
            <w:r>
              <w:t xml:space="preserve">     */</w:t>
            </w:r>
          </w:p>
          <w:p w:rsidR="00156FB3" w:rsidRDefault="00156FB3" w:rsidP="00156FB3">
            <w:r>
              <w:t xml:space="preserve">    Plugin.prototype.goToPrevSlide = function(fromTouch) {</w:t>
            </w:r>
          </w:p>
          <w:p w:rsidR="00156FB3" w:rsidRDefault="00156FB3" w:rsidP="00156FB3">
            <w:r>
              <w:t xml:space="preserve">        var _this = this;</w:t>
            </w:r>
          </w:p>
          <w:p w:rsidR="00156FB3" w:rsidRDefault="00156FB3" w:rsidP="00156FB3">
            <w:r>
              <w:t xml:space="preserve">        var _loop = _this.s.loop;</w:t>
            </w:r>
          </w:p>
          <w:p w:rsidR="00156FB3" w:rsidRDefault="00156FB3" w:rsidP="00156FB3">
            <w:r>
              <w:t xml:space="preserve">        if (fromTouch &amp;&amp; _this.$slide.length &lt; 3) {</w:t>
            </w:r>
          </w:p>
          <w:p w:rsidR="00156FB3" w:rsidRDefault="00156FB3" w:rsidP="00156FB3">
            <w:r>
              <w:t xml:space="preserve">            _loop = false;</w:t>
            </w:r>
          </w:p>
          <w:p w:rsidR="00156FB3" w:rsidRDefault="00156FB3" w:rsidP="00156FB3">
            <w:r>
              <w:t xml:space="preserve">        }</w:t>
            </w:r>
          </w:p>
          <w:p w:rsidR="00156FB3" w:rsidRDefault="00156FB3" w:rsidP="00156FB3"/>
          <w:p w:rsidR="00156FB3" w:rsidRDefault="00156FB3" w:rsidP="00156FB3">
            <w:r>
              <w:t xml:space="preserve">        if (!_this.lgBusy) {</w:t>
            </w:r>
          </w:p>
          <w:p w:rsidR="00156FB3" w:rsidRDefault="00156FB3" w:rsidP="00156FB3">
            <w:r>
              <w:t xml:space="preserve">            if (_this.index &gt; 0) {</w:t>
            </w:r>
          </w:p>
          <w:p w:rsidR="00156FB3" w:rsidRDefault="00156FB3" w:rsidP="00156FB3">
            <w:r>
              <w:t xml:space="preserve">                _this.index--;</w:t>
            </w:r>
          </w:p>
          <w:p w:rsidR="00156FB3" w:rsidRDefault="00156FB3" w:rsidP="00156FB3">
            <w:r>
              <w:t xml:space="preserve">                _this.$el.trigger('onBeforePrevSlide.lg', [_this.index, fromTouch]);</w:t>
            </w:r>
          </w:p>
          <w:p w:rsidR="00156FB3" w:rsidRDefault="00156FB3" w:rsidP="00156FB3">
            <w:r>
              <w:t xml:space="preserve">                _this.slide(_this.index, fromTouch, false, 'prev');</w:t>
            </w:r>
          </w:p>
          <w:p w:rsidR="00156FB3" w:rsidRDefault="00156FB3" w:rsidP="00156FB3">
            <w:r>
              <w:t xml:space="preserve">            } else {</w:t>
            </w:r>
          </w:p>
          <w:p w:rsidR="00156FB3" w:rsidRDefault="00156FB3" w:rsidP="00156FB3">
            <w:r>
              <w:t xml:space="preserve">                if (_loop) {</w:t>
            </w:r>
          </w:p>
          <w:p w:rsidR="00156FB3" w:rsidRDefault="00156FB3" w:rsidP="00156FB3">
            <w:r>
              <w:t xml:space="preserve">                    _this.index = _this.$items.length - 1;</w:t>
            </w:r>
          </w:p>
          <w:p w:rsidR="00156FB3" w:rsidRDefault="00156FB3" w:rsidP="00156FB3">
            <w:r>
              <w:t xml:space="preserve">                    _this.$el.trigger('onBeforePrevSlide.lg', [_this.index, fromTouch]);</w:t>
            </w:r>
          </w:p>
          <w:p w:rsidR="00156FB3" w:rsidRDefault="00156FB3" w:rsidP="00156FB3">
            <w:r>
              <w:t xml:space="preserve">                    _this.slide(_this.index, fromTouch, false, 'prev');</w:t>
            </w:r>
          </w:p>
          <w:p w:rsidR="00156FB3" w:rsidRDefault="00156FB3" w:rsidP="00156FB3">
            <w:r>
              <w:t xml:space="preserve">                } else if (_this.s.slideEndAnimatoin &amp;&amp; !fromTouch) {</w:t>
            </w:r>
          </w:p>
          <w:p w:rsidR="00156FB3" w:rsidRDefault="00156FB3" w:rsidP="00156FB3">
            <w:r>
              <w:t xml:space="preserve">                    _this.$outer.addClass('lg-left-end');</w:t>
            </w:r>
          </w:p>
          <w:p w:rsidR="00156FB3" w:rsidRDefault="00156FB3" w:rsidP="00156FB3">
            <w:r>
              <w:t xml:space="preserve">                    setTimeout(function() {</w:t>
            </w:r>
          </w:p>
          <w:p w:rsidR="00156FB3" w:rsidRDefault="00156FB3" w:rsidP="00156FB3">
            <w:r>
              <w:t xml:space="preserve">                        _this.$outer.removeClass('lg-left-end');</w:t>
            </w:r>
          </w:p>
          <w:p w:rsidR="00156FB3" w:rsidRDefault="00156FB3" w:rsidP="00156FB3">
            <w:r>
              <w:t xml:space="preserve">                    }, 400);</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Plugin.prototype.keyPress = function() {</w:t>
            </w:r>
          </w:p>
          <w:p w:rsidR="00156FB3" w:rsidRDefault="00156FB3" w:rsidP="00156FB3">
            <w:r>
              <w:t xml:space="preserve">        var _this = this;</w:t>
            </w:r>
          </w:p>
          <w:p w:rsidR="00156FB3" w:rsidRDefault="00156FB3" w:rsidP="00156FB3">
            <w:r>
              <w:t xml:space="preserve">        if (this.$items.length &gt; 1) {</w:t>
            </w:r>
          </w:p>
          <w:p w:rsidR="00156FB3" w:rsidRDefault="00156FB3" w:rsidP="00156FB3">
            <w:r>
              <w:t xml:space="preserve">            $(window).on('keyup.lg', function(e) {</w:t>
            </w:r>
          </w:p>
          <w:p w:rsidR="00156FB3" w:rsidRDefault="00156FB3" w:rsidP="00156FB3">
            <w:r>
              <w:t xml:space="preserve">                if (_this.$items.length &gt; 1) {</w:t>
            </w:r>
          </w:p>
          <w:p w:rsidR="00156FB3" w:rsidRDefault="00156FB3" w:rsidP="00156FB3">
            <w:r>
              <w:t xml:space="preserve">                    if (e.keyCode === 37) {</w:t>
            </w:r>
          </w:p>
          <w:p w:rsidR="00156FB3" w:rsidRDefault="00156FB3" w:rsidP="00156FB3">
            <w:r>
              <w:t xml:space="preserve">                        e.preventDefault();</w:t>
            </w:r>
          </w:p>
          <w:p w:rsidR="00156FB3" w:rsidRDefault="00156FB3" w:rsidP="00156FB3">
            <w:r>
              <w:t xml:space="preserve">                        _this.goToPrevSlide();</w:t>
            </w:r>
          </w:p>
          <w:p w:rsidR="00156FB3" w:rsidRDefault="00156FB3" w:rsidP="00156FB3">
            <w:r>
              <w:t xml:space="preserve">                    }</w:t>
            </w:r>
          </w:p>
          <w:p w:rsidR="00156FB3" w:rsidRDefault="00156FB3" w:rsidP="00156FB3"/>
          <w:p w:rsidR="00156FB3" w:rsidRDefault="00156FB3" w:rsidP="00156FB3">
            <w:r>
              <w:t xml:space="preserve">                    if (e.keyCode === 39) {</w:t>
            </w:r>
          </w:p>
          <w:p w:rsidR="00156FB3" w:rsidRDefault="00156FB3" w:rsidP="00156FB3">
            <w:r>
              <w:t xml:space="preserve">                        e.preventDefault();</w:t>
            </w:r>
          </w:p>
          <w:p w:rsidR="00156FB3" w:rsidRDefault="00156FB3" w:rsidP="00156FB3">
            <w:r>
              <w:t xml:space="preserve">                        _this.goToNextSlide();</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lastRenderedPageBreak/>
              <w:t xml:space="preserve">        }</w:t>
            </w:r>
          </w:p>
          <w:p w:rsidR="00156FB3" w:rsidRDefault="00156FB3" w:rsidP="00156FB3"/>
          <w:p w:rsidR="00156FB3" w:rsidRDefault="00156FB3" w:rsidP="00156FB3">
            <w:r>
              <w:t xml:space="preserve">        $(window).on('keydown.lg', function(e) {</w:t>
            </w:r>
          </w:p>
          <w:p w:rsidR="00156FB3" w:rsidRDefault="00156FB3" w:rsidP="00156FB3">
            <w:r>
              <w:t xml:space="preserve">            if (_this.s.escKey === true &amp;&amp; e.keyCode === 27) {</w:t>
            </w:r>
          </w:p>
          <w:p w:rsidR="00156FB3" w:rsidRDefault="00156FB3" w:rsidP="00156FB3">
            <w:r>
              <w:t xml:space="preserve">                e.preventDefault();</w:t>
            </w:r>
          </w:p>
          <w:p w:rsidR="00156FB3" w:rsidRDefault="00156FB3" w:rsidP="00156FB3">
            <w:r>
              <w:t xml:space="preserve">                if (!_this.$outer.hasClass('lg-thumb-open')) {</w:t>
            </w:r>
          </w:p>
          <w:p w:rsidR="00156FB3" w:rsidRDefault="00156FB3" w:rsidP="00156FB3">
            <w:r>
              <w:t xml:space="preserve">                    _this.destroy();</w:t>
            </w:r>
          </w:p>
          <w:p w:rsidR="00156FB3" w:rsidRDefault="00156FB3" w:rsidP="00156FB3">
            <w:r>
              <w:t xml:space="preserve">                } else {</w:t>
            </w:r>
          </w:p>
          <w:p w:rsidR="00156FB3" w:rsidRDefault="00156FB3" w:rsidP="00156FB3">
            <w:r>
              <w:t xml:space="preserve">                    _this.$outer.removeClass('lg-thumb-open');</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Plugin.prototype.arrow = function() {</w:t>
            </w:r>
          </w:p>
          <w:p w:rsidR="00156FB3" w:rsidRDefault="00156FB3" w:rsidP="00156FB3">
            <w:r>
              <w:t xml:space="preserve">        var _this = this;</w:t>
            </w:r>
          </w:p>
          <w:p w:rsidR="00156FB3" w:rsidRDefault="00156FB3" w:rsidP="00156FB3">
            <w:r>
              <w:t xml:space="preserve">        this.$outer.find('.lg-prev').on('click.lg', function() {</w:t>
            </w:r>
          </w:p>
          <w:p w:rsidR="00156FB3" w:rsidRDefault="00156FB3" w:rsidP="00156FB3">
            <w:r>
              <w:t xml:space="preserve">            _this.goToPrevSlide();</w:t>
            </w:r>
          </w:p>
          <w:p w:rsidR="00156FB3" w:rsidRDefault="00156FB3" w:rsidP="00156FB3">
            <w:r>
              <w:t xml:space="preserve">        });</w:t>
            </w:r>
          </w:p>
          <w:p w:rsidR="00156FB3" w:rsidRDefault="00156FB3" w:rsidP="00156FB3"/>
          <w:p w:rsidR="00156FB3" w:rsidRDefault="00156FB3" w:rsidP="00156FB3">
            <w:r>
              <w:t xml:space="preserve">        this.$outer.find('.lg-next').on('click.lg', function() {</w:t>
            </w:r>
          </w:p>
          <w:p w:rsidR="00156FB3" w:rsidRDefault="00156FB3" w:rsidP="00156FB3">
            <w:r>
              <w:t xml:space="preserve">            _this.goToNextSlid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Plugin.prototype.arrowDisable = function(index) {</w:t>
            </w:r>
          </w:p>
          <w:p w:rsidR="00156FB3" w:rsidRDefault="00156FB3" w:rsidP="00156FB3"/>
          <w:p w:rsidR="00156FB3" w:rsidRDefault="00156FB3" w:rsidP="00156FB3">
            <w:r>
              <w:t xml:space="preserve">        // Disable arrows if s.hideControlOnEnd is true</w:t>
            </w:r>
          </w:p>
          <w:p w:rsidR="00156FB3" w:rsidRDefault="00156FB3" w:rsidP="00156FB3">
            <w:r>
              <w:t xml:space="preserve">        if (!this.s.loop &amp;&amp; this.s.hideControlOnEnd) {</w:t>
            </w:r>
          </w:p>
          <w:p w:rsidR="00156FB3" w:rsidRDefault="00156FB3" w:rsidP="00156FB3">
            <w:r>
              <w:t xml:space="preserve">            if ((index + 1) &lt; this.$slide.length) {</w:t>
            </w:r>
          </w:p>
          <w:p w:rsidR="00156FB3" w:rsidRDefault="00156FB3" w:rsidP="00156FB3">
            <w:r>
              <w:t xml:space="preserve">                this.$outer.find('.lg-next').removeAttr('disabled').removeClass('disabled');</w:t>
            </w:r>
          </w:p>
          <w:p w:rsidR="00156FB3" w:rsidRDefault="00156FB3" w:rsidP="00156FB3">
            <w:r>
              <w:t xml:space="preserve">            } else {</w:t>
            </w:r>
          </w:p>
          <w:p w:rsidR="00156FB3" w:rsidRDefault="00156FB3" w:rsidP="00156FB3">
            <w:r>
              <w:t xml:space="preserve">                this.$outer.find('.lg-next').attr('disabled', 'disabled').addClass('disabled');</w:t>
            </w:r>
          </w:p>
          <w:p w:rsidR="00156FB3" w:rsidRDefault="00156FB3" w:rsidP="00156FB3">
            <w:r>
              <w:t xml:space="preserve">            }</w:t>
            </w:r>
          </w:p>
          <w:p w:rsidR="00156FB3" w:rsidRDefault="00156FB3" w:rsidP="00156FB3"/>
          <w:p w:rsidR="00156FB3" w:rsidRDefault="00156FB3" w:rsidP="00156FB3">
            <w:r>
              <w:t xml:space="preserve">            if (index &gt; 0) {</w:t>
            </w:r>
          </w:p>
          <w:p w:rsidR="00156FB3" w:rsidRDefault="00156FB3" w:rsidP="00156FB3">
            <w:r>
              <w:t xml:space="preserve">                this.$outer.find('.lg-prev').removeAttr('disabled').removeClass('disabled');</w:t>
            </w:r>
          </w:p>
          <w:p w:rsidR="00156FB3" w:rsidRDefault="00156FB3" w:rsidP="00156FB3">
            <w:r>
              <w:t xml:space="preserve">            } else {</w:t>
            </w:r>
          </w:p>
          <w:p w:rsidR="00156FB3" w:rsidRDefault="00156FB3" w:rsidP="00156FB3">
            <w:r>
              <w:t xml:space="preserve">                this.$outer.find('.lg-prev').attr('disabled', 'disabled').addClass('disabled');</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Plugin.prototype.setTranslate = function($el, xValue, yValue) {</w:t>
            </w:r>
          </w:p>
          <w:p w:rsidR="00156FB3" w:rsidRDefault="00156FB3" w:rsidP="00156FB3">
            <w:r>
              <w:t xml:space="preserve">        // jQuery supports Automatic CSS prefixing since jQuery 1.8.0</w:t>
            </w:r>
          </w:p>
          <w:p w:rsidR="00156FB3" w:rsidRDefault="00156FB3" w:rsidP="00156FB3">
            <w:r>
              <w:t xml:space="preserve">        if (this.s.useLeft) {</w:t>
            </w:r>
          </w:p>
          <w:p w:rsidR="00156FB3" w:rsidRDefault="00156FB3" w:rsidP="00156FB3">
            <w:r>
              <w:t xml:space="preserve">            $el.css('left', xValue);</w:t>
            </w:r>
          </w:p>
          <w:p w:rsidR="00156FB3" w:rsidRDefault="00156FB3" w:rsidP="00156FB3">
            <w:r>
              <w:t xml:space="preserve">        } else {</w:t>
            </w:r>
          </w:p>
          <w:p w:rsidR="00156FB3" w:rsidRDefault="00156FB3" w:rsidP="00156FB3">
            <w:r>
              <w:lastRenderedPageBreak/>
              <w:t xml:space="preserve">            $el.css({</w:t>
            </w:r>
          </w:p>
          <w:p w:rsidR="00156FB3" w:rsidRDefault="00156FB3" w:rsidP="00156FB3">
            <w:r>
              <w:t xml:space="preserve">                transform: 'translate3d(' + (xValue) + 'px, ' + yValue + 'px, 0px)'</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Plugin.prototype.touchMove = function(startCoords, endCoords) {</w:t>
            </w:r>
          </w:p>
          <w:p w:rsidR="00156FB3" w:rsidRDefault="00156FB3" w:rsidP="00156FB3"/>
          <w:p w:rsidR="00156FB3" w:rsidRDefault="00156FB3" w:rsidP="00156FB3">
            <w:r>
              <w:t xml:space="preserve">        var distance = endCoords - startCoords;</w:t>
            </w:r>
          </w:p>
          <w:p w:rsidR="00156FB3" w:rsidRDefault="00156FB3" w:rsidP="00156FB3"/>
          <w:p w:rsidR="00156FB3" w:rsidRDefault="00156FB3" w:rsidP="00156FB3">
            <w:r>
              <w:t xml:space="preserve">        if (Math.abs(distance) &gt; 15) {</w:t>
            </w:r>
          </w:p>
          <w:p w:rsidR="00156FB3" w:rsidRDefault="00156FB3" w:rsidP="00156FB3">
            <w:r>
              <w:t xml:space="preserve">            // reset opacity and transition duration</w:t>
            </w:r>
          </w:p>
          <w:p w:rsidR="00156FB3" w:rsidRDefault="00156FB3" w:rsidP="00156FB3">
            <w:r>
              <w:t xml:space="preserve">            this.$outer.addClass('lg-dragging');</w:t>
            </w:r>
          </w:p>
          <w:p w:rsidR="00156FB3" w:rsidRDefault="00156FB3" w:rsidP="00156FB3"/>
          <w:p w:rsidR="00156FB3" w:rsidRDefault="00156FB3" w:rsidP="00156FB3">
            <w:r>
              <w:t xml:space="preserve">            // move current slide</w:t>
            </w:r>
          </w:p>
          <w:p w:rsidR="00156FB3" w:rsidRDefault="00156FB3" w:rsidP="00156FB3">
            <w:r>
              <w:t xml:space="preserve">            this.setTranslate(this.$slide.eq(this.index), distance, 0);</w:t>
            </w:r>
          </w:p>
          <w:p w:rsidR="00156FB3" w:rsidRDefault="00156FB3" w:rsidP="00156FB3"/>
          <w:p w:rsidR="00156FB3" w:rsidRDefault="00156FB3" w:rsidP="00156FB3">
            <w:r>
              <w:t xml:space="preserve">            // move next and prev slide with current slide</w:t>
            </w:r>
          </w:p>
          <w:p w:rsidR="00156FB3" w:rsidRDefault="00156FB3" w:rsidP="00156FB3">
            <w:r>
              <w:t xml:space="preserve">            this.setTranslate($('.lg-prev-slide'), -this.$slide.eq(this.index).width() + distance, 0);</w:t>
            </w:r>
          </w:p>
          <w:p w:rsidR="00156FB3" w:rsidRDefault="00156FB3" w:rsidP="00156FB3">
            <w:r>
              <w:t xml:space="preserve">            this.setTranslate($('.lg-next-slide'), this.$slide.eq(this.index).width() + distance, 0);</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Plugin.prototype.touchEnd = function(distance) {</w:t>
            </w:r>
          </w:p>
          <w:p w:rsidR="00156FB3" w:rsidRDefault="00156FB3" w:rsidP="00156FB3">
            <w:r>
              <w:t xml:space="preserve">        var _this = this;</w:t>
            </w:r>
          </w:p>
          <w:p w:rsidR="00156FB3" w:rsidRDefault="00156FB3" w:rsidP="00156FB3"/>
          <w:p w:rsidR="00156FB3" w:rsidRDefault="00156FB3" w:rsidP="00156FB3">
            <w:r>
              <w:t xml:space="preserve">        // keep slide animation for any mode while dragg/swipe</w:t>
            </w:r>
          </w:p>
          <w:p w:rsidR="00156FB3" w:rsidRDefault="00156FB3" w:rsidP="00156FB3">
            <w:r>
              <w:t xml:space="preserve">        if (_this.s.mode !== 'lg-slide') {</w:t>
            </w:r>
          </w:p>
          <w:p w:rsidR="00156FB3" w:rsidRDefault="00156FB3" w:rsidP="00156FB3">
            <w:r>
              <w:t xml:space="preserve">            _this.$outer.addClass('lg-slide');</w:t>
            </w:r>
          </w:p>
          <w:p w:rsidR="00156FB3" w:rsidRDefault="00156FB3" w:rsidP="00156FB3">
            <w:r>
              <w:t xml:space="preserve">        }</w:t>
            </w:r>
          </w:p>
          <w:p w:rsidR="00156FB3" w:rsidRDefault="00156FB3" w:rsidP="00156FB3"/>
          <w:p w:rsidR="00156FB3" w:rsidRDefault="00156FB3" w:rsidP="00156FB3">
            <w:r>
              <w:t xml:space="preserve">        this.$slide.not('.lg-current, .lg-prev-slide, .lg-next-slide').css('opacity', '0');</w:t>
            </w:r>
          </w:p>
          <w:p w:rsidR="00156FB3" w:rsidRDefault="00156FB3" w:rsidP="00156FB3"/>
          <w:p w:rsidR="00156FB3" w:rsidRDefault="00156FB3" w:rsidP="00156FB3">
            <w:r>
              <w:t xml:space="preserve">        // set transition duration</w:t>
            </w:r>
          </w:p>
          <w:p w:rsidR="00156FB3" w:rsidRDefault="00156FB3" w:rsidP="00156FB3">
            <w:r>
              <w:t xml:space="preserve">        setTimeout(function() {</w:t>
            </w:r>
          </w:p>
          <w:p w:rsidR="00156FB3" w:rsidRDefault="00156FB3" w:rsidP="00156FB3">
            <w:r>
              <w:t xml:space="preserve">            _this.$outer.removeClass('lg-dragging');</w:t>
            </w:r>
          </w:p>
          <w:p w:rsidR="00156FB3" w:rsidRDefault="00156FB3" w:rsidP="00156FB3">
            <w:r>
              <w:t xml:space="preserve">            if ((distance &lt; 0) &amp;&amp; (Math.abs(distance) &gt; _this.s.swipeThreshold)) {</w:t>
            </w:r>
          </w:p>
          <w:p w:rsidR="00156FB3" w:rsidRDefault="00156FB3" w:rsidP="00156FB3">
            <w:r>
              <w:t xml:space="preserve">                _this.goToNextSlide(true);</w:t>
            </w:r>
          </w:p>
          <w:p w:rsidR="00156FB3" w:rsidRDefault="00156FB3" w:rsidP="00156FB3">
            <w:r>
              <w:t xml:space="preserve">            } else if ((distance &gt; 0) &amp;&amp; (Math.abs(distance) &gt; _this.s.swipeThreshold)) {</w:t>
            </w:r>
          </w:p>
          <w:p w:rsidR="00156FB3" w:rsidRDefault="00156FB3" w:rsidP="00156FB3">
            <w:r>
              <w:t xml:space="preserve">                _this.goToPrevSlide(true);</w:t>
            </w:r>
          </w:p>
          <w:p w:rsidR="00156FB3" w:rsidRDefault="00156FB3" w:rsidP="00156FB3">
            <w:r>
              <w:t xml:space="preserve">            } else if (Math.abs(distance) &lt; 5) {</w:t>
            </w:r>
          </w:p>
          <w:p w:rsidR="00156FB3" w:rsidRDefault="00156FB3" w:rsidP="00156FB3"/>
          <w:p w:rsidR="00156FB3" w:rsidRDefault="00156FB3" w:rsidP="00156FB3">
            <w:r>
              <w:t xml:space="preserve">                // Trigger click if distance is less than 5 pix</w:t>
            </w:r>
          </w:p>
          <w:p w:rsidR="00156FB3" w:rsidRDefault="00156FB3" w:rsidP="00156FB3">
            <w:r>
              <w:t xml:space="preserve">                _this.$el.trigger('onSlideClick.lg');</w:t>
            </w:r>
          </w:p>
          <w:p w:rsidR="00156FB3" w:rsidRDefault="00156FB3" w:rsidP="00156FB3">
            <w:r>
              <w:t xml:space="preserve">            }</w:t>
            </w:r>
          </w:p>
          <w:p w:rsidR="00156FB3" w:rsidRDefault="00156FB3" w:rsidP="00156FB3"/>
          <w:p w:rsidR="00156FB3" w:rsidRDefault="00156FB3" w:rsidP="00156FB3">
            <w:r>
              <w:t xml:space="preserve">            _this.$slide.removeAttr('style');</w:t>
            </w:r>
          </w:p>
          <w:p w:rsidR="00156FB3" w:rsidRDefault="00156FB3" w:rsidP="00156FB3">
            <w:r>
              <w:t xml:space="preserve">        });</w:t>
            </w:r>
          </w:p>
          <w:p w:rsidR="00156FB3" w:rsidRDefault="00156FB3" w:rsidP="00156FB3"/>
          <w:p w:rsidR="00156FB3" w:rsidRDefault="00156FB3" w:rsidP="00156FB3">
            <w:r>
              <w:t xml:space="preserve">        // remove slide class once drag/swipe is completed if mode is not slide</w:t>
            </w:r>
          </w:p>
          <w:p w:rsidR="00156FB3" w:rsidRDefault="00156FB3" w:rsidP="00156FB3">
            <w:r>
              <w:t xml:space="preserve">        setTimeout(function() {</w:t>
            </w:r>
          </w:p>
          <w:p w:rsidR="00156FB3" w:rsidRDefault="00156FB3" w:rsidP="00156FB3">
            <w:r>
              <w:t xml:space="preserve">            if (!_this.$outer.hasClass('lg-dragging') &amp;&amp; _this.s.mode !== 'lg-slide') {</w:t>
            </w:r>
          </w:p>
          <w:p w:rsidR="00156FB3" w:rsidRDefault="00156FB3" w:rsidP="00156FB3">
            <w:r>
              <w:t xml:space="preserve">                _this.$outer.removeClass('lg-slide');</w:t>
            </w:r>
          </w:p>
          <w:p w:rsidR="00156FB3" w:rsidRDefault="00156FB3" w:rsidP="00156FB3">
            <w:r>
              <w:t xml:space="preserve">            }</w:t>
            </w:r>
          </w:p>
          <w:p w:rsidR="00156FB3" w:rsidRDefault="00156FB3" w:rsidP="00156FB3">
            <w:r>
              <w:t xml:space="preserve">        }, _this.s.speed + 100);</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Plugin.prototype.enableSwipe = function() {</w:t>
            </w:r>
          </w:p>
          <w:p w:rsidR="00156FB3" w:rsidRDefault="00156FB3" w:rsidP="00156FB3">
            <w:r>
              <w:t xml:space="preserve">        var _this = this;</w:t>
            </w:r>
          </w:p>
          <w:p w:rsidR="00156FB3" w:rsidRDefault="00156FB3" w:rsidP="00156FB3">
            <w:r>
              <w:t xml:space="preserve">        var startCoords = 0;</w:t>
            </w:r>
          </w:p>
          <w:p w:rsidR="00156FB3" w:rsidRDefault="00156FB3" w:rsidP="00156FB3">
            <w:r>
              <w:t xml:space="preserve">        var endCoords = 0;</w:t>
            </w:r>
          </w:p>
          <w:p w:rsidR="00156FB3" w:rsidRDefault="00156FB3" w:rsidP="00156FB3">
            <w:r>
              <w:t xml:space="preserve">        var isMoved = false;</w:t>
            </w:r>
          </w:p>
          <w:p w:rsidR="00156FB3" w:rsidRDefault="00156FB3" w:rsidP="00156FB3"/>
          <w:p w:rsidR="00156FB3" w:rsidRDefault="00156FB3" w:rsidP="00156FB3">
            <w:r>
              <w:t xml:space="preserve">        if (_this.s.enableSwipe &amp;&amp; _this.doCss()) {</w:t>
            </w:r>
          </w:p>
          <w:p w:rsidR="00156FB3" w:rsidRDefault="00156FB3" w:rsidP="00156FB3"/>
          <w:p w:rsidR="00156FB3" w:rsidRDefault="00156FB3" w:rsidP="00156FB3">
            <w:r>
              <w:t xml:space="preserve">            _this.$slide.on('touchstart.lg', function(e) {</w:t>
            </w:r>
          </w:p>
          <w:p w:rsidR="00156FB3" w:rsidRDefault="00156FB3" w:rsidP="00156FB3">
            <w:r>
              <w:t xml:space="preserve">                if (!_this.$outer.hasClass('lg-zoomed') &amp;&amp; !_this.lgBusy) {</w:t>
            </w:r>
          </w:p>
          <w:p w:rsidR="00156FB3" w:rsidRDefault="00156FB3" w:rsidP="00156FB3">
            <w:r>
              <w:t xml:space="preserve">                    e.preventDefault();</w:t>
            </w:r>
          </w:p>
          <w:p w:rsidR="00156FB3" w:rsidRDefault="00156FB3" w:rsidP="00156FB3">
            <w:r>
              <w:t xml:space="preserve">                    _this.manageSwipeClass();</w:t>
            </w:r>
          </w:p>
          <w:p w:rsidR="00156FB3" w:rsidRDefault="00156FB3" w:rsidP="00156FB3">
            <w:r>
              <w:t xml:space="preserve">                    startCoords = e.originalEvent.targetTouches[0].pageX;</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_this.$slide.on('touchmove.lg', function(e) {</w:t>
            </w:r>
          </w:p>
          <w:p w:rsidR="00156FB3" w:rsidRDefault="00156FB3" w:rsidP="00156FB3">
            <w:r>
              <w:t xml:space="preserve">                if (!_this.$outer.hasClass('lg-zoomed')) {</w:t>
            </w:r>
          </w:p>
          <w:p w:rsidR="00156FB3" w:rsidRDefault="00156FB3" w:rsidP="00156FB3">
            <w:r>
              <w:t xml:space="preserve">                    e.preventDefault();</w:t>
            </w:r>
          </w:p>
          <w:p w:rsidR="00156FB3" w:rsidRDefault="00156FB3" w:rsidP="00156FB3">
            <w:r>
              <w:t xml:space="preserve">                    endCoords = e.originalEvent.targetTouches[0].pageX;</w:t>
            </w:r>
          </w:p>
          <w:p w:rsidR="00156FB3" w:rsidRDefault="00156FB3" w:rsidP="00156FB3">
            <w:r>
              <w:t xml:space="preserve">                    _this.touchMove(startCoords, endCoords);</w:t>
            </w:r>
          </w:p>
          <w:p w:rsidR="00156FB3" w:rsidRDefault="00156FB3" w:rsidP="00156FB3">
            <w:r>
              <w:t xml:space="preserve">                    isMoved = tr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_this.$slide.on('touchend.lg', function() {</w:t>
            </w:r>
          </w:p>
          <w:p w:rsidR="00156FB3" w:rsidRDefault="00156FB3" w:rsidP="00156FB3">
            <w:r>
              <w:t xml:space="preserve">                if (!_this.$outer.hasClass('lg-zoomed')) {</w:t>
            </w:r>
          </w:p>
          <w:p w:rsidR="00156FB3" w:rsidRDefault="00156FB3" w:rsidP="00156FB3">
            <w:r>
              <w:t xml:space="preserve">                    if (isMoved) {</w:t>
            </w:r>
          </w:p>
          <w:p w:rsidR="00156FB3" w:rsidRDefault="00156FB3" w:rsidP="00156FB3">
            <w:r>
              <w:t xml:space="preserve">                        isMoved = false;</w:t>
            </w:r>
          </w:p>
          <w:p w:rsidR="00156FB3" w:rsidRDefault="00156FB3" w:rsidP="00156FB3">
            <w:r>
              <w:t xml:space="preserve">                        _this.touchEnd(endCoords - startCoords);</w:t>
            </w:r>
          </w:p>
          <w:p w:rsidR="00156FB3" w:rsidRDefault="00156FB3" w:rsidP="00156FB3">
            <w:r>
              <w:t xml:space="preserve">                    } else {</w:t>
            </w:r>
          </w:p>
          <w:p w:rsidR="00156FB3" w:rsidRDefault="00156FB3" w:rsidP="00156FB3">
            <w:r>
              <w:t xml:space="preserve">                        _this.$el.trigger('onSlideClick.lg');</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Plugin.prototype.enableDrag = function() {</w:t>
            </w:r>
          </w:p>
          <w:p w:rsidR="00156FB3" w:rsidRDefault="00156FB3" w:rsidP="00156FB3">
            <w:r>
              <w:t xml:space="preserve">        var _this = this;</w:t>
            </w:r>
          </w:p>
          <w:p w:rsidR="00156FB3" w:rsidRDefault="00156FB3" w:rsidP="00156FB3">
            <w:r>
              <w:t xml:space="preserve">        var startCoords = 0;</w:t>
            </w:r>
          </w:p>
          <w:p w:rsidR="00156FB3" w:rsidRDefault="00156FB3" w:rsidP="00156FB3">
            <w:r>
              <w:t xml:space="preserve">        var endCoords = 0;</w:t>
            </w:r>
          </w:p>
          <w:p w:rsidR="00156FB3" w:rsidRDefault="00156FB3" w:rsidP="00156FB3">
            <w:r>
              <w:t xml:space="preserve">        var isDraging = false;</w:t>
            </w:r>
          </w:p>
          <w:p w:rsidR="00156FB3" w:rsidRDefault="00156FB3" w:rsidP="00156FB3">
            <w:r>
              <w:t xml:space="preserve">        var isMoved = false;</w:t>
            </w:r>
          </w:p>
          <w:p w:rsidR="00156FB3" w:rsidRDefault="00156FB3" w:rsidP="00156FB3">
            <w:r>
              <w:t xml:space="preserve">        if (_this.s.enableDrag &amp;&amp; _this.doCss()) {</w:t>
            </w:r>
          </w:p>
          <w:p w:rsidR="00156FB3" w:rsidRDefault="00156FB3" w:rsidP="00156FB3">
            <w:r>
              <w:t xml:space="preserve">            _this.$slide.on('mousedown.lg', function(e) {</w:t>
            </w:r>
          </w:p>
          <w:p w:rsidR="00156FB3" w:rsidRDefault="00156FB3" w:rsidP="00156FB3">
            <w:r>
              <w:t xml:space="preserve">                if (!_this.$outer.hasClass('lg-zoomed') &amp;&amp; !_this.lgBusy &amp;&amp; !$(e.target).text().trim()) {</w:t>
            </w:r>
          </w:p>
          <w:p w:rsidR="00156FB3" w:rsidRDefault="00156FB3" w:rsidP="00156FB3">
            <w:r>
              <w:t xml:space="preserve">                    e.preventDefault();</w:t>
            </w:r>
          </w:p>
          <w:p w:rsidR="00156FB3" w:rsidRDefault="00156FB3" w:rsidP="00156FB3">
            <w:r>
              <w:t xml:space="preserve">                    _this.manageSwipeClass();</w:t>
            </w:r>
          </w:p>
          <w:p w:rsidR="00156FB3" w:rsidRDefault="00156FB3" w:rsidP="00156FB3">
            <w:r>
              <w:t xml:space="preserve">                    startCoords = e.pageX;</w:t>
            </w:r>
          </w:p>
          <w:p w:rsidR="00156FB3" w:rsidRDefault="00156FB3" w:rsidP="00156FB3">
            <w:r>
              <w:t xml:space="preserve">                    isDraging = true;</w:t>
            </w:r>
          </w:p>
          <w:p w:rsidR="00156FB3" w:rsidRDefault="00156FB3" w:rsidP="00156FB3"/>
          <w:p w:rsidR="00156FB3" w:rsidRDefault="00156FB3" w:rsidP="00156FB3">
            <w:r>
              <w:t xml:space="preserve">                    // ** Fix for webkit cursor issue https://code.google.com/p/chromium/issues/detail?id=26723</w:t>
            </w:r>
          </w:p>
          <w:p w:rsidR="00156FB3" w:rsidRDefault="00156FB3" w:rsidP="00156FB3">
            <w:r>
              <w:t xml:space="preserve">                    _this.$outer.scrollLeft += 1;</w:t>
            </w:r>
          </w:p>
          <w:p w:rsidR="00156FB3" w:rsidRDefault="00156FB3" w:rsidP="00156FB3">
            <w:r>
              <w:t xml:space="preserve">                    _this.$outer.scrollLeft -= 1;</w:t>
            </w:r>
          </w:p>
          <w:p w:rsidR="00156FB3" w:rsidRDefault="00156FB3" w:rsidP="00156FB3"/>
          <w:p w:rsidR="00156FB3" w:rsidRDefault="00156FB3" w:rsidP="00156FB3">
            <w:r>
              <w:t xml:space="preserve">                    // *</w:t>
            </w:r>
          </w:p>
          <w:p w:rsidR="00156FB3" w:rsidRDefault="00156FB3" w:rsidP="00156FB3"/>
          <w:p w:rsidR="00156FB3" w:rsidRDefault="00156FB3" w:rsidP="00156FB3">
            <w:r>
              <w:t xml:space="preserve">                    _this.$outer.removeClass('lg-grab').addClass('lg-grabbing');</w:t>
            </w:r>
          </w:p>
          <w:p w:rsidR="00156FB3" w:rsidRDefault="00156FB3" w:rsidP="00156FB3"/>
          <w:p w:rsidR="00156FB3" w:rsidRDefault="00156FB3" w:rsidP="00156FB3">
            <w:r>
              <w:t xml:space="preserve">                    _this.$el.trigger('onDragstart.lg');</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indow).on('mousemove.lg', function(e) {</w:t>
            </w:r>
          </w:p>
          <w:p w:rsidR="00156FB3" w:rsidRDefault="00156FB3" w:rsidP="00156FB3">
            <w:r>
              <w:t xml:space="preserve">                if (isDraging) {</w:t>
            </w:r>
          </w:p>
          <w:p w:rsidR="00156FB3" w:rsidRDefault="00156FB3" w:rsidP="00156FB3">
            <w:r>
              <w:t xml:space="preserve">                    isMoved = true;</w:t>
            </w:r>
          </w:p>
          <w:p w:rsidR="00156FB3" w:rsidRDefault="00156FB3" w:rsidP="00156FB3">
            <w:r>
              <w:t xml:space="preserve">                    endCoords = e.pageX;</w:t>
            </w:r>
          </w:p>
          <w:p w:rsidR="00156FB3" w:rsidRDefault="00156FB3" w:rsidP="00156FB3">
            <w:r>
              <w:t xml:space="preserve">                    _this.touchMove(startCoords, endCoords);</w:t>
            </w:r>
          </w:p>
          <w:p w:rsidR="00156FB3" w:rsidRDefault="00156FB3" w:rsidP="00156FB3">
            <w:r>
              <w:t xml:space="preserve">                    _this.$el.trigger('onDragmove.lg');</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indow).on('mouseup.lg', function(e) {</w:t>
            </w:r>
          </w:p>
          <w:p w:rsidR="00156FB3" w:rsidRDefault="00156FB3" w:rsidP="00156FB3">
            <w:r>
              <w:t xml:space="preserve">                if (isMoved) {</w:t>
            </w:r>
          </w:p>
          <w:p w:rsidR="00156FB3" w:rsidRDefault="00156FB3" w:rsidP="00156FB3">
            <w:r>
              <w:t xml:space="preserve">                    isMoved = false;</w:t>
            </w:r>
          </w:p>
          <w:p w:rsidR="00156FB3" w:rsidRDefault="00156FB3" w:rsidP="00156FB3">
            <w:r>
              <w:t xml:space="preserve">                    _this.touchEnd(endCoords - startCoords);</w:t>
            </w:r>
          </w:p>
          <w:p w:rsidR="00156FB3" w:rsidRDefault="00156FB3" w:rsidP="00156FB3">
            <w:r>
              <w:t xml:space="preserve">                    _this.$el.trigger('onDragend.lg');</w:t>
            </w:r>
          </w:p>
          <w:p w:rsidR="00156FB3" w:rsidRDefault="00156FB3" w:rsidP="00156FB3">
            <w:r>
              <w:t xml:space="preserve">                } else if ($(e.target).hasClass('lg-object') || $(e.target).hasClass('lg-video-play')) {</w:t>
            </w:r>
          </w:p>
          <w:p w:rsidR="00156FB3" w:rsidRDefault="00156FB3" w:rsidP="00156FB3">
            <w:r>
              <w:t xml:space="preserve">                    _this.$el.trigger('onSlideClick.lg');</w:t>
            </w:r>
          </w:p>
          <w:p w:rsidR="00156FB3" w:rsidRDefault="00156FB3" w:rsidP="00156FB3">
            <w:r>
              <w:t xml:space="preserve">                }</w:t>
            </w:r>
          </w:p>
          <w:p w:rsidR="00156FB3" w:rsidRDefault="00156FB3" w:rsidP="00156FB3"/>
          <w:p w:rsidR="00156FB3" w:rsidRDefault="00156FB3" w:rsidP="00156FB3">
            <w:r>
              <w:t xml:space="preserve">                // Prevent execution on click</w:t>
            </w:r>
          </w:p>
          <w:p w:rsidR="00156FB3" w:rsidRDefault="00156FB3" w:rsidP="00156FB3">
            <w:r>
              <w:t xml:space="preserve">                if (isDraging) {</w:t>
            </w:r>
          </w:p>
          <w:p w:rsidR="00156FB3" w:rsidRDefault="00156FB3" w:rsidP="00156FB3">
            <w:r>
              <w:lastRenderedPageBreak/>
              <w:t xml:space="preserve">                    isDraging = false;</w:t>
            </w:r>
          </w:p>
          <w:p w:rsidR="00156FB3" w:rsidRDefault="00156FB3" w:rsidP="00156FB3">
            <w:r>
              <w:t xml:space="preserve">                    _this.$outer.removeClass('lg-grabbing').addClass('lg-grab');</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Plugin.prototype.manageSwipeClass = function() {</w:t>
            </w:r>
          </w:p>
          <w:p w:rsidR="00156FB3" w:rsidRDefault="00156FB3" w:rsidP="00156FB3">
            <w:r>
              <w:t xml:space="preserve">        var _touchNext = this.index + 1;</w:t>
            </w:r>
          </w:p>
          <w:p w:rsidR="00156FB3" w:rsidRDefault="00156FB3" w:rsidP="00156FB3">
            <w:r>
              <w:t xml:space="preserve">        var _touchPrev = this.index - 1;</w:t>
            </w:r>
          </w:p>
          <w:p w:rsidR="00156FB3" w:rsidRDefault="00156FB3" w:rsidP="00156FB3">
            <w:r>
              <w:t xml:space="preserve">        if (this.s.loop &amp;&amp; this.$slide.length &gt; 2) {</w:t>
            </w:r>
          </w:p>
          <w:p w:rsidR="00156FB3" w:rsidRDefault="00156FB3" w:rsidP="00156FB3">
            <w:r>
              <w:t xml:space="preserve">            if (this.index === 0) {</w:t>
            </w:r>
          </w:p>
          <w:p w:rsidR="00156FB3" w:rsidRDefault="00156FB3" w:rsidP="00156FB3">
            <w:r>
              <w:t xml:space="preserve">                _touchPrev = this.$slide.length - 1;</w:t>
            </w:r>
          </w:p>
          <w:p w:rsidR="00156FB3" w:rsidRDefault="00156FB3" w:rsidP="00156FB3">
            <w:r>
              <w:t xml:space="preserve">            } else if (this.index === this.$slide.length - 1) {</w:t>
            </w:r>
          </w:p>
          <w:p w:rsidR="00156FB3" w:rsidRDefault="00156FB3" w:rsidP="00156FB3">
            <w:r>
              <w:t xml:space="preserve">                _touchNext = 0;</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this.$slide.removeClass('lg-next-slide lg-prev-slide');</w:t>
            </w:r>
          </w:p>
          <w:p w:rsidR="00156FB3" w:rsidRDefault="00156FB3" w:rsidP="00156FB3">
            <w:r>
              <w:t xml:space="preserve">        if (_touchPrev &gt; -1) {</w:t>
            </w:r>
          </w:p>
          <w:p w:rsidR="00156FB3" w:rsidRDefault="00156FB3" w:rsidP="00156FB3">
            <w:r>
              <w:t xml:space="preserve">            this.$slide.eq(_touchPrev).addClass('lg-prev-slide');</w:t>
            </w:r>
          </w:p>
          <w:p w:rsidR="00156FB3" w:rsidRDefault="00156FB3" w:rsidP="00156FB3">
            <w:r>
              <w:t xml:space="preserve">        }</w:t>
            </w:r>
          </w:p>
          <w:p w:rsidR="00156FB3" w:rsidRDefault="00156FB3" w:rsidP="00156FB3"/>
          <w:p w:rsidR="00156FB3" w:rsidRDefault="00156FB3" w:rsidP="00156FB3">
            <w:r>
              <w:t xml:space="preserve">        this.$slide.eq(_touchNext).addClass('lg-next-slide');</w:t>
            </w:r>
          </w:p>
          <w:p w:rsidR="00156FB3" w:rsidRDefault="00156FB3" w:rsidP="00156FB3">
            <w:r>
              <w:t xml:space="preserve">    };</w:t>
            </w:r>
          </w:p>
          <w:p w:rsidR="00156FB3" w:rsidRDefault="00156FB3" w:rsidP="00156FB3"/>
          <w:p w:rsidR="00156FB3" w:rsidRDefault="00156FB3" w:rsidP="00156FB3">
            <w:r>
              <w:t xml:space="preserve">    Plugin.prototype.mousewheel = function() {</w:t>
            </w:r>
          </w:p>
          <w:p w:rsidR="00156FB3" w:rsidRDefault="00156FB3" w:rsidP="00156FB3">
            <w:r>
              <w:t xml:space="preserve">        var _this = this;</w:t>
            </w:r>
          </w:p>
          <w:p w:rsidR="00156FB3" w:rsidRDefault="00156FB3" w:rsidP="00156FB3">
            <w:r>
              <w:t xml:space="preserve">        _this.$outer.on('mousewheel.lg', function(e) {</w:t>
            </w:r>
          </w:p>
          <w:p w:rsidR="00156FB3" w:rsidRDefault="00156FB3" w:rsidP="00156FB3"/>
          <w:p w:rsidR="00156FB3" w:rsidRDefault="00156FB3" w:rsidP="00156FB3">
            <w:r>
              <w:t xml:space="preserve">            if (!e.deltaY)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if (e.deltaY &gt; 0) {</w:t>
            </w:r>
          </w:p>
          <w:p w:rsidR="00156FB3" w:rsidRDefault="00156FB3" w:rsidP="00156FB3">
            <w:r>
              <w:t xml:space="preserve">                _this.goToPrevSlide();</w:t>
            </w:r>
          </w:p>
          <w:p w:rsidR="00156FB3" w:rsidRDefault="00156FB3" w:rsidP="00156FB3">
            <w:r>
              <w:t xml:space="preserve">            } else {</w:t>
            </w:r>
          </w:p>
          <w:p w:rsidR="00156FB3" w:rsidRDefault="00156FB3" w:rsidP="00156FB3">
            <w:r>
              <w:t xml:space="preserve">                _this.goToNextSlide();</w:t>
            </w:r>
          </w:p>
          <w:p w:rsidR="00156FB3" w:rsidRDefault="00156FB3" w:rsidP="00156FB3">
            <w:r>
              <w:t xml:space="preserve">            }</w:t>
            </w:r>
          </w:p>
          <w:p w:rsidR="00156FB3" w:rsidRDefault="00156FB3" w:rsidP="00156FB3"/>
          <w:p w:rsidR="00156FB3" w:rsidRDefault="00156FB3" w:rsidP="00156FB3">
            <w:r>
              <w:t xml:space="preserve">            e.preventDefa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Plugin.prototype.closeGallery = function() {</w:t>
            </w:r>
          </w:p>
          <w:p w:rsidR="00156FB3" w:rsidRDefault="00156FB3" w:rsidP="00156FB3"/>
          <w:p w:rsidR="00156FB3" w:rsidRDefault="00156FB3" w:rsidP="00156FB3">
            <w:r>
              <w:lastRenderedPageBreak/>
              <w:t xml:space="preserve">        var _this = this;</w:t>
            </w:r>
          </w:p>
          <w:p w:rsidR="00156FB3" w:rsidRDefault="00156FB3" w:rsidP="00156FB3">
            <w:r>
              <w:t xml:space="preserve">        var mousedown = false;</w:t>
            </w:r>
          </w:p>
          <w:p w:rsidR="00156FB3" w:rsidRDefault="00156FB3" w:rsidP="00156FB3">
            <w:r>
              <w:t xml:space="preserve">        this.$outer.find('.lg-close').on('click.lg', function() {</w:t>
            </w:r>
          </w:p>
          <w:p w:rsidR="00156FB3" w:rsidRDefault="00156FB3" w:rsidP="00156FB3">
            <w:r>
              <w:t xml:space="preserve">            _this.destroy();</w:t>
            </w:r>
          </w:p>
          <w:p w:rsidR="00156FB3" w:rsidRDefault="00156FB3" w:rsidP="00156FB3">
            <w:r>
              <w:t xml:space="preserve">        });</w:t>
            </w:r>
          </w:p>
          <w:p w:rsidR="00156FB3" w:rsidRDefault="00156FB3" w:rsidP="00156FB3"/>
          <w:p w:rsidR="00156FB3" w:rsidRDefault="00156FB3" w:rsidP="00156FB3">
            <w:r>
              <w:t xml:space="preserve">        if (_this.s.closable) {</w:t>
            </w:r>
          </w:p>
          <w:p w:rsidR="00156FB3" w:rsidRDefault="00156FB3" w:rsidP="00156FB3"/>
          <w:p w:rsidR="00156FB3" w:rsidRDefault="00156FB3" w:rsidP="00156FB3">
            <w:r>
              <w:t xml:space="preserve">            // If you drag the slide and release outside gallery gets close on chrome</w:t>
            </w:r>
          </w:p>
          <w:p w:rsidR="00156FB3" w:rsidRDefault="00156FB3" w:rsidP="00156FB3">
            <w:r>
              <w:t xml:space="preserve">            // for preventing this check mousedown and mouseup happened on .lg-item or lg-outer</w:t>
            </w:r>
          </w:p>
          <w:p w:rsidR="00156FB3" w:rsidRDefault="00156FB3" w:rsidP="00156FB3">
            <w:r>
              <w:t xml:space="preserve">            _this.$outer.on('mousedown.lg', function(e) {</w:t>
            </w:r>
          </w:p>
          <w:p w:rsidR="00156FB3" w:rsidRDefault="00156FB3" w:rsidP="00156FB3"/>
          <w:p w:rsidR="00156FB3" w:rsidRDefault="00156FB3" w:rsidP="00156FB3">
            <w:r>
              <w:t xml:space="preserve">                if ($(e.target).is('.lg-outer') || $(e.target).is('.lg-item ') || $(e.target).is('.lg-img-wrap')) {</w:t>
            </w:r>
          </w:p>
          <w:p w:rsidR="00156FB3" w:rsidRDefault="00156FB3" w:rsidP="00156FB3">
            <w:r>
              <w:t xml:space="preserve">                    mousedown = true;</w:t>
            </w:r>
          </w:p>
          <w:p w:rsidR="00156FB3" w:rsidRDefault="00156FB3" w:rsidP="00156FB3">
            <w:r>
              <w:t xml:space="preserve">                } else {</w:t>
            </w:r>
          </w:p>
          <w:p w:rsidR="00156FB3" w:rsidRDefault="00156FB3" w:rsidP="00156FB3">
            <w:r>
              <w:t xml:space="preserve">                    mousedown = fals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w:t>
            </w:r>
          </w:p>
          <w:p w:rsidR="00156FB3" w:rsidRDefault="00156FB3" w:rsidP="00156FB3">
            <w:r>
              <w:t xml:space="preserve">            _this.$outer.on('mousemove.lg', function() {</w:t>
            </w:r>
          </w:p>
          <w:p w:rsidR="00156FB3" w:rsidRDefault="00156FB3" w:rsidP="00156FB3">
            <w:r>
              <w:t xml:space="preserve">                mousedown = false;</w:t>
            </w:r>
          </w:p>
          <w:p w:rsidR="00156FB3" w:rsidRDefault="00156FB3" w:rsidP="00156FB3">
            <w:r>
              <w:t xml:space="preserve">            });</w:t>
            </w:r>
          </w:p>
          <w:p w:rsidR="00156FB3" w:rsidRDefault="00156FB3" w:rsidP="00156FB3"/>
          <w:p w:rsidR="00156FB3" w:rsidRDefault="00156FB3" w:rsidP="00156FB3">
            <w:r>
              <w:t xml:space="preserve">            _this.$outer.on('mouseup.lg', function(e) {</w:t>
            </w:r>
          </w:p>
          <w:p w:rsidR="00156FB3" w:rsidRDefault="00156FB3" w:rsidP="00156FB3"/>
          <w:p w:rsidR="00156FB3" w:rsidRDefault="00156FB3" w:rsidP="00156FB3">
            <w:r>
              <w:t xml:space="preserve">                if ($(e.target).is('.lg-outer') || $(e.target).is('.lg-item ') || $(e.target).is('.lg-img-wrap') &amp;&amp; mousedown) {</w:t>
            </w:r>
          </w:p>
          <w:p w:rsidR="00156FB3" w:rsidRDefault="00156FB3" w:rsidP="00156FB3">
            <w:r>
              <w:t xml:space="preserve">                    if (!_this.$outer.hasClass('lg-dragging')) {</w:t>
            </w:r>
          </w:p>
          <w:p w:rsidR="00156FB3" w:rsidRDefault="00156FB3" w:rsidP="00156FB3">
            <w:r>
              <w:t xml:space="preserve">                        _this.destroy();</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Plugin.prototype.destroy = function(d) {</w:t>
            </w:r>
          </w:p>
          <w:p w:rsidR="00156FB3" w:rsidRDefault="00156FB3" w:rsidP="00156FB3"/>
          <w:p w:rsidR="00156FB3" w:rsidRDefault="00156FB3" w:rsidP="00156FB3">
            <w:r>
              <w:t xml:space="preserve">        var _this = this;</w:t>
            </w:r>
          </w:p>
          <w:p w:rsidR="00156FB3" w:rsidRDefault="00156FB3" w:rsidP="00156FB3"/>
          <w:p w:rsidR="00156FB3" w:rsidRDefault="00156FB3" w:rsidP="00156FB3">
            <w:r>
              <w:t xml:space="preserve">        if (!d) {</w:t>
            </w:r>
          </w:p>
          <w:p w:rsidR="00156FB3" w:rsidRDefault="00156FB3" w:rsidP="00156FB3">
            <w:r>
              <w:t xml:space="preserve">            _this.$el.trigger('onBeforeClose.lg');</w:t>
            </w:r>
          </w:p>
          <w:p w:rsidR="00156FB3" w:rsidRDefault="00156FB3" w:rsidP="00156FB3">
            <w:r>
              <w:t xml:space="preserve">            $(window).scrollTop(_this.prevScrollTop);</w:t>
            </w:r>
          </w:p>
          <w:p w:rsidR="00156FB3" w:rsidRDefault="00156FB3" w:rsidP="00156FB3">
            <w:r>
              <w:t xml:space="preserve">        }</w:t>
            </w:r>
          </w:p>
          <w:p w:rsidR="00156FB3" w:rsidRDefault="00156FB3" w:rsidP="00156FB3"/>
          <w:p w:rsidR="00156FB3" w:rsidRDefault="00156FB3" w:rsidP="00156FB3"/>
          <w:p w:rsidR="00156FB3" w:rsidRDefault="00156FB3" w:rsidP="00156FB3">
            <w:r>
              <w:t xml:space="preserve">        /**</w:t>
            </w:r>
          </w:p>
          <w:p w:rsidR="00156FB3" w:rsidRDefault="00156FB3" w:rsidP="00156FB3">
            <w:r>
              <w:t xml:space="preserve">         * if d is false or undefined destroy will only close the gallery</w:t>
            </w:r>
          </w:p>
          <w:p w:rsidR="00156FB3" w:rsidRDefault="00156FB3" w:rsidP="00156FB3">
            <w:r>
              <w:t xml:space="preserve">         * plugins instance remains with the element</w:t>
            </w:r>
          </w:p>
          <w:p w:rsidR="00156FB3" w:rsidRDefault="00156FB3" w:rsidP="00156FB3">
            <w:r>
              <w:t xml:space="preserve">         *</w:t>
            </w:r>
          </w:p>
          <w:p w:rsidR="00156FB3" w:rsidRDefault="00156FB3" w:rsidP="00156FB3">
            <w:r>
              <w:t xml:space="preserve">         * if d is true destroy will completely remove the plugin</w:t>
            </w:r>
          </w:p>
          <w:p w:rsidR="00156FB3" w:rsidRDefault="00156FB3" w:rsidP="00156FB3">
            <w:r>
              <w:t xml:space="preserve">         */</w:t>
            </w:r>
          </w:p>
          <w:p w:rsidR="00156FB3" w:rsidRDefault="00156FB3" w:rsidP="00156FB3"/>
          <w:p w:rsidR="00156FB3" w:rsidRDefault="00156FB3" w:rsidP="00156FB3">
            <w:r>
              <w:t xml:space="preserve">        if (d) {</w:t>
            </w:r>
          </w:p>
          <w:p w:rsidR="00156FB3" w:rsidRDefault="00156FB3" w:rsidP="00156FB3">
            <w:r>
              <w:t xml:space="preserve">            if (!_this.s.dynamic) {</w:t>
            </w:r>
          </w:p>
          <w:p w:rsidR="00156FB3" w:rsidRDefault="00156FB3" w:rsidP="00156FB3">
            <w:r>
              <w:t xml:space="preserve">                // only when not using dynamic mode is $items a jquery collection</w:t>
            </w:r>
          </w:p>
          <w:p w:rsidR="00156FB3" w:rsidRDefault="00156FB3" w:rsidP="00156FB3">
            <w:r>
              <w:t xml:space="preserve">                this.$items.off('click.lg click.lgcustom');</w:t>
            </w:r>
          </w:p>
          <w:p w:rsidR="00156FB3" w:rsidRDefault="00156FB3" w:rsidP="00156FB3">
            <w:r>
              <w:t xml:space="preserve">            }</w:t>
            </w:r>
          </w:p>
          <w:p w:rsidR="00156FB3" w:rsidRDefault="00156FB3" w:rsidP="00156FB3"/>
          <w:p w:rsidR="00156FB3" w:rsidRDefault="00156FB3" w:rsidP="00156FB3">
            <w:r>
              <w:t xml:space="preserve">            $.removeData(_this.el, 'lightGallery');</w:t>
            </w:r>
          </w:p>
          <w:p w:rsidR="00156FB3" w:rsidRDefault="00156FB3" w:rsidP="00156FB3">
            <w:r>
              <w:t xml:space="preserve">        }</w:t>
            </w:r>
          </w:p>
          <w:p w:rsidR="00156FB3" w:rsidRDefault="00156FB3" w:rsidP="00156FB3"/>
          <w:p w:rsidR="00156FB3" w:rsidRDefault="00156FB3" w:rsidP="00156FB3">
            <w:r>
              <w:t xml:space="preserve">        // Unbind all events added by lightGallery</w:t>
            </w:r>
          </w:p>
          <w:p w:rsidR="00156FB3" w:rsidRDefault="00156FB3" w:rsidP="00156FB3">
            <w:r>
              <w:t xml:space="preserve">        this.$el.off('.lg.tm');</w:t>
            </w:r>
          </w:p>
          <w:p w:rsidR="00156FB3" w:rsidRDefault="00156FB3" w:rsidP="00156FB3"/>
          <w:p w:rsidR="00156FB3" w:rsidRDefault="00156FB3" w:rsidP="00156FB3">
            <w:r>
              <w:t xml:space="preserve">        // Distroy all lightGallery modules</w:t>
            </w:r>
          </w:p>
          <w:p w:rsidR="00156FB3" w:rsidRDefault="00156FB3" w:rsidP="00156FB3">
            <w:r>
              <w:t xml:space="preserve">        $.each($.fn.lightGallery.modules, function(key) {</w:t>
            </w:r>
          </w:p>
          <w:p w:rsidR="00156FB3" w:rsidRDefault="00156FB3" w:rsidP="00156FB3">
            <w:r>
              <w:t xml:space="preserve">            if (_this.modules[key]) {</w:t>
            </w:r>
          </w:p>
          <w:p w:rsidR="00156FB3" w:rsidRDefault="00156FB3" w:rsidP="00156FB3">
            <w:r>
              <w:t xml:space="preserve">                _this.modules[key].destroy();</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this.lGalleryOn = false;</w:t>
            </w:r>
          </w:p>
          <w:p w:rsidR="00156FB3" w:rsidRDefault="00156FB3" w:rsidP="00156FB3"/>
          <w:p w:rsidR="00156FB3" w:rsidRDefault="00156FB3" w:rsidP="00156FB3">
            <w:r>
              <w:t xml:space="preserve">        clearTimeout(_this.hideBartimeout);</w:t>
            </w:r>
          </w:p>
          <w:p w:rsidR="00156FB3" w:rsidRDefault="00156FB3" w:rsidP="00156FB3">
            <w:r>
              <w:t xml:space="preserve">        this.hideBartimeout = false;</w:t>
            </w:r>
          </w:p>
          <w:p w:rsidR="00156FB3" w:rsidRDefault="00156FB3" w:rsidP="00156FB3">
            <w:r>
              <w:t xml:space="preserve">        $(window).off('.lg');</w:t>
            </w:r>
          </w:p>
          <w:p w:rsidR="00156FB3" w:rsidRDefault="00156FB3" w:rsidP="00156FB3">
            <w:r>
              <w:t xml:space="preserve">        $('body').removeClass('lg-on lg-from-hash');</w:t>
            </w:r>
          </w:p>
          <w:p w:rsidR="00156FB3" w:rsidRDefault="00156FB3" w:rsidP="00156FB3"/>
          <w:p w:rsidR="00156FB3" w:rsidRDefault="00156FB3" w:rsidP="00156FB3">
            <w:r>
              <w:t xml:space="preserve">        if (_this.$outer) {</w:t>
            </w:r>
          </w:p>
          <w:p w:rsidR="00156FB3" w:rsidRDefault="00156FB3" w:rsidP="00156FB3">
            <w:r>
              <w:t xml:space="preserve">            _this.$outer.removeClass('lg-visible');</w:t>
            </w:r>
          </w:p>
          <w:p w:rsidR="00156FB3" w:rsidRDefault="00156FB3" w:rsidP="00156FB3">
            <w:r>
              <w:t xml:space="preserve">        }</w:t>
            </w:r>
          </w:p>
          <w:p w:rsidR="00156FB3" w:rsidRDefault="00156FB3" w:rsidP="00156FB3"/>
          <w:p w:rsidR="00156FB3" w:rsidRDefault="00156FB3" w:rsidP="00156FB3">
            <w:r>
              <w:t xml:space="preserve">        $('.lg-backdrop').removeClass('in');</w:t>
            </w:r>
          </w:p>
          <w:p w:rsidR="00156FB3" w:rsidRDefault="00156FB3" w:rsidP="00156FB3"/>
          <w:p w:rsidR="00156FB3" w:rsidRDefault="00156FB3" w:rsidP="00156FB3">
            <w:r>
              <w:t xml:space="preserve">        setTimeout(function() {</w:t>
            </w:r>
          </w:p>
          <w:p w:rsidR="00156FB3" w:rsidRDefault="00156FB3" w:rsidP="00156FB3">
            <w:r>
              <w:t xml:space="preserve">            if (_this.$outer) {</w:t>
            </w:r>
          </w:p>
          <w:p w:rsidR="00156FB3" w:rsidRDefault="00156FB3" w:rsidP="00156FB3">
            <w:r>
              <w:t xml:space="preserve">                _this.$outer.remove();</w:t>
            </w:r>
          </w:p>
          <w:p w:rsidR="00156FB3" w:rsidRDefault="00156FB3" w:rsidP="00156FB3">
            <w:r>
              <w:t xml:space="preserve">            }</w:t>
            </w:r>
          </w:p>
          <w:p w:rsidR="00156FB3" w:rsidRDefault="00156FB3" w:rsidP="00156FB3"/>
          <w:p w:rsidR="00156FB3" w:rsidRDefault="00156FB3" w:rsidP="00156FB3">
            <w:r>
              <w:t xml:space="preserve">            $('.lg-backdrop').remove();</w:t>
            </w:r>
          </w:p>
          <w:p w:rsidR="00156FB3" w:rsidRDefault="00156FB3" w:rsidP="00156FB3"/>
          <w:p w:rsidR="00156FB3" w:rsidRDefault="00156FB3" w:rsidP="00156FB3">
            <w:r>
              <w:t xml:space="preserve">            if (!d) {</w:t>
            </w:r>
          </w:p>
          <w:p w:rsidR="00156FB3" w:rsidRDefault="00156FB3" w:rsidP="00156FB3">
            <w:r>
              <w:lastRenderedPageBreak/>
              <w:t xml:space="preserve">                _this.$el.trigger('onCloseAfter.lg');</w:t>
            </w:r>
          </w:p>
          <w:p w:rsidR="00156FB3" w:rsidRDefault="00156FB3" w:rsidP="00156FB3">
            <w:r>
              <w:t xml:space="preserve">            }</w:t>
            </w:r>
          </w:p>
          <w:p w:rsidR="00156FB3" w:rsidRDefault="00156FB3" w:rsidP="00156FB3"/>
          <w:p w:rsidR="00156FB3" w:rsidRDefault="00156FB3" w:rsidP="00156FB3">
            <w:r>
              <w:t xml:space="preserve">        }, _this.s.backdropDuration + 50);</w:t>
            </w:r>
          </w:p>
          <w:p w:rsidR="00156FB3" w:rsidRDefault="00156FB3" w:rsidP="00156FB3">
            <w:r>
              <w:t xml:space="preserve">    };</w:t>
            </w:r>
          </w:p>
          <w:p w:rsidR="00156FB3" w:rsidRDefault="00156FB3" w:rsidP="00156FB3"/>
          <w:p w:rsidR="00156FB3" w:rsidRDefault="00156FB3" w:rsidP="00156FB3">
            <w:r>
              <w:t xml:space="preserve">    $.fn.lightGallery = function(options) {</w:t>
            </w:r>
          </w:p>
          <w:p w:rsidR="00156FB3" w:rsidRDefault="00156FB3" w:rsidP="00156FB3">
            <w:r>
              <w:t xml:space="preserve">        return this.each(function() {</w:t>
            </w:r>
          </w:p>
          <w:p w:rsidR="00156FB3" w:rsidRDefault="00156FB3" w:rsidP="00156FB3">
            <w:r>
              <w:t xml:space="preserve">            if (!$.data(this, 'lightGallery')) {</w:t>
            </w:r>
          </w:p>
          <w:p w:rsidR="00156FB3" w:rsidRDefault="00156FB3" w:rsidP="00156FB3">
            <w:r>
              <w:t xml:space="preserve">                $.data(this, 'lightGallery', new Plugin(this, options));</w:t>
            </w:r>
          </w:p>
          <w:p w:rsidR="00156FB3" w:rsidRDefault="00156FB3" w:rsidP="00156FB3">
            <w:r>
              <w:t xml:space="preserve">            } else {</w:t>
            </w:r>
          </w:p>
          <w:p w:rsidR="00156FB3" w:rsidRDefault="00156FB3" w:rsidP="00156FB3">
            <w:r>
              <w:t xml:space="preserve">                try {</w:t>
            </w:r>
          </w:p>
          <w:p w:rsidR="00156FB3" w:rsidRDefault="00156FB3" w:rsidP="00156FB3">
            <w:r>
              <w:t xml:space="preserve">                    $(this).data('lightGallery').init();</w:t>
            </w:r>
          </w:p>
          <w:p w:rsidR="00156FB3" w:rsidRDefault="00156FB3" w:rsidP="00156FB3">
            <w:r>
              <w:t xml:space="preserve">                } catch (err) {</w:t>
            </w:r>
          </w:p>
          <w:p w:rsidR="00156FB3" w:rsidRDefault="00156FB3" w:rsidP="00156FB3">
            <w:r>
              <w:t xml:space="preserve">                    console.error('lightGallery has not initiated properly');</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n.lightGallery.modules = {};</w:t>
            </w:r>
          </w:p>
          <w:p w:rsidR="00156FB3" w:rsidRDefault="00156FB3" w:rsidP="00156FB3"/>
          <w:p w:rsidR="00156FB3" w:rsidRDefault="00156FB3" w:rsidP="00156FB3">
            <w:r>
              <w:t>})();</w:t>
            </w:r>
          </w:p>
          <w:p w:rsidR="00156FB3" w:rsidRDefault="00156FB3" w:rsidP="00156FB3"/>
          <w:p w:rsidR="00156FB3" w:rsidRDefault="00156FB3" w:rsidP="00156FB3"/>
          <w:p w:rsidR="00156FB3" w:rsidRDefault="00156FB3" w:rsidP="00156FB3">
            <w:r>
              <w:t>}));</w:t>
            </w:r>
          </w:p>
          <w:p w:rsidR="00156FB3" w:rsidRDefault="00156FB3" w:rsidP="00156FB3"/>
          <w:p w:rsidR="00156FB3" w:rsidRDefault="00156FB3" w:rsidP="00156FB3">
            <w:r>
              <w:t>/*! lg-autoplay - v1.0.4 - 2017-03-28</w:t>
            </w:r>
          </w:p>
          <w:p w:rsidR="00156FB3" w:rsidRDefault="00156FB3" w:rsidP="00156FB3">
            <w:r>
              <w:t>* http://sachinchoolur.github.io/lightGallery</w:t>
            </w:r>
          </w:p>
          <w:p w:rsidR="00156FB3" w:rsidRDefault="00156FB3" w:rsidP="00156FB3">
            <w:r>
              <w:t>* Copyright (c) 2017 Sachin N; Licensed GPLv3 */</w:t>
            </w:r>
          </w:p>
          <w:p w:rsidR="00156FB3" w:rsidRDefault="00156FB3" w:rsidP="00156FB3"/>
          <w:p w:rsidR="00156FB3" w:rsidRDefault="00156FB3" w:rsidP="00156FB3">
            <w:r>
              <w:t>(function (root, factory) {</w:t>
            </w:r>
          </w:p>
          <w:p w:rsidR="00156FB3" w:rsidRDefault="00156FB3" w:rsidP="00156FB3">
            <w:r>
              <w:t xml:space="preserve">  if (typeof define === 'function' &amp;&amp; define.amd) {</w:t>
            </w:r>
          </w:p>
          <w:p w:rsidR="00156FB3" w:rsidRDefault="00156FB3" w:rsidP="00156FB3">
            <w:r>
              <w:t xml:space="preserve">    // AMD. Register as an anonymous module unless amdModuleId is set</w:t>
            </w:r>
          </w:p>
          <w:p w:rsidR="00156FB3" w:rsidRDefault="00156FB3" w:rsidP="00156FB3">
            <w:r>
              <w:t xml:space="preserve">    define(['jquery'], function (a0) {</w:t>
            </w:r>
          </w:p>
          <w:p w:rsidR="00156FB3" w:rsidRDefault="00156FB3" w:rsidP="00156FB3">
            <w:r>
              <w:t xml:space="preserve">      return (factory(a0));</w:t>
            </w:r>
          </w:p>
          <w:p w:rsidR="00156FB3" w:rsidRDefault="00156FB3" w:rsidP="00156FB3">
            <w:r>
              <w:t xml:space="preserve">    });</w:t>
            </w:r>
          </w:p>
          <w:p w:rsidR="00156FB3" w:rsidRDefault="00156FB3" w:rsidP="00156FB3">
            <w:r>
              <w:t xml:space="preserve">  } else if (typeof exports === 'object') {</w:t>
            </w:r>
          </w:p>
          <w:p w:rsidR="00156FB3" w:rsidRDefault="00156FB3" w:rsidP="00156FB3">
            <w:r>
              <w:t xml:space="preserve">    // Node. Does not work with strict CommonJS, but</w:t>
            </w:r>
          </w:p>
          <w:p w:rsidR="00156FB3" w:rsidRDefault="00156FB3" w:rsidP="00156FB3">
            <w:r>
              <w:t xml:space="preserve">    // only CommonJS-like environments that support module.exports,</w:t>
            </w:r>
          </w:p>
          <w:p w:rsidR="00156FB3" w:rsidRDefault="00156FB3" w:rsidP="00156FB3">
            <w:r>
              <w:t xml:space="preserve">    // like Node.</w:t>
            </w:r>
          </w:p>
          <w:p w:rsidR="00156FB3" w:rsidRDefault="00156FB3" w:rsidP="00156FB3">
            <w:r>
              <w:t xml:space="preserve">    module.exports = factory(require('jquery'));</w:t>
            </w:r>
          </w:p>
          <w:p w:rsidR="00156FB3" w:rsidRDefault="00156FB3" w:rsidP="00156FB3">
            <w:r>
              <w:t xml:space="preserve">  } else {</w:t>
            </w:r>
          </w:p>
          <w:p w:rsidR="00156FB3" w:rsidRDefault="00156FB3" w:rsidP="00156FB3">
            <w:r>
              <w:t xml:space="preserve">    factory(jQuery);</w:t>
            </w:r>
          </w:p>
          <w:p w:rsidR="00156FB3" w:rsidRDefault="00156FB3" w:rsidP="00156FB3">
            <w:r>
              <w:t xml:space="preserve">  }</w:t>
            </w:r>
          </w:p>
          <w:p w:rsidR="00156FB3" w:rsidRDefault="00156FB3" w:rsidP="00156FB3">
            <w:r>
              <w:t>}(this, function ($) {</w:t>
            </w:r>
          </w:p>
          <w:p w:rsidR="00156FB3" w:rsidRDefault="00156FB3" w:rsidP="00156FB3"/>
          <w:p w:rsidR="00156FB3" w:rsidRDefault="00156FB3" w:rsidP="00156FB3"/>
          <w:p w:rsidR="00156FB3" w:rsidRDefault="00156FB3" w:rsidP="00156FB3">
            <w:r>
              <w:lastRenderedPageBreak/>
              <w:t>(function() {</w:t>
            </w:r>
          </w:p>
          <w:p w:rsidR="00156FB3" w:rsidRDefault="00156FB3" w:rsidP="00156FB3"/>
          <w:p w:rsidR="00156FB3" w:rsidRDefault="00156FB3" w:rsidP="00156FB3">
            <w:r>
              <w:t xml:space="preserve">    'use strict';</w:t>
            </w:r>
          </w:p>
          <w:p w:rsidR="00156FB3" w:rsidRDefault="00156FB3" w:rsidP="00156FB3"/>
          <w:p w:rsidR="00156FB3" w:rsidRDefault="00156FB3" w:rsidP="00156FB3">
            <w:r>
              <w:t xml:space="preserve">    var defaults = {</w:t>
            </w:r>
          </w:p>
          <w:p w:rsidR="00156FB3" w:rsidRDefault="00156FB3" w:rsidP="00156FB3">
            <w:r>
              <w:t xml:space="preserve">        autoplay: false,</w:t>
            </w:r>
          </w:p>
          <w:p w:rsidR="00156FB3" w:rsidRDefault="00156FB3" w:rsidP="00156FB3">
            <w:r>
              <w:t xml:space="preserve">        pause: 5000,</w:t>
            </w:r>
          </w:p>
          <w:p w:rsidR="00156FB3" w:rsidRDefault="00156FB3" w:rsidP="00156FB3">
            <w:r>
              <w:t xml:space="preserve">        progressBar: true,</w:t>
            </w:r>
          </w:p>
          <w:p w:rsidR="00156FB3" w:rsidRDefault="00156FB3" w:rsidP="00156FB3">
            <w:r>
              <w:t xml:space="preserve">        fourceAutoplay: false,</w:t>
            </w:r>
          </w:p>
          <w:p w:rsidR="00156FB3" w:rsidRDefault="00156FB3" w:rsidP="00156FB3">
            <w:r>
              <w:t xml:space="preserve">        autoplayControls: true,</w:t>
            </w:r>
          </w:p>
          <w:p w:rsidR="00156FB3" w:rsidRDefault="00156FB3" w:rsidP="00156FB3">
            <w:r>
              <w:t xml:space="preserve">        appendAutoplayControlsTo: '.lg-toolba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reates the autoplay plugin.</w:t>
            </w:r>
          </w:p>
          <w:p w:rsidR="00156FB3" w:rsidRDefault="00156FB3" w:rsidP="00156FB3">
            <w:r>
              <w:t xml:space="preserve">     * @param {object} element - lightGallery element</w:t>
            </w:r>
          </w:p>
          <w:p w:rsidR="00156FB3" w:rsidRDefault="00156FB3" w:rsidP="00156FB3">
            <w:r>
              <w:t xml:space="preserve">     */</w:t>
            </w:r>
          </w:p>
          <w:p w:rsidR="00156FB3" w:rsidRDefault="00156FB3" w:rsidP="00156FB3">
            <w:r>
              <w:t xml:space="preserve">    var Autoplay = function(element) {</w:t>
            </w:r>
          </w:p>
          <w:p w:rsidR="00156FB3" w:rsidRDefault="00156FB3" w:rsidP="00156FB3"/>
          <w:p w:rsidR="00156FB3" w:rsidRDefault="00156FB3" w:rsidP="00156FB3">
            <w:r>
              <w:t xml:space="preserve">        this.core = $(element).data('lightGallery');</w:t>
            </w:r>
          </w:p>
          <w:p w:rsidR="00156FB3" w:rsidRDefault="00156FB3" w:rsidP="00156FB3"/>
          <w:p w:rsidR="00156FB3" w:rsidRDefault="00156FB3" w:rsidP="00156FB3">
            <w:r>
              <w:t xml:space="preserve">        this.$el = $(element);</w:t>
            </w:r>
          </w:p>
          <w:p w:rsidR="00156FB3" w:rsidRDefault="00156FB3" w:rsidP="00156FB3"/>
          <w:p w:rsidR="00156FB3" w:rsidRDefault="00156FB3" w:rsidP="00156FB3">
            <w:r>
              <w:t xml:space="preserve">        // Execute only if items are above 1</w:t>
            </w:r>
          </w:p>
          <w:p w:rsidR="00156FB3" w:rsidRDefault="00156FB3" w:rsidP="00156FB3">
            <w:r>
              <w:t xml:space="preserve">        if (this.core.$items.length &lt; 2)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this.core.s = $.extend({}, defaults, this.core.s);</w:t>
            </w:r>
          </w:p>
          <w:p w:rsidR="00156FB3" w:rsidRDefault="00156FB3" w:rsidP="00156FB3">
            <w:r>
              <w:t xml:space="preserve">        this.interval = false;</w:t>
            </w:r>
          </w:p>
          <w:p w:rsidR="00156FB3" w:rsidRDefault="00156FB3" w:rsidP="00156FB3"/>
          <w:p w:rsidR="00156FB3" w:rsidRDefault="00156FB3" w:rsidP="00156FB3">
            <w:r>
              <w:t xml:space="preserve">        // Identify if slide happened from autoplay</w:t>
            </w:r>
          </w:p>
          <w:p w:rsidR="00156FB3" w:rsidRDefault="00156FB3" w:rsidP="00156FB3">
            <w:r>
              <w:t xml:space="preserve">        this.fromAuto = true;</w:t>
            </w:r>
          </w:p>
          <w:p w:rsidR="00156FB3" w:rsidRDefault="00156FB3" w:rsidP="00156FB3"/>
          <w:p w:rsidR="00156FB3" w:rsidRDefault="00156FB3" w:rsidP="00156FB3">
            <w:r>
              <w:t xml:space="preserve">        // Identify if autoplay canceled from touch/drag</w:t>
            </w:r>
          </w:p>
          <w:p w:rsidR="00156FB3" w:rsidRDefault="00156FB3" w:rsidP="00156FB3">
            <w:r>
              <w:t xml:space="preserve">        this.canceledOnTouch = false;</w:t>
            </w:r>
          </w:p>
          <w:p w:rsidR="00156FB3" w:rsidRDefault="00156FB3" w:rsidP="00156FB3"/>
          <w:p w:rsidR="00156FB3" w:rsidRDefault="00156FB3" w:rsidP="00156FB3">
            <w:r>
              <w:t xml:space="preserve">        // save fourceautoplay value</w:t>
            </w:r>
          </w:p>
          <w:p w:rsidR="00156FB3" w:rsidRDefault="00156FB3" w:rsidP="00156FB3">
            <w:r>
              <w:t xml:space="preserve">        this.fourceAutoplayTemp = this.core.s.fourceAutoplay;</w:t>
            </w:r>
          </w:p>
          <w:p w:rsidR="00156FB3" w:rsidRDefault="00156FB3" w:rsidP="00156FB3"/>
          <w:p w:rsidR="00156FB3" w:rsidRDefault="00156FB3" w:rsidP="00156FB3">
            <w:r>
              <w:t xml:space="preserve">        // do not allow progress bar if browser does not support css3 transitions</w:t>
            </w:r>
          </w:p>
          <w:p w:rsidR="00156FB3" w:rsidRDefault="00156FB3" w:rsidP="00156FB3">
            <w:r>
              <w:t xml:space="preserve">        if (!this.core.doCss()) {</w:t>
            </w:r>
          </w:p>
          <w:p w:rsidR="00156FB3" w:rsidRDefault="00156FB3" w:rsidP="00156FB3">
            <w:r>
              <w:t xml:space="preserve">            this.core.s.progressBar = false;</w:t>
            </w:r>
          </w:p>
          <w:p w:rsidR="00156FB3" w:rsidRDefault="00156FB3" w:rsidP="00156FB3">
            <w:r>
              <w:t xml:space="preserve">        }</w:t>
            </w:r>
          </w:p>
          <w:p w:rsidR="00156FB3" w:rsidRDefault="00156FB3" w:rsidP="00156FB3"/>
          <w:p w:rsidR="00156FB3" w:rsidRDefault="00156FB3" w:rsidP="00156FB3">
            <w:r>
              <w:t xml:space="preserve">        this.init();</w:t>
            </w:r>
          </w:p>
          <w:p w:rsidR="00156FB3" w:rsidRDefault="00156FB3" w:rsidP="00156FB3"/>
          <w:p w:rsidR="00156FB3" w:rsidRDefault="00156FB3" w:rsidP="00156FB3">
            <w:r>
              <w:t xml:space="preserve">        return this;</w:t>
            </w:r>
          </w:p>
          <w:p w:rsidR="00156FB3" w:rsidRDefault="00156FB3" w:rsidP="00156FB3">
            <w:r>
              <w:lastRenderedPageBreak/>
              <w:t xml:space="preserve">    };</w:t>
            </w:r>
          </w:p>
          <w:p w:rsidR="00156FB3" w:rsidRDefault="00156FB3" w:rsidP="00156FB3"/>
          <w:p w:rsidR="00156FB3" w:rsidRDefault="00156FB3" w:rsidP="00156FB3">
            <w:r>
              <w:t xml:space="preserve">    Autoplay.prototype.init = function() {</w:t>
            </w:r>
          </w:p>
          <w:p w:rsidR="00156FB3" w:rsidRDefault="00156FB3" w:rsidP="00156FB3">
            <w:r>
              <w:t xml:space="preserve">        var _this = this;</w:t>
            </w:r>
          </w:p>
          <w:p w:rsidR="00156FB3" w:rsidRDefault="00156FB3" w:rsidP="00156FB3"/>
          <w:p w:rsidR="00156FB3" w:rsidRDefault="00156FB3" w:rsidP="00156FB3">
            <w:r>
              <w:t xml:space="preserve">        // append autoplay controls</w:t>
            </w:r>
          </w:p>
          <w:p w:rsidR="00156FB3" w:rsidRDefault="00156FB3" w:rsidP="00156FB3">
            <w:r>
              <w:t xml:space="preserve">        if (_this.core.s.autoplayControls) {</w:t>
            </w:r>
          </w:p>
          <w:p w:rsidR="00156FB3" w:rsidRDefault="00156FB3" w:rsidP="00156FB3">
            <w:r>
              <w:t xml:space="preserve">            _this.controls();</w:t>
            </w:r>
          </w:p>
          <w:p w:rsidR="00156FB3" w:rsidRDefault="00156FB3" w:rsidP="00156FB3">
            <w:r>
              <w:t xml:space="preserve">        }</w:t>
            </w:r>
          </w:p>
          <w:p w:rsidR="00156FB3" w:rsidRDefault="00156FB3" w:rsidP="00156FB3"/>
          <w:p w:rsidR="00156FB3" w:rsidRDefault="00156FB3" w:rsidP="00156FB3">
            <w:r>
              <w:t xml:space="preserve">        // Create progress bar</w:t>
            </w:r>
          </w:p>
          <w:p w:rsidR="00156FB3" w:rsidRDefault="00156FB3" w:rsidP="00156FB3">
            <w:r>
              <w:t xml:space="preserve">        if (_this.core.s.progressBar) {</w:t>
            </w:r>
          </w:p>
          <w:p w:rsidR="00156FB3" w:rsidRDefault="00156FB3" w:rsidP="00156FB3">
            <w:r>
              <w:t xml:space="preserve">            _this.core.$outer.find('.lg').append('&lt;div class="lg-progress-bar"&gt;&lt;div class="lg-progress"&gt;&lt;/div&gt;&lt;/div&gt;');</w:t>
            </w:r>
          </w:p>
          <w:p w:rsidR="00156FB3" w:rsidRDefault="00156FB3" w:rsidP="00156FB3">
            <w:r>
              <w:t xml:space="preserve">        }</w:t>
            </w:r>
          </w:p>
          <w:p w:rsidR="00156FB3" w:rsidRDefault="00156FB3" w:rsidP="00156FB3"/>
          <w:p w:rsidR="00156FB3" w:rsidRDefault="00156FB3" w:rsidP="00156FB3">
            <w:r>
              <w:t xml:space="preserve">        // set progress</w:t>
            </w:r>
          </w:p>
          <w:p w:rsidR="00156FB3" w:rsidRDefault="00156FB3" w:rsidP="00156FB3">
            <w:r>
              <w:t xml:space="preserve">        _this.progress();</w:t>
            </w:r>
          </w:p>
          <w:p w:rsidR="00156FB3" w:rsidRDefault="00156FB3" w:rsidP="00156FB3"/>
          <w:p w:rsidR="00156FB3" w:rsidRDefault="00156FB3" w:rsidP="00156FB3">
            <w:r>
              <w:t xml:space="preserve">        // Start autoplay</w:t>
            </w:r>
          </w:p>
          <w:p w:rsidR="00156FB3" w:rsidRDefault="00156FB3" w:rsidP="00156FB3">
            <w:r>
              <w:t xml:space="preserve">        if (_this.core.s.autoplay) {</w:t>
            </w:r>
          </w:p>
          <w:p w:rsidR="00156FB3" w:rsidRDefault="00156FB3" w:rsidP="00156FB3">
            <w:r>
              <w:t xml:space="preserve">            _this.$el.one('onSlideItemLoad.lg.tm', function() {</w:t>
            </w:r>
          </w:p>
          <w:p w:rsidR="00156FB3" w:rsidRDefault="00156FB3" w:rsidP="00156FB3">
            <w:r>
              <w:t xml:space="preserve">                _this.startlAuto();</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cancel interval on touchstart and dragstart</w:t>
            </w:r>
          </w:p>
          <w:p w:rsidR="00156FB3" w:rsidRDefault="00156FB3" w:rsidP="00156FB3">
            <w:r>
              <w:t xml:space="preserve">        _this.$el.on('onDragstart.lg.tm touchstart.lg.tm', function() {</w:t>
            </w:r>
          </w:p>
          <w:p w:rsidR="00156FB3" w:rsidRDefault="00156FB3" w:rsidP="00156FB3">
            <w:r>
              <w:t xml:space="preserve">            if (_this.interval) {</w:t>
            </w:r>
          </w:p>
          <w:p w:rsidR="00156FB3" w:rsidRDefault="00156FB3" w:rsidP="00156FB3">
            <w:r>
              <w:t xml:space="preserve">                _this.cancelAuto();</w:t>
            </w:r>
          </w:p>
          <w:p w:rsidR="00156FB3" w:rsidRDefault="00156FB3" w:rsidP="00156FB3">
            <w:r>
              <w:t xml:space="preserve">                _this.canceledOnTouch = tr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restore autoplay if autoplay canceled from touchstart / dragstart</w:t>
            </w:r>
          </w:p>
          <w:p w:rsidR="00156FB3" w:rsidRDefault="00156FB3" w:rsidP="00156FB3">
            <w:r>
              <w:t xml:space="preserve">        _this.$el.on('onDragend.lg.tm touchend.lg.tm onSlideClick.lg.tm', function() {</w:t>
            </w:r>
          </w:p>
          <w:p w:rsidR="00156FB3" w:rsidRDefault="00156FB3" w:rsidP="00156FB3">
            <w:r>
              <w:t xml:space="preserve">            if (!_this.interval &amp;&amp; _this.canceledOnTouch) {</w:t>
            </w:r>
          </w:p>
          <w:p w:rsidR="00156FB3" w:rsidRDefault="00156FB3" w:rsidP="00156FB3">
            <w:r>
              <w:t xml:space="preserve">                _this.startlAuto();</w:t>
            </w:r>
          </w:p>
          <w:p w:rsidR="00156FB3" w:rsidRDefault="00156FB3" w:rsidP="00156FB3">
            <w:r>
              <w:t xml:space="preserve">                _this.canceledOnTouch = fals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Autoplay.prototype.progress = function() {</w:t>
            </w:r>
          </w:p>
          <w:p w:rsidR="00156FB3" w:rsidRDefault="00156FB3" w:rsidP="00156FB3"/>
          <w:p w:rsidR="00156FB3" w:rsidRDefault="00156FB3" w:rsidP="00156FB3">
            <w:r>
              <w:t xml:space="preserve">        var _this = this;</w:t>
            </w:r>
          </w:p>
          <w:p w:rsidR="00156FB3" w:rsidRDefault="00156FB3" w:rsidP="00156FB3">
            <w:r>
              <w:t xml:space="preserve">        var _$progressBar;</w:t>
            </w:r>
          </w:p>
          <w:p w:rsidR="00156FB3" w:rsidRDefault="00156FB3" w:rsidP="00156FB3">
            <w:r>
              <w:lastRenderedPageBreak/>
              <w:t xml:space="preserve">        var _$progress;</w:t>
            </w:r>
          </w:p>
          <w:p w:rsidR="00156FB3" w:rsidRDefault="00156FB3" w:rsidP="00156FB3"/>
          <w:p w:rsidR="00156FB3" w:rsidRDefault="00156FB3" w:rsidP="00156FB3">
            <w:r>
              <w:t xml:space="preserve">        _this.$el.on('onBeforeSlide.lg.tm', function() {</w:t>
            </w:r>
          </w:p>
          <w:p w:rsidR="00156FB3" w:rsidRDefault="00156FB3" w:rsidP="00156FB3"/>
          <w:p w:rsidR="00156FB3" w:rsidRDefault="00156FB3" w:rsidP="00156FB3">
            <w:r>
              <w:t xml:space="preserve">            // start progress bar animation</w:t>
            </w:r>
          </w:p>
          <w:p w:rsidR="00156FB3" w:rsidRDefault="00156FB3" w:rsidP="00156FB3">
            <w:r>
              <w:t xml:space="preserve">            if (_this.core.s.progressBar &amp;&amp; _this.fromAuto) {</w:t>
            </w:r>
          </w:p>
          <w:p w:rsidR="00156FB3" w:rsidRDefault="00156FB3" w:rsidP="00156FB3">
            <w:r>
              <w:t xml:space="preserve">                _$progressBar = _this.core.$outer.find('.lg-progress-bar');</w:t>
            </w:r>
          </w:p>
          <w:p w:rsidR="00156FB3" w:rsidRDefault="00156FB3" w:rsidP="00156FB3">
            <w:r>
              <w:t xml:space="preserve">                _$progress = _this.core.$outer.find('.lg-progress');</w:t>
            </w:r>
          </w:p>
          <w:p w:rsidR="00156FB3" w:rsidRDefault="00156FB3" w:rsidP="00156FB3">
            <w:r>
              <w:t xml:space="preserve">                if (_this.interval) {</w:t>
            </w:r>
          </w:p>
          <w:p w:rsidR="00156FB3" w:rsidRDefault="00156FB3" w:rsidP="00156FB3">
            <w:r>
              <w:t xml:space="preserve">                    _$progress.removeAttr('style');</w:t>
            </w:r>
          </w:p>
          <w:p w:rsidR="00156FB3" w:rsidRDefault="00156FB3" w:rsidP="00156FB3">
            <w:r>
              <w:t xml:space="preserve">                    _$progressBar.removeClass('lg-start');</w:t>
            </w:r>
          </w:p>
          <w:p w:rsidR="00156FB3" w:rsidRDefault="00156FB3" w:rsidP="00156FB3">
            <w:r>
              <w:t xml:space="preserve">                    setTimeout(function() {</w:t>
            </w:r>
          </w:p>
          <w:p w:rsidR="00156FB3" w:rsidRDefault="00156FB3" w:rsidP="00156FB3">
            <w:r>
              <w:t xml:space="preserve">                        _$progress.css('transition', 'width ' + (_this.core.s.speed + _this.core.s.pause) + 'ms ease 0s');</w:t>
            </w:r>
          </w:p>
          <w:p w:rsidR="00156FB3" w:rsidRDefault="00156FB3" w:rsidP="00156FB3">
            <w:r>
              <w:t xml:space="preserve">                        _$progressBar.addClass('lg-start');</w:t>
            </w:r>
          </w:p>
          <w:p w:rsidR="00156FB3" w:rsidRDefault="00156FB3" w:rsidP="00156FB3">
            <w:r>
              <w:t xml:space="preserve">                    }, 20);</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Remove setinterval if slide is triggered manually and fourceautoplay is false</w:t>
            </w:r>
          </w:p>
          <w:p w:rsidR="00156FB3" w:rsidRDefault="00156FB3" w:rsidP="00156FB3">
            <w:r>
              <w:t xml:space="preserve">            if (!_this.fromAuto &amp;&amp; !_this.core.s.fourceAutoplay) {</w:t>
            </w:r>
          </w:p>
          <w:p w:rsidR="00156FB3" w:rsidRDefault="00156FB3" w:rsidP="00156FB3">
            <w:r>
              <w:t xml:space="preserve">                _this.cancelAuto();</w:t>
            </w:r>
          </w:p>
          <w:p w:rsidR="00156FB3" w:rsidRDefault="00156FB3" w:rsidP="00156FB3">
            <w:r>
              <w:t xml:space="preserve">            }</w:t>
            </w:r>
          </w:p>
          <w:p w:rsidR="00156FB3" w:rsidRDefault="00156FB3" w:rsidP="00156FB3"/>
          <w:p w:rsidR="00156FB3" w:rsidRDefault="00156FB3" w:rsidP="00156FB3">
            <w:r>
              <w:t xml:space="preserve">            _this.fromAuto = false;</w:t>
            </w:r>
          </w:p>
          <w:p w:rsidR="00156FB3" w:rsidRDefault="00156FB3" w:rsidP="00156FB3"/>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Manage autoplay via play/stop buttons</w:t>
            </w:r>
          </w:p>
          <w:p w:rsidR="00156FB3" w:rsidRDefault="00156FB3" w:rsidP="00156FB3">
            <w:r>
              <w:t xml:space="preserve">    Autoplay.prototype.controls = function() {</w:t>
            </w:r>
          </w:p>
          <w:p w:rsidR="00156FB3" w:rsidRDefault="00156FB3" w:rsidP="00156FB3">
            <w:r>
              <w:t xml:space="preserve">        var _this = this;</w:t>
            </w:r>
          </w:p>
          <w:p w:rsidR="00156FB3" w:rsidRDefault="00156FB3" w:rsidP="00156FB3">
            <w:r>
              <w:t xml:space="preserve">        var _html = '&lt;span class="lg-autoplay-button lg-icon"&gt;&lt;/span&gt;';</w:t>
            </w:r>
          </w:p>
          <w:p w:rsidR="00156FB3" w:rsidRDefault="00156FB3" w:rsidP="00156FB3"/>
          <w:p w:rsidR="00156FB3" w:rsidRDefault="00156FB3" w:rsidP="00156FB3">
            <w:r>
              <w:t xml:space="preserve">        // Append autoplay controls</w:t>
            </w:r>
          </w:p>
          <w:p w:rsidR="00156FB3" w:rsidRDefault="00156FB3" w:rsidP="00156FB3">
            <w:r>
              <w:t xml:space="preserve">        $(this.core.s.appendAutoplayControlsTo).append(_html);</w:t>
            </w:r>
          </w:p>
          <w:p w:rsidR="00156FB3" w:rsidRDefault="00156FB3" w:rsidP="00156FB3"/>
          <w:p w:rsidR="00156FB3" w:rsidRDefault="00156FB3" w:rsidP="00156FB3">
            <w:r>
              <w:t xml:space="preserve">        _this.core.$outer.find('.lg-autoplay-button').on('click.lg', function() {</w:t>
            </w:r>
          </w:p>
          <w:p w:rsidR="00156FB3" w:rsidRDefault="00156FB3" w:rsidP="00156FB3">
            <w:r>
              <w:t xml:space="preserve">            if ($(_this.core.$outer).hasClass('lg-show-autoplay')) {</w:t>
            </w:r>
          </w:p>
          <w:p w:rsidR="00156FB3" w:rsidRDefault="00156FB3" w:rsidP="00156FB3">
            <w:r>
              <w:t xml:space="preserve">                _this.cancelAuto();</w:t>
            </w:r>
          </w:p>
          <w:p w:rsidR="00156FB3" w:rsidRDefault="00156FB3" w:rsidP="00156FB3">
            <w:r>
              <w:t xml:space="preserve">                _this.core.s.fourceAutoplay = false;</w:t>
            </w:r>
          </w:p>
          <w:p w:rsidR="00156FB3" w:rsidRDefault="00156FB3" w:rsidP="00156FB3">
            <w:r>
              <w:t xml:space="preserve">            } else {</w:t>
            </w:r>
          </w:p>
          <w:p w:rsidR="00156FB3" w:rsidRDefault="00156FB3" w:rsidP="00156FB3">
            <w:r>
              <w:t xml:space="preserve">                if (!_this.interval) {</w:t>
            </w:r>
          </w:p>
          <w:p w:rsidR="00156FB3" w:rsidRDefault="00156FB3" w:rsidP="00156FB3">
            <w:r>
              <w:t xml:space="preserve">                    _this.startlAuto();</w:t>
            </w:r>
          </w:p>
          <w:p w:rsidR="00156FB3" w:rsidRDefault="00156FB3" w:rsidP="00156FB3">
            <w:r>
              <w:t xml:space="preserve">                    _this.core.s.fourceAutoplay = _this.fourceAutoplayTemp;</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lastRenderedPageBreak/>
              <w:t xml:space="preserve">    };</w:t>
            </w:r>
          </w:p>
          <w:p w:rsidR="00156FB3" w:rsidRDefault="00156FB3" w:rsidP="00156FB3"/>
          <w:p w:rsidR="00156FB3" w:rsidRDefault="00156FB3" w:rsidP="00156FB3">
            <w:r>
              <w:t xml:space="preserve">    // Autostart gallery</w:t>
            </w:r>
          </w:p>
          <w:p w:rsidR="00156FB3" w:rsidRDefault="00156FB3" w:rsidP="00156FB3">
            <w:r>
              <w:t xml:space="preserve">    Autoplay.prototype.startlAuto = function() {</w:t>
            </w:r>
          </w:p>
          <w:p w:rsidR="00156FB3" w:rsidRDefault="00156FB3" w:rsidP="00156FB3">
            <w:r>
              <w:t xml:space="preserve">        var _this = this;</w:t>
            </w:r>
          </w:p>
          <w:p w:rsidR="00156FB3" w:rsidRDefault="00156FB3" w:rsidP="00156FB3"/>
          <w:p w:rsidR="00156FB3" w:rsidRDefault="00156FB3" w:rsidP="00156FB3">
            <w:r>
              <w:t xml:space="preserve">        _this.core.$outer.find('.lg-progress').css('transition', 'width ' + (_this.core.s.speed + _this.core.s.pause) + 'ms ease 0s');</w:t>
            </w:r>
          </w:p>
          <w:p w:rsidR="00156FB3" w:rsidRDefault="00156FB3" w:rsidP="00156FB3">
            <w:r>
              <w:t xml:space="preserve">        _this.core.$outer.addClass('lg-show-autoplay');</w:t>
            </w:r>
          </w:p>
          <w:p w:rsidR="00156FB3" w:rsidRDefault="00156FB3" w:rsidP="00156FB3">
            <w:r>
              <w:t xml:space="preserve">        _this.core.$outer.find('.lg-progress-bar').addClass('lg-start');</w:t>
            </w:r>
          </w:p>
          <w:p w:rsidR="00156FB3" w:rsidRDefault="00156FB3" w:rsidP="00156FB3"/>
          <w:p w:rsidR="00156FB3" w:rsidRDefault="00156FB3" w:rsidP="00156FB3">
            <w:r>
              <w:t xml:space="preserve">        _this.interval = setInterval(function() {</w:t>
            </w:r>
          </w:p>
          <w:p w:rsidR="00156FB3" w:rsidRDefault="00156FB3" w:rsidP="00156FB3">
            <w:r>
              <w:t xml:space="preserve">            if (_this.core.index + 1 &lt; _this.core.$items.length) {</w:t>
            </w:r>
          </w:p>
          <w:p w:rsidR="00156FB3" w:rsidRDefault="00156FB3" w:rsidP="00156FB3">
            <w:r>
              <w:t xml:space="preserve">                _this.core.index++;</w:t>
            </w:r>
          </w:p>
          <w:p w:rsidR="00156FB3" w:rsidRDefault="00156FB3" w:rsidP="00156FB3">
            <w:r>
              <w:t xml:space="preserve">            } else {</w:t>
            </w:r>
          </w:p>
          <w:p w:rsidR="00156FB3" w:rsidRDefault="00156FB3" w:rsidP="00156FB3">
            <w:r>
              <w:t xml:space="preserve">                _this.core.index = 0;</w:t>
            </w:r>
          </w:p>
          <w:p w:rsidR="00156FB3" w:rsidRDefault="00156FB3" w:rsidP="00156FB3">
            <w:r>
              <w:t xml:space="preserve">            }</w:t>
            </w:r>
          </w:p>
          <w:p w:rsidR="00156FB3" w:rsidRDefault="00156FB3" w:rsidP="00156FB3"/>
          <w:p w:rsidR="00156FB3" w:rsidRDefault="00156FB3" w:rsidP="00156FB3">
            <w:r>
              <w:t xml:space="preserve">            _this.fromAuto = true;</w:t>
            </w:r>
          </w:p>
          <w:p w:rsidR="00156FB3" w:rsidRDefault="00156FB3" w:rsidP="00156FB3">
            <w:r>
              <w:t xml:space="preserve">            _this.core.slide(_this.core.index, false, false, 'next');</w:t>
            </w:r>
          </w:p>
          <w:p w:rsidR="00156FB3" w:rsidRDefault="00156FB3" w:rsidP="00156FB3">
            <w:r>
              <w:t xml:space="preserve">        }, _this.core.s.speed + _this.core.s.pause);</w:t>
            </w:r>
          </w:p>
          <w:p w:rsidR="00156FB3" w:rsidRDefault="00156FB3" w:rsidP="00156FB3">
            <w:r>
              <w:t xml:space="preserve">    };</w:t>
            </w:r>
          </w:p>
          <w:p w:rsidR="00156FB3" w:rsidRDefault="00156FB3" w:rsidP="00156FB3"/>
          <w:p w:rsidR="00156FB3" w:rsidRDefault="00156FB3" w:rsidP="00156FB3">
            <w:r>
              <w:t xml:space="preserve">    // cancel Autostart</w:t>
            </w:r>
          </w:p>
          <w:p w:rsidR="00156FB3" w:rsidRDefault="00156FB3" w:rsidP="00156FB3">
            <w:r>
              <w:t xml:space="preserve">    Autoplay.prototype.cancelAuto = function() {</w:t>
            </w:r>
          </w:p>
          <w:p w:rsidR="00156FB3" w:rsidRDefault="00156FB3" w:rsidP="00156FB3">
            <w:r>
              <w:t xml:space="preserve">        clearInterval(this.interval);</w:t>
            </w:r>
          </w:p>
          <w:p w:rsidR="00156FB3" w:rsidRDefault="00156FB3" w:rsidP="00156FB3">
            <w:r>
              <w:t xml:space="preserve">        this.interval = false;</w:t>
            </w:r>
          </w:p>
          <w:p w:rsidR="00156FB3" w:rsidRDefault="00156FB3" w:rsidP="00156FB3">
            <w:r>
              <w:t xml:space="preserve">        this.core.$outer.find('.lg-progress').removeAttr('style');</w:t>
            </w:r>
          </w:p>
          <w:p w:rsidR="00156FB3" w:rsidRDefault="00156FB3" w:rsidP="00156FB3">
            <w:r>
              <w:t xml:space="preserve">        this.core.$outer.removeClass('lg-show-autoplay');</w:t>
            </w:r>
          </w:p>
          <w:p w:rsidR="00156FB3" w:rsidRDefault="00156FB3" w:rsidP="00156FB3">
            <w:r>
              <w:t xml:space="preserve">        this.core.$outer.find('.lg-progress-bar').removeClass('lg-start');</w:t>
            </w:r>
          </w:p>
          <w:p w:rsidR="00156FB3" w:rsidRDefault="00156FB3" w:rsidP="00156FB3">
            <w:r>
              <w:t xml:space="preserve">    };</w:t>
            </w:r>
          </w:p>
          <w:p w:rsidR="00156FB3" w:rsidRDefault="00156FB3" w:rsidP="00156FB3"/>
          <w:p w:rsidR="00156FB3" w:rsidRDefault="00156FB3" w:rsidP="00156FB3">
            <w:r>
              <w:t xml:space="preserve">    Autoplay.prototype.destroy = function() {</w:t>
            </w:r>
          </w:p>
          <w:p w:rsidR="00156FB3" w:rsidRDefault="00156FB3" w:rsidP="00156FB3"/>
          <w:p w:rsidR="00156FB3" w:rsidRDefault="00156FB3" w:rsidP="00156FB3">
            <w:r>
              <w:t xml:space="preserve">        this.cancelAuto();</w:t>
            </w:r>
          </w:p>
          <w:p w:rsidR="00156FB3" w:rsidRDefault="00156FB3" w:rsidP="00156FB3">
            <w:r>
              <w:t xml:space="preserve">        this.core.$outer.find('.lg-progress-bar').remove();</w:t>
            </w:r>
          </w:p>
          <w:p w:rsidR="00156FB3" w:rsidRDefault="00156FB3" w:rsidP="00156FB3">
            <w:r>
              <w:t xml:space="preserve">    };</w:t>
            </w:r>
          </w:p>
          <w:p w:rsidR="00156FB3" w:rsidRDefault="00156FB3" w:rsidP="00156FB3"/>
          <w:p w:rsidR="00156FB3" w:rsidRDefault="00156FB3" w:rsidP="00156FB3">
            <w:r>
              <w:t xml:space="preserve">    $.fn.lightGallery.modules.autoplay = Autoplay;</w:t>
            </w:r>
          </w:p>
          <w:p w:rsidR="00156FB3" w:rsidRDefault="00156FB3" w:rsidP="00156FB3"/>
          <w:p w:rsidR="00156FB3" w:rsidRDefault="00156FB3" w:rsidP="00156FB3">
            <w:r>
              <w:t>})();</w:t>
            </w:r>
          </w:p>
          <w:p w:rsidR="00156FB3" w:rsidRDefault="00156FB3" w:rsidP="00156FB3"/>
          <w:p w:rsidR="00156FB3" w:rsidRDefault="00156FB3" w:rsidP="00156FB3"/>
          <w:p w:rsidR="00156FB3" w:rsidRDefault="00156FB3" w:rsidP="00156FB3">
            <w:r>
              <w:t>}));</w:t>
            </w:r>
          </w:p>
          <w:p w:rsidR="00156FB3" w:rsidRDefault="00156FB3" w:rsidP="00156FB3"/>
          <w:p w:rsidR="00156FB3" w:rsidRDefault="00156FB3" w:rsidP="00156FB3">
            <w:r>
              <w:t>/*! lg-fullscreen - v1.1.0 - 2019-02-19</w:t>
            </w:r>
          </w:p>
          <w:p w:rsidR="00156FB3" w:rsidRDefault="00156FB3" w:rsidP="00156FB3">
            <w:r>
              <w:t>* http://sachinchoolur.github.io/lightGallery</w:t>
            </w:r>
          </w:p>
          <w:p w:rsidR="00156FB3" w:rsidRDefault="00156FB3" w:rsidP="00156FB3">
            <w:r>
              <w:t>* Copyright (c) 2019 Sachin N; Licensed GPLv3 */</w:t>
            </w:r>
          </w:p>
          <w:p w:rsidR="00156FB3" w:rsidRDefault="00156FB3" w:rsidP="00156FB3"/>
          <w:p w:rsidR="00156FB3" w:rsidRDefault="00156FB3" w:rsidP="00156FB3">
            <w:r>
              <w:t>(function (root, factory) {</w:t>
            </w:r>
          </w:p>
          <w:p w:rsidR="00156FB3" w:rsidRDefault="00156FB3" w:rsidP="00156FB3">
            <w:r>
              <w:t xml:space="preserve">  if (typeof define === 'function' &amp;&amp; define.amd) {</w:t>
            </w:r>
          </w:p>
          <w:p w:rsidR="00156FB3" w:rsidRDefault="00156FB3" w:rsidP="00156FB3">
            <w:r>
              <w:t xml:space="preserve">    // AMD. Register as an anonymous module unless amdModuleId is set</w:t>
            </w:r>
          </w:p>
          <w:p w:rsidR="00156FB3" w:rsidRDefault="00156FB3" w:rsidP="00156FB3">
            <w:r>
              <w:t xml:space="preserve">    define(['jquery'], function (a0) {</w:t>
            </w:r>
          </w:p>
          <w:p w:rsidR="00156FB3" w:rsidRDefault="00156FB3" w:rsidP="00156FB3">
            <w:r>
              <w:t xml:space="preserve">      return (factory(a0));</w:t>
            </w:r>
          </w:p>
          <w:p w:rsidR="00156FB3" w:rsidRDefault="00156FB3" w:rsidP="00156FB3">
            <w:r>
              <w:t xml:space="preserve">    });</w:t>
            </w:r>
          </w:p>
          <w:p w:rsidR="00156FB3" w:rsidRDefault="00156FB3" w:rsidP="00156FB3">
            <w:r>
              <w:t xml:space="preserve">  } else if (typeof module === 'object' &amp;&amp; module.exports) {</w:t>
            </w:r>
          </w:p>
          <w:p w:rsidR="00156FB3" w:rsidRDefault="00156FB3" w:rsidP="00156FB3">
            <w:r>
              <w:t xml:space="preserve">    // Node. Does not work with strict CommonJS, but</w:t>
            </w:r>
          </w:p>
          <w:p w:rsidR="00156FB3" w:rsidRDefault="00156FB3" w:rsidP="00156FB3">
            <w:r>
              <w:t xml:space="preserve">    // only CommonJS-like environments that support module.exports,</w:t>
            </w:r>
          </w:p>
          <w:p w:rsidR="00156FB3" w:rsidRDefault="00156FB3" w:rsidP="00156FB3">
            <w:r>
              <w:t xml:space="preserve">    // like Node.</w:t>
            </w:r>
          </w:p>
          <w:p w:rsidR="00156FB3" w:rsidRDefault="00156FB3" w:rsidP="00156FB3">
            <w:r>
              <w:t xml:space="preserve">    module.exports = factory(require('jquery'));</w:t>
            </w:r>
          </w:p>
          <w:p w:rsidR="00156FB3" w:rsidRDefault="00156FB3" w:rsidP="00156FB3">
            <w:r>
              <w:t xml:space="preserve">  } else {</w:t>
            </w:r>
          </w:p>
          <w:p w:rsidR="00156FB3" w:rsidRDefault="00156FB3" w:rsidP="00156FB3">
            <w:r>
              <w:t xml:space="preserve">    factory(root["jQuery"]);</w:t>
            </w:r>
          </w:p>
          <w:p w:rsidR="00156FB3" w:rsidRDefault="00156FB3" w:rsidP="00156FB3">
            <w:r>
              <w:t xml:space="preserve">  }</w:t>
            </w:r>
          </w:p>
          <w:p w:rsidR="00156FB3" w:rsidRDefault="00156FB3" w:rsidP="00156FB3">
            <w:r>
              <w:t>}(this, function ($) {</w:t>
            </w:r>
          </w:p>
          <w:p w:rsidR="00156FB3" w:rsidRDefault="00156FB3" w:rsidP="00156FB3"/>
          <w:p w:rsidR="00156FB3" w:rsidRDefault="00156FB3" w:rsidP="00156FB3">
            <w:r>
              <w:t>(function() {</w:t>
            </w:r>
          </w:p>
          <w:p w:rsidR="00156FB3" w:rsidRDefault="00156FB3" w:rsidP="00156FB3"/>
          <w:p w:rsidR="00156FB3" w:rsidRDefault="00156FB3" w:rsidP="00156FB3">
            <w:r>
              <w:t xml:space="preserve">    'use strict';</w:t>
            </w:r>
          </w:p>
          <w:p w:rsidR="00156FB3" w:rsidRDefault="00156FB3" w:rsidP="00156FB3"/>
          <w:p w:rsidR="00156FB3" w:rsidRDefault="00156FB3" w:rsidP="00156FB3">
            <w:r>
              <w:t xml:space="preserve">    var defaults = {</w:t>
            </w:r>
          </w:p>
          <w:p w:rsidR="00156FB3" w:rsidRDefault="00156FB3" w:rsidP="00156FB3">
            <w:r>
              <w:t xml:space="preserve">        fullScreen: true</w:t>
            </w:r>
          </w:p>
          <w:p w:rsidR="00156FB3" w:rsidRDefault="00156FB3" w:rsidP="00156FB3">
            <w:r>
              <w:t xml:space="preserve">    };</w:t>
            </w:r>
          </w:p>
          <w:p w:rsidR="00156FB3" w:rsidRDefault="00156FB3" w:rsidP="00156FB3"/>
          <w:p w:rsidR="00156FB3" w:rsidRDefault="00156FB3" w:rsidP="00156FB3">
            <w:r>
              <w:t xml:space="preserve">    function isFullScreen() {</w:t>
            </w:r>
          </w:p>
          <w:p w:rsidR="00156FB3" w:rsidRDefault="00156FB3" w:rsidP="00156FB3">
            <w:r>
              <w:t xml:space="preserve">        return (</w:t>
            </w:r>
          </w:p>
          <w:p w:rsidR="00156FB3" w:rsidRDefault="00156FB3" w:rsidP="00156FB3">
            <w:r>
              <w:t xml:space="preserve">            document.fullscreenElement ||</w:t>
            </w:r>
          </w:p>
          <w:p w:rsidR="00156FB3" w:rsidRDefault="00156FB3" w:rsidP="00156FB3">
            <w:r>
              <w:t xml:space="preserve">            document.mozFullScreenElement ||</w:t>
            </w:r>
          </w:p>
          <w:p w:rsidR="00156FB3" w:rsidRDefault="00156FB3" w:rsidP="00156FB3">
            <w:r>
              <w:t xml:space="preserve">            document.webkitFullscreenElement ||</w:t>
            </w:r>
          </w:p>
          <w:p w:rsidR="00156FB3" w:rsidRDefault="00156FB3" w:rsidP="00156FB3">
            <w:r>
              <w:t xml:space="preserve">            document.msFullscreenElemen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Fullscreen = function(element) {</w:t>
            </w:r>
          </w:p>
          <w:p w:rsidR="00156FB3" w:rsidRDefault="00156FB3" w:rsidP="00156FB3"/>
          <w:p w:rsidR="00156FB3" w:rsidRDefault="00156FB3" w:rsidP="00156FB3">
            <w:r>
              <w:t xml:space="preserve">        // get lightGallery core plugin data</w:t>
            </w:r>
          </w:p>
          <w:p w:rsidR="00156FB3" w:rsidRDefault="00156FB3" w:rsidP="00156FB3">
            <w:r>
              <w:t xml:space="preserve">        this.core = $(element).data('lightGallery');</w:t>
            </w:r>
          </w:p>
          <w:p w:rsidR="00156FB3" w:rsidRDefault="00156FB3" w:rsidP="00156FB3"/>
          <w:p w:rsidR="00156FB3" w:rsidRDefault="00156FB3" w:rsidP="00156FB3">
            <w:r>
              <w:t xml:space="preserve">        this.$el = $(element);</w:t>
            </w:r>
          </w:p>
          <w:p w:rsidR="00156FB3" w:rsidRDefault="00156FB3" w:rsidP="00156FB3"/>
          <w:p w:rsidR="00156FB3" w:rsidRDefault="00156FB3" w:rsidP="00156FB3">
            <w:r>
              <w:t xml:space="preserve">        // extend module defalut settings with lightGallery core settings</w:t>
            </w:r>
          </w:p>
          <w:p w:rsidR="00156FB3" w:rsidRDefault="00156FB3" w:rsidP="00156FB3">
            <w:r>
              <w:t xml:space="preserve">        this.core.s = $.extend({}, defaults, this.core.s);</w:t>
            </w:r>
          </w:p>
          <w:p w:rsidR="00156FB3" w:rsidRDefault="00156FB3" w:rsidP="00156FB3"/>
          <w:p w:rsidR="00156FB3" w:rsidRDefault="00156FB3" w:rsidP="00156FB3">
            <w:r>
              <w:t xml:space="preserve">        this.init();</w:t>
            </w:r>
          </w:p>
          <w:p w:rsidR="00156FB3" w:rsidRDefault="00156FB3" w:rsidP="00156FB3"/>
          <w:p w:rsidR="00156FB3" w:rsidRDefault="00156FB3" w:rsidP="00156FB3">
            <w:r>
              <w:t xml:space="preserve">        return this;</w:t>
            </w:r>
          </w:p>
          <w:p w:rsidR="00156FB3" w:rsidRDefault="00156FB3" w:rsidP="00156FB3">
            <w:r>
              <w:t xml:space="preserve">    };</w:t>
            </w:r>
          </w:p>
          <w:p w:rsidR="00156FB3" w:rsidRDefault="00156FB3" w:rsidP="00156FB3"/>
          <w:p w:rsidR="00156FB3" w:rsidRDefault="00156FB3" w:rsidP="00156FB3">
            <w:r>
              <w:t xml:space="preserve">    Fullscreen.prototype.init = function() {</w:t>
            </w:r>
          </w:p>
          <w:p w:rsidR="00156FB3" w:rsidRDefault="00156FB3" w:rsidP="00156FB3">
            <w:r>
              <w:t xml:space="preserve">        var fullScreen = '';</w:t>
            </w:r>
          </w:p>
          <w:p w:rsidR="00156FB3" w:rsidRDefault="00156FB3" w:rsidP="00156FB3">
            <w:r>
              <w:t xml:space="preserve">        if (this.core.s.fullScreen) {</w:t>
            </w:r>
          </w:p>
          <w:p w:rsidR="00156FB3" w:rsidRDefault="00156FB3" w:rsidP="00156FB3"/>
          <w:p w:rsidR="00156FB3" w:rsidRDefault="00156FB3" w:rsidP="00156FB3">
            <w:r>
              <w:t xml:space="preserve">            // check for fullscreen browser support</w:t>
            </w:r>
          </w:p>
          <w:p w:rsidR="00156FB3" w:rsidRDefault="00156FB3" w:rsidP="00156FB3">
            <w:r>
              <w:t xml:space="preserve">            if (!document.fullscreenEnabled &amp;&amp; !document.webkitFullscreenEnabled &amp;&amp;</w:t>
            </w:r>
          </w:p>
          <w:p w:rsidR="00156FB3" w:rsidRDefault="00156FB3" w:rsidP="00156FB3">
            <w:r>
              <w:t xml:space="preserve">                !document.mozFullScreenEnabled &amp;&amp; !document.msFullscreenEnabled) {</w:t>
            </w:r>
          </w:p>
          <w:p w:rsidR="00156FB3" w:rsidRDefault="00156FB3" w:rsidP="00156FB3">
            <w:r>
              <w:t xml:space="preserve">                return;</w:t>
            </w:r>
          </w:p>
          <w:p w:rsidR="00156FB3" w:rsidRDefault="00156FB3" w:rsidP="00156FB3">
            <w:r>
              <w:t xml:space="preserve">            } else {</w:t>
            </w:r>
          </w:p>
          <w:p w:rsidR="00156FB3" w:rsidRDefault="00156FB3" w:rsidP="00156FB3">
            <w:r>
              <w:t xml:space="preserve">                fullScreen = '&lt;span class="lg-fullscreen lg-icon"&gt;&lt;/span&gt;';</w:t>
            </w:r>
          </w:p>
          <w:p w:rsidR="00156FB3" w:rsidRDefault="00156FB3" w:rsidP="00156FB3">
            <w:r>
              <w:t xml:space="preserve">                this.core.$outer.find('.lg-toolbar').append(fullScreen);</w:t>
            </w:r>
          </w:p>
          <w:p w:rsidR="00156FB3" w:rsidRDefault="00156FB3" w:rsidP="00156FB3">
            <w:r>
              <w:t xml:space="preserve">                this.fullScreen();</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llscreen.prototype.requestFullscreen = function() {</w:t>
            </w:r>
          </w:p>
          <w:p w:rsidR="00156FB3" w:rsidRDefault="00156FB3" w:rsidP="00156FB3">
            <w:r>
              <w:t xml:space="preserve">        var el = document.documentElement;</w:t>
            </w:r>
          </w:p>
          <w:p w:rsidR="00156FB3" w:rsidRDefault="00156FB3" w:rsidP="00156FB3">
            <w:r>
              <w:t xml:space="preserve">        if (el.requestFullscreen) {</w:t>
            </w:r>
          </w:p>
          <w:p w:rsidR="00156FB3" w:rsidRDefault="00156FB3" w:rsidP="00156FB3">
            <w:r>
              <w:t xml:space="preserve">            el.requestFullscreen();</w:t>
            </w:r>
          </w:p>
          <w:p w:rsidR="00156FB3" w:rsidRDefault="00156FB3" w:rsidP="00156FB3">
            <w:r>
              <w:t xml:space="preserve">        } else if (el.msRequestFullscreen) {</w:t>
            </w:r>
          </w:p>
          <w:p w:rsidR="00156FB3" w:rsidRDefault="00156FB3" w:rsidP="00156FB3">
            <w:r>
              <w:t xml:space="preserve">            el.msRequestFullscreen();</w:t>
            </w:r>
          </w:p>
          <w:p w:rsidR="00156FB3" w:rsidRDefault="00156FB3" w:rsidP="00156FB3">
            <w:r>
              <w:t xml:space="preserve">        } else if (el.mozRequestFullScreen) {</w:t>
            </w:r>
          </w:p>
          <w:p w:rsidR="00156FB3" w:rsidRDefault="00156FB3" w:rsidP="00156FB3">
            <w:r>
              <w:t xml:space="preserve">            el.mozRequestFullScreen();</w:t>
            </w:r>
          </w:p>
          <w:p w:rsidR="00156FB3" w:rsidRDefault="00156FB3" w:rsidP="00156FB3">
            <w:r>
              <w:t xml:space="preserve">        } else if (el.webkitRequestFullscreen) {</w:t>
            </w:r>
          </w:p>
          <w:p w:rsidR="00156FB3" w:rsidRDefault="00156FB3" w:rsidP="00156FB3">
            <w:r>
              <w:t xml:space="preserve">            el.webkitRequestFullscreen();</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llscreen.prototype.exitFullscreen = function() {</w:t>
            </w:r>
          </w:p>
          <w:p w:rsidR="00156FB3" w:rsidRDefault="00156FB3" w:rsidP="00156FB3">
            <w:r>
              <w:t xml:space="preserve">        if (document.exitFullscreen) {</w:t>
            </w:r>
          </w:p>
          <w:p w:rsidR="00156FB3" w:rsidRDefault="00156FB3" w:rsidP="00156FB3">
            <w:r>
              <w:t xml:space="preserve">            document.exitFullscreen();</w:t>
            </w:r>
          </w:p>
          <w:p w:rsidR="00156FB3" w:rsidRDefault="00156FB3" w:rsidP="00156FB3">
            <w:r>
              <w:t xml:space="preserve">        } else if (document.msExitFullscreen) {</w:t>
            </w:r>
          </w:p>
          <w:p w:rsidR="00156FB3" w:rsidRDefault="00156FB3" w:rsidP="00156FB3">
            <w:r>
              <w:t xml:space="preserve">            document.msExitFullscreen();</w:t>
            </w:r>
          </w:p>
          <w:p w:rsidR="00156FB3" w:rsidRDefault="00156FB3" w:rsidP="00156FB3">
            <w:r>
              <w:t xml:space="preserve">        } else if (document.mozCancelFullScreen) {</w:t>
            </w:r>
          </w:p>
          <w:p w:rsidR="00156FB3" w:rsidRDefault="00156FB3" w:rsidP="00156FB3">
            <w:r>
              <w:t xml:space="preserve">            document.mozCancelFullScreen();</w:t>
            </w:r>
          </w:p>
          <w:p w:rsidR="00156FB3" w:rsidRDefault="00156FB3" w:rsidP="00156FB3">
            <w:r>
              <w:t xml:space="preserve">        } else if (document.webkitExitFullscreen) {</w:t>
            </w:r>
          </w:p>
          <w:p w:rsidR="00156FB3" w:rsidRDefault="00156FB3" w:rsidP="00156FB3">
            <w:r>
              <w:t xml:space="preserve">            document.webkitExitFullscreen();</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https://developer.mozilla.org/en-US/docs/Web/Guide/API/DOM/Using_full_screen_mode</w:t>
            </w:r>
          </w:p>
          <w:p w:rsidR="00156FB3" w:rsidRDefault="00156FB3" w:rsidP="00156FB3">
            <w:r>
              <w:t xml:space="preserve">    Fullscreen.prototype.fullScreen = function() {</w:t>
            </w:r>
          </w:p>
          <w:p w:rsidR="00156FB3" w:rsidRDefault="00156FB3" w:rsidP="00156FB3">
            <w:r>
              <w:t xml:space="preserve">        var _this = this;</w:t>
            </w:r>
          </w:p>
          <w:p w:rsidR="00156FB3" w:rsidRDefault="00156FB3" w:rsidP="00156FB3"/>
          <w:p w:rsidR="00156FB3" w:rsidRDefault="00156FB3" w:rsidP="00156FB3">
            <w:r>
              <w:t xml:space="preserve">        $(document).on('fullscreenchange.lg webkitfullscreenchange.lg mozfullscreenchange.lg MSFullscreenChange.lg', function() {</w:t>
            </w:r>
          </w:p>
          <w:p w:rsidR="00156FB3" w:rsidRDefault="00156FB3" w:rsidP="00156FB3">
            <w:r>
              <w:lastRenderedPageBreak/>
              <w:t xml:space="preserve">            _this.core.$outer.toggleClass('lg-fullscreen-on');</w:t>
            </w:r>
          </w:p>
          <w:p w:rsidR="00156FB3" w:rsidRDefault="00156FB3" w:rsidP="00156FB3">
            <w:r>
              <w:t xml:space="preserve">        });</w:t>
            </w:r>
          </w:p>
          <w:p w:rsidR="00156FB3" w:rsidRDefault="00156FB3" w:rsidP="00156FB3"/>
          <w:p w:rsidR="00156FB3" w:rsidRDefault="00156FB3" w:rsidP="00156FB3">
            <w:r>
              <w:t xml:space="preserve">        this.core.$outer.find('.lg-fullscreen').on('click.lg', function() {</w:t>
            </w:r>
          </w:p>
          <w:p w:rsidR="00156FB3" w:rsidRDefault="00156FB3" w:rsidP="00156FB3">
            <w:r>
              <w:t xml:space="preserve">            if (isFullScreen()) {</w:t>
            </w:r>
          </w:p>
          <w:p w:rsidR="00156FB3" w:rsidRDefault="00156FB3" w:rsidP="00156FB3">
            <w:r>
              <w:t xml:space="preserve">                _this.exitFullscreen();</w:t>
            </w:r>
          </w:p>
          <w:p w:rsidR="00156FB3" w:rsidRDefault="00156FB3" w:rsidP="00156FB3">
            <w:r>
              <w:t xml:space="preserve">            } else {</w:t>
            </w:r>
          </w:p>
          <w:p w:rsidR="00156FB3" w:rsidRDefault="00156FB3" w:rsidP="00156FB3">
            <w:r>
              <w:t xml:space="preserve">                _this.requestFullscreen();</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Fullscreen.prototype.destroy = function() {</w:t>
            </w:r>
          </w:p>
          <w:p w:rsidR="00156FB3" w:rsidRDefault="00156FB3" w:rsidP="00156FB3"/>
          <w:p w:rsidR="00156FB3" w:rsidRDefault="00156FB3" w:rsidP="00156FB3">
            <w:r>
              <w:t xml:space="preserve">        // exit from fullscreen if activated</w:t>
            </w:r>
          </w:p>
          <w:p w:rsidR="00156FB3" w:rsidRDefault="00156FB3" w:rsidP="00156FB3">
            <w:r>
              <w:t xml:space="preserve">        if(isFullScreen()) {</w:t>
            </w:r>
          </w:p>
          <w:p w:rsidR="00156FB3" w:rsidRDefault="00156FB3" w:rsidP="00156FB3">
            <w:r>
              <w:t xml:space="preserve">            this.exitFullscreen();</w:t>
            </w:r>
          </w:p>
          <w:p w:rsidR="00156FB3" w:rsidRDefault="00156FB3" w:rsidP="00156FB3">
            <w:r>
              <w:t xml:space="preserve">        }</w:t>
            </w:r>
          </w:p>
          <w:p w:rsidR="00156FB3" w:rsidRDefault="00156FB3" w:rsidP="00156FB3"/>
          <w:p w:rsidR="00156FB3" w:rsidRDefault="00156FB3" w:rsidP="00156FB3">
            <w:r>
              <w:t xml:space="preserve">        $(document).off('fullscreenchange.lg webkitfullscreenchange.lg mozfullscreenchange.lg MSFullscreenChange.lg');</w:t>
            </w:r>
          </w:p>
          <w:p w:rsidR="00156FB3" w:rsidRDefault="00156FB3" w:rsidP="00156FB3">
            <w:r>
              <w:t xml:space="preserve">    };</w:t>
            </w:r>
          </w:p>
          <w:p w:rsidR="00156FB3" w:rsidRDefault="00156FB3" w:rsidP="00156FB3"/>
          <w:p w:rsidR="00156FB3" w:rsidRDefault="00156FB3" w:rsidP="00156FB3">
            <w:r>
              <w:t xml:space="preserve">    $.fn.lightGallery.modules.fullscreen = Fullscreen;</w:t>
            </w:r>
          </w:p>
          <w:p w:rsidR="00156FB3" w:rsidRDefault="00156FB3" w:rsidP="00156FB3"/>
          <w:p w:rsidR="00156FB3" w:rsidRDefault="00156FB3" w:rsidP="00156FB3">
            <w:r>
              <w:t>})();</w:t>
            </w:r>
          </w:p>
          <w:p w:rsidR="00156FB3" w:rsidRDefault="00156FB3" w:rsidP="00156FB3"/>
          <w:p w:rsidR="00156FB3" w:rsidRDefault="00156FB3" w:rsidP="00156FB3">
            <w:r>
              <w:t>}));</w:t>
            </w:r>
          </w:p>
          <w:p w:rsidR="00156FB3" w:rsidRDefault="00156FB3" w:rsidP="00156FB3"/>
          <w:p w:rsidR="00156FB3" w:rsidRDefault="00156FB3" w:rsidP="00156FB3">
            <w:r>
              <w:t>/*! lg-pager - v1.0.2 - 2017-01-22</w:t>
            </w:r>
          </w:p>
          <w:p w:rsidR="00156FB3" w:rsidRDefault="00156FB3" w:rsidP="00156FB3">
            <w:r>
              <w:t>* http://sachinchoolur.github.io/lightGallery</w:t>
            </w:r>
          </w:p>
          <w:p w:rsidR="00156FB3" w:rsidRDefault="00156FB3" w:rsidP="00156FB3">
            <w:r>
              <w:t>* Copyright (c) 2017 Sachin N; Licensed GPLv3 */</w:t>
            </w:r>
          </w:p>
          <w:p w:rsidR="00156FB3" w:rsidRDefault="00156FB3" w:rsidP="00156FB3"/>
          <w:p w:rsidR="00156FB3" w:rsidRDefault="00156FB3" w:rsidP="00156FB3">
            <w:r>
              <w:t>(function (root, factory) {</w:t>
            </w:r>
          </w:p>
          <w:p w:rsidR="00156FB3" w:rsidRDefault="00156FB3" w:rsidP="00156FB3">
            <w:r>
              <w:t xml:space="preserve">  if (typeof define === 'function' &amp;&amp; define.amd) {</w:t>
            </w:r>
          </w:p>
          <w:p w:rsidR="00156FB3" w:rsidRDefault="00156FB3" w:rsidP="00156FB3">
            <w:r>
              <w:t xml:space="preserve">    // AMD. Register as an anonymous module unless amdModuleId is set</w:t>
            </w:r>
          </w:p>
          <w:p w:rsidR="00156FB3" w:rsidRDefault="00156FB3" w:rsidP="00156FB3">
            <w:r>
              <w:t xml:space="preserve">    define(['jquery'], function (a0) {</w:t>
            </w:r>
          </w:p>
          <w:p w:rsidR="00156FB3" w:rsidRDefault="00156FB3" w:rsidP="00156FB3">
            <w:r>
              <w:t xml:space="preserve">      return (factory(a0));</w:t>
            </w:r>
          </w:p>
          <w:p w:rsidR="00156FB3" w:rsidRDefault="00156FB3" w:rsidP="00156FB3">
            <w:r>
              <w:t xml:space="preserve">    });</w:t>
            </w:r>
          </w:p>
          <w:p w:rsidR="00156FB3" w:rsidRDefault="00156FB3" w:rsidP="00156FB3">
            <w:r>
              <w:t xml:space="preserve">  } else if (typeof exports === 'object') {</w:t>
            </w:r>
          </w:p>
          <w:p w:rsidR="00156FB3" w:rsidRDefault="00156FB3" w:rsidP="00156FB3">
            <w:r>
              <w:t xml:space="preserve">    // Node. Does not work with strict CommonJS, but</w:t>
            </w:r>
          </w:p>
          <w:p w:rsidR="00156FB3" w:rsidRDefault="00156FB3" w:rsidP="00156FB3">
            <w:r>
              <w:t xml:space="preserve">    // only CommonJS-like environments that support module.exports,</w:t>
            </w:r>
          </w:p>
          <w:p w:rsidR="00156FB3" w:rsidRDefault="00156FB3" w:rsidP="00156FB3">
            <w:r>
              <w:t xml:space="preserve">    // like Node.</w:t>
            </w:r>
          </w:p>
          <w:p w:rsidR="00156FB3" w:rsidRDefault="00156FB3" w:rsidP="00156FB3">
            <w:r>
              <w:t xml:space="preserve">    module.exports = factory(require('jquery'));</w:t>
            </w:r>
          </w:p>
          <w:p w:rsidR="00156FB3" w:rsidRDefault="00156FB3" w:rsidP="00156FB3">
            <w:r>
              <w:t xml:space="preserve">  } else {</w:t>
            </w:r>
          </w:p>
          <w:p w:rsidR="00156FB3" w:rsidRDefault="00156FB3" w:rsidP="00156FB3">
            <w:r>
              <w:t xml:space="preserve">    factory(jQuery);</w:t>
            </w:r>
          </w:p>
          <w:p w:rsidR="00156FB3" w:rsidRDefault="00156FB3" w:rsidP="00156FB3">
            <w:r>
              <w:t xml:space="preserve">  }</w:t>
            </w:r>
          </w:p>
          <w:p w:rsidR="00156FB3" w:rsidRDefault="00156FB3" w:rsidP="00156FB3">
            <w:r>
              <w:lastRenderedPageBreak/>
              <w:t>}(this, function ($) {</w:t>
            </w:r>
          </w:p>
          <w:p w:rsidR="00156FB3" w:rsidRDefault="00156FB3" w:rsidP="00156FB3"/>
          <w:p w:rsidR="00156FB3" w:rsidRDefault="00156FB3" w:rsidP="00156FB3">
            <w:r>
              <w:t>(function() {</w:t>
            </w:r>
          </w:p>
          <w:p w:rsidR="00156FB3" w:rsidRDefault="00156FB3" w:rsidP="00156FB3"/>
          <w:p w:rsidR="00156FB3" w:rsidRDefault="00156FB3" w:rsidP="00156FB3">
            <w:r>
              <w:t xml:space="preserve">    'use strict';</w:t>
            </w:r>
          </w:p>
          <w:p w:rsidR="00156FB3" w:rsidRDefault="00156FB3" w:rsidP="00156FB3"/>
          <w:p w:rsidR="00156FB3" w:rsidRDefault="00156FB3" w:rsidP="00156FB3">
            <w:r>
              <w:t xml:space="preserve">    var defaults = {</w:t>
            </w:r>
          </w:p>
          <w:p w:rsidR="00156FB3" w:rsidRDefault="00156FB3" w:rsidP="00156FB3">
            <w:r>
              <w:t xml:space="preserve">        pager: false</w:t>
            </w:r>
          </w:p>
          <w:p w:rsidR="00156FB3" w:rsidRDefault="00156FB3" w:rsidP="00156FB3">
            <w:r>
              <w:t xml:space="preserve">    };</w:t>
            </w:r>
          </w:p>
          <w:p w:rsidR="00156FB3" w:rsidRDefault="00156FB3" w:rsidP="00156FB3"/>
          <w:p w:rsidR="00156FB3" w:rsidRDefault="00156FB3" w:rsidP="00156FB3">
            <w:r>
              <w:t xml:space="preserve">    var Pager = function(element) {</w:t>
            </w:r>
          </w:p>
          <w:p w:rsidR="00156FB3" w:rsidRDefault="00156FB3" w:rsidP="00156FB3"/>
          <w:p w:rsidR="00156FB3" w:rsidRDefault="00156FB3" w:rsidP="00156FB3">
            <w:r>
              <w:t xml:space="preserve">        this.core = $(element).data('lightGallery');</w:t>
            </w:r>
          </w:p>
          <w:p w:rsidR="00156FB3" w:rsidRDefault="00156FB3" w:rsidP="00156FB3"/>
          <w:p w:rsidR="00156FB3" w:rsidRDefault="00156FB3" w:rsidP="00156FB3">
            <w:r>
              <w:t xml:space="preserve">        this.$el = $(element);</w:t>
            </w:r>
          </w:p>
          <w:p w:rsidR="00156FB3" w:rsidRDefault="00156FB3" w:rsidP="00156FB3">
            <w:r>
              <w:t xml:space="preserve">        this.core.s = $.extend({}, defaults, this.core.s);</w:t>
            </w:r>
          </w:p>
          <w:p w:rsidR="00156FB3" w:rsidRDefault="00156FB3" w:rsidP="00156FB3">
            <w:r>
              <w:t xml:space="preserve">        if (this.core.s.pager &amp;&amp; this.core.$items.length &gt; 1) {</w:t>
            </w:r>
          </w:p>
          <w:p w:rsidR="00156FB3" w:rsidRDefault="00156FB3" w:rsidP="00156FB3">
            <w:r>
              <w:t xml:space="preserve">            this.init();</w:t>
            </w:r>
          </w:p>
          <w:p w:rsidR="00156FB3" w:rsidRDefault="00156FB3" w:rsidP="00156FB3">
            <w:r>
              <w:t xml:space="preserve">        }</w:t>
            </w:r>
          </w:p>
          <w:p w:rsidR="00156FB3" w:rsidRDefault="00156FB3" w:rsidP="00156FB3"/>
          <w:p w:rsidR="00156FB3" w:rsidRDefault="00156FB3" w:rsidP="00156FB3">
            <w:r>
              <w:t xml:space="preserve">        return this;</w:t>
            </w:r>
          </w:p>
          <w:p w:rsidR="00156FB3" w:rsidRDefault="00156FB3" w:rsidP="00156FB3">
            <w:r>
              <w:t xml:space="preserve">    };</w:t>
            </w:r>
          </w:p>
          <w:p w:rsidR="00156FB3" w:rsidRDefault="00156FB3" w:rsidP="00156FB3"/>
          <w:p w:rsidR="00156FB3" w:rsidRDefault="00156FB3" w:rsidP="00156FB3">
            <w:r>
              <w:t xml:space="preserve">    Pager.prototype.init = function() {</w:t>
            </w:r>
          </w:p>
          <w:p w:rsidR="00156FB3" w:rsidRDefault="00156FB3" w:rsidP="00156FB3">
            <w:r>
              <w:t xml:space="preserve">        var _this = this;</w:t>
            </w:r>
          </w:p>
          <w:p w:rsidR="00156FB3" w:rsidRDefault="00156FB3" w:rsidP="00156FB3">
            <w:r>
              <w:t xml:space="preserve">        var pagerList = '';</w:t>
            </w:r>
          </w:p>
          <w:p w:rsidR="00156FB3" w:rsidRDefault="00156FB3" w:rsidP="00156FB3">
            <w:r>
              <w:t xml:space="preserve">        var $pagerCont;</w:t>
            </w:r>
          </w:p>
          <w:p w:rsidR="00156FB3" w:rsidRDefault="00156FB3" w:rsidP="00156FB3">
            <w:r>
              <w:t xml:space="preserve">        var $pagerOuter;</w:t>
            </w:r>
          </w:p>
          <w:p w:rsidR="00156FB3" w:rsidRDefault="00156FB3" w:rsidP="00156FB3">
            <w:r>
              <w:t xml:space="preserve">        var timeout;</w:t>
            </w:r>
          </w:p>
          <w:p w:rsidR="00156FB3" w:rsidRDefault="00156FB3" w:rsidP="00156FB3"/>
          <w:p w:rsidR="00156FB3" w:rsidRDefault="00156FB3" w:rsidP="00156FB3">
            <w:r>
              <w:t xml:space="preserve">        _this.core.$outer.find('.lg').append('&lt;div class="lg-pager-outer"&gt;&lt;/div&gt;');</w:t>
            </w:r>
          </w:p>
          <w:p w:rsidR="00156FB3" w:rsidRDefault="00156FB3" w:rsidP="00156FB3"/>
          <w:p w:rsidR="00156FB3" w:rsidRDefault="00156FB3" w:rsidP="00156FB3">
            <w:r>
              <w:t xml:space="preserve">        if (_this.core.s.dynamic) {</w:t>
            </w:r>
          </w:p>
          <w:p w:rsidR="00156FB3" w:rsidRDefault="00156FB3" w:rsidP="00156FB3">
            <w:r>
              <w:t xml:space="preserve">            for (var i = 0; i &lt; _this.core.s.dynamicEl.length; i++) {</w:t>
            </w:r>
          </w:p>
          <w:p w:rsidR="00156FB3" w:rsidRDefault="00156FB3" w:rsidP="00156FB3">
            <w:r>
              <w:t xml:space="preserve">                pagerList += '&lt;span class="lg-pager-cont"&gt; &lt;span class="lg-pager"&gt;&lt;/span&gt;&lt;div class="lg-pager-thumb-cont"&gt;&lt;span class="lg-caret"&gt;&lt;/span&gt; &lt;img src="' + _this.core.s.dynamicEl[i].thumb + '" /&gt;&lt;/div&gt;&lt;/span&gt;';</w:t>
            </w:r>
          </w:p>
          <w:p w:rsidR="00156FB3" w:rsidRDefault="00156FB3" w:rsidP="00156FB3">
            <w:r>
              <w:t xml:space="preserve">            }</w:t>
            </w:r>
          </w:p>
          <w:p w:rsidR="00156FB3" w:rsidRDefault="00156FB3" w:rsidP="00156FB3">
            <w:r>
              <w:t xml:space="preserve">        } else {</w:t>
            </w:r>
          </w:p>
          <w:p w:rsidR="00156FB3" w:rsidRDefault="00156FB3" w:rsidP="00156FB3">
            <w:r>
              <w:t xml:space="preserve">            _this.core.$items.each(function() {</w:t>
            </w:r>
          </w:p>
          <w:p w:rsidR="00156FB3" w:rsidRDefault="00156FB3" w:rsidP="00156FB3"/>
          <w:p w:rsidR="00156FB3" w:rsidRDefault="00156FB3" w:rsidP="00156FB3">
            <w:r>
              <w:t xml:space="preserve">                if (!_this.core.s.exThumbImage) {</w:t>
            </w:r>
          </w:p>
          <w:p w:rsidR="00156FB3" w:rsidRDefault="00156FB3" w:rsidP="00156FB3">
            <w:r>
              <w:t xml:space="preserve">                    pagerList += '&lt;span class="lg-pager-cont"&gt; &lt;span class="lg-pager"&gt;&lt;/span&gt;&lt;div class="lg-pager-thumb-cont"&gt;&lt;span class="lg-caret"&gt;&lt;/span&gt; &lt;img src="' + $(this).find('img').attr('src') + '" /&gt;&lt;/div&gt;&lt;/span&gt;';</w:t>
            </w:r>
          </w:p>
          <w:p w:rsidR="00156FB3" w:rsidRDefault="00156FB3" w:rsidP="00156FB3">
            <w:r>
              <w:t xml:space="preserve">                } else {</w:t>
            </w:r>
          </w:p>
          <w:p w:rsidR="00156FB3" w:rsidRDefault="00156FB3" w:rsidP="00156FB3">
            <w:r>
              <w:t xml:space="preserve">                    pagerList += '&lt;span class="lg-pager-cont"&gt; &lt;span class="lg-pager"&gt;&lt;/span&gt;&lt;div class="lg-pager-thumb-cont"&gt;&lt;span class="lg-caret"&gt;&lt;/span&gt; &lt;img src="' + </w:t>
            </w:r>
            <w:r>
              <w:lastRenderedPageBreak/>
              <w:t>$(this).attr(_this.core.s.exThumbImage) + '" /&gt;&lt;/div&gt;&lt;/span&g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pagerOuter = _this.core.$outer.find('.lg-pager-outer');</w:t>
            </w:r>
          </w:p>
          <w:p w:rsidR="00156FB3" w:rsidRDefault="00156FB3" w:rsidP="00156FB3"/>
          <w:p w:rsidR="00156FB3" w:rsidRDefault="00156FB3" w:rsidP="00156FB3">
            <w:r>
              <w:t xml:space="preserve">        $pagerOuter.html(pagerList);</w:t>
            </w:r>
          </w:p>
          <w:p w:rsidR="00156FB3" w:rsidRDefault="00156FB3" w:rsidP="00156FB3"/>
          <w:p w:rsidR="00156FB3" w:rsidRDefault="00156FB3" w:rsidP="00156FB3">
            <w:r>
              <w:t xml:space="preserve">        $pagerCont = _this.core.$outer.find('.lg-pager-cont');</w:t>
            </w:r>
          </w:p>
          <w:p w:rsidR="00156FB3" w:rsidRDefault="00156FB3" w:rsidP="00156FB3">
            <w:r>
              <w:t xml:space="preserve">        $pagerCont.on('click.lg touchend.lg', function() {</w:t>
            </w:r>
          </w:p>
          <w:p w:rsidR="00156FB3" w:rsidRDefault="00156FB3" w:rsidP="00156FB3">
            <w:r>
              <w:t xml:space="preserve">            var _$this = $(this);</w:t>
            </w:r>
          </w:p>
          <w:p w:rsidR="00156FB3" w:rsidRDefault="00156FB3" w:rsidP="00156FB3">
            <w:r>
              <w:t xml:space="preserve">            _this.core.index = _$this.index();</w:t>
            </w:r>
          </w:p>
          <w:p w:rsidR="00156FB3" w:rsidRDefault="00156FB3" w:rsidP="00156FB3">
            <w:r>
              <w:t xml:space="preserve">            _this.core.slide(_this.core.index, false, true, false);</w:t>
            </w:r>
          </w:p>
          <w:p w:rsidR="00156FB3" w:rsidRDefault="00156FB3" w:rsidP="00156FB3">
            <w:r>
              <w:t xml:space="preserve">        });</w:t>
            </w:r>
          </w:p>
          <w:p w:rsidR="00156FB3" w:rsidRDefault="00156FB3" w:rsidP="00156FB3"/>
          <w:p w:rsidR="00156FB3" w:rsidRDefault="00156FB3" w:rsidP="00156FB3">
            <w:r>
              <w:t xml:space="preserve">        $pagerOuter.on('mouseover.lg', function() {</w:t>
            </w:r>
          </w:p>
          <w:p w:rsidR="00156FB3" w:rsidRDefault="00156FB3" w:rsidP="00156FB3">
            <w:r>
              <w:t xml:space="preserve">            clearTimeout(timeout);</w:t>
            </w:r>
          </w:p>
          <w:p w:rsidR="00156FB3" w:rsidRDefault="00156FB3" w:rsidP="00156FB3">
            <w:r>
              <w:t xml:space="preserve">            $pagerOuter.addClass('lg-pager-hover');</w:t>
            </w:r>
          </w:p>
          <w:p w:rsidR="00156FB3" w:rsidRDefault="00156FB3" w:rsidP="00156FB3">
            <w:r>
              <w:t xml:space="preserve">        });</w:t>
            </w:r>
          </w:p>
          <w:p w:rsidR="00156FB3" w:rsidRDefault="00156FB3" w:rsidP="00156FB3"/>
          <w:p w:rsidR="00156FB3" w:rsidRDefault="00156FB3" w:rsidP="00156FB3">
            <w:r>
              <w:t xml:space="preserve">        $pagerOuter.on('mouseout.lg', function() {</w:t>
            </w:r>
          </w:p>
          <w:p w:rsidR="00156FB3" w:rsidRDefault="00156FB3" w:rsidP="00156FB3">
            <w:r>
              <w:t xml:space="preserve">            timeout = setTimeout(function() {</w:t>
            </w:r>
          </w:p>
          <w:p w:rsidR="00156FB3" w:rsidRDefault="00156FB3" w:rsidP="00156FB3">
            <w:r>
              <w:t xml:space="preserve">                $pagerOuter.removeClass('lg-pager-hover');</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_this.core.$el.on('onBeforeSlide.lg.tm', function(e, prevIndex, index) {</w:t>
            </w:r>
          </w:p>
          <w:p w:rsidR="00156FB3" w:rsidRDefault="00156FB3" w:rsidP="00156FB3">
            <w:r>
              <w:t xml:space="preserve">            $pagerCont.removeClass('lg-pager-active');</w:t>
            </w:r>
          </w:p>
          <w:p w:rsidR="00156FB3" w:rsidRDefault="00156FB3" w:rsidP="00156FB3">
            <w:r>
              <w:t xml:space="preserve">            $pagerCont.eq(index).addClass('lg-pager-activ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Pager.prototype.destroy = function()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fn.lightGallery.modules.pager = Pager;</w:t>
            </w:r>
          </w:p>
          <w:p w:rsidR="00156FB3" w:rsidRDefault="00156FB3" w:rsidP="00156FB3"/>
          <w:p w:rsidR="00156FB3" w:rsidRDefault="00156FB3" w:rsidP="00156FB3">
            <w:r>
              <w:t>})();</w:t>
            </w:r>
          </w:p>
          <w:p w:rsidR="00156FB3" w:rsidRDefault="00156FB3" w:rsidP="00156FB3"/>
          <w:p w:rsidR="00156FB3" w:rsidRDefault="00156FB3" w:rsidP="00156FB3"/>
          <w:p w:rsidR="00156FB3" w:rsidRDefault="00156FB3" w:rsidP="00156FB3">
            <w:r>
              <w:t>}));</w:t>
            </w:r>
          </w:p>
          <w:p w:rsidR="00156FB3" w:rsidRDefault="00156FB3" w:rsidP="00156FB3"/>
          <w:p w:rsidR="00156FB3" w:rsidRDefault="00156FB3" w:rsidP="00156FB3">
            <w:r>
              <w:t>/*! lg-thumbnail - v1.1.0 - 2017-08-08</w:t>
            </w:r>
          </w:p>
          <w:p w:rsidR="00156FB3" w:rsidRDefault="00156FB3" w:rsidP="00156FB3">
            <w:r>
              <w:t>* http://sachinchoolur.github.io/lightGallery</w:t>
            </w:r>
          </w:p>
          <w:p w:rsidR="00156FB3" w:rsidRDefault="00156FB3" w:rsidP="00156FB3">
            <w:r>
              <w:lastRenderedPageBreak/>
              <w:t>* Copyright (c) 2017 Sachin N; Licensed GPLv3 */</w:t>
            </w:r>
          </w:p>
          <w:p w:rsidR="00156FB3" w:rsidRDefault="00156FB3" w:rsidP="00156FB3"/>
          <w:p w:rsidR="00156FB3" w:rsidRDefault="00156FB3" w:rsidP="00156FB3">
            <w:r>
              <w:t>(function (root, factory) {</w:t>
            </w:r>
          </w:p>
          <w:p w:rsidR="00156FB3" w:rsidRDefault="00156FB3" w:rsidP="00156FB3">
            <w:r>
              <w:t xml:space="preserve">  if (typeof define === 'function' &amp;&amp; define.amd) {</w:t>
            </w:r>
          </w:p>
          <w:p w:rsidR="00156FB3" w:rsidRDefault="00156FB3" w:rsidP="00156FB3">
            <w:r>
              <w:t xml:space="preserve">    // AMD. Register as an anonymous module unless amdModuleId is set</w:t>
            </w:r>
          </w:p>
          <w:p w:rsidR="00156FB3" w:rsidRDefault="00156FB3" w:rsidP="00156FB3">
            <w:r>
              <w:t xml:space="preserve">    define(['jquery'], function (a0) {</w:t>
            </w:r>
          </w:p>
          <w:p w:rsidR="00156FB3" w:rsidRDefault="00156FB3" w:rsidP="00156FB3">
            <w:r>
              <w:t xml:space="preserve">      return (factory(a0));</w:t>
            </w:r>
          </w:p>
          <w:p w:rsidR="00156FB3" w:rsidRDefault="00156FB3" w:rsidP="00156FB3">
            <w:r>
              <w:t xml:space="preserve">    });</w:t>
            </w:r>
          </w:p>
          <w:p w:rsidR="00156FB3" w:rsidRDefault="00156FB3" w:rsidP="00156FB3">
            <w:r>
              <w:t xml:space="preserve">  } else if (typeof exports === 'object') {</w:t>
            </w:r>
          </w:p>
          <w:p w:rsidR="00156FB3" w:rsidRDefault="00156FB3" w:rsidP="00156FB3">
            <w:r>
              <w:t xml:space="preserve">    // Node. Does not work with strict CommonJS, but</w:t>
            </w:r>
          </w:p>
          <w:p w:rsidR="00156FB3" w:rsidRDefault="00156FB3" w:rsidP="00156FB3">
            <w:r>
              <w:t xml:space="preserve">    // only CommonJS-like environments that support module.exports,</w:t>
            </w:r>
          </w:p>
          <w:p w:rsidR="00156FB3" w:rsidRDefault="00156FB3" w:rsidP="00156FB3">
            <w:r>
              <w:t xml:space="preserve">    // like Node.</w:t>
            </w:r>
          </w:p>
          <w:p w:rsidR="00156FB3" w:rsidRDefault="00156FB3" w:rsidP="00156FB3">
            <w:r>
              <w:t xml:space="preserve">    module.exports = factory(require('jquery'));</w:t>
            </w:r>
          </w:p>
          <w:p w:rsidR="00156FB3" w:rsidRDefault="00156FB3" w:rsidP="00156FB3">
            <w:r>
              <w:t xml:space="preserve">  } else {</w:t>
            </w:r>
          </w:p>
          <w:p w:rsidR="00156FB3" w:rsidRDefault="00156FB3" w:rsidP="00156FB3">
            <w:r>
              <w:t xml:space="preserve">    factory(jQuery);</w:t>
            </w:r>
          </w:p>
          <w:p w:rsidR="00156FB3" w:rsidRDefault="00156FB3" w:rsidP="00156FB3">
            <w:r>
              <w:t xml:space="preserve">  }</w:t>
            </w:r>
          </w:p>
          <w:p w:rsidR="00156FB3" w:rsidRDefault="00156FB3" w:rsidP="00156FB3">
            <w:r>
              <w:t>}(this, function ($) {</w:t>
            </w:r>
          </w:p>
          <w:p w:rsidR="00156FB3" w:rsidRDefault="00156FB3" w:rsidP="00156FB3"/>
          <w:p w:rsidR="00156FB3" w:rsidRDefault="00156FB3" w:rsidP="00156FB3">
            <w:r>
              <w:t>(function() {</w:t>
            </w:r>
          </w:p>
          <w:p w:rsidR="00156FB3" w:rsidRDefault="00156FB3" w:rsidP="00156FB3"/>
          <w:p w:rsidR="00156FB3" w:rsidRDefault="00156FB3" w:rsidP="00156FB3">
            <w:r>
              <w:t xml:space="preserve">    'use strict';</w:t>
            </w:r>
          </w:p>
          <w:p w:rsidR="00156FB3" w:rsidRDefault="00156FB3" w:rsidP="00156FB3"/>
          <w:p w:rsidR="00156FB3" w:rsidRDefault="00156FB3" w:rsidP="00156FB3">
            <w:r>
              <w:t xml:space="preserve">    var defaults = {</w:t>
            </w:r>
          </w:p>
          <w:p w:rsidR="00156FB3" w:rsidRDefault="00156FB3" w:rsidP="00156FB3">
            <w:r>
              <w:t xml:space="preserve">        thumbnail: true,</w:t>
            </w:r>
          </w:p>
          <w:p w:rsidR="00156FB3" w:rsidRDefault="00156FB3" w:rsidP="00156FB3"/>
          <w:p w:rsidR="00156FB3" w:rsidRDefault="00156FB3" w:rsidP="00156FB3">
            <w:r>
              <w:t xml:space="preserve">        animateThumb: true,</w:t>
            </w:r>
          </w:p>
          <w:p w:rsidR="00156FB3" w:rsidRDefault="00156FB3" w:rsidP="00156FB3">
            <w:r>
              <w:t xml:space="preserve">        currentPagerPosition: 'middle',</w:t>
            </w:r>
          </w:p>
          <w:p w:rsidR="00156FB3" w:rsidRDefault="00156FB3" w:rsidP="00156FB3"/>
          <w:p w:rsidR="00156FB3" w:rsidRDefault="00156FB3" w:rsidP="00156FB3">
            <w:r>
              <w:t xml:space="preserve">        thumbWidth: 100,</w:t>
            </w:r>
          </w:p>
          <w:p w:rsidR="00156FB3" w:rsidRDefault="00156FB3" w:rsidP="00156FB3">
            <w:r>
              <w:t xml:space="preserve">        thumbHeight: '80px',</w:t>
            </w:r>
          </w:p>
          <w:p w:rsidR="00156FB3" w:rsidRDefault="00156FB3" w:rsidP="00156FB3">
            <w:r>
              <w:t xml:space="preserve">        thumbContHeight: 100,</w:t>
            </w:r>
          </w:p>
          <w:p w:rsidR="00156FB3" w:rsidRDefault="00156FB3" w:rsidP="00156FB3">
            <w:r>
              <w:t xml:space="preserve">        thumbMargin: 5,</w:t>
            </w:r>
          </w:p>
          <w:p w:rsidR="00156FB3" w:rsidRDefault="00156FB3" w:rsidP="00156FB3"/>
          <w:p w:rsidR="00156FB3" w:rsidRDefault="00156FB3" w:rsidP="00156FB3">
            <w:r>
              <w:t xml:space="preserve">        exThumbImage: false,</w:t>
            </w:r>
          </w:p>
          <w:p w:rsidR="00156FB3" w:rsidRDefault="00156FB3" w:rsidP="00156FB3">
            <w:r>
              <w:t xml:space="preserve">        showThumbByDefault: true,</w:t>
            </w:r>
          </w:p>
          <w:p w:rsidR="00156FB3" w:rsidRDefault="00156FB3" w:rsidP="00156FB3">
            <w:r>
              <w:t xml:space="preserve">        toogleThumb: true,</w:t>
            </w:r>
          </w:p>
          <w:p w:rsidR="00156FB3" w:rsidRDefault="00156FB3" w:rsidP="00156FB3">
            <w:r>
              <w:t xml:space="preserve">        pullCaptionUp: true,</w:t>
            </w:r>
          </w:p>
          <w:p w:rsidR="00156FB3" w:rsidRDefault="00156FB3" w:rsidP="00156FB3"/>
          <w:p w:rsidR="00156FB3" w:rsidRDefault="00156FB3" w:rsidP="00156FB3">
            <w:r>
              <w:t xml:space="preserve">        enableThumbDrag: true,</w:t>
            </w:r>
          </w:p>
          <w:p w:rsidR="00156FB3" w:rsidRDefault="00156FB3" w:rsidP="00156FB3">
            <w:r>
              <w:t xml:space="preserve">        enableThumbSwipe: true,</w:t>
            </w:r>
          </w:p>
          <w:p w:rsidR="00156FB3" w:rsidRDefault="00156FB3" w:rsidP="00156FB3">
            <w:r>
              <w:t xml:space="preserve">        swipeThreshold: 50,</w:t>
            </w:r>
          </w:p>
          <w:p w:rsidR="00156FB3" w:rsidRDefault="00156FB3" w:rsidP="00156FB3"/>
          <w:p w:rsidR="00156FB3" w:rsidRDefault="00156FB3" w:rsidP="00156FB3">
            <w:r>
              <w:t xml:space="preserve">        loadYoutubeThumbnail: true,</w:t>
            </w:r>
          </w:p>
          <w:p w:rsidR="00156FB3" w:rsidRDefault="00156FB3" w:rsidP="00156FB3">
            <w:r>
              <w:t xml:space="preserve">        youtubeThumbSize: 1,</w:t>
            </w:r>
          </w:p>
          <w:p w:rsidR="00156FB3" w:rsidRDefault="00156FB3" w:rsidP="00156FB3"/>
          <w:p w:rsidR="00156FB3" w:rsidRDefault="00156FB3" w:rsidP="00156FB3">
            <w:r>
              <w:t xml:space="preserve">        loadVimeoThumbnail: true,</w:t>
            </w:r>
          </w:p>
          <w:p w:rsidR="00156FB3" w:rsidRDefault="00156FB3" w:rsidP="00156FB3">
            <w:r>
              <w:t xml:space="preserve">        vimeoThumbSize: 'thumbnail_small',</w:t>
            </w:r>
          </w:p>
          <w:p w:rsidR="00156FB3" w:rsidRDefault="00156FB3" w:rsidP="00156FB3"/>
          <w:p w:rsidR="00156FB3" w:rsidRDefault="00156FB3" w:rsidP="00156FB3">
            <w:r>
              <w:lastRenderedPageBreak/>
              <w:t xml:space="preserve">        loadDailymotionThumbnail: true</w:t>
            </w:r>
          </w:p>
          <w:p w:rsidR="00156FB3" w:rsidRDefault="00156FB3" w:rsidP="00156FB3">
            <w:r>
              <w:t xml:space="preserve">    };</w:t>
            </w:r>
          </w:p>
          <w:p w:rsidR="00156FB3" w:rsidRDefault="00156FB3" w:rsidP="00156FB3"/>
          <w:p w:rsidR="00156FB3" w:rsidRDefault="00156FB3" w:rsidP="00156FB3">
            <w:r>
              <w:t xml:space="preserve">    var Thumbnail = function(element) {</w:t>
            </w:r>
          </w:p>
          <w:p w:rsidR="00156FB3" w:rsidRDefault="00156FB3" w:rsidP="00156FB3"/>
          <w:p w:rsidR="00156FB3" w:rsidRDefault="00156FB3" w:rsidP="00156FB3">
            <w:r>
              <w:t xml:space="preserve">        // get lightGallery core plugin data</w:t>
            </w:r>
          </w:p>
          <w:p w:rsidR="00156FB3" w:rsidRDefault="00156FB3" w:rsidP="00156FB3">
            <w:r>
              <w:t xml:space="preserve">        this.core = $(element).data('lightGallery');</w:t>
            </w:r>
          </w:p>
          <w:p w:rsidR="00156FB3" w:rsidRDefault="00156FB3" w:rsidP="00156FB3"/>
          <w:p w:rsidR="00156FB3" w:rsidRDefault="00156FB3" w:rsidP="00156FB3">
            <w:r>
              <w:t xml:space="preserve">        // extend module default settings with lightGallery core settings</w:t>
            </w:r>
          </w:p>
          <w:p w:rsidR="00156FB3" w:rsidRDefault="00156FB3" w:rsidP="00156FB3">
            <w:r>
              <w:t xml:space="preserve">        this.core.s = $.extend({}, defaults, this.core.s);</w:t>
            </w:r>
          </w:p>
          <w:p w:rsidR="00156FB3" w:rsidRDefault="00156FB3" w:rsidP="00156FB3"/>
          <w:p w:rsidR="00156FB3" w:rsidRDefault="00156FB3" w:rsidP="00156FB3">
            <w:r>
              <w:t xml:space="preserve">        this.$el = $(element);</w:t>
            </w:r>
          </w:p>
          <w:p w:rsidR="00156FB3" w:rsidRDefault="00156FB3" w:rsidP="00156FB3">
            <w:r>
              <w:t xml:space="preserve">        this.$thumbOuter = null;</w:t>
            </w:r>
          </w:p>
          <w:p w:rsidR="00156FB3" w:rsidRDefault="00156FB3" w:rsidP="00156FB3">
            <w:r>
              <w:t xml:space="preserve">        this.thumbOuterWidth = 0;</w:t>
            </w:r>
          </w:p>
          <w:p w:rsidR="00156FB3" w:rsidRDefault="00156FB3" w:rsidP="00156FB3">
            <w:r>
              <w:t xml:space="preserve">        this.thumbTotalWidth = (this.core.$items.length * (this.core.s.thumbWidth + this.core.s.thumbMargin));</w:t>
            </w:r>
          </w:p>
          <w:p w:rsidR="00156FB3" w:rsidRDefault="00156FB3" w:rsidP="00156FB3">
            <w:r>
              <w:t xml:space="preserve">        this.thumbIndex = this.core.index;</w:t>
            </w:r>
          </w:p>
          <w:p w:rsidR="00156FB3" w:rsidRDefault="00156FB3" w:rsidP="00156FB3"/>
          <w:p w:rsidR="00156FB3" w:rsidRDefault="00156FB3" w:rsidP="00156FB3">
            <w:r>
              <w:t xml:space="preserve">        if (this.core.s.animateThumb) {</w:t>
            </w:r>
          </w:p>
          <w:p w:rsidR="00156FB3" w:rsidRDefault="00156FB3" w:rsidP="00156FB3">
            <w:r>
              <w:t xml:space="preserve">            this.core.s.thumbHeight = '100%';</w:t>
            </w:r>
          </w:p>
          <w:p w:rsidR="00156FB3" w:rsidRDefault="00156FB3" w:rsidP="00156FB3">
            <w:r>
              <w:t xml:space="preserve">        }</w:t>
            </w:r>
          </w:p>
          <w:p w:rsidR="00156FB3" w:rsidRDefault="00156FB3" w:rsidP="00156FB3"/>
          <w:p w:rsidR="00156FB3" w:rsidRDefault="00156FB3" w:rsidP="00156FB3">
            <w:r>
              <w:t xml:space="preserve">        // Thumbnail animation value</w:t>
            </w:r>
          </w:p>
          <w:p w:rsidR="00156FB3" w:rsidRDefault="00156FB3" w:rsidP="00156FB3">
            <w:r>
              <w:t xml:space="preserve">        this.left = 0;</w:t>
            </w:r>
          </w:p>
          <w:p w:rsidR="00156FB3" w:rsidRDefault="00156FB3" w:rsidP="00156FB3"/>
          <w:p w:rsidR="00156FB3" w:rsidRDefault="00156FB3" w:rsidP="00156FB3">
            <w:r>
              <w:t xml:space="preserve">        this.init();</w:t>
            </w:r>
          </w:p>
          <w:p w:rsidR="00156FB3" w:rsidRDefault="00156FB3" w:rsidP="00156FB3"/>
          <w:p w:rsidR="00156FB3" w:rsidRDefault="00156FB3" w:rsidP="00156FB3">
            <w:r>
              <w:t xml:space="preserve">        return this;</w:t>
            </w:r>
          </w:p>
          <w:p w:rsidR="00156FB3" w:rsidRDefault="00156FB3" w:rsidP="00156FB3">
            <w:r>
              <w:t xml:space="preserve">    };</w:t>
            </w:r>
          </w:p>
          <w:p w:rsidR="00156FB3" w:rsidRDefault="00156FB3" w:rsidP="00156FB3"/>
          <w:p w:rsidR="00156FB3" w:rsidRDefault="00156FB3" w:rsidP="00156FB3">
            <w:r>
              <w:t xml:space="preserve">    Thumbnail.prototype.init = function() {</w:t>
            </w:r>
          </w:p>
          <w:p w:rsidR="00156FB3" w:rsidRDefault="00156FB3" w:rsidP="00156FB3">
            <w:r>
              <w:t xml:space="preserve">        var _this = this;</w:t>
            </w:r>
          </w:p>
          <w:p w:rsidR="00156FB3" w:rsidRDefault="00156FB3" w:rsidP="00156FB3">
            <w:r>
              <w:t xml:space="preserve">        if (this.core.s.thumbnail &amp;&amp; this.core.$items.length &gt; 1) {</w:t>
            </w:r>
          </w:p>
          <w:p w:rsidR="00156FB3" w:rsidRDefault="00156FB3" w:rsidP="00156FB3">
            <w:r>
              <w:t xml:space="preserve">            if (this.core.s.showThumbByDefault) {</w:t>
            </w:r>
          </w:p>
          <w:p w:rsidR="00156FB3" w:rsidRDefault="00156FB3" w:rsidP="00156FB3">
            <w:r>
              <w:t xml:space="preserve">                setTimeout(function(){</w:t>
            </w:r>
          </w:p>
          <w:p w:rsidR="00156FB3" w:rsidRDefault="00156FB3" w:rsidP="00156FB3">
            <w:r>
              <w:t xml:space="preserve">                    _this.core.$outer.addClass('lg-thumb-open');</w:t>
            </w:r>
          </w:p>
          <w:p w:rsidR="00156FB3" w:rsidRDefault="00156FB3" w:rsidP="00156FB3">
            <w:r>
              <w:t xml:space="preserve">                }, 700);</w:t>
            </w:r>
          </w:p>
          <w:p w:rsidR="00156FB3" w:rsidRDefault="00156FB3" w:rsidP="00156FB3">
            <w:r>
              <w:t xml:space="preserve">            }</w:t>
            </w:r>
          </w:p>
          <w:p w:rsidR="00156FB3" w:rsidRDefault="00156FB3" w:rsidP="00156FB3"/>
          <w:p w:rsidR="00156FB3" w:rsidRDefault="00156FB3" w:rsidP="00156FB3">
            <w:r>
              <w:t xml:space="preserve">            if (this.core.s.pullCaptionUp) {</w:t>
            </w:r>
          </w:p>
          <w:p w:rsidR="00156FB3" w:rsidRDefault="00156FB3" w:rsidP="00156FB3">
            <w:r>
              <w:t xml:space="preserve">                this.core.$outer.addClass('lg-pull-caption-up');</w:t>
            </w:r>
          </w:p>
          <w:p w:rsidR="00156FB3" w:rsidRDefault="00156FB3" w:rsidP="00156FB3">
            <w:r>
              <w:t xml:space="preserve">            }</w:t>
            </w:r>
          </w:p>
          <w:p w:rsidR="00156FB3" w:rsidRDefault="00156FB3" w:rsidP="00156FB3"/>
          <w:p w:rsidR="00156FB3" w:rsidRDefault="00156FB3" w:rsidP="00156FB3">
            <w:r>
              <w:t xml:space="preserve">            this.build();</w:t>
            </w:r>
          </w:p>
          <w:p w:rsidR="00156FB3" w:rsidRDefault="00156FB3" w:rsidP="00156FB3">
            <w:r>
              <w:t xml:space="preserve">            if (this.core.s.animateThumb &amp;&amp; this.core.doCss()) {</w:t>
            </w:r>
          </w:p>
          <w:p w:rsidR="00156FB3" w:rsidRDefault="00156FB3" w:rsidP="00156FB3">
            <w:r>
              <w:t xml:space="preserve">                if (this.core.s.enableThumbDrag) {</w:t>
            </w:r>
          </w:p>
          <w:p w:rsidR="00156FB3" w:rsidRDefault="00156FB3" w:rsidP="00156FB3">
            <w:r>
              <w:t xml:space="preserve">                    this.enableThumbDrag();</w:t>
            </w:r>
          </w:p>
          <w:p w:rsidR="00156FB3" w:rsidRDefault="00156FB3" w:rsidP="00156FB3">
            <w:r>
              <w:t xml:space="preserve">                }</w:t>
            </w:r>
          </w:p>
          <w:p w:rsidR="00156FB3" w:rsidRDefault="00156FB3" w:rsidP="00156FB3"/>
          <w:p w:rsidR="00156FB3" w:rsidRDefault="00156FB3" w:rsidP="00156FB3">
            <w:r>
              <w:t xml:space="preserve">                if (this.core.s.enableThumbSwipe) {</w:t>
            </w:r>
          </w:p>
          <w:p w:rsidR="00156FB3" w:rsidRDefault="00156FB3" w:rsidP="00156FB3">
            <w:r>
              <w:t xml:space="preserve">                    this.enableThumbSwipe();</w:t>
            </w:r>
          </w:p>
          <w:p w:rsidR="00156FB3" w:rsidRDefault="00156FB3" w:rsidP="00156FB3">
            <w:r>
              <w:t xml:space="preserve">                }</w:t>
            </w:r>
          </w:p>
          <w:p w:rsidR="00156FB3" w:rsidRDefault="00156FB3" w:rsidP="00156FB3"/>
          <w:p w:rsidR="00156FB3" w:rsidRDefault="00156FB3" w:rsidP="00156FB3">
            <w:r>
              <w:t xml:space="preserve">                this.thumbClickable = false;</w:t>
            </w:r>
          </w:p>
          <w:p w:rsidR="00156FB3" w:rsidRDefault="00156FB3" w:rsidP="00156FB3">
            <w:r>
              <w:t xml:space="preserve">            } else {</w:t>
            </w:r>
          </w:p>
          <w:p w:rsidR="00156FB3" w:rsidRDefault="00156FB3" w:rsidP="00156FB3">
            <w:r>
              <w:t xml:space="preserve">                this.thumbClickable = true;</w:t>
            </w:r>
          </w:p>
          <w:p w:rsidR="00156FB3" w:rsidRDefault="00156FB3" w:rsidP="00156FB3">
            <w:r>
              <w:t xml:space="preserve">            }</w:t>
            </w:r>
          </w:p>
          <w:p w:rsidR="00156FB3" w:rsidRDefault="00156FB3" w:rsidP="00156FB3"/>
          <w:p w:rsidR="00156FB3" w:rsidRDefault="00156FB3" w:rsidP="00156FB3">
            <w:r>
              <w:t xml:space="preserve">            this.toogle();</w:t>
            </w:r>
          </w:p>
          <w:p w:rsidR="00156FB3" w:rsidRDefault="00156FB3" w:rsidP="00156FB3">
            <w:r>
              <w:t xml:space="preserve">            this.thumbkeyPres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Thumbnail.prototype.build = function() {</w:t>
            </w:r>
          </w:p>
          <w:p w:rsidR="00156FB3" w:rsidRDefault="00156FB3" w:rsidP="00156FB3">
            <w:r>
              <w:t xml:space="preserve">        var _this = this;</w:t>
            </w:r>
          </w:p>
          <w:p w:rsidR="00156FB3" w:rsidRDefault="00156FB3" w:rsidP="00156FB3">
            <w:r>
              <w:t xml:space="preserve">        var thumbList = '';</w:t>
            </w:r>
          </w:p>
          <w:p w:rsidR="00156FB3" w:rsidRDefault="00156FB3" w:rsidP="00156FB3">
            <w:r>
              <w:t xml:space="preserve">        var vimeoErrorThumbSize = '';</w:t>
            </w:r>
          </w:p>
          <w:p w:rsidR="00156FB3" w:rsidRDefault="00156FB3" w:rsidP="00156FB3">
            <w:r>
              <w:t xml:space="preserve">        var $thumb;</w:t>
            </w:r>
          </w:p>
          <w:p w:rsidR="00156FB3" w:rsidRDefault="00156FB3" w:rsidP="00156FB3">
            <w:r>
              <w:t xml:space="preserve">        var html = '&lt;div class="lg-thumb-outer"&gt;' +</w:t>
            </w:r>
          </w:p>
          <w:p w:rsidR="00156FB3" w:rsidRDefault="00156FB3" w:rsidP="00156FB3">
            <w:r>
              <w:t xml:space="preserve">            '&lt;div class="lg-thumb lg-group"&gt;' +</w:t>
            </w:r>
          </w:p>
          <w:p w:rsidR="00156FB3" w:rsidRDefault="00156FB3" w:rsidP="00156FB3">
            <w:r>
              <w:t xml:space="preserve">            '&lt;/div&gt;' +</w:t>
            </w:r>
          </w:p>
          <w:p w:rsidR="00156FB3" w:rsidRDefault="00156FB3" w:rsidP="00156FB3">
            <w:r>
              <w:t xml:space="preserve">            '&lt;/div&gt;';</w:t>
            </w:r>
          </w:p>
          <w:p w:rsidR="00156FB3" w:rsidRDefault="00156FB3" w:rsidP="00156FB3"/>
          <w:p w:rsidR="00156FB3" w:rsidRDefault="00156FB3" w:rsidP="00156FB3">
            <w:r>
              <w:t xml:space="preserve">        switch (this.core.s.vimeoThumbSize) {</w:t>
            </w:r>
          </w:p>
          <w:p w:rsidR="00156FB3" w:rsidRDefault="00156FB3" w:rsidP="00156FB3">
            <w:r>
              <w:t xml:space="preserve">            case 'thumbnail_large':</w:t>
            </w:r>
          </w:p>
          <w:p w:rsidR="00156FB3" w:rsidRDefault="00156FB3" w:rsidP="00156FB3">
            <w:r>
              <w:t xml:space="preserve">                vimeoErrorThumbSize = '640';</w:t>
            </w:r>
          </w:p>
          <w:p w:rsidR="00156FB3" w:rsidRDefault="00156FB3" w:rsidP="00156FB3">
            <w:r>
              <w:t xml:space="preserve">                break;</w:t>
            </w:r>
          </w:p>
          <w:p w:rsidR="00156FB3" w:rsidRDefault="00156FB3" w:rsidP="00156FB3">
            <w:r>
              <w:t xml:space="preserve">            case 'thumbnail_medium':</w:t>
            </w:r>
          </w:p>
          <w:p w:rsidR="00156FB3" w:rsidRDefault="00156FB3" w:rsidP="00156FB3">
            <w:r>
              <w:t xml:space="preserve">                vimeoErrorThumbSize = '200x150';</w:t>
            </w:r>
          </w:p>
          <w:p w:rsidR="00156FB3" w:rsidRDefault="00156FB3" w:rsidP="00156FB3">
            <w:r>
              <w:t xml:space="preserve">                break;</w:t>
            </w:r>
          </w:p>
          <w:p w:rsidR="00156FB3" w:rsidRDefault="00156FB3" w:rsidP="00156FB3">
            <w:r>
              <w:t xml:space="preserve">            case 'thumbnail_small':</w:t>
            </w:r>
          </w:p>
          <w:p w:rsidR="00156FB3" w:rsidRDefault="00156FB3" w:rsidP="00156FB3">
            <w:r>
              <w:t xml:space="preserve">                vimeoErrorThumbSize = '100x75';</w:t>
            </w:r>
          </w:p>
          <w:p w:rsidR="00156FB3" w:rsidRDefault="00156FB3" w:rsidP="00156FB3">
            <w:r>
              <w:t xml:space="preserve">        }</w:t>
            </w:r>
          </w:p>
          <w:p w:rsidR="00156FB3" w:rsidRDefault="00156FB3" w:rsidP="00156FB3"/>
          <w:p w:rsidR="00156FB3" w:rsidRDefault="00156FB3" w:rsidP="00156FB3">
            <w:r>
              <w:t xml:space="preserve">        _this.core.$outer.addClass('lg-has-thumb');</w:t>
            </w:r>
          </w:p>
          <w:p w:rsidR="00156FB3" w:rsidRDefault="00156FB3" w:rsidP="00156FB3"/>
          <w:p w:rsidR="00156FB3" w:rsidRDefault="00156FB3" w:rsidP="00156FB3">
            <w:r>
              <w:t xml:space="preserve">        _this.core.$outer.find('.lg').append(html);</w:t>
            </w:r>
          </w:p>
          <w:p w:rsidR="00156FB3" w:rsidRDefault="00156FB3" w:rsidP="00156FB3"/>
          <w:p w:rsidR="00156FB3" w:rsidRDefault="00156FB3" w:rsidP="00156FB3">
            <w:r>
              <w:t xml:space="preserve">        _this.$thumbOuter = _this.core.$outer.find('.lg-thumb-outer');</w:t>
            </w:r>
          </w:p>
          <w:p w:rsidR="00156FB3" w:rsidRDefault="00156FB3" w:rsidP="00156FB3">
            <w:r>
              <w:t xml:space="preserve">        _this.thumbOuterWidth = _this.$thumbOuter.width();</w:t>
            </w:r>
          </w:p>
          <w:p w:rsidR="00156FB3" w:rsidRDefault="00156FB3" w:rsidP="00156FB3"/>
          <w:p w:rsidR="00156FB3" w:rsidRDefault="00156FB3" w:rsidP="00156FB3">
            <w:r>
              <w:t xml:space="preserve">        if (_this.core.s.animateThumb) {</w:t>
            </w:r>
          </w:p>
          <w:p w:rsidR="00156FB3" w:rsidRDefault="00156FB3" w:rsidP="00156FB3">
            <w:r>
              <w:t xml:space="preserve">            _this.core.$outer.find('.lg-thumb').css({</w:t>
            </w:r>
          </w:p>
          <w:p w:rsidR="00156FB3" w:rsidRDefault="00156FB3" w:rsidP="00156FB3">
            <w:r>
              <w:t xml:space="preserve">                width: _this.thumbTotalWidth + 'px',</w:t>
            </w:r>
          </w:p>
          <w:p w:rsidR="00156FB3" w:rsidRDefault="00156FB3" w:rsidP="00156FB3">
            <w:r>
              <w:t xml:space="preserve">                position: 'relative'</w:t>
            </w:r>
          </w:p>
          <w:p w:rsidR="00156FB3" w:rsidRDefault="00156FB3" w:rsidP="00156FB3">
            <w:r>
              <w:t xml:space="preserve">            });</w:t>
            </w:r>
          </w:p>
          <w:p w:rsidR="00156FB3" w:rsidRDefault="00156FB3" w:rsidP="00156FB3">
            <w:r>
              <w:lastRenderedPageBreak/>
              <w:t xml:space="preserve">        }</w:t>
            </w:r>
          </w:p>
          <w:p w:rsidR="00156FB3" w:rsidRDefault="00156FB3" w:rsidP="00156FB3"/>
          <w:p w:rsidR="00156FB3" w:rsidRDefault="00156FB3" w:rsidP="00156FB3">
            <w:r>
              <w:t xml:space="preserve">        if (this.core.s.animateThumb) {</w:t>
            </w:r>
          </w:p>
          <w:p w:rsidR="00156FB3" w:rsidRDefault="00156FB3" w:rsidP="00156FB3">
            <w:r>
              <w:t xml:space="preserve">            _this.$thumbOuter.css('height', _this.core.s.thumbContHeight + 'px');</w:t>
            </w:r>
          </w:p>
          <w:p w:rsidR="00156FB3" w:rsidRDefault="00156FB3" w:rsidP="00156FB3">
            <w:r>
              <w:t xml:space="preserve">        }</w:t>
            </w:r>
          </w:p>
          <w:p w:rsidR="00156FB3" w:rsidRDefault="00156FB3" w:rsidP="00156FB3"/>
          <w:p w:rsidR="00156FB3" w:rsidRDefault="00156FB3" w:rsidP="00156FB3">
            <w:r>
              <w:t xml:space="preserve">        function getThumb(src, thumb, index) {</w:t>
            </w:r>
          </w:p>
          <w:p w:rsidR="00156FB3" w:rsidRDefault="00156FB3" w:rsidP="00156FB3">
            <w:r>
              <w:t xml:space="preserve">            var isVideo = _this.core.isVideo(src, index) || {};</w:t>
            </w:r>
          </w:p>
          <w:p w:rsidR="00156FB3" w:rsidRDefault="00156FB3" w:rsidP="00156FB3">
            <w:r>
              <w:t xml:space="preserve">            var thumbImg;</w:t>
            </w:r>
          </w:p>
          <w:p w:rsidR="00156FB3" w:rsidRDefault="00156FB3" w:rsidP="00156FB3">
            <w:r>
              <w:t xml:space="preserve">            var vimeoId = '';</w:t>
            </w:r>
          </w:p>
          <w:p w:rsidR="00156FB3" w:rsidRDefault="00156FB3" w:rsidP="00156FB3"/>
          <w:p w:rsidR="00156FB3" w:rsidRDefault="00156FB3" w:rsidP="00156FB3">
            <w:r>
              <w:t xml:space="preserve">            if (isVideo.youtube || isVideo.vimeo || isVideo.dailymotion) {</w:t>
            </w:r>
          </w:p>
          <w:p w:rsidR="00156FB3" w:rsidRDefault="00156FB3" w:rsidP="00156FB3">
            <w:r>
              <w:t xml:space="preserve">                if (isVideo.youtube) {</w:t>
            </w:r>
          </w:p>
          <w:p w:rsidR="00156FB3" w:rsidRDefault="00156FB3" w:rsidP="00156FB3">
            <w:r>
              <w:t xml:space="preserve">                    if (_this.core.s.loadYoutubeThumbnail) {</w:t>
            </w:r>
          </w:p>
          <w:p w:rsidR="00156FB3" w:rsidRDefault="00156FB3" w:rsidP="00156FB3">
            <w:r>
              <w:t xml:space="preserve">                        thumbImg = '//img.youtube.com/vi/' + isVideo.youtube[1] + '/' + _this.core.s.youtubeThumbSize + '.jpg';</w:t>
            </w:r>
          </w:p>
          <w:p w:rsidR="00156FB3" w:rsidRDefault="00156FB3" w:rsidP="00156FB3">
            <w:r>
              <w:t xml:space="preserve">                    } else {</w:t>
            </w:r>
          </w:p>
          <w:p w:rsidR="00156FB3" w:rsidRDefault="00156FB3" w:rsidP="00156FB3">
            <w:r>
              <w:t xml:space="preserve">                        thumbImg = thumb;</w:t>
            </w:r>
          </w:p>
          <w:p w:rsidR="00156FB3" w:rsidRDefault="00156FB3" w:rsidP="00156FB3">
            <w:r>
              <w:t xml:space="preserve">                    }</w:t>
            </w:r>
          </w:p>
          <w:p w:rsidR="00156FB3" w:rsidRDefault="00156FB3" w:rsidP="00156FB3">
            <w:r>
              <w:t xml:space="preserve">                } else if (isVideo.vimeo) {</w:t>
            </w:r>
          </w:p>
          <w:p w:rsidR="00156FB3" w:rsidRDefault="00156FB3" w:rsidP="00156FB3">
            <w:r>
              <w:t xml:space="preserve">                    if (_this.core.s.loadVimeoThumbnail) {</w:t>
            </w:r>
          </w:p>
          <w:p w:rsidR="00156FB3" w:rsidRDefault="00156FB3" w:rsidP="00156FB3">
            <w:r>
              <w:t xml:space="preserve">                        thumbImg = '//i.vimeocdn.com/video/error_' + vimeoErrorThumbSize + '.jpg';</w:t>
            </w:r>
          </w:p>
          <w:p w:rsidR="00156FB3" w:rsidRDefault="00156FB3" w:rsidP="00156FB3">
            <w:r>
              <w:t xml:space="preserve">                        vimeoId = isVideo.vimeo[1];</w:t>
            </w:r>
          </w:p>
          <w:p w:rsidR="00156FB3" w:rsidRDefault="00156FB3" w:rsidP="00156FB3">
            <w:r>
              <w:t xml:space="preserve">                    } else {</w:t>
            </w:r>
          </w:p>
          <w:p w:rsidR="00156FB3" w:rsidRDefault="00156FB3" w:rsidP="00156FB3">
            <w:r>
              <w:t xml:space="preserve">                        thumbImg = thumb;</w:t>
            </w:r>
          </w:p>
          <w:p w:rsidR="00156FB3" w:rsidRDefault="00156FB3" w:rsidP="00156FB3">
            <w:r>
              <w:t xml:space="preserve">                    }</w:t>
            </w:r>
          </w:p>
          <w:p w:rsidR="00156FB3" w:rsidRDefault="00156FB3" w:rsidP="00156FB3">
            <w:r>
              <w:t xml:space="preserve">                } else if (isVideo.dailymotion) {</w:t>
            </w:r>
          </w:p>
          <w:p w:rsidR="00156FB3" w:rsidRDefault="00156FB3" w:rsidP="00156FB3">
            <w:r>
              <w:t xml:space="preserve">                    if (_this.core.s.loadDailymotionThumbnail) {</w:t>
            </w:r>
          </w:p>
          <w:p w:rsidR="00156FB3" w:rsidRDefault="00156FB3" w:rsidP="00156FB3">
            <w:r>
              <w:t xml:space="preserve">                        thumbImg = '//www.dailymotion.com/thumbnail/video/' + isVideo.dailymotion[1];</w:t>
            </w:r>
          </w:p>
          <w:p w:rsidR="00156FB3" w:rsidRDefault="00156FB3" w:rsidP="00156FB3">
            <w:r>
              <w:t xml:space="preserve">                    } else {</w:t>
            </w:r>
          </w:p>
          <w:p w:rsidR="00156FB3" w:rsidRDefault="00156FB3" w:rsidP="00156FB3">
            <w:r>
              <w:t xml:space="preserve">                        thumbImg = thumb;</w:t>
            </w:r>
          </w:p>
          <w:p w:rsidR="00156FB3" w:rsidRDefault="00156FB3" w:rsidP="00156FB3">
            <w:r>
              <w:t xml:space="preserve">                    }</w:t>
            </w:r>
          </w:p>
          <w:p w:rsidR="00156FB3" w:rsidRDefault="00156FB3" w:rsidP="00156FB3">
            <w:r>
              <w:t xml:space="preserve">                }</w:t>
            </w:r>
          </w:p>
          <w:p w:rsidR="00156FB3" w:rsidRDefault="00156FB3" w:rsidP="00156FB3">
            <w:r>
              <w:t xml:space="preserve">            } else {</w:t>
            </w:r>
          </w:p>
          <w:p w:rsidR="00156FB3" w:rsidRDefault="00156FB3" w:rsidP="00156FB3">
            <w:r>
              <w:t xml:space="preserve">                thumbImg = thumb;</w:t>
            </w:r>
          </w:p>
          <w:p w:rsidR="00156FB3" w:rsidRDefault="00156FB3" w:rsidP="00156FB3">
            <w:r>
              <w:t xml:space="preserve">            }</w:t>
            </w:r>
          </w:p>
          <w:p w:rsidR="00156FB3" w:rsidRDefault="00156FB3" w:rsidP="00156FB3"/>
          <w:p w:rsidR="00156FB3" w:rsidRDefault="00156FB3" w:rsidP="00156FB3">
            <w:r>
              <w:t xml:space="preserve">            thumbList += '&lt;div data-vimeo-id="' + vimeoId + '" class="lg-thumb-item" style="width:' + _this.core.s.thumbWidth + 'px; height: ' + _this.core.s.thumbHeight + '; margin-right: ' + _this.core.s.thumbMargin + 'px"&gt;&lt;img src="' + thumbImg + '" /&gt;&lt;/div&gt;';</w:t>
            </w:r>
          </w:p>
          <w:p w:rsidR="00156FB3" w:rsidRDefault="00156FB3" w:rsidP="00156FB3">
            <w:r>
              <w:t xml:space="preserve">            vimeoId = '';</w:t>
            </w:r>
          </w:p>
          <w:p w:rsidR="00156FB3" w:rsidRDefault="00156FB3" w:rsidP="00156FB3">
            <w:r>
              <w:t xml:space="preserve">        }</w:t>
            </w:r>
          </w:p>
          <w:p w:rsidR="00156FB3" w:rsidRDefault="00156FB3" w:rsidP="00156FB3"/>
          <w:p w:rsidR="00156FB3" w:rsidRDefault="00156FB3" w:rsidP="00156FB3">
            <w:r>
              <w:t xml:space="preserve">        if (_this.core.s.dynamic) {</w:t>
            </w:r>
          </w:p>
          <w:p w:rsidR="00156FB3" w:rsidRDefault="00156FB3" w:rsidP="00156FB3">
            <w:r>
              <w:t xml:space="preserve">            for (var i = 0; i &lt; _this.core.s.dynamicEl.length; i++) {</w:t>
            </w:r>
          </w:p>
          <w:p w:rsidR="00156FB3" w:rsidRDefault="00156FB3" w:rsidP="00156FB3">
            <w:r>
              <w:t xml:space="preserve">                getThumb(_this.core.s.dynamicEl[i].src, _this.core.s.dynamicEl[i].thumb, i);</w:t>
            </w:r>
          </w:p>
          <w:p w:rsidR="00156FB3" w:rsidRDefault="00156FB3" w:rsidP="00156FB3">
            <w:r>
              <w:t xml:space="preserve">            }</w:t>
            </w:r>
          </w:p>
          <w:p w:rsidR="00156FB3" w:rsidRDefault="00156FB3" w:rsidP="00156FB3">
            <w:r>
              <w:t xml:space="preserve">        } else {</w:t>
            </w:r>
          </w:p>
          <w:p w:rsidR="00156FB3" w:rsidRDefault="00156FB3" w:rsidP="00156FB3">
            <w:r>
              <w:lastRenderedPageBreak/>
              <w:t xml:space="preserve">            _this.core.$items.each(function(i) {</w:t>
            </w:r>
          </w:p>
          <w:p w:rsidR="00156FB3" w:rsidRDefault="00156FB3" w:rsidP="00156FB3"/>
          <w:p w:rsidR="00156FB3" w:rsidRDefault="00156FB3" w:rsidP="00156FB3">
            <w:r>
              <w:t xml:space="preserve">                if (!_this.core.s.exThumbImage) {</w:t>
            </w:r>
          </w:p>
          <w:p w:rsidR="00156FB3" w:rsidRDefault="00156FB3" w:rsidP="00156FB3">
            <w:r>
              <w:t xml:space="preserve">                    getThumb($(this).attr('href') || $(this).attr('data-src'), $(this).find('img').attr('src'), i);</w:t>
            </w:r>
          </w:p>
          <w:p w:rsidR="00156FB3" w:rsidRDefault="00156FB3" w:rsidP="00156FB3">
            <w:r>
              <w:t xml:space="preserve">                } else {</w:t>
            </w:r>
          </w:p>
          <w:p w:rsidR="00156FB3" w:rsidRDefault="00156FB3" w:rsidP="00156FB3">
            <w:r>
              <w:t xml:space="preserve">                    getThumb($(this).attr('href') || $(this).attr('data-src'), $(this).attr(_this.core.s.exThumbImage), i);</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_this.core.$outer.find('.lg-thumb').html(thumbList);</w:t>
            </w:r>
          </w:p>
          <w:p w:rsidR="00156FB3" w:rsidRDefault="00156FB3" w:rsidP="00156FB3"/>
          <w:p w:rsidR="00156FB3" w:rsidRDefault="00156FB3" w:rsidP="00156FB3">
            <w:r>
              <w:t xml:space="preserve">        $thumb = _this.core.$outer.find('.lg-thumb-item');</w:t>
            </w:r>
          </w:p>
          <w:p w:rsidR="00156FB3" w:rsidRDefault="00156FB3" w:rsidP="00156FB3"/>
          <w:p w:rsidR="00156FB3" w:rsidRDefault="00156FB3" w:rsidP="00156FB3">
            <w:r>
              <w:t xml:space="preserve">        // Load vimeo thumbnails</w:t>
            </w:r>
          </w:p>
          <w:p w:rsidR="00156FB3" w:rsidRDefault="00156FB3" w:rsidP="00156FB3">
            <w:r>
              <w:t xml:space="preserve">        $thumb.each(function() {</w:t>
            </w:r>
          </w:p>
          <w:p w:rsidR="00156FB3" w:rsidRDefault="00156FB3" w:rsidP="00156FB3">
            <w:r>
              <w:t xml:space="preserve">            var $this = $(this);</w:t>
            </w:r>
          </w:p>
          <w:p w:rsidR="00156FB3" w:rsidRDefault="00156FB3" w:rsidP="00156FB3">
            <w:r>
              <w:t xml:space="preserve">            var vimeoVideoId = $this.attr('data-vimeo-id');</w:t>
            </w:r>
          </w:p>
          <w:p w:rsidR="00156FB3" w:rsidRDefault="00156FB3" w:rsidP="00156FB3"/>
          <w:p w:rsidR="00156FB3" w:rsidRDefault="00156FB3" w:rsidP="00156FB3">
            <w:r>
              <w:t xml:space="preserve">            if (vimeoVideoId) {</w:t>
            </w:r>
          </w:p>
          <w:p w:rsidR="00156FB3" w:rsidRDefault="00156FB3" w:rsidP="00156FB3">
            <w:r>
              <w:t xml:space="preserve">                $.getJSON('//www.vimeo.com/api/v2/video/' + vimeoVideoId + '.json?callback=?', {</w:t>
            </w:r>
          </w:p>
          <w:p w:rsidR="00156FB3" w:rsidRDefault="00156FB3" w:rsidP="00156FB3">
            <w:r>
              <w:t xml:space="preserve">                    format: 'json'</w:t>
            </w:r>
          </w:p>
          <w:p w:rsidR="00156FB3" w:rsidRDefault="00156FB3" w:rsidP="00156FB3">
            <w:r>
              <w:t xml:space="preserve">                }, function(data) {</w:t>
            </w:r>
          </w:p>
          <w:p w:rsidR="00156FB3" w:rsidRDefault="00156FB3" w:rsidP="00156FB3">
            <w:r>
              <w:t xml:space="preserve">                    $this.find('img').attr('src', data[0][_this.core.s.vimeoThumbSize]);</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manage active class for thumbnail</w:t>
            </w:r>
          </w:p>
          <w:p w:rsidR="00156FB3" w:rsidRDefault="00156FB3" w:rsidP="00156FB3">
            <w:r>
              <w:t xml:space="preserve">        $thumb.eq(_this.core.index).addClass('active');</w:t>
            </w:r>
          </w:p>
          <w:p w:rsidR="00156FB3" w:rsidRDefault="00156FB3" w:rsidP="00156FB3">
            <w:r>
              <w:t xml:space="preserve">        _this.core.$el.on('onBeforeSlide.lg.tm', function() {</w:t>
            </w:r>
          </w:p>
          <w:p w:rsidR="00156FB3" w:rsidRDefault="00156FB3" w:rsidP="00156FB3">
            <w:r>
              <w:t xml:space="preserve">            $thumb.removeClass('active');</w:t>
            </w:r>
          </w:p>
          <w:p w:rsidR="00156FB3" w:rsidRDefault="00156FB3" w:rsidP="00156FB3">
            <w:r>
              <w:t xml:space="preserve">            $thumb.eq(_this.core.index).addClass('active');</w:t>
            </w:r>
          </w:p>
          <w:p w:rsidR="00156FB3" w:rsidRDefault="00156FB3" w:rsidP="00156FB3">
            <w:r>
              <w:t xml:space="preserve">        });</w:t>
            </w:r>
          </w:p>
          <w:p w:rsidR="00156FB3" w:rsidRDefault="00156FB3" w:rsidP="00156FB3"/>
          <w:p w:rsidR="00156FB3" w:rsidRDefault="00156FB3" w:rsidP="00156FB3">
            <w:r>
              <w:t xml:space="preserve">        $thumb.on('click.lg touchend.lg', function() {</w:t>
            </w:r>
          </w:p>
          <w:p w:rsidR="00156FB3" w:rsidRDefault="00156FB3" w:rsidP="00156FB3">
            <w:r>
              <w:t xml:space="preserve">            var _$this = $(this);</w:t>
            </w:r>
          </w:p>
          <w:p w:rsidR="00156FB3" w:rsidRDefault="00156FB3" w:rsidP="00156FB3">
            <w:r>
              <w:t xml:space="preserve">            setTimeout(function() {</w:t>
            </w:r>
          </w:p>
          <w:p w:rsidR="00156FB3" w:rsidRDefault="00156FB3" w:rsidP="00156FB3"/>
          <w:p w:rsidR="00156FB3" w:rsidRDefault="00156FB3" w:rsidP="00156FB3">
            <w:r>
              <w:t xml:space="preserve">                // In IE9 and bellow touch does not support</w:t>
            </w:r>
          </w:p>
          <w:p w:rsidR="00156FB3" w:rsidRDefault="00156FB3" w:rsidP="00156FB3">
            <w:r>
              <w:t xml:space="preserve">                // Go to slide if browser does not support css transitions</w:t>
            </w:r>
          </w:p>
          <w:p w:rsidR="00156FB3" w:rsidRDefault="00156FB3" w:rsidP="00156FB3">
            <w:r>
              <w:t xml:space="preserve">                if ((_this.thumbClickable &amp;&amp; !_this.core.lgBusy) || !_this.core.doCss()) {</w:t>
            </w:r>
          </w:p>
          <w:p w:rsidR="00156FB3" w:rsidRDefault="00156FB3" w:rsidP="00156FB3">
            <w:r>
              <w:t xml:space="preserve">                    _this.core.index = _$this.index();</w:t>
            </w:r>
          </w:p>
          <w:p w:rsidR="00156FB3" w:rsidRDefault="00156FB3" w:rsidP="00156FB3">
            <w:r>
              <w:t xml:space="preserve">                    _this.core.slide(_this.core.index, false, true, false);</w:t>
            </w:r>
          </w:p>
          <w:p w:rsidR="00156FB3" w:rsidRDefault="00156FB3" w:rsidP="00156FB3">
            <w:r>
              <w:t xml:space="preserve">                }</w:t>
            </w:r>
          </w:p>
          <w:p w:rsidR="00156FB3" w:rsidRDefault="00156FB3" w:rsidP="00156FB3">
            <w:r>
              <w:t xml:space="preserve">            }, 50);</w:t>
            </w:r>
          </w:p>
          <w:p w:rsidR="00156FB3" w:rsidRDefault="00156FB3" w:rsidP="00156FB3">
            <w:r>
              <w:lastRenderedPageBreak/>
              <w:t xml:space="preserve">        });</w:t>
            </w:r>
          </w:p>
          <w:p w:rsidR="00156FB3" w:rsidRDefault="00156FB3" w:rsidP="00156FB3"/>
          <w:p w:rsidR="00156FB3" w:rsidRDefault="00156FB3" w:rsidP="00156FB3">
            <w:r>
              <w:t xml:space="preserve">        _this.core.$el.on('onBeforeSlide.lg.tm', function() {</w:t>
            </w:r>
          </w:p>
          <w:p w:rsidR="00156FB3" w:rsidRDefault="00156FB3" w:rsidP="00156FB3">
            <w:r>
              <w:t xml:space="preserve">            _this.animateThumb(_this.core.index);</w:t>
            </w:r>
          </w:p>
          <w:p w:rsidR="00156FB3" w:rsidRDefault="00156FB3" w:rsidP="00156FB3">
            <w:r>
              <w:t xml:space="preserve">        });</w:t>
            </w:r>
          </w:p>
          <w:p w:rsidR="00156FB3" w:rsidRDefault="00156FB3" w:rsidP="00156FB3"/>
          <w:p w:rsidR="00156FB3" w:rsidRDefault="00156FB3" w:rsidP="00156FB3">
            <w:r>
              <w:t xml:space="preserve">        $(window).on('resize.lg.thumb orientationchange.lg.thumb', function() {</w:t>
            </w:r>
          </w:p>
          <w:p w:rsidR="00156FB3" w:rsidRDefault="00156FB3" w:rsidP="00156FB3">
            <w:r>
              <w:t xml:space="preserve">            setTimeout(function() {</w:t>
            </w:r>
          </w:p>
          <w:p w:rsidR="00156FB3" w:rsidRDefault="00156FB3" w:rsidP="00156FB3">
            <w:r>
              <w:t xml:space="preserve">                _this.animateThumb(_this.core.index);</w:t>
            </w:r>
          </w:p>
          <w:p w:rsidR="00156FB3" w:rsidRDefault="00156FB3" w:rsidP="00156FB3">
            <w:r>
              <w:t xml:space="preserve">                _this.thumbOuterWidth = _this.$thumbOuter.width();</w:t>
            </w:r>
          </w:p>
          <w:p w:rsidR="00156FB3" w:rsidRDefault="00156FB3" w:rsidP="00156FB3">
            <w:r>
              <w:t xml:space="preserve">            }, 200);</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Thumbnail.prototype.setTranslate = function(value) {</w:t>
            </w:r>
          </w:p>
          <w:p w:rsidR="00156FB3" w:rsidRDefault="00156FB3" w:rsidP="00156FB3">
            <w:r>
              <w:t xml:space="preserve">        // jQuery supports Automatic CSS prefixing since jQuery 1.8.0</w:t>
            </w:r>
          </w:p>
          <w:p w:rsidR="00156FB3" w:rsidRDefault="00156FB3" w:rsidP="00156FB3">
            <w:r>
              <w:t xml:space="preserve">        this.core.$outer.find('.lg-thumb').css({</w:t>
            </w:r>
          </w:p>
          <w:p w:rsidR="00156FB3" w:rsidRDefault="00156FB3" w:rsidP="00156FB3">
            <w:r>
              <w:t xml:space="preserve">            transform: 'translate3d(-' + (value) + 'px, 0px, 0px)'</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Thumbnail.prototype.animateThumb = function(index) {</w:t>
            </w:r>
          </w:p>
          <w:p w:rsidR="00156FB3" w:rsidRDefault="00156FB3" w:rsidP="00156FB3">
            <w:r>
              <w:t xml:space="preserve">        var $thumb = this.core.$outer.find('.lg-thumb');</w:t>
            </w:r>
          </w:p>
          <w:p w:rsidR="00156FB3" w:rsidRDefault="00156FB3" w:rsidP="00156FB3">
            <w:r>
              <w:t xml:space="preserve">        if (this.core.s.animateThumb) {</w:t>
            </w:r>
          </w:p>
          <w:p w:rsidR="00156FB3" w:rsidRDefault="00156FB3" w:rsidP="00156FB3">
            <w:r>
              <w:t xml:space="preserve">            var position;</w:t>
            </w:r>
          </w:p>
          <w:p w:rsidR="00156FB3" w:rsidRDefault="00156FB3" w:rsidP="00156FB3">
            <w:r>
              <w:t xml:space="preserve">            switch (this.core.s.currentPagerPosition) {</w:t>
            </w:r>
          </w:p>
          <w:p w:rsidR="00156FB3" w:rsidRDefault="00156FB3" w:rsidP="00156FB3">
            <w:r>
              <w:t xml:space="preserve">                case 'left':</w:t>
            </w:r>
          </w:p>
          <w:p w:rsidR="00156FB3" w:rsidRDefault="00156FB3" w:rsidP="00156FB3">
            <w:r>
              <w:t xml:space="preserve">                    position = 0;</w:t>
            </w:r>
          </w:p>
          <w:p w:rsidR="00156FB3" w:rsidRDefault="00156FB3" w:rsidP="00156FB3">
            <w:r>
              <w:t xml:space="preserve">                    break;</w:t>
            </w:r>
          </w:p>
          <w:p w:rsidR="00156FB3" w:rsidRDefault="00156FB3" w:rsidP="00156FB3">
            <w:r>
              <w:t xml:space="preserve">                case 'middle':</w:t>
            </w:r>
          </w:p>
          <w:p w:rsidR="00156FB3" w:rsidRDefault="00156FB3" w:rsidP="00156FB3">
            <w:r>
              <w:t xml:space="preserve">                    position = (this.thumbOuterWidth / 2) - (this.core.s.thumbWidth / 2);</w:t>
            </w:r>
          </w:p>
          <w:p w:rsidR="00156FB3" w:rsidRDefault="00156FB3" w:rsidP="00156FB3">
            <w:r>
              <w:t xml:space="preserve">                    break;</w:t>
            </w:r>
          </w:p>
          <w:p w:rsidR="00156FB3" w:rsidRDefault="00156FB3" w:rsidP="00156FB3">
            <w:r>
              <w:t xml:space="preserve">                case 'right':</w:t>
            </w:r>
          </w:p>
          <w:p w:rsidR="00156FB3" w:rsidRDefault="00156FB3" w:rsidP="00156FB3">
            <w:r>
              <w:t xml:space="preserve">                    position = this.thumbOuterWidth - this.core.s.thumbWidth;</w:t>
            </w:r>
          </w:p>
          <w:p w:rsidR="00156FB3" w:rsidRDefault="00156FB3" w:rsidP="00156FB3">
            <w:r>
              <w:t xml:space="preserve">            }</w:t>
            </w:r>
          </w:p>
          <w:p w:rsidR="00156FB3" w:rsidRDefault="00156FB3" w:rsidP="00156FB3">
            <w:r>
              <w:t xml:space="preserve">            this.left = ((this.core.s.thumbWidth + this.core.s.thumbMargin) * index - 1) - position;</w:t>
            </w:r>
          </w:p>
          <w:p w:rsidR="00156FB3" w:rsidRDefault="00156FB3" w:rsidP="00156FB3">
            <w:r>
              <w:t xml:space="preserve">            if (this.left &gt; (this.thumbTotalWidth - this.thumbOuterWidth)) {</w:t>
            </w:r>
          </w:p>
          <w:p w:rsidR="00156FB3" w:rsidRDefault="00156FB3" w:rsidP="00156FB3">
            <w:r>
              <w:t xml:space="preserve">                this.left = this.thumbTotalWidth - this.thumbOuterWidth;</w:t>
            </w:r>
          </w:p>
          <w:p w:rsidR="00156FB3" w:rsidRDefault="00156FB3" w:rsidP="00156FB3">
            <w:r>
              <w:t xml:space="preserve">            }</w:t>
            </w:r>
          </w:p>
          <w:p w:rsidR="00156FB3" w:rsidRDefault="00156FB3" w:rsidP="00156FB3"/>
          <w:p w:rsidR="00156FB3" w:rsidRDefault="00156FB3" w:rsidP="00156FB3">
            <w:r>
              <w:t xml:space="preserve">            if (this.left &lt; 0) {</w:t>
            </w:r>
          </w:p>
          <w:p w:rsidR="00156FB3" w:rsidRDefault="00156FB3" w:rsidP="00156FB3">
            <w:r>
              <w:t xml:space="preserve">                this.left = 0;</w:t>
            </w:r>
          </w:p>
          <w:p w:rsidR="00156FB3" w:rsidRDefault="00156FB3" w:rsidP="00156FB3">
            <w:r>
              <w:t xml:space="preserve">            }</w:t>
            </w:r>
          </w:p>
          <w:p w:rsidR="00156FB3" w:rsidRDefault="00156FB3" w:rsidP="00156FB3"/>
          <w:p w:rsidR="00156FB3" w:rsidRDefault="00156FB3" w:rsidP="00156FB3">
            <w:r>
              <w:t xml:space="preserve">            if (this.core.lGalleryOn) {</w:t>
            </w:r>
          </w:p>
          <w:p w:rsidR="00156FB3" w:rsidRDefault="00156FB3" w:rsidP="00156FB3">
            <w:r>
              <w:t xml:space="preserve">                if (!$thumb.hasClass('on')) {</w:t>
            </w:r>
          </w:p>
          <w:p w:rsidR="00156FB3" w:rsidRDefault="00156FB3" w:rsidP="00156FB3">
            <w:r>
              <w:t xml:space="preserve">                    this.core.$outer.find('.lg-thumb').css('transition-duration', this.core.s.speed + 'ms');</w:t>
            </w:r>
          </w:p>
          <w:p w:rsidR="00156FB3" w:rsidRDefault="00156FB3" w:rsidP="00156FB3">
            <w:r>
              <w:lastRenderedPageBreak/>
              <w:t xml:space="preserve">                }</w:t>
            </w:r>
          </w:p>
          <w:p w:rsidR="00156FB3" w:rsidRDefault="00156FB3" w:rsidP="00156FB3"/>
          <w:p w:rsidR="00156FB3" w:rsidRDefault="00156FB3" w:rsidP="00156FB3">
            <w:r>
              <w:t xml:space="preserve">                if (!this.core.doCss()) {</w:t>
            </w:r>
          </w:p>
          <w:p w:rsidR="00156FB3" w:rsidRDefault="00156FB3" w:rsidP="00156FB3">
            <w:r>
              <w:t xml:space="preserve">                    $thumb.animate({</w:t>
            </w:r>
          </w:p>
          <w:p w:rsidR="00156FB3" w:rsidRDefault="00156FB3" w:rsidP="00156FB3">
            <w:r>
              <w:t xml:space="preserve">                        left: -this.left + 'px'</w:t>
            </w:r>
          </w:p>
          <w:p w:rsidR="00156FB3" w:rsidRDefault="00156FB3" w:rsidP="00156FB3">
            <w:r>
              <w:t xml:space="preserve">                    }, this.core.s.speed);</w:t>
            </w:r>
          </w:p>
          <w:p w:rsidR="00156FB3" w:rsidRDefault="00156FB3" w:rsidP="00156FB3">
            <w:r>
              <w:t xml:space="preserve">                }</w:t>
            </w:r>
          </w:p>
          <w:p w:rsidR="00156FB3" w:rsidRDefault="00156FB3" w:rsidP="00156FB3">
            <w:r>
              <w:t xml:space="preserve">            } else {</w:t>
            </w:r>
          </w:p>
          <w:p w:rsidR="00156FB3" w:rsidRDefault="00156FB3" w:rsidP="00156FB3">
            <w:r>
              <w:t xml:space="preserve">                if (!this.core.doCss()) {</w:t>
            </w:r>
          </w:p>
          <w:p w:rsidR="00156FB3" w:rsidRDefault="00156FB3" w:rsidP="00156FB3">
            <w:r>
              <w:t xml:space="preserve">                    $thumb.css('left', -this.left + 'px');</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this.setTranslate(this.left);</w:t>
            </w:r>
          </w:p>
          <w:p w:rsidR="00156FB3" w:rsidRDefault="00156FB3" w:rsidP="00156FB3"/>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Enable thumbnail dragging and swiping</w:t>
            </w:r>
          </w:p>
          <w:p w:rsidR="00156FB3" w:rsidRDefault="00156FB3" w:rsidP="00156FB3">
            <w:r>
              <w:t xml:space="preserve">    Thumbnail.prototype.enableThumbDrag = function() {</w:t>
            </w:r>
          </w:p>
          <w:p w:rsidR="00156FB3" w:rsidRDefault="00156FB3" w:rsidP="00156FB3"/>
          <w:p w:rsidR="00156FB3" w:rsidRDefault="00156FB3" w:rsidP="00156FB3">
            <w:r>
              <w:t xml:space="preserve">        var _this = this;</w:t>
            </w:r>
          </w:p>
          <w:p w:rsidR="00156FB3" w:rsidRDefault="00156FB3" w:rsidP="00156FB3">
            <w:r>
              <w:t xml:space="preserve">        var startCoords = 0;</w:t>
            </w:r>
          </w:p>
          <w:p w:rsidR="00156FB3" w:rsidRDefault="00156FB3" w:rsidP="00156FB3">
            <w:r>
              <w:t xml:space="preserve">        var endCoords = 0;</w:t>
            </w:r>
          </w:p>
          <w:p w:rsidR="00156FB3" w:rsidRDefault="00156FB3" w:rsidP="00156FB3">
            <w:r>
              <w:t xml:space="preserve">        var isDraging = false;</w:t>
            </w:r>
          </w:p>
          <w:p w:rsidR="00156FB3" w:rsidRDefault="00156FB3" w:rsidP="00156FB3">
            <w:r>
              <w:t xml:space="preserve">        var isMoved = false;</w:t>
            </w:r>
          </w:p>
          <w:p w:rsidR="00156FB3" w:rsidRDefault="00156FB3" w:rsidP="00156FB3">
            <w:r>
              <w:t xml:space="preserve">        var tempLeft = 0;</w:t>
            </w:r>
          </w:p>
          <w:p w:rsidR="00156FB3" w:rsidRDefault="00156FB3" w:rsidP="00156FB3"/>
          <w:p w:rsidR="00156FB3" w:rsidRDefault="00156FB3" w:rsidP="00156FB3">
            <w:r>
              <w:t xml:space="preserve">        _this.$thumbOuter.addClass('lg-grab');</w:t>
            </w:r>
          </w:p>
          <w:p w:rsidR="00156FB3" w:rsidRDefault="00156FB3" w:rsidP="00156FB3"/>
          <w:p w:rsidR="00156FB3" w:rsidRDefault="00156FB3" w:rsidP="00156FB3">
            <w:r>
              <w:t xml:space="preserve">        _this.core.$outer.find('.lg-thumb').on('mousedown.lg.thumb', function(e) {</w:t>
            </w:r>
          </w:p>
          <w:p w:rsidR="00156FB3" w:rsidRDefault="00156FB3" w:rsidP="00156FB3">
            <w:r>
              <w:t xml:space="preserve">            if (_this.thumbTotalWidth &gt; _this.thumbOuterWidth) {</w:t>
            </w:r>
          </w:p>
          <w:p w:rsidR="00156FB3" w:rsidRDefault="00156FB3" w:rsidP="00156FB3">
            <w:r>
              <w:t xml:space="preserve">                // execute only on .lg-object</w:t>
            </w:r>
          </w:p>
          <w:p w:rsidR="00156FB3" w:rsidRDefault="00156FB3" w:rsidP="00156FB3">
            <w:r>
              <w:t xml:space="preserve">                e.preventDefault();</w:t>
            </w:r>
          </w:p>
          <w:p w:rsidR="00156FB3" w:rsidRDefault="00156FB3" w:rsidP="00156FB3">
            <w:r>
              <w:t xml:space="preserve">                startCoords = e.pageX;</w:t>
            </w:r>
          </w:p>
          <w:p w:rsidR="00156FB3" w:rsidRDefault="00156FB3" w:rsidP="00156FB3">
            <w:r>
              <w:t xml:space="preserve">                isDraging = true;</w:t>
            </w:r>
          </w:p>
          <w:p w:rsidR="00156FB3" w:rsidRDefault="00156FB3" w:rsidP="00156FB3"/>
          <w:p w:rsidR="00156FB3" w:rsidRDefault="00156FB3" w:rsidP="00156FB3">
            <w:r>
              <w:t xml:space="preserve">                // ** Fix for webkit cursor issue https://code.google.com/p/chromium/issues/detail?id=26723</w:t>
            </w:r>
          </w:p>
          <w:p w:rsidR="00156FB3" w:rsidRDefault="00156FB3" w:rsidP="00156FB3">
            <w:r>
              <w:t xml:space="preserve">                _this.core.$outer.scrollLeft += 1;</w:t>
            </w:r>
          </w:p>
          <w:p w:rsidR="00156FB3" w:rsidRDefault="00156FB3" w:rsidP="00156FB3">
            <w:r>
              <w:t xml:space="preserve">                _this.core.$outer.scrollLeft -= 1;</w:t>
            </w:r>
          </w:p>
          <w:p w:rsidR="00156FB3" w:rsidRDefault="00156FB3" w:rsidP="00156FB3"/>
          <w:p w:rsidR="00156FB3" w:rsidRDefault="00156FB3" w:rsidP="00156FB3">
            <w:r>
              <w:t xml:space="preserve">                // *</w:t>
            </w:r>
          </w:p>
          <w:p w:rsidR="00156FB3" w:rsidRDefault="00156FB3" w:rsidP="00156FB3">
            <w:r>
              <w:t xml:space="preserve">                _this.thumbClickable = false;</w:t>
            </w:r>
          </w:p>
          <w:p w:rsidR="00156FB3" w:rsidRDefault="00156FB3" w:rsidP="00156FB3">
            <w:r>
              <w:t xml:space="preserve">                _this.$thumbOuter.removeClass('lg-grab').addClass('lg-grabbing');</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indow).on('mousemove.lg.thumb', function(e) {</w:t>
            </w:r>
          </w:p>
          <w:p w:rsidR="00156FB3" w:rsidRDefault="00156FB3" w:rsidP="00156FB3">
            <w:r>
              <w:lastRenderedPageBreak/>
              <w:t xml:space="preserve">            if (isDraging) {</w:t>
            </w:r>
          </w:p>
          <w:p w:rsidR="00156FB3" w:rsidRDefault="00156FB3" w:rsidP="00156FB3">
            <w:r>
              <w:t xml:space="preserve">                tempLeft = _this.left;</w:t>
            </w:r>
          </w:p>
          <w:p w:rsidR="00156FB3" w:rsidRDefault="00156FB3" w:rsidP="00156FB3">
            <w:r>
              <w:t xml:space="preserve">                isMoved = true;</w:t>
            </w:r>
          </w:p>
          <w:p w:rsidR="00156FB3" w:rsidRDefault="00156FB3" w:rsidP="00156FB3">
            <w:r>
              <w:t xml:space="preserve">                endCoords = e.pageX;</w:t>
            </w:r>
          </w:p>
          <w:p w:rsidR="00156FB3" w:rsidRDefault="00156FB3" w:rsidP="00156FB3"/>
          <w:p w:rsidR="00156FB3" w:rsidRDefault="00156FB3" w:rsidP="00156FB3">
            <w:r>
              <w:t xml:space="preserve">                _this.$thumbOuter.addClass('lg-dragging');</w:t>
            </w:r>
          </w:p>
          <w:p w:rsidR="00156FB3" w:rsidRDefault="00156FB3" w:rsidP="00156FB3"/>
          <w:p w:rsidR="00156FB3" w:rsidRDefault="00156FB3" w:rsidP="00156FB3">
            <w:r>
              <w:t xml:space="preserve">                tempLeft = tempLeft - (endCoords - startCoords);</w:t>
            </w:r>
          </w:p>
          <w:p w:rsidR="00156FB3" w:rsidRDefault="00156FB3" w:rsidP="00156FB3"/>
          <w:p w:rsidR="00156FB3" w:rsidRDefault="00156FB3" w:rsidP="00156FB3">
            <w:r>
              <w:t xml:space="preserve">                if (tempLeft &gt; (_this.thumbTotalWidth - _this.thumbOuterWidth)) {</w:t>
            </w:r>
          </w:p>
          <w:p w:rsidR="00156FB3" w:rsidRDefault="00156FB3" w:rsidP="00156FB3">
            <w:r>
              <w:t xml:space="preserve">                    tempLeft = _this.thumbTotalWidth - _this.thumbOuterWidth;</w:t>
            </w:r>
          </w:p>
          <w:p w:rsidR="00156FB3" w:rsidRDefault="00156FB3" w:rsidP="00156FB3">
            <w:r>
              <w:t xml:space="preserve">                }</w:t>
            </w:r>
          </w:p>
          <w:p w:rsidR="00156FB3" w:rsidRDefault="00156FB3" w:rsidP="00156FB3"/>
          <w:p w:rsidR="00156FB3" w:rsidRDefault="00156FB3" w:rsidP="00156FB3">
            <w:r>
              <w:t xml:space="preserve">                if (tempLeft &lt; 0) {</w:t>
            </w:r>
          </w:p>
          <w:p w:rsidR="00156FB3" w:rsidRDefault="00156FB3" w:rsidP="00156FB3">
            <w:r>
              <w:t xml:space="preserve">                    tempLeft = 0;</w:t>
            </w:r>
          </w:p>
          <w:p w:rsidR="00156FB3" w:rsidRDefault="00156FB3" w:rsidP="00156FB3">
            <w:r>
              <w:t xml:space="preserve">                }</w:t>
            </w:r>
          </w:p>
          <w:p w:rsidR="00156FB3" w:rsidRDefault="00156FB3" w:rsidP="00156FB3"/>
          <w:p w:rsidR="00156FB3" w:rsidRDefault="00156FB3" w:rsidP="00156FB3">
            <w:r>
              <w:t xml:space="preserve">                // move current slide</w:t>
            </w:r>
          </w:p>
          <w:p w:rsidR="00156FB3" w:rsidRDefault="00156FB3" w:rsidP="00156FB3">
            <w:r>
              <w:t xml:space="preserve">                _this.setTranslate(tempLeft);</w:t>
            </w:r>
          </w:p>
          <w:p w:rsidR="00156FB3" w:rsidRDefault="00156FB3" w:rsidP="00156FB3"/>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indow).on('mouseup.lg.thumb', function() {</w:t>
            </w:r>
          </w:p>
          <w:p w:rsidR="00156FB3" w:rsidRDefault="00156FB3" w:rsidP="00156FB3">
            <w:r>
              <w:t xml:space="preserve">            if (isMoved) {</w:t>
            </w:r>
          </w:p>
          <w:p w:rsidR="00156FB3" w:rsidRDefault="00156FB3" w:rsidP="00156FB3">
            <w:r>
              <w:t xml:space="preserve">                isMoved = false;</w:t>
            </w:r>
          </w:p>
          <w:p w:rsidR="00156FB3" w:rsidRDefault="00156FB3" w:rsidP="00156FB3">
            <w:r>
              <w:t xml:space="preserve">                _this.$thumbOuter.removeClass('lg-dragging');</w:t>
            </w:r>
          </w:p>
          <w:p w:rsidR="00156FB3" w:rsidRDefault="00156FB3" w:rsidP="00156FB3"/>
          <w:p w:rsidR="00156FB3" w:rsidRDefault="00156FB3" w:rsidP="00156FB3">
            <w:r>
              <w:t xml:space="preserve">                _this.left = tempLeft;</w:t>
            </w:r>
          </w:p>
          <w:p w:rsidR="00156FB3" w:rsidRDefault="00156FB3" w:rsidP="00156FB3"/>
          <w:p w:rsidR="00156FB3" w:rsidRDefault="00156FB3" w:rsidP="00156FB3">
            <w:r>
              <w:t xml:space="preserve">                if (Math.abs(endCoords - startCoords) &lt; _this.core.s.swipeThreshold) {</w:t>
            </w:r>
          </w:p>
          <w:p w:rsidR="00156FB3" w:rsidRDefault="00156FB3" w:rsidP="00156FB3">
            <w:r>
              <w:t xml:space="preserve">                    _this.thumbClickable = true;</w:t>
            </w:r>
          </w:p>
          <w:p w:rsidR="00156FB3" w:rsidRDefault="00156FB3" w:rsidP="00156FB3">
            <w:r>
              <w:t xml:space="preserve">                }</w:t>
            </w:r>
          </w:p>
          <w:p w:rsidR="00156FB3" w:rsidRDefault="00156FB3" w:rsidP="00156FB3"/>
          <w:p w:rsidR="00156FB3" w:rsidRDefault="00156FB3" w:rsidP="00156FB3">
            <w:r>
              <w:t xml:space="preserve">            } else {</w:t>
            </w:r>
          </w:p>
          <w:p w:rsidR="00156FB3" w:rsidRDefault="00156FB3" w:rsidP="00156FB3">
            <w:r>
              <w:t xml:space="preserve">                _this.thumbClickable = true;</w:t>
            </w:r>
          </w:p>
          <w:p w:rsidR="00156FB3" w:rsidRDefault="00156FB3" w:rsidP="00156FB3">
            <w:r>
              <w:t xml:space="preserve">            }</w:t>
            </w:r>
          </w:p>
          <w:p w:rsidR="00156FB3" w:rsidRDefault="00156FB3" w:rsidP="00156FB3"/>
          <w:p w:rsidR="00156FB3" w:rsidRDefault="00156FB3" w:rsidP="00156FB3">
            <w:r>
              <w:t xml:space="preserve">            if (isDraging) {</w:t>
            </w:r>
          </w:p>
          <w:p w:rsidR="00156FB3" w:rsidRDefault="00156FB3" w:rsidP="00156FB3">
            <w:r>
              <w:t xml:space="preserve">                isDraging = false;</w:t>
            </w:r>
          </w:p>
          <w:p w:rsidR="00156FB3" w:rsidRDefault="00156FB3" w:rsidP="00156FB3">
            <w:r>
              <w:t xml:space="preserve">                _this.$thumbOuter.removeClass('lg-grabbing').addClass('lg-grab');</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Thumbnail.prototype.enableThumbSwipe = function() {</w:t>
            </w:r>
          </w:p>
          <w:p w:rsidR="00156FB3" w:rsidRDefault="00156FB3" w:rsidP="00156FB3">
            <w:r>
              <w:t xml:space="preserve">        var _this = this;</w:t>
            </w:r>
          </w:p>
          <w:p w:rsidR="00156FB3" w:rsidRDefault="00156FB3" w:rsidP="00156FB3">
            <w:r>
              <w:lastRenderedPageBreak/>
              <w:t xml:space="preserve">        var startCoords = 0;</w:t>
            </w:r>
          </w:p>
          <w:p w:rsidR="00156FB3" w:rsidRDefault="00156FB3" w:rsidP="00156FB3">
            <w:r>
              <w:t xml:space="preserve">        var endCoords = 0;</w:t>
            </w:r>
          </w:p>
          <w:p w:rsidR="00156FB3" w:rsidRDefault="00156FB3" w:rsidP="00156FB3">
            <w:r>
              <w:t xml:space="preserve">        var isMoved = false;</w:t>
            </w:r>
          </w:p>
          <w:p w:rsidR="00156FB3" w:rsidRDefault="00156FB3" w:rsidP="00156FB3">
            <w:r>
              <w:t xml:space="preserve">        var tempLeft = 0;</w:t>
            </w:r>
          </w:p>
          <w:p w:rsidR="00156FB3" w:rsidRDefault="00156FB3" w:rsidP="00156FB3"/>
          <w:p w:rsidR="00156FB3" w:rsidRDefault="00156FB3" w:rsidP="00156FB3">
            <w:r>
              <w:t xml:space="preserve">        _this.core.$outer.find('.lg-thumb').on('touchstart.lg', function(e) {</w:t>
            </w:r>
          </w:p>
          <w:p w:rsidR="00156FB3" w:rsidRDefault="00156FB3" w:rsidP="00156FB3">
            <w:r>
              <w:t xml:space="preserve">            if (_this.thumbTotalWidth &gt; _this.thumbOuterWidth) {</w:t>
            </w:r>
          </w:p>
          <w:p w:rsidR="00156FB3" w:rsidRDefault="00156FB3" w:rsidP="00156FB3">
            <w:r>
              <w:t xml:space="preserve">                e.preventDefault();</w:t>
            </w:r>
          </w:p>
          <w:p w:rsidR="00156FB3" w:rsidRDefault="00156FB3" w:rsidP="00156FB3">
            <w:r>
              <w:t xml:space="preserve">                startCoords = e.originalEvent.targetTouches[0].pageX;</w:t>
            </w:r>
          </w:p>
          <w:p w:rsidR="00156FB3" w:rsidRDefault="00156FB3" w:rsidP="00156FB3">
            <w:r>
              <w:t xml:space="preserve">                _this.thumbClickable = fals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_this.core.$outer.find('.lg-thumb').on('touchmove.lg', function(e) {</w:t>
            </w:r>
          </w:p>
          <w:p w:rsidR="00156FB3" w:rsidRDefault="00156FB3" w:rsidP="00156FB3">
            <w:r>
              <w:t xml:space="preserve">            if (_this.thumbTotalWidth &gt; _this.thumbOuterWidth) {</w:t>
            </w:r>
          </w:p>
          <w:p w:rsidR="00156FB3" w:rsidRDefault="00156FB3" w:rsidP="00156FB3">
            <w:r>
              <w:t xml:space="preserve">                e.preventDefault();</w:t>
            </w:r>
          </w:p>
          <w:p w:rsidR="00156FB3" w:rsidRDefault="00156FB3" w:rsidP="00156FB3">
            <w:r>
              <w:t xml:space="preserve">                endCoords = e.originalEvent.targetTouches[0].pageX;</w:t>
            </w:r>
          </w:p>
          <w:p w:rsidR="00156FB3" w:rsidRDefault="00156FB3" w:rsidP="00156FB3">
            <w:r>
              <w:t xml:space="preserve">                isMoved = true;</w:t>
            </w:r>
          </w:p>
          <w:p w:rsidR="00156FB3" w:rsidRDefault="00156FB3" w:rsidP="00156FB3"/>
          <w:p w:rsidR="00156FB3" w:rsidRDefault="00156FB3" w:rsidP="00156FB3">
            <w:r>
              <w:t xml:space="preserve">                _this.$thumbOuter.addClass('lg-dragging');</w:t>
            </w:r>
          </w:p>
          <w:p w:rsidR="00156FB3" w:rsidRDefault="00156FB3" w:rsidP="00156FB3"/>
          <w:p w:rsidR="00156FB3" w:rsidRDefault="00156FB3" w:rsidP="00156FB3">
            <w:r>
              <w:t xml:space="preserve">                tempLeft = _this.left;</w:t>
            </w:r>
          </w:p>
          <w:p w:rsidR="00156FB3" w:rsidRDefault="00156FB3" w:rsidP="00156FB3"/>
          <w:p w:rsidR="00156FB3" w:rsidRDefault="00156FB3" w:rsidP="00156FB3">
            <w:r>
              <w:t xml:space="preserve">                tempLeft = tempLeft - (endCoords - startCoords);</w:t>
            </w:r>
          </w:p>
          <w:p w:rsidR="00156FB3" w:rsidRDefault="00156FB3" w:rsidP="00156FB3"/>
          <w:p w:rsidR="00156FB3" w:rsidRDefault="00156FB3" w:rsidP="00156FB3">
            <w:r>
              <w:t xml:space="preserve">                if (tempLeft &gt; (_this.thumbTotalWidth - _this.thumbOuterWidth)) {</w:t>
            </w:r>
          </w:p>
          <w:p w:rsidR="00156FB3" w:rsidRDefault="00156FB3" w:rsidP="00156FB3">
            <w:r>
              <w:t xml:space="preserve">                    tempLeft = _this.thumbTotalWidth - _this.thumbOuterWidth;</w:t>
            </w:r>
          </w:p>
          <w:p w:rsidR="00156FB3" w:rsidRDefault="00156FB3" w:rsidP="00156FB3">
            <w:r>
              <w:t xml:space="preserve">                }</w:t>
            </w:r>
          </w:p>
          <w:p w:rsidR="00156FB3" w:rsidRDefault="00156FB3" w:rsidP="00156FB3"/>
          <w:p w:rsidR="00156FB3" w:rsidRDefault="00156FB3" w:rsidP="00156FB3">
            <w:r>
              <w:t xml:space="preserve">                if (tempLeft &lt; 0) {</w:t>
            </w:r>
          </w:p>
          <w:p w:rsidR="00156FB3" w:rsidRDefault="00156FB3" w:rsidP="00156FB3">
            <w:r>
              <w:t xml:space="preserve">                    tempLeft = 0;</w:t>
            </w:r>
          </w:p>
          <w:p w:rsidR="00156FB3" w:rsidRDefault="00156FB3" w:rsidP="00156FB3">
            <w:r>
              <w:t xml:space="preserve">                }</w:t>
            </w:r>
          </w:p>
          <w:p w:rsidR="00156FB3" w:rsidRDefault="00156FB3" w:rsidP="00156FB3"/>
          <w:p w:rsidR="00156FB3" w:rsidRDefault="00156FB3" w:rsidP="00156FB3">
            <w:r>
              <w:t xml:space="preserve">                // move current slide</w:t>
            </w:r>
          </w:p>
          <w:p w:rsidR="00156FB3" w:rsidRDefault="00156FB3" w:rsidP="00156FB3">
            <w:r>
              <w:t xml:space="preserve">                _this.setTranslate(tempLeft);</w:t>
            </w:r>
          </w:p>
          <w:p w:rsidR="00156FB3" w:rsidRDefault="00156FB3" w:rsidP="00156FB3"/>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_this.core.$outer.find('.lg-thumb').on('touchend.lg', function() {</w:t>
            </w:r>
          </w:p>
          <w:p w:rsidR="00156FB3" w:rsidRDefault="00156FB3" w:rsidP="00156FB3">
            <w:r>
              <w:t xml:space="preserve">            if (_this.thumbTotalWidth &gt; _this.thumbOuterWidth) {</w:t>
            </w:r>
          </w:p>
          <w:p w:rsidR="00156FB3" w:rsidRDefault="00156FB3" w:rsidP="00156FB3"/>
          <w:p w:rsidR="00156FB3" w:rsidRDefault="00156FB3" w:rsidP="00156FB3">
            <w:r>
              <w:t xml:space="preserve">                if (isMoved) {</w:t>
            </w:r>
          </w:p>
          <w:p w:rsidR="00156FB3" w:rsidRDefault="00156FB3" w:rsidP="00156FB3">
            <w:r>
              <w:t xml:space="preserve">                    isMoved = false;</w:t>
            </w:r>
          </w:p>
          <w:p w:rsidR="00156FB3" w:rsidRDefault="00156FB3" w:rsidP="00156FB3">
            <w:r>
              <w:t xml:space="preserve">                    _this.$thumbOuter.removeClass('lg-dragging');</w:t>
            </w:r>
          </w:p>
          <w:p w:rsidR="00156FB3" w:rsidRDefault="00156FB3" w:rsidP="00156FB3">
            <w:r>
              <w:t xml:space="preserve">                    if (Math.abs(endCoords - startCoords) &lt; _this.core.s.swipeThreshold) {</w:t>
            </w:r>
          </w:p>
          <w:p w:rsidR="00156FB3" w:rsidRDefault="00156FB3" w:rsidP="00156FB3">
            <w:r>
              <w:t xml:space="preserve">                        _this.thumbClickable = true;</w:t>
            </w:r>
          </w:p>
          <w:p w:rsidR="00156FB3" w:rsidRDefault="00156FB3" w:rsidP="00156FB3">
            <w:r>
              <w:t xml:space="preserve">                    }</w:t>
            </w:r>
          </w:p>
          <w:p w:rsidR="00156FB3" w:rsidRDefault="00156FB3" w:rsidP="00156FB3"/>
          <w:p w:rsidR="00156FB3" w:rsidRDefault="00156FB3" w:rsidP="00156FB3">
            <w:r>
              <w:t xml:space="preserve">                    _this.left = tempLeft;</w:t>
            </w:r>
          </w:p>
          <w:p w:rsidR="00156FB3" w:rsidRDefault="00156FB3" w:rsidP="00156FB3">
            <w:r>
              <w:t xml:space="preserve">                } else {</w:t>
            </w:r>
          </w:p>
          <w:p w:rsidR="00156FB3" w:rsidRDefault="00156FB3" w:rsidP="00156FB3">
            <w:r>
              <w:t xml:space="preserve">                    _this.thumbClickable = true;</w:t>
            </w:r>
          </w:p>
          <w:p w:rsidR="00156FB3" w:rsidRDefault="00156FB3" w:rsidP="00156FB3">
            <w:r>
              <w:t xml:space="preserve">                }</w:t>
            </w:r>
          </w:p>
          <w:p w:rsidR="00156FB3" w:rsidRDefault="00156FB3" w:rsidP="00156FB3">
            <w:r>
              <w:t xml:space="preserve">            } else {</w:t>
            </w:r>
          </w:p>
          <w:p w:rsidR="00156FB3" w:rsidRDefault="00156FB3" w:rsidP="00156FB3">
            <w:r>
              <w:t xml:space="preserve">                _this.thumbClickable = tr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Thumbnail.prototype.toogle = function() {</w:t>
            </w:r>
          </w:p>
          <w:p w:rsidR="00156FB3" w:rsidRDefault="00156FB3" w:rsidP="00156FB3">
            <w:r>
              <w:t xml:space="preserve">        var _this = this;</w:t>
            </w:r>
          </w:p>
          <w:p w:rsidR="00156FB3" w:rsidRDefault="00156FB3" w:rsidP="00156FB3">
            <w:r>
              <w:t xml:space="preserve">        if (_this.core.s.toogleThumb) {</w:t>
            </w:r>
          </w:p>
          <w:p w:rsidR="00156FB3" w:rsidRDefault="00156FB3" w:rsidP="00156FB3">
            <w:r>
              <w:t xml:space="preserve">            _this.core.$outer.addClass('lg-can-toggle');</w:t>
            </w:r>
          </w:p>
          <w:p w:rsidR="00156FB3" w:rsidRDefault="00156FB3" w:rsidP="00156FB3">
            <w:r>
              <w:t xml:space="preserve">            _this.$thumbOuter.append('&lt;span class="lg-toogle-thumb lg-icon"&gt;&lt;/span&gt;');</w:t>
            </w:r>
          </w:p>
          <w:p w:rsidR="00156FB3" w:rsidRDefault="00156FB3" w:rsidP="00156FB3">
            <w:r>
              <w:t xml:space="preserve">            _this.core.$outer.find('.lg-toogle-thumb').on('click.lg', function() {</w:t>
            </w:r>
          </w:p>
          <w:p w:rsidR="00156FB3" w:rsidRDefault="00156FB3" w:rsidP="00156FB3">
            <w:r>
              <w:t xml:space="preserve">                _this.core.$outer.toggleClass('lg-thumb-open');</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Thumbnail.prototype.thumbkeyPress = function() {</w:t>
            </w:r>
          </w:p>
          <w:p w:rsidR="00156FB3" w:rsidRDefault="00156FB3" w:rsidP="00156FB3">
            <w:r>
              <w:t xml:space="preserve">        var _this = this;</w:t>
            </w:r>
          </w:p>
          <w:p w:rsidR="00156FB3" w:rsidRDefault="00156FB3" w:rsidP="00156FB3">
            <w:r>
              <w:t xml:space="preserve">        $(window).on('keydown.lg.thumb', function(e) {</w:t>
            </w:r>
          </w:p>
          <w:p w:rsidR="00156FB3" w:rsidRDefault="00156FB3" w:rsidP="00156FB3">
            <w:r>
              <w:t xml:space="preserve">            if (e.keyCode === 38) {</w:t>
            </w:r>
          </w:p>
          <w:p w:rsidR="00156FB3" w:rsidRDefault="00156FB3" w:rsidP="00156FB3">
            <w:r>
              <w:t xml:space="preserve">                e.preventDefault();</w:t>
            </w:r>
          </w:p>
          <w:p w:rsidR="00156FB3" w:rsidRDefault="00156FB3" w:rsidP="00156FB3">
            <w:r>
              <w:t xml:space="preserve">                _this.core.$outer.addClass('lg-thumb-open');</w:t>
            </w:r>
          </w:p>
          <w:p w:rsidR="00156FB3" w:rsidRDefault="00156FB3" w:rsidP="00156FB3">
            <w:r>
              <w:t xml:space="preserve">            } else if (e.keyCode === 40) {</w:t>
            </w:r>
          </w:p>
          <w:p w:rsidR="00156FB3" w:rsidRDefault="00156FB3" w:rsidP="00156FB3">
            <w:r>
              <w:t xml:space="preserve">                e.preventDefault();</w:t>
            </w:r>
          </w:p>
          <w:p w:rsidR="00156FB3" w:rsidRDefault="00156FB3" w:rsidP="00156FB3">
            <w:r>
              <w:t xml:space="preserve">                _this.core.$outer.removeClass('lg-thumb-open');</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Thumbnail.prototype.destroy = function() {</w:t>
            </w:r>
          </w:p>
          <w:p w:rsidR="00156FB3" w:rsidRDefault="00156FB3" w:rsidP="00156FB3">
            <w:r>
              <w:t xml:space="preserve">        if (this.core.s.thumbnail &amp;&amp; this.core.$items.length &gt; 1) {</w:t>
            </w:r>
          </w:p>
          <w:p w:rsidR="00156FB3" w:rsidRDefault="00156FB3" w:rsidP="00156FB3">
            <w:r>
              <w:t xml:space="preserve">            $(window).off('resize.lg.thumb orientationchange.lg.thumb keydown.lg.thumb');</w:t>
            </w:r>
          </w:p>
          <w:p w:rsidR="00156FB3" w:rsidRDefault="00156FB3" w:rsidP="00156FB3">
            <w:r>
              <w:t xml:space="preserve">            this.$thumbOuter.remove();</w:t>
            </w:r>
          </w:p>
          <w:p w:rsidR="00156FB3" w:rsidRDefault="00156FB3" w:rsidP="00156FB3">
            <w:r>
              <w:t xml:space="preserve">            this.core.$outer.removeClass('lg-has-thumb');</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n.lightGallery.modules.Thumbnail = Thumbnail;</w:t>
            </w:r>
          </w:p>
          <w:p w:rsidR="00156FB3" w:rsidRDefault="00156FB3" w:rsidP="00156FB3"/>
          <w:p w:rsidR="00156FB3" w:rsidRDefault="00156FB3" w:rsidP="00156FB3">
            <w:r>
              <w:t>})();</w:t>
            </w:r>
          </w:p>
          <w:p w:rsidR="00156FB3" w:rsidRDefault="00156FB3" w:rsidP="00156FB3"/>
          <w:p w:rsidR="00156FB3" w:rsidRDefault="00156FB3" w:rsidP="00156FB3">
            <w:r>
              <w:lastRenderedPageBreak/>
              <w:t>}));</w:t>
            </w:r>
          </w:p>
          <w:p w:rsidR="00156FB3" w:rsidRDefault="00156FB3" w:rsidP="00156FB3"/>
          <w:p w:rsidR="00156FB3" w:rsidRDefault="00156FB3" w:rsidP="00156FB3">
            <w:r>
              <w:t>/*! lg-video - v1.2.2 - 2018-05-01</w:t>
            </w:r>
          </w:p>
          <w:p w:rsidR="00156FB3" w:rsidRDefault="00156FB3" w:rsidP="00156FB3">
            <w:r>
              <w:t>* http://sachinchoolur.github.io/lightGallery</w:t>
            </w:r>
          </w:p>
          <w:p w:rsidR="00156FB3" w:rsidRDefault="00156FB3" w:rsidP="00156FB3">
            <w:r>
              <w:t>* Copyright (c) 2018 Sachin N; Licensed GPLv3 */</w:t>
            </w:r>
          </w:p>
          <w:p w:rsidR="00156FB3" w:rsidRDefault="00156FB3" w:rsidP="00156FB3"/>
          <w:p w:rsidR="00156FB3" w:rsidRDefault="00156FB3" w:rsidP="00156FB3">
            <w:r>
              <w:t>(function (root, factory) {</w:t>
            </w:r>
          </w:p>
          <w:p w:rsidR="00156FB3" w:rsidRDefault="00156FB3" w:rsidP="00156FB3">
            <w:r>
              <w:t xml:space="preserve">  if (typeof define === 'function' &amp;&amp; define.amd) {</w:t>
            </w:r>
          </w:p>
          <w:p w:rsidR="00156FB3" w:rsidRDefault="00156FB3" w:rsidP="00156FB3">
            <w:r>
              <w:t xml:space="preserve">    // AMD. Register as an anonymous module unless amdModuleId is set</w:t>
            </w:r>
          </w:p>
          <w:p w:rsidR="00156FB3" w:rsidRDefault="00156FB3" w:rsidP="00156FB3">
            <w:r>
              <w:t xml:space="preserve">    define(['jquery'], function (a0) {</w:t>
            </w:r>
          </w:p>
          <w:p w:rsidR="00156FB3" w:rsidRDefault="00156FB3" w:rsidP="00156FB3">
            <w:r>
              <w:t xml:space="preserve">      return (factory(a0));</w:t>
            </w:r>
          </w:p>
          <w:p w:rsidR="00156FB3" w:rsidRDefault="00156FB3" w:rsidP="00156FB3">
            <w:r>
              <w:t xml:space="preserve">    });</w:t>
            </w:r>
          </w:p>
          <w:p w:rsidR="00156FB3" w:rsidRDefault="00156FB3" w:rsidP="00156FB3">
            <w:r>
              <w:t xml:space="preserve">  } else if (typeof module === 'object' &amp;&amp; module.exports) {</w:t>
            </w:r>
          </w:p>
          <w:p w:rsidR="00156FB3" w:rsidRDefault="00156FB3" w:rsidP="00156FB3">
            <w:r>
              <w:t xml:space="preserve">    // Node. Does not work with strict CommonJS, but</w:t>
            </w:r>
          </w:p>
          <w:p w:rsidR="00156FB3" w:rsidRDefault="00156FB3" w:rsidP="00156FB3">
            <w:r>
              <w:t xml:space="preserve">    // only CommonJS-like environments that support module.exports,</w:t>
            </w:r>
          </w:p>
          <w:p w:rsidR="00156FB3" w:rsidRDefault="00156FB3" w:rsidP="00156FB3">
            <w:r>
              <w:t xml:space="preserve">    // like Node.</w:t>
            </w:r>
          </w:p>
          <w:p w:rsidR="00156FB3" w:rsidRDefault="00156FB3" w:rsidP="00156FB3">
            <w:r>
              <w:t xml:space="preserve">    module.exports = factory(require('jquery'));</w:t>
            </w:r>
          </w:p>
          <w:p w:rsidR="00156FB3" w:rsidRDefault="00156FB3" w:rsidP="00156FB3">
            <w:r>
              <w:t xml:space="preserve">  } else {</w:t>
            </w:r>
          </w:p>
          <w:p w:rsidR="00156FB3" w:rsidRDefault="00156FB3" w:rsidP="00156FB3">
            <w:r>
              <w:t xml:space="preserve">    factory(root["jQuery"]);</w:t>
            </w:r>
          </w:p>
          <w:p w:rsidR="00156FB3" w:rsidRDefault="00156FB3" w:rsidP="00156FB3">
            <w:r>
              <w:t xml:space="preserve">  }</w:t>
            </w:r>
          </w:p>
          <w:p w:rsidR="00156FB3" w:rsidRDefault="00156FB3" w:rsidP="00156FB3">
            <w:r>
              <w:t>}(this, function ($) {</w:t>
            </w:r>
          </w:p>
          <w:p w:rsidR="00156FB3" w:rsidRDefault="00156FB3" w:rsidP="00156FB3"/>
          <w:p w:rsidR="00156FB3" w:rsidRDefault="00156FB3" w:rsidP="00156FB3">
            <w:r>
              <w:t>(function() {</w:t>
            </w:r>
          </w:p>
          <w:p w:rsidR="00156FB3" w:rsidRDefault="00156FB3" w:rsidP="00156FB3">
            <w:r>
              <w:t xml:space="preserve">    </w:t>
            </w:r>
          </w:p>
          <w:p w:rsidR="00156FB3" w:rsidRDefault="00156FB3" w:rsidP="00156FB3">
            <w:r>
              <w:t xml:space="preserve">        'use strict';</w:t>
            </w:r>
          </w:p>
          <w:p w:rsidR="00156FB3" w:rsidRDefault="00156FB3" w:rsidP="00156FB3">
            <w:r>
              <w:t xml:space="preserve">    </w:t>
            </w:r>
          </w:p>
          <w:p w:rsidR="00156FB3" w:rsidRDefault="00156FB3" w:rsidP="00156FB3">
            <w:r>
              <w:t xml:space="preserve">        var defaults = {</w:t>
            </w:r>
          </w:p>
          <w:p w:rsidR="00156FB3" w:rsidRDefault="00156FB3" w:rsidP="00156FB3">
            <w:r>
              <w:t xml:space="preserve">            videoMaxWidth: '855px',</w:t>
            </w:r>
          </w:p>
          <w:p w:rsidR="00156FB3" w:rsidRDefault="00156FB3" w:rsidP="00156FB3"/>
          <w:p w:rsidR="00156FB3" w:rsidRDefault="00156FB3" w:rsidP="00156FB3">
            <w:r>
              <w:t xml:space="preserve">            autoplayFirstVideo: true,</w:t>
            </w:r>
          </w:p>
          <w:p w:rsidR="00156FB3" w:rsidRDefault="00156FB3" w:rsidP="00156FB3"/>
          <w:p w:rsidR="00156FB3" w:rsidRDefault="00156FB3" w:rsidP="00156FB3">
            <w:r>
              <w:t xml:space="preserve">            youtubePlayerParams: false,</w:t>
            </w:r>
          </w:p>
          <w:p w:rsidR="00156FB3" w:rsidRDefault="00156FB3" w:rsidP="00156FB3">
            <w:r>
              <w:t xml:space="preserve">            vimeoPlayerParams: false,</w:t>
            </w:r>
          </w:p>
          <w:p w:rsidR="00156FB3" w:rsidRDefault="00156FB3" w:rsidP="00156FB3">
            <w:r>
              <w:t xml:space="preserve">            dailymotionPlayerParams: false,</w:t>
            </w:r>
          </w:p>
          <w:p w:rsidR="00156FB3" w:rsidRDefault="00156FB3" w:rsidP="00156FB3">
            <w:r>
              <w:t xml:space="preserve">            vkPlayerParams: false,</w:t>
            </w:r>
          </w:p>
          <w:p w:rsidR="00156FB3" w:rsidRDefault="00156FB3" w:rsidP="00156FB3"/>
          <w:p w:rsidR="00156FB3" w:rsidRDefault="00156FB3" w:rsidP="00156FB3">
            <w:r>
              <w:t xml:space="preserve">            videojs: false,</w:t>
            </w:r>
          </w:p>
          <w:p w:rsidR="00156FB3" w:rsidRDefault="00156FB3" w:rsidP="00156FB3">
            <w:r>
              <w:t xml:space="preserve">            videojsOptions: {}</w:t>
            </w:r>
          </w:p>
          <w:p w:rsidR="00156FB3" w:rsidRDefault="00156FB3" w:rsidP="00156FB3">
            <w:r>
              <w:t xml:space="preserve">        };</w:t>
            </w:r>
          </w:p>
          <w:p w:rsidR="00156FB3" w:rsidRDefault="00156FB3" w:rsidP="00156FB3">
            <w:r>
              <w:t xml:space="preserve">    </w:t>
            </w:r>
          </w:p>
          <w:p w:rsidR="00156FB3" w:rsidRDefault="00156FB3" w:rsidP="00156FB3">
            <w:r>
              <w:t xml:space="preserve">        var Video = function(element) {</w:t>
            </w:r>
          </w:p>
          <w:p w:rsidR="00156FB3" w:rsidRDefault="00156FB3" w:rsidP="00156FB3">
            <w:r>
              <w:t xml:space="preserve">    </w:t>
            </w:r>
          </w:p>
          <w:p w:rsidR="00156FB3" w:rsidRDefault="00156FB3" w:rsidP="00156FB3">
            <w:r>
              <w:t xml:space="preserve">            this.core = $(element).data('lightGallery');</w:t>
            </w:r>
          </w:p>
          <w:p w:rsidR="00156FB3" w:rsidRDefault="00156FB3" w:rsidP="00156FB3">
            <w:r>
              <w:t xml:space="preserve">    </w:t>
            </w:r>
          </w:p>
          <w:p w:rsidR="00156FB3" w:rsidRDefault="00156FB3" w:rsidP="00156FB3">
            <w:r>
              <w:t xml:space="preserve">            this.$el = $(element);</w:t>
            </w:r>
          </w:p>
          <w:p w:rsidR="00156FB3" w:rsidRDefault="00156FB3" w:rsidP="00156FB3">
            <w:r>
              <w:t xml:space="preserve">            this.core.s = $.extend({}, defaults, this.core.s);</w:t>
            </w:r>
          </w:p>
          <w:p w:rsidR="00156FB3" w:rsidRDefault="00156FB3" w:rsidP="00156FB3">
            <w:r>
              <w:t xml:space="preserve">            this.videoLoaded = false;</w:t>
            </w:r>
          </w:p>
          <w:p w:rsidR="00156FB3" w:rsidRDefault="00156FB3" w:rsidP="00156FB3">
            <w:r>
              <w:t xml:space="preserve">    </w:t>
            </w:r>
          </w:p>
          <w:p w:rsidR="00156FB3" w:rsidRDefault="00156FB3" w:rsidP="00156FB3">
            <w:r>
              <w:lastRenderedPageBreak/>
              <w:t xml:space="preserve">            this.init();</w:t>
            </w:r>
          </w:p>
          <w:p w:rsidR="00156FB3" w:rsidRDefault="00156FB3" w:rsidP="00156FB3">
            <w:r>
              <w:t xml:space="preserve">    </w:t>
            </w:r>
          </w:p>
          <w:p w:rsidR="00156FB3" w:rsidRDefault="00156FB3" w:rsidP="00156FB3">
            <w:r>
              <w:t xml:space="preserve">            return this;</w:t>
            </w:r>
          </w:p>
          <w:p w:rsidR="00156FB3" w:rsidRDefault="00156FB3" w:rsidP="00156FB3">
            <w:r>
              <w:t xml:space="preserve">        };</w:t>
            </w:r>
          </w:p>
          <w:p w:rsidR="00156FB3" w:rsidRDefault="00156FB3" w:rsidP="00156FB3">
            <w:r>
              <w:t xml:space="preserve">    </w:t>
            </w:r>
          </w:p>
          <w:p w:rsidR="00156FB3" w:rsidRDefault="00156FB3" w:rsidP="00156FB3">
            <w:r>
              <w:t xml:space="preserve">        Video.prototype.init = function() {</w:t>
            </w:r>
          </w:p>
          <w:p w:rsidR="00156FB3" w:rsidRDefault="00156FB3" w:rsidP="00156FB3">
            <w:r>
              <w:t xml:space="preserve">            var _this = this;</w:t>
            </w:r>
          </w:p>
          <w:p w:rsidR="00156FB3" w:rsidRDefault="00156FB3" w:rsidP="00156FB3">
            <w:r>
              <w:t xml:space="preserve">    </w:t>
            </w:r>
          </w:p>
          <w:p w:rsidR="00156FB3" w:rsidRDefault="00156FB3" w:rsidP="00156FB3">
            <w:r>
              <w:t xml:space="preserve">            // Event triggered when video url found without poster</w:t>
            </w:r>
          </w:p>
          <w:p w:rsidR="00156FB3" w:rsidRDefault="00156FB3" w:rsidP="00156FB3">
            <w:r>
              <w:t xml:space="preserve">            _this.core.$el.on('hasVideo.lg.tm', onHasVideo.bind(this));</w:t>
            </w:r>
          </w:p>
          <w:p w:rsidR="00156FB3" w:rsidRDefault="00156FB3" w:rsidP="00156FB3">
            <w:r>
              <w:t xml:space="preserve">    </w:t>
            </w:r>
          </w:p>
          <w:p w:rsidR="00156FB3" w:rsidRDefault="00156FB3" w:rsidP="00156FB3">
            <w:r>
              <w:t xml:space="preserve">            // Set max width for video</w:t>
            </w:r>
          </w:p>
          <w:p w:rsidR="00156FB3" w:rsidRDefault="00156FB3" w:rsidP="00156FB3">
            <w:r>
              <w:t xml:space="preserve">            _this.core.$el.on('onAferAppendSlide.lg.tm', onAferAppendSlide.bind(this));</w:t>
            </w:r>
          </w:p>
          <w:p w:rsidR="00156FB3" w:rsidRDefault="00156FB3" w:rsidP="00156FB3">
            <w:r>
              <w:t xml:space="preserve">    </w:t>
            </w:r>
          </w:p>
          <w:p w:rsidR="00156FB3" w:rsidRDefault="00156FB3" w:rsidP="00156FB3">
            <w:r>
              <w:t xml:space="preserve">            if (_this.core.doCss() &amp;&amp; (_this.core.$items.length &gt; 1) &amp;&amp; (_this.core.s.enableSwipe || _this.core.s.enableDrag)) {</w:t>
            </w:r>
          </w:p>
          <w:p w:rsidR="00156FB3" w:rsidRDefault="00156FB3" w:rsidP="00156FB3">
            <w:r>
              <w:t xml:space="preserve">                _this.core.$el.on('onSlideClick.lg.tm', function() {</w:t>
            </w:r>
          </w:p>
          <w:p w:rsidR="00156FB3" w:rsidRDefault="00156FB3" w:rsidP="00156FB3">
            <w:r>
              <w:t xml:space="preserve">                    var $el = _this.core.$slide.eq(_this.core.index);</w:t>
            </w:r>
          </w:p>
          <w:p w:rsidR="00156FB3" w:rsidRDefault="00156FB3" w:rsidP="00156FB3">
            <w:r>
              <w:t xml:space="preserve">                    _this.loadVideoOnclick($el);</w:t>
            </w:r>
          </w:p>
          <w:p w:rsidR="00156FB3" w:rsidRDefault="00156FB3" w:rsidP="00156FB3">
            <w:r>
              <w:t xml:space="preserve">                });</w:t>
            </w:r>
          </w:p>
          <w:p w:rsidR="00156FB3" w:rsidRDefault="00156FB3" w:rsidP="00156FB3">
            <w:r>
              <w:t xml:space="preserve">            } else {</w:t>
            </w:r>
          </w:p>
          <w:p w:rsidR="00156FB3" w:rsidRDefault="00156FB3" w:rsidP="00156FB3">
            <w:r>
              <w:t xml:space="preserve">    </w:t>
            </w:r>
          </w:p>
          <w:p w:rsidR="00156FB3" w:rsidRDefault="00156FB3" w:rsidP="00156FB3">
            <w:r>
              <w:t xml:space="preserve">                // For IE 9 and bellow</w:t>
            </w:r>
          </w:p>
          <w:p w:rsidR="00156FB3" w:rsidRDefault="00156FB3" w:rsidP="00156FB3">
            <w:r>
              <w:t xml:space="preserve">                _this.core.$slide.on('click.lg', function() {</w:t>
            </w:r>
          </w:p>
          <w:p w:rsidR="00156FB3" w:rsidRDefault="00156FB3" w:rsidP="00156FB3">
            <w:r>
              <w:t xml:space="preserve">                    _this.loadVideoOnclick($(this));</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_this.core.$el.on('onBeforeSlide.lg.tm', onBeforeSlide.bind(this));</w:t>
            </w:r>
          </w:p>
          <w:p w:rsidR="00156FB3" w:rsidRDefault="00156FB3" w:rsidP="00156FB3">
            <w:r>
              <w:t xml:space="preserve">    </w:t>
            </w:r>
          </w:p>
          <w:p w:rsidR="00156FB3" w:rsidRDefault="00156FB3" w:rsidP="00156FB3">
            <w:r>
              <w:t xml:space="preserve">            _this.core.$el.on('onAfterSlide.lg.tm', function(event, prevIndex) {</w:t>
            </w:r>
          </w:p>
          <w:p w:rsidR="00156FB3" w:rsidRDefault="00156FB3" w:rsidP="00156FB3">
            <w:r>
              <w:t xml:space="preserve">                _this.core.$slide.eq(prevIndex).removeClass('lg-video-playing');</w:t>
            </w:r>
          </w:p>
          <w:p w:rsidR="00156FB3" w:rsidRDefault="00156FB3" w:rsidP="00156FB3">
            <w:r>
              <w:t xml:space="preserve">            });</w:t>
            </w:r>
          </w:p>
          <w:p w:rsidR="00156FB3" w:rsidRDefault="00156FB3" w:rsidP="00156FB3">
            <w:r>
              <w:t xml:space="preserve">            </w:t>
            </w:r>
          </w:p>
          <w:p w:rsidR="00156FB3" w:rsidRDefault="00156FB3" w:rsidP="00156FB3">
            <w:r>
              <w:t xml:space="preserve">            if (_this.core.s.autoplayFirstVideo) {</w:t>
            </w:r>
          </w:p>
          <w:p w:rsidR="00156FB3" w:rsidRDefault="00156FB3" w:rsidP="00156FB3">
            <w:r>
              <w:t xml:space="preserve">                _this.core.$el.on('onAferAppendSlide.lg.tm', function (e, index) {</w:t>
            </w:r>
          </w:p>
          <w:p w:rsidR="00156FB3" w:rsidRDefault="00156FB3" w:rsidP="00156FB3">
            <w:r>
              <w:t xml:space="preserve">                    if (!_this.core.lGalleryOn) {</w:t>
            </w:r>
          </w:p>
          <w:p w:rsidR="00156FB3" w:rsidRDefault="00156FB3" w:rsidP="00156FB3">
            <w:r>
              <w:t xml:space="preserve">                        var $el = _this.core.$slide.eq(index);</w:t>
            </w:r>
          </w:p>
          <w:p w:rsidR="00156FB3" w:rsidRDefault="00156FB3" w:rsidP="00156FB3">
            <w:r>
              <w:t xml:space="preserve">                        setTimeout(function () {</w:t>
            </w:r>
          </w:p>
          <w:p w:rsidR="00156FB3" w:rsidRDefault="00156FB3" w:rsidP="00156FB3">
            <w:r>
              <w:t xml:space="preserve">                            _this.loadVideoOnclick($el);</w:t>
            </w:r>
          </w:p>
          <w:p w:rsidR="00156FB3" w:rsidRDefault="00156FB3" w:rsidP="00156FB3">
            <w:r>
              <w:t xml:space="preserve">                        }, 100);</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Video.prototype.loadVideo = function(src, addClass, noPoster, index, html) {</w:t>
            </w:r>
          </w:p>
          <w:p w:rsidR="00156FB3" w:rsidRDefault="00156FB3" w:rsidP="00156FB3">
            <w:r>
              <w:t xml:space="preserve">            var video = '';</w:t>
            </w:r>
          </w:p>
          <w:p w:rsidR="00156FB3" w:rsidRDefault="00156FB3" w:rsidP="00156FB3">
            <w:r>
              <w:lastRenderedPageBreak/>
              <w:t xml:space="preserve">            var autoplay = 1;</w:t>
            </w:r>
          </w:p>
          <w:p w:rsidR="00156FB3" w:rsidRDefault="00156FB3" w:rsidP="00156FB3">
            <w:r>
              <w:t xml:space="preserve">            var a = '';</w:t>
            </w:r>
          </w:p>
          <w:p w:rsidR="00156FB3" w:rsidRDefault="00156FB3" w:rsidP="00156FB3">
            <w:r>
              <w:t xml:space="preserve">            var isVideo = this.core.isVideo(src, index) || {};</w:t>
            </w:r>
          </w:p>
          <w:p w:rsidR="00156FB3" w:rsidRDefault="00156FB3" w:rsidP="00156FB3">
            <w:r>
              <w:t xml:space="preserve">    </w:t>
            </w:r>
          </w:p>
          <w:p w:rsidR="00156FB3" w:rsidRDefault="00156FB3" w:rsidP="00156FB3">
            <w:r>
              <w:t xml:space="preserve">            // Enable autoplay based on setting for first video if poster doesn't exist</w:t>
            </w:r>
          </w:p>
          <w:p w:rsidR="00156FB3" w:rsidRDefault="00156FB3" w:rsidP="00156FB3">
            <w:r>
              <w:t xml:space="preserve">            if (noPoster) {</w:t>
            </w:r>
          </w:p>
          <w:p w:rsidR="00156FB3" w:rsidRDefault="00156FB3" w:rsidP="00156FB3">
            <w:r>
              <w:t xml:space="preserve">                if (this.videoLoaded) {</w:t>
            </w:r>
          </w:p>
          <w:p w:rsidR="00156FB3" w:rsidRDefault="00156FB3" w:rsidP="00156FB3">
            <w:r>
              <w:t xml:space="preserve">                    autoplay = 0;</w:t>
            </w:r>
          </w:p>
          <w:p w:rsidR="00156FB3" w:rsidRDefault="00156FB3" w:rsidP="00156FB3">
            <w:r>
              <w:t xml:space="preserve">                } else {</w:t>
            </w:r>
          </w:p>
          <w:p w:rsidR="00156FB3" w:rsidRDefault="00156FB3" w:rsidP="00156FB3">
            <w:r>
              <w:t xml:space="preserve">                    autoplay = this.core.s.autoplayFirstVideo ? 1 : 0;</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if (isVideo.youtube) {</w:t>
            </w:r>
          </w:p>
          <w:p w:rsidR="00156FB3" w:rsidRDefault="00156FB3" w:rsidP="00156FB3">
            <w:r>
              <w:t xml:space="preserve">    </w:t>
            </w:r>
          </w:p>
          <w:p w:rsidR="00156FB3" w:rsidRDefault="00156FB3" w:rsidP="00156FB3">
            <w:r>
              <w:t xml:space="preserve">                a = '?wmode=opaque&amp;autoplay=' + autoplay + '&amp;enablejsapi=1';</w:t>
            </w:r>
          </w:p>
          <w:p w:rsidR="00156FB3" w:rsidRDefault="00156FB3" w:rsidP="00156FB3">
            <w:r>
              <w:t xml:space="preserve">                if (this.core.s.youtubePlayerParams) {</w:t>
            </w:r>
          </w:p>
          <w:p w:rsidR="00156FB3" w:rsidRDefault="00156FB3" w:rsidP="00156FB3">
            <w:r>
              <w:t xml:space="preserve">                    a = a + '&amp;' + $.param(this.core.s.youtubePlayerParams);</w:t>
            </w:r>
          </w:p>
          <w:p w:rsidR="00156FB3" w:rsidRDefault="00156FB3" w:rsidP="00156FB3">
            <w:r>
              <w:t xml:space="preserve">                }</w:t>
            </w:r>
          </w:p>
          <w:p w:rsidR="00156FB3" w:rsidRDefault="00156FB3" w:rsidP="00156FB3">
            <w:r>
              <w:t xml:space="preserve">    </w:t>
            </w:r>
          </w:p>
          <w:p w:rsidR="00156FB3" w:rsidRDefault="00156FB3" w:rsidP="00156FB3">
            <w:r>
              <w:t xml:space="preserve">                video = '&lt;iframe class="lg-video-object lg-youtube ' + addClass + '" width="560" height="315" src="//www.youtube.com/embed/' + isVideo.youtube[1] + a + '" frameborder="0" allowfullscreen&gt;&lt;/iframe&gt;';</w:t>
            </w:r>
          </w:p>
          <w:p w:rsidR="00156FB3" w:rsidRDefault="00156FB3" w:rsidP="00156FB3">
            <w:r>
              <w:t xml:space="preserve">    </w:t>
            </w:r>
          </w:p>
          <w:p w:rsidR="00156FB3" w:rsidRDefault="00156FB3" w:rsidP="00156FB3">
            <w:r>
              <w:t xml:space="preserve">            } else if (isVideo.vimeo) {</w:t>
            </w:r>
          </w:p>
          <w:p w:rsidR="00156FB3" w:rsidRDefault="00156FB3" w:rsidP="00156FB3">
            <w:r>
              <w:t xml:space="preserve">    </w:t>
            </w:r>
          </w:p>
          <w:p w:rsidR="00156FB3" w:rsidRDefault="00156FB3" w:rsidP="00156FB3">
            <w:r>
              <w:t xml:space="preserve">                a = '?autoplay=' + autoplay + '&amp;api=1';</w:t>
            </w:r>
          </w:p>
          <w:p w:rsidR="00156FB3" w:rsidRDefault="00156FB3" w:rsidP="00156FB3">
            <w:r>
              <w:t xml:space="preserve">                if (this.core.s.vimeoPlayerParams) {</w:t>
            </w:r>
          </w:p>
          <w:p w:rsidR="00156FB3" w:rsidRDefault="00156FB3" w:rsidP="00156FB3">
            <w:r>
              <w:t xml:space="preserve">                    a = a + '&amp;' + $.param(this.core.s.vimeoPlayerParams);</w:t>
            </w:r>
          </w:p>
          <w:p w:rsidR="00156FB3" w:rsidRDefault="00156FB3" w:rsidP="00156FB3">
            <w:r>
              <w:t xml:space="preserve">                }</w:t>
            </w:r>
          </w:p>
          <w:p w:rsidR="00156FB3" w:rsidRDefault="00156FB3" w:rsidP="00156FB3">
            <w:r>
              <w:t xml:space="preserve">    </w:t>
            </w:r>
          </w:p>
          <w:p w:rsidR="00156FB3" w:rsidRDefault="00156FB3" w:rsidP="00156FB3">
            <w:r>
              <w:t xml:space="preserve">                video = '&lt;iframe class="lg-video-object lg-vimeo ' + addClass + '" width="560" height="315"  src="//player.vimeo.com/video/' + isVideo.vimeo[1] + a + '" frameborder="0" webkitAllowFullScreen mozallowfullscreen allowFullScreen&gt;&lt;/iframe&gt;';</w:t>
            </w:r>
          </w:p>
          <w:p w:rsidR="00156FB3" w:rsidRDefault="00156FB3" w:rsidP="00156FB3">
            <w:r>
              <w:t xml:space="preserve">    </w:t>
            </w:r>
          </w:p>
          <w:p w:rsidR="00156FB3" w:rsidRDefault="00156FB3" w:rsidP="00156FB3">
            <w:r>
              <w:t xml:space="preserve">            } else if (isVideo.dailymotion) {</w:t>
            </w:r>
          </w:p>
          <w:p w:rsidR="00156FB3" w:rsidRDefault="00156FB3" w:rsidP="00156FB3">
            <w:r>
              <w:t xml:space="preserve">    </w:t>
            </w:r>
          </w:p>
          <w:p w:rsidR="00156FB3" w:rsidRDefault="00156FB3" w:rsidP="00156FB3">
            <w:r>
              <w:t xml:space="preserve">                a = '?wmode=opaque&amp;autoplay=' + autoplay + '&amp;api=postMessage';</w:t>
            </w:r>
          </w:p>
          <w:p w:rsidR="00156FB3" w:rsidRDefault="00156FB3" w:rsidP="00156FB3">
            <w:r>
              <w:t xml:space="preserve">                if (this.core.s.dailymotionPlayerParams) {</w:t>
            </w:r>
          </w:p>
          <w:p w:rsidR="00156FB3" w:rsidRDefault="00156FB3" w:rsidP="00156FB3">
            <w:r>
              <w:t xml:space="preserve">                    a = a + '&amp;' + $.param(this.core.s.dailymotionPlayerParams);</w:t>
            </w:r>
          </w:p>
          <w:p w:rsidR="00156FB3" w:rsidRDefault="00156FB3" w:rsidP="00156FB3">
            <w:r>
              <w:t xml:space="preserve">                }</w:t>
            </w:r>
          </w:p>
          <w:p w:rsidR="00156FB3" w:rsidRDefault="00156FB3" w:rsidP="00156FB3">
            <w:r>
              <w:t xml:space="preserve">    </w:t>
            </w:r>
          </w:p>
          <w:p w:rsidR="00156FB3" w:rsidRDefault="00156FB3" w:rsidP="00156FB3">
            <w:r>
              <w:t xml:space="preserve">                video = '&lt;iframe class="lg-video-object lg-dailymotion ' + addClass + '" width="560" height="315" src="//www.dailymotion.com/embed/video/' + isVideo.dailymotion[1] + a + '" frameborder="0" allowfullscreen&gt;&lt;/iframe&gt;';</w:t>
            </w:r>
          </w:p>
          <w:p w:rsidR="00156FB3" w:rsidRDefault="00156FB3" w:rsidP="00156FB3">
            <w:r>
              <w:t xml:space="preserve">    </w:t>
            </w:r>
          </w:p>
          <w:p w:rsidR="00156FB3" w:rsidRDefault="00156FB3" w:rsidP="00156FB3">
            <w:r>
              <w:t xml:space="preserve">            } else if (isVideo.html5) {</w:t>
            </w:r>
          </w:p>
          <w:p w:rsidR="00156FB3" w:rsidRDefault="00156FB3" w:rsidP="00156FB3">
            <w:r>
              <w:t xml:space="preserve">                var fL = html.substring(0, 1);</w:t>
            </w:r>
          </w:p>
          <w:p w:rsidR="00156FB3" w:rsidRDefault="00156FB3" w:rsidP="00156FB3">
            <w:r>
              <w:lastRenderedPageBreak/>
              <w:t xml:space="preserve">                if (fL === '.' || fL === '#') {</w:t>
            </w:r>
          </w:p>
          <w:p w:rsidR="00156FB3" w:rsidRDefault="00156FB3" w:rsidP="00156FB3">
            <w:r>
              <w:t xml:space="preserve">                    html = $(html).html();</w:t>
            </w:r>
          </w:p>
          <w:p w:rsidR="00156FB3" w:rsidRDefault="00156FB3" w:rsidP="00156FB3">
            <w:r>
              <w:t xml:space="preserve">                }</w:t>
            </w:r>
          </w:p>
          <w:p w:rsidR="00156FB3" w:rsidRDefault="00156FB3" w:rsidP="00156FB3">
            <w:r>
              <w:t xml:space="preserve">    </w:t>
            </w:r>
          </w:p>
          <w:p w:rsidR="00156FB3" w:rsidRDefault="00156FB3" w:rsidP="00156FB3">
            <w:r>
              <w:t xml:space="preserve">                video = html;</w:t>
            </w:r>
          </w:p>
          <w:p w:rsidR="00156FB3" w:rsidRDefault="00156FB3" w:rsidP="00156FB3">
            <w:r>
              <w:t xml:space="preserve">    </w:t>
            </w:r>
          </w:p>
          <w:p w:rsidR="00156FB3" w:rsidRDefault="00156FB3" w:rsidP="00156FB3">
            <w:r>
              <w:t xml:space="preserve">            } else if (isVideo.vk) {</w:t>
            </w:r>
          </w:p>
          <w:p w:rsidR="00156FB3" w:rsidRDefault="00156FB3" w:rsidP="00156FB3">
            <w:r>
              <w:t xml:space="preserve">    </w:t>
            </w:r>
          </w:p>
          <w:p w:rsidR="00156FB3" w:rsidRDefault="00156FB3" w:rsidP="00156FB3">
            <w:r>
              <w:t xml:space="preserve">                a = '&amp;autoplay=' + autoplay;</w:t>
            </w:r>
          </w:p>
          <w:p w:rsidR="00156FB3" w:rsidRDefault="00156FB3" w:rsidP="00156FB3">
            <w:r>
              <w:t xml:space="preserve">                if (this.core.s.vkPlayerParams) {</w:t>
            </w:r>
          </w:p>
          <w:p w:rsidR="00156FB3" w:rsidRDefault="00156FB3" w:rsidP="00156FB3">
            <w:r>
              <w:t xml:space="preserve">                    a = a + '&amp;' + $.param(this.core.s.vkPlayerParams);</w:t>
            </w:r>
          </w:p>
          <w:p w:rsidR="00156FB3" w:rsidRDefault="00156FB3" w:rsidP="00156FB3">
            <w:r>
              <w:t xml:space="preserve">                }</w:t>
            </w:r>
          </w:p>
          <w:p w:rsidR="00156FB3" w:rsidRDefault="00156FB3" w:rsidP="00156FB3">
            <w:r>
              <w:t xml:space="preserve">    </w:t>
            </w:r>
          </w:p>
          <w:p w:rsidR="00156FB3" w:rsidRDefault="00156FB3" w:rsidP="00156FB3">
            <w:r>
              <w:t xml:space="preserve">                video = '&lt;iframe class="lg-video-object lg-vk ' + addClass + '" width="560" height="315" src="//vk.com/video_ext.php?' + isVideo.vk[1] + a + '" frameborder="0" allowfullscreen&gt;&lt;/iframe&gt;';</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return video;</w:t>
            </w:r>
          </w:p>
          <w:p w:rsidR="00156FB3" w:rsidRDefault="00156FB3" w:rsidP="00156FB3">
            <w:r>
              <w:t xml:space="preserve">        };</w:t>
            </w:r>
          </w:p>
          <w:p w:rsidR="00156FB3" w:rsidRDefault="00156FB3" w:rsidP="00156FB3"/>
          <w:p w:rsidR="00156FB3" w:rsidRDefault="00156FB3" w:rsidP="00156FB3">
            <w:r>
              <w:t xml:space="preserve">        Video.prototype.loadVideoOnclick = function($el){</w:t>
            </w:r>
          </w:p>
          <w:p w:rsidR="00156FB3" w:rsidRDefault="00156FB3" w:rsidP="00156FB3"/>
          <w:p w:rsidR="00156FB3" w:rsidRDefault="00156FB3" w:rsidP="00156FB3">
            <w:r>
              <w:t xml:space="preserve">            var _this = this;</w:t>
            </w:r>
          </w:p>
          <w:p w:rsidR="00156FB3" w:rsidRDefault="00156FB3" w:rsidP="00156FB3">
            <w:r>
              <w:t xml:space="preserve">            // check slide has poster</w:t>
            </w:r>
          </w:p>
          <w:p w:rsidR="00156FB3" w:rsidRDefault="00156FB3" w:rsidP="00156FB3">
            <w:r>
              <w:t xml:space="preserve">            if ($el.find('.lg-object').hasClass('lg-has-poster') &amp;&amp; $el.find('.lg-object').is(':visible')) {</w:t>
            </w:r>
          </w:p>
          <w:p w:rsidR="00156FB3" w:rsidRDefault="00156FB3" w:rsidP="00156FB3"/>
          <w:p w:rsidR="00156FB3" w:rsidRDefault="00156FB3" w:rsidP="00156FB3">
            <w:r>
              <w:t xml:space="preserve">                // check already video element present</w:t>
            </w:r>
          </w:p>
          <w:p w:rsidR="00156FB3" w:rsidRDefault="00156FB3" w:rsidP="00156FB3">
            <w:r>
              <w:t xml:space="preserve">                if (!$el.hasClass('lg-has-video')) {</w:t>
            </w:r>
          </w:p>
          <w:p w:rsidR="00156FB3" w:rsidRDefault="00156FB3" w:rsidP="00156FB3"/>
          <w:p w:rsidR="00156FB3" w:rsidRDefault="00156FB3" w:rsidP="00156FB3">
            <w:r>
              <w:t xml:space="preserve">                    $el.addClass('lg-video-playing lg-has-video');</w:t>
            </w:r>
          </w:p>
          <w:p w:rsidR="00156FB3" w:rsidRDefault="00156FB3" w:rsidP="00156FB3"/>
          <w:p w:rsidR="00156FB3" w:rsidRDefault="00156FB3" w:rsidP="00156FB3">
            <w:r>
              <w:t xml:space="preserve">                    var _src;</w:t>
            </w:r>
          </w:p>
          <w:p w:rsidR="00156FB3" w:rsidRDefault="00156FB3" w:rsidP="00156FB3">
            <w:r>
              <w:t xml:space="preserve">                    var _html;</w:t>
            </w:r>
          </w:p>
          <w:p w:rsidR="00156FB3" w:rsidRDefault="00156FB3" w:rsidP="00156FB3">
            <w:r>
              <w:t xml:space="preserve">                    var _loadVideo = function(_src, _html) {</w:t>
            </w:r>
          </w:p>
          <w:p w:rsidR="00156FB3" w:rsidRDefault="00156FB3" w:rsidP="00156FB3"/>
          <w:p w:rsidR="00156FB3" w:rsidRDefault="00156FB3" w:rsidP="00156FB3">
            <w:r>
              <w:t xml:space="preserve">                        $el.find('.lg-video').append(_this.loadVideo(_src, '', false, _this.core.index, _html));</w:t>
            </w:r>
          </w:p>
          <w:p w:rsidR="00156FB3" w:rsidRDefault="00156FB3" w:rsidP="00156FB3"/>
          <w:p w:rsidR="00156FB3" w:rsidRDefault="00156FB3" w:rsidP="00156FB3">
            <w:r>
              <w:t xml:space="preserve">                        if (_html) {</w:t>
            </w:r>
          </w:p>
          <w:p w:rsidR="00156FB3" w:rsidRDefault="00156FB3" w:rsidP="00156FB3">
            <w:r>
              <w:t xml:space="preserve">                            if (_this.core.s.videojs) {</w:t>
            </w:r>
          </w:p>
          <w:p w:rsidR="00156FB3" w:rsidRDefault="00156FB3" w:rsidP="00156FB3">
            <w:r>
              <w:t xml:space="preserve">                                try {</w:t>
            </w:r>
          </w:p>
          <w:p w:rsidR="00156FB3" w:rsidRDefault="00156FB3" w:rsidP="00156FB3">
            <w:r>
              <w:t xml:space="preserve">                                    videojs(_this.core.$slide.eq(_this.core.index).find('.lg-html5').get(0), _this.core.s.videojsOptions, function() {</w:t>
            </w:r>
          </w:p>
          <w:p w:rsidR="00156FB3" w:rsidRDefault="00156FB3" w:rsidP="00156FB3">
            <w:r>
              <w:t xml:space="preserve">                                        this.play();</w:t>
            </w:r>
          </w:p>
          <w:p w:rsidR="00156FB3" w:rsidRDefault="00156FB3" w:rsidP="00156FB3">
            <w:r>
              <w:t xml:space="preserve">                                    });</w:t>
            </w:r>
          </w:p>
          <w:p w:rsidR="00156FB3" w:rsidRDefault="00156FB3" w:rsidP="00156FB3">
            <w:r>
              <w:t xml:space="preserve">                                } catch (e) {</w:t>
            </w:r>
          </w:p>
          <w:p w:rsidR="00156FB3" w:rsidRDefault="00156FB3" w:rsidP="00156FB3">
            <w:r>
              <w:t xml:space="preserve">                                    console.error('Make sure you have included videojs');</w:t>
            </w:r>
          </w:p>
          <w:p w:rsidR="00156FB3" w:rsidRDefault="00156FB3" w:rsidP="00156FB3">
            <w:r>
              <w:t xml:space="preserve">                                }</w:t>
            </w:r>
          </w:p>
          <w:p w:rsidR="00156FB3" w:rsidRDefault="00156FB3" w:rsidP="00156FB3">
            <w:r>
              <w:lastRenderedPageBreak/>
              <w:t xml:space="preserve">                            } else {</w:t>
            </w:r>
          </w:p>
          <w:p w:rsidR="00156FB3" w:rsidRDefault="00156FB3" w:rsidP="00156FB3">
            <w:r>
              <w:t xml:space="preserve">                                _this.core.$slide.eq(_this.core.index).find('.lg-html5').get(0).play();</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if (_this.core.s.dynamic) {</w:t>
            </w:r>
          </w:p>
          <w:p w:rsidR="00156FB3" w:rsidRDefault="00156FB3" w:rsidP="00156FB3"/>
          <w:p w:rsidR="00156FB3" w:rsidRDefault="00156FB3" w:rsidP="00156FB3">
            <w:r>
              <w:t xml:space="preserve">                        _src = _this.core.s.dynamicEl[_this.core.index].src;</w:t>
            </w:r>
          </w:p>
          <w:p w:rsidR="00156FB3" w:rsidRDefault="00156FB3" w:rsidP="00156FB3">
            <w:r>
              <w:t xml:space="preserve">                        _html = _this.core.s.dynamicEl[_this.core.index].html;</w:t>
            </w:r>
          </w:p>
          <w:p w:rsidR="00156FB3" w:rsidRDefault="00156FB3" w:rsidP="00156FB3"/>
          <w:p w:rsidR="00156FB3" w:rsidRDefault="00156FB3" w:rsidP="00156FB3">
            <w:r>
              <w:t xml:space="preserve">                        _loadVideo(_src, _html);</w:t>
            </w:r>
          </w:p>
          <w:p w:rsidR="00156FB3" w:rsidRDefault="00156FB3" w:rsidP="00156FB3"/>
          <w:p w:rsidR="00156FB3" w:rsidRDefault="00156FB3" w:rsidP="00156FB3">
            <w:r>
              <w:t xml:space="preserve">                    } else {</w:t>
            </w:r>
          </w:p>
          <w:p w:rsidR="00156FB3" w:rsidRDefault="00156FB3" w:rsidP="00156FB3"/>
          <w:p w:rsidR="00156FB3" w:rsidRDefault="00156FB3" w:rsidP="00156FB3">
            <w:r>
              <w:t xml:space="preserve">                        _src = _this.core.$items.eq(_this.core.index).attr('href') || _this.core.$items.eq(_this.core.index).attr('data-src');</w:t>
            </w:r>
          </w:p>
          <w:p w:rsidR="00156FB3" w:rsidRDefault="00156FB3" w:rsidP="00156FB3">
            <w:r>
              <w:t xml:space="preserve">                        _html = _this.core.$items.eq(_this.core.index).attr('data-html');</w:t>
            </w:r>
          </w:p>
          <w:p w:rsidR="00156FB3" w:rsidRDefault="00156FB3" w:rsidP="00156FB3"/>
          <w:p w:rsidR="00156FB3" w:rsidRDefault="00156FB3" w:rsidP="00156FB3">
            <w:r>
              <w:t xml:space="preserve">                        _loadVideo(_src, _html);</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var $tempImg = $el.find('.lg-object');</w:t>
            </w:r>
          </w:p>
          <w:p w:rsidR="00156FB3" w:rsidRDefault="00156FB3" w:rsidP="00156FB3">
            <w:r>
              <w:t xml:space="preserve">                    $el.find('.lg-video').append($tempImg);</w:t>
            </w:r>
          </w:p>
          <w:p w:rsidR="00156FB3" w:rsidRDefault="00156FB3" w:rsidP="00156FB3"/>
          <w:p w:rsidR="00156FB3" w:rsidRDefault="00156FB3" w:rsidP="00156FB3">
            <w:r>
              <w:t xml:space="preserve">                    // @todo loading icon for html5 videos also</w:t>
            </w:r>
          </w:p>
          <w:p w:rsidR="00156FB3" w:rsidRDefault="00156FB3" w:rsidP="00156FB3">
            <w:r>
              <w:t xml:space="preserve">                    // for showing the loading indicator while loading video</w:t>
            </w:r>
          </w:p>
          <w:p w:rsidR="00156FB3" w:rsidRDefault="00156FB3" w:rsidP="00156FB3">
            <w:r>
              <w:t xml:space="preserve">                    if (!$el.find('.lg-video-object').hasClass('lg-html5')) {</w:t>
            </w:r>
          </w:p>
          <w:p w:rsidR="00156FB3" w:rsidRDefault="00156FB3" w:rsidP="00156FB3">
            <w:r>
              <w:t xml:space="preserve">                        $el.removeClass('lg-complete');</w:t>
            </w:r>
          </w:p>
          <w:p w:rsidR="00156FB3" w:rsidRDefault="00156FB3" w:rsidP="00156FB3">
            <w:r>
              <w:t xml:space="preserve">                        $el.find('.lg-video-object').on('load.lg error.lg', function() {</w:t>
            </w:r>
          </w:p>
          <w:p w:rsidR="00156FB3" w:rsidRDefault="00156FB3" w:rsidP="00156FB3">
            <w:r>
              <w:t xml:space="preserve">                            $el.addClass('lg-complet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else {</w:t>
            </w:r>
          </w:p>
          <w:p w:rsidR="00156FB3" w:rsidRDefault="00156FB3" w:rsidP="00156FB3"/>
          <w:p w:rsidR="00156FB3" w:rsidRDefault="00156FB3" w:rsidP="00156FB3">
            <w:r>
              <w:t xml:space="preserve">                    var youtubePlayer = $el.find('.lg-youtube').get(0);</w:t>
            </w:r>
          </w:p>
          <w:p w:rsidR="00156FB3" w:rsidRDefault="00156FB3" w:rsidP="00156FB3">
            <w:r>
              <w:t xml:space="preserve">                    var vimeoPlayer = $el.find('.lg-vimeo').get(0);</w:t>
            </w:r>
          </w:p>
          <w:p w:rsidR="00156FB3" w:rsidRDefault="00156FB3" w:rsidP="00156FB3">
            <w:r>
              <w:t xml:space="preserve">                    var dailymotionPlayer = $el.find('.lg-dailymotion').get(0);</w:t>
            </w:r>
          </w:p>
          <w:p w:rsidR="00156FB3" w:rsidRDefault="00156FB3" w:rsidP="00156FB3">
            <w:r>
              <w:t xml:space="preserve">                    var html5Player = $el.find('.lg-html5').get(0);</w:t>
            </w:r>
          </w:p>
          <w:p w:rsidR="00156FB3" w:rsidRDefault="00156FB3" w:rsidP="00156FB3">
            <w:r>
              <w:t xml:space="preserve">                    if (youtubePlayer) {</w:t>
            </w:r>
          </w:p>
          <w:p w:rsidR="00156FB3" w:rsidRDefault="00156FB3" w:rsidP="00156FB3">
            <w:r>
              <w:t xml:space="preserve">                        youtubePlayer.contentWindow.postMessage('{"event":"command","func":"playVideo","args":""}', '*');</w:t>
            </w:r>
          </w:p>
          <w:p w:rsidR="00156FB3" w:rsidRDefault="00156FB3" w:rsidP="00156FB3">
            <w:r>
              <w:t xml:space="preserve">                    } else if (vimeoPlayer) {</w:t>
            </w:r>
          </w:p>
          <w:p w:rsidR="00156FB3" w:rsidRDefault="00156FB3" w:rsidP="00156FB3">
            <w:r>
              <w:t xml:space="preserve">                        try {</w:t>
            </w:r>
          </w:p>
          <w:p w:rsidR="00156FB3" w:rsidRDefault="00156FB3" w:rsidP="00156FB3">
            <w:r>
              <w:t xml:space="preserve">                            $f(vimeoPlayer).api('play');</w:t>
            </w:r>
          </w:p>
          <w:p w:rsidR="00156FB3" w:rsidRDefault="00156FB3" w:rsidP="00156FB3">
            <w:r>
              <w:lastRenderedPageBreak/>
              <w:t xml:space="preserve">                        } catch (e) {</w:t>
            </w:r>
          </w:p>
          <w:p w:rsidR="00156FB3" w:rsidRDefault="00156FB3" w:rsidP="00156FB3">
            <w:r>
              <w:t xml:space="preserve">                            console.error('Make sure you have included froogaloop2 js');</w:t>
            </w:r>
          </w:p>
          <w:p w:rsidR="00156FB3" w:rsidRDefault="00156FB3" w:rsidP="00156FB3">
            <w:r>
              <w:t xml:space="preserve">                        }</w:t>
            </w:r>
          </w:p>
          <w:p w:rsidR="00156FB3" w:rsidRDefault="00156FB3" w:rsidP="00156FB3">
            <w:r>
              <w:t xml:space="preserve">                    } else if (dailymotionPlayer) {</w:t>
            </w:r>
          </w:p>
          <w:p w:rsidR="00156FB3" w:rsidRDefault="00156FB3" w:rsidP="00156FB3">
            <w:r>
              <w:t xml:space="preserve">                        dailymotionPlayer.contentWindow.postMessage('play', '*');</w:t>
            </w:r>
          </w:p>
          <w:p w:rsidR="00156FB3" w:rsidRDefault="00156FB3" w:rsidP="00156FB3"/>
          <w:p w:rsidR="00156FB3" w:rsidRDefault="00156FB3" w:rsidP="00156FB3">
            <w:r>
              <w:t xml:space="preserve">                    } else if (html5Player) {</w:t>
            </w:r>
          </w:p>
          <w:p w:rsidR="00156FB3" w:rsidRDefault="00156FB3" w:rsidP="00156FB3">
            <w:r>
              <w:t xml:space="preserve">                        if (_this.core.s.videojs) {</w:t>
            </w:r>
          </w:p>
          <w:p w:rsidR="00156FB3" w:rsidRDefault="00156FB3" w:rsidP="00156FB3">
            <w:r>
              <w:t xml:space="preserve">                            try {</w:t>
            </w:r>
          </w:p>
          <w:p w:rsidR="00156FB3" w:rsidRDefault="00156FB3" w:rsidP="00156FB3">
            <w:r>
              <w:t xml:space="preserve">                                videojs(html5Player).play();</w:t>
            </w:r>
          </w:p>
          <w:p w:rsidR="00156FB3" w:rsidRDefault="00156FB3" w:rsidP="00156FB3">
            <w:r>
              <w:t xml:space="preserve">                            } catch (e) {</w:t>
            </w:r>
          </w:p>
          <w:p w:rsidR="00156FB3" w:rsidRDefault="00156FB3" w:rsidP="00156FB3">
            <w:r>
              <w:t xml:space="preserve">                                console.error('Make sure you have included videojs');</w:t>
            </w:r>
          </w:p>
          <w:p w:rsidR="00156FB3" w:rsidRDefault="00156FB3" w:rsidP="00156FB3">
            <w:r>
              <w:t xml:space="preserve">                            }</w:t>
            </w:r>
          </w:p>
          <w:p w:rsidR="00156FB3" w:rsidRDefault="00156FB3" w:rsidP="00156FB3">
            <w:r>
              <w:t xml:space="preserve">                        } else {</w:t>
            </w:r>
          </w:p>
          <w:p w:rsidR="00156FB3" w:rsidRDefault="00156FB3" w:rsidP="00156FB3">
            <w:r>
              <w:t xml:space="preserve">                            html5Player.play();</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el.addClass('lg-video-playing');</w:t>
            </w:r>
          </w:p>
          <w:p w:rsidR="00156FB3" w:rsidRDefault="00156FB3" w:rsidP="00156FB3"/>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Video.prototype.destroy = function() {</w:t>
            </w:r>
          </w:p>
          <w:p w:rsidR="00156FB3" w:rsidRDefault="00156FB3" w:rsidP="00156FB3">
            <w:r>
              <w:t xml:space="preserve">            this.videoLoaded = false;</w:t>
            </w:r>
          </w:p>
          <w:p w:rsidR="00156FB3" w:rsidRDefault="00156FB3" w:rsidP="00156FB3">
            <w:r>
              <w:t xml:space="preserve">        };</w:t>
            </w:r>
          </w:p>
          <w:p w:rsidR="00156FB3" w:rsidRDefault="00156FB3" w:rsidP="00156FB3"/>
          <w:p w:rsidR="00156FB3" w:rsidRDefault="00156FB3" w:rsidP="00156FB3">
            <w:r>
              <w:t xml:space="preserve">        function onHasVideo(event, index, src, html) {</w:t>
            </w:r>
          </w:p>
          <w:p w:rsidR="00156FB3" w:rsidRDefault="00156FB3" w:rsidP="00156FB3">
            <w:r>
              <w:t xml:space="preserve">            /*jshint validthis:true */</w:t>
            </w:r>
          </w:p>
          <w:p w:rsidR="00156FB3" w:rsidRDefault="00156FB3" w:rsidP="00156FB3">
            <w:r>
              <w:t xml:space="preserve">            var _this = this;</w:t>
            </w:r>
          </w:p>
          <w:p w:rsidR="00156FB3" w:rsidRDefault="00156FB3" w:rsidP="00156FB3">
            <w:r>
              <w:t xml:space="preserve">            _this.core.$slide.eq(index).find('.lg-video').append(_this.loadVideo(src, 'lg-object', true, index, html));</w:t>
            </w:r>
          </w:p>
          <w:p w:rsidR="00156FB3" w:rsidRDefault="00156FB3" w:rsidP="00156FB3">
            <w:r>
              <w:t xml:space="preserve">            if (html) {</w:t>
            </w:r>
          </w:p>
          <w:p w:rsidR="00156FB3" w:rsidRDefault="00156FB3" w:rsidP="00156FB3">
            <w:r>
              <w:t xml:space="preserve">                if (_this.core.s.videojs) {</w:t>
            </w:r>
          </w:p>
          <w:p w:rsidR="00156FB3" w:rsidRDefault="00156FB3" w:rsidP="00156FB3">
            <w:r>
              <w:t xml:space="preserve">                    try {</w:t>
            </w:r>
          </w:p>
          <w:p w:rsidR="00156FB3" w:rsidRDefault="00156FB3" w:rsidP="00156FB3">
            <w:r>
              <w:t xml:space="preserve">                        videojs(_this.core.$slide.eq(index).find('.lg-html5').get(0), _this.core.s.videojsOptions, function() {</w:t>
            </w:r>
          </w:p>
          <w:p w:rsidR="00156FB3" w:rsidRDefault="00156FB3" w:rsidP="00156FB3">
            <w:r>
              <w:t xml:space="preserve">                            if (!_this.videoLoaded &amp;&amp; _this.core.s.autoplayFirstVideo) {</w:t>
            </w:r>
          </w:p>
          <w:p w:rsidR="00156FB3" w:rsidRDefault="00156FB3" w:rsidP="00156FB3">
            <w:r>
              <w:t xml:space="preserve">                                this.play();</w:t>
            </w:r>
          </w:p>
          <w:p w:rsidR="00156FB3" w:rsidRDefault="00156FB3" w:rsidP="00156FB3">
            <w:r>
              <w:t xml:space="preserve">                            }</w:t>
            </w:r>
          </w:p>
          <w:p w:rsidR="00156FB3" w:rsidRDefault="00156FB3" w:rsidP="00156FB3">
            <w:r>
              <w:t xml:space="preserve">                        });</w:t>
            </w:r>
          </w:p>
          <w:p w:rsidR="00156FB3" w:rsidRDefault="00156FB3" w:rsidP="00156FB3">
            <w:r>
              <w:t xml:space="preserve">                    } catch (e) {</w:t>
            </w:r>
          </w:p>
          <w:p w:rsidR="00156FB3" w:rsidRDefault="00156FB3" w:rsidP="00156FB3">
            <w:r>
              <w:t xml:space="preserve">                        console.error('Make sure you have included videojs');</w:t>
            </w:r>
          </w:p>
          <w:p w:rsidR="00156FB3" w:rsidRDefault="00156FB3" w:rsidP="00156FB3">
            <w:r>
              <w:t xml:space="preserve">                    }</w:t>
            </w:r>
          </w:p>
          <w:p w:rsidR="00156FB3" w:rsidRDefault="00156FB3" w:rsidP="00156FB3">
            <w:r>
              <w:t xml:space="preserve">                } else {</w:t>
            </w:r>
          </w:p>
          <w:p w:rsidR="00156FB3" w:rsidRDefault="00156FB3" w:rsidP="00156FB3">
            <w:r>
              <w:t xml:space="preserve">                    if(!_this.videoLoaded &amp;&amp; _this.core.s.autoplayFirstVideo) {</w:t>
            </w:r>
          </w:p>
          <w:p w:rsidR="00156FB3" w:rsidRDefault="00156FB3" w:rsidP="00156FB3">
            <w:r>
              <w:t xml:space="preserve">                        _this.core.$slide.eq(index).find('.lg-html5').get(0).play();</w:t>
            </w:r>
          </w:p>
          <w:p w:rsidR="00156FB3" w:rsidRDefault="00156FB3" w:rsidP="00156FB3">
            <w:r>
              <w:lastRenderedPageBreak/>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onAferAppendSlide(event, index) {</w:t>
            </w:r>
          </w:p>
          <w:p w:rsidR="00156FB3" w:rsidRDefault="00156FB3" w:rsidP="00156FB3">
            <w:r>
              <w:t xml:space="preserve">            /*jshint validthis:true */</w:t>
            </w:r>
          </w:p>
          <w:p w:rsidR="00156FB3" w:rsidRDefault="00156FB3" w:rsidP="00156FB3">
            <w:r>
              <w:t xml:space="preserve">            var $videoCont = this.core.$slide.eq(index).find('.lg-video-cont');</w:t>
            </w:r>
          </w:p>
          <w:p w:rsidR="00156FB3" w:rsidRDefault="00156FB3" w:rsidP="00156FB3">
            <w:r>
              <w:t xml:space="preserve">            if (!$videoCont.hasClass('lg-has-iframe')) {</w:t>
            </w:r>
          </w:p>
          <w:p w:rsidR="00156FB3" w:rsidRDefault="00156FB3" w:rsidP="00156FB3">
            <w:r>
              <w:t xml:space="preserve">                $videoCont.css('max-width', this.core.s.videoMaxWidth);</w:t>
            </w:r>
          </w:p>
          <w:p w:rsidR="00156FB3" w:rsidRDefault="00156FB3" w:rsidP="00156FB3">
            <w:r>
              <w:t xml:space="preserve">                this.videoLoaded = tr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onBeforeSlide(event, prevIndex, index) {</w:t>
            </w:r>
          </w:p>
          <w:p w:rsidR="00156FB3" w:rsidRDefault="00156FB3" w:rsidP="00156FB3">
            <w:r>
              <w:t xml:space="preserve">            /*jshint validthis:true */</w:t>
            </w:r>
          </w:p>
          <w:p w:rsidR="00156FB3" w:rsidRDefault="00156FB3" w:rsidP="00156FB3">
            <w:r>
              <w:t xml:space="preserve">            var _this = this;</w:t>
            </w:r>
          </w:p>
          <w:p w:rsidR="00156FB3" w:rsidRDefault="00156FB3" w:rsidP="00156FB3"/>
          <w:p w:rsidR="00156FB3" w:rsidRDefault="00156FB3" w:rsidP="00156FB3">
            <w:r>
              <w:t xml:space="preserve">            var $videoSlide = _this.core.$slide.eq(prevIndex);</w:t>
            </w:r>
          </w:p>
          <w:p w:rsidR="00156FB3" w:rsidRDefault="00156FB3" w:rsidP="00156FB3">
            <w:r>
              <w:t xml:space="preserve">            var youtubePlayer = $videoSlide.find('.lg-youtube').get(0);</w:t>
            </w:r>
          </w:p>
          <w:p w:rsidR="00156FB3" w:rsidRDefault="00156FB3" w:rsidP="00156FB3">
            <w:r>
              <w:t xml:space="preserve">            var vimeoPlayer = $videoSlide.find('.lg-vimeo').get(0);</w:t>
            </w:r>
          </w:p>
          <w:p w:rsidR="00156FB3" w:rsidRDefault="00156FB3" w:rsidP="00156FB3">
            <w:r>
              <w:t xml:space="preserve">            var dailymotionPlayer = $videoSlide.find('.lg-dailymotion').get(0);</w:t>
            </w:r>
          </w:p>
          <w:p w:rsidR="00156FB3" w:rsidRDefault="00156FB3" w:rsidP="00156FB3">
            <w:r>
              <w:t xml:space="preserve">            var vkPlayer = $videoSlide.find('.lg-vk').get(0);</w:t>
            </w:r>
          </w:p>
          <w:p w:rsidR="00156FB3" w:rsidRDefault="00156FB3" w:rsidP="00156FB3">
            <w:r>
              <w:t xml:space="preserve">            var html5Player = $videoSlide.find('.lg-html5').get(0);</w:t>
            </w:r>
          </w:p>
          <w:p w:rsidR="00156FB3" w:rsidRDefault="00156FB3" w:rsidP="00156FB3">
            <w:r>
              <w:t xml:space="preserve">            if (youtubePlayer) {</w:t>
            </w:r>
          </w:p>
          <w:p w:rsidR="00156FB3" w:rsidRDefault="00156FB3" w:rsidP="00156FB3">
            <w:r>
              <w:t xml:space="preserve">                youtubePlayer.contentWindow.postMessage('{"event":"command","func":"pauseVideo","args":""}', '*');</w:t>
            </w:r>
          </w:p>
          <w:p w:rsidR="00156FB3" w:rsidRDefault="00156FB3" w:rsidP="00156FB3">
            <w:r>
              <w:t xml:space="preserve">            } else if (vimeoPlayer) {</w:t>
            </w:r>
          </w:p>
          <w:p w:rsidR="00156FB3" w:rsidRDefault="00156FB3" w:rsidP="00156FB3">
            <w:r>
              <w:t xml:space="preserve">                try {</w:t>
            </w:r>
          </w:p>
          <w:p w:rsidR="00156FB3" w:rsidRDefault="00156FB3" w:rsidP="00156FB3">
            <w:r>
              <w:t xml:space="preserve">                    $f(vimeoPlayer).api('pause');</w:t>
            </w:r>
          </w:p>
          <w:p w:rsidR="00156FB3" w:rsidRDefault="00156FB3" w:rsidP="00156FB3">
            <w:r>
              <w:t xml:space="preserve">                } catch (e) {</w:t>
            </w:r>
          </w:p>
          <w:p w:rsidR="00156FB3" w:rsidRDefault="00156FB3" w:rsidP="00156FB3">
            <w:r>
              <w:t xml:space="preserve">                    console.error('Make sure you have included froogaloop2 js');</w:t>
            </w:r>
          </w:p>
          <w:p w:rsidR="00156FB3" w:rsidRDefault="00156FB3" w:rsidP="00156FB3">
            <w:r>
              <w:t xml:space="preserve">                }</w:t>
            </w:r>
          </w:p>
          <w:p w:rsidR="00156FB3" w:rsidRDefault="00156FB3" w:rsidP="00156FB3">
            <w:r>
              <w:t xml:space="preserve">            } else if (dailymotionPlayer) {</w:t>
            </w:r>
          </w:p>
          <w:p w:rsidR="00156FB3" w:rsidRDefault="00156FB3" w:rsidP="00156FB3">
            <w:r>
              <w:t xml:space="preserve">                dailymotionPlayer.contentWindow.postMessage('pause', '*');</w:t>
            </w:r>
          </w:p>
          <w:p w:rsidR="00156FB3" w:rsidRDefault="00156FB3" w:rsidP="00156FB3"/>
          <w:p w:rsidR="00156FB3" w:rsidRDefault="00156FB3" w:rsidP="00156FB3">
            <w:r>
              <w:t xml:space="preserve">            } else if (html5Player) {</w:t>
            </w:r>
          </w:p>
          <w:p w:rsidR="00156FB3" w:rsidRDefault="00156FB3" w:rsidP="00156FB3">
            <w:r>
              <w:t xml:space="preserve">                if (_this.core.s.videojs) {</w:t>
            </w:r>
          </w:p>
          <w:p w:rsidR="00156FB3" w:rsidRDefault="00156FB3" w:rsidP="00156FB3">
            <w:r>
              <w:t xml:space="preserve">                    try {</w:t>
            </w:r>
          </w:p>
          <w:p w:rsidR="00156FB3" w:rsidRDefault="00156FB3" w:rsidP="00156FB3">
            <w:r>
              <w:t xml:space="preserve">                        videojs(html5Player).pause();</w:t>
            </w:r>
          </w:p>
          <w:p w:rsidR="00156FB3" w:rsidRDefault="00156FB3" w:rsidP="00156FB3">
            <w:r>
              <w:t xml:space="preserve">                    } catch (e) {</w:t>
            </w:r>
          </w:p>
          <w:p w:rsidR="00156FB3" w:rsidRDefault="00156FB3" w:rsidP="00156FB3">
            <w:r>
              <w:t xml:space="preserve">                        console.error('Make sure you have included videojs');</w:t>
            </w:r>
          </w:p>
          <w:p w:rsidR="00156FB3" w:rsidRDefault="00156FB3" w:rsidP="00156FB3">
            <w:r>
              <w:t xml:space="preserve">                    }</w:t>
            </w:r>
          </w:p>
          <w:p w:rsidR="00156FB3" w:rsidRDefault="00156FB3" w:rsidP="00156FB3">
            <w:r>
              <w:t xml:space="preserve">                } else {</w:t>
            </w:r>
          </w:p>
          <w:p w:rsidR="00156FB3" w:rsidRDefault="00156FB3" w:rsidP="00156FB3">
            <w:r>
              <w:t xml:space="preserve">                    html5Player.pause();</w:t>
            </w:r>
          </w:p>
          <w:p w:rsidR="00156FB3" w:rsidRDefault="00156FB3" w:rsidP="00156FB3">
            <w:r>
              <w:t xml:space="preserve">                }</w:t>
            </w:r>
          </w:p>
          <w:p w:rsidR="00156FB3" w:rsidRDefault="00156FB3" w:rsidP="00156FB3">
            <w:r>
              <w:t xml:space="preserve">            } if (vkPlayer) {</w:t>
            </w:r>
          </w:p>
          <w:p w:rsidR="00156FB3" w:rsidRDefault="00156FB3" w:rsidP="00156FB3">
            <w:r>
              <w:t xml:space="preserve">                $(vkPlayer).attr('src', $(vkPlayer).attr('src').replace('&amp;autoplay', '&amp;noplay'));</w:t>
            </w:r>
          </w:p>
          <w:p w:rsidR="00156FB3" w:rsidRDefault="00156FB3" w:rsidP="00156FB3">
            <w:r>
              <w:lastRenderedPageBreak/>
              <w:t xml:space="preserve">            }</w:t>
            </w:r>
          </w:p>
          <w:p w:rsidR="00156FB3" w:rsidRDefault="00156FB3" w:rsidP="00156FB3"/>
          <w:p w:rsidR="00156FB3" w:rsidRDefault="00156FB3" w:rsidP="00156FB3">
            <w:r>
              <w:t xml:space="preserve">            var _src;</w:t>
            </w:r>
          </w:p>
          <w:p w:rsidR="00156FB3" w:rsidRDefault="00156FB3" w:rsidP="00156FB3">
            <w:r>
              <w:t xml:space="preserve">            if (_this.core.s.dynamic) {</w:t>
            </w:r>
          </w:p>
          <w:p w:rsidR="00156FB3" w:rsidRDefault="00156FB3" w:rsidP="00156FB3">
            <w:r>
              <w:t xml:space="preserve">                _src = _this.core.s.dynamicEl[index].src;</w:t>
            </w:r>
          </w:p>
          <w:p w:rsidR="00156FB3" w:rsidRDefault="00156FB3" w:rsidP="00156FB3">
            <w:r>
              <w:t xml:space="preserve">            } else {</w:t>
            </w:r>
          </w:p>
          <w:p w:rsidR="00156FB3" w:rsidRDefault="00156FB3" w:rsidP="00156FB3">
            <w:r>
              <w:t xml:space="preserve">                _src = _this.core.$items.eq(index).attr('href') || _this.core.$items.eq(index).attr('data-src');</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var _isVideo = _this.core.isVideo(_src, index) || {};</w:t>
            </w:r>
          </w:p>
          <w:p w:rsidR="00156FB3" w:rsidRDefault="00156FB3" w:rsidP="00156FB3">
            <w:r>
              <w:t xml:space="preserve">            if (_isVideo.youtube || _isVideo.vimeo || _isVideo.dailymotion || _isVideo.vk) {</w:t>
            </w:r>
          </w:p>
          <w:p w:rsidR="00156FB3" w:rsidRDefault="00156FB3" w:rsidP="00156FB3">
            <w:r>
              <w:t xml:space="preserve">                _this.core.$outer.addClass('lg-hide-download');</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w:t>
            </w:r>
          </w:p>
          <w:p w:rsidR="00156FB3" w:rsidRDefault="00156FB3" w:rsidP="00156FB3">
            <w:r>
              <w:t xml:space="preserve">        $.fn.lightGallery.modules.video = Video;</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w:t>
            </w:r>
          </w:p>
          <w:p w:rsidR="00156FB3" w:rsidRDefault="00156FB3" w:rsidP="00156FB3"/>
          <w:p w:rsidR="00156FB3" w:rsidRDefault="00156FB3" w:rsidP="00156FB3">
            <w:r>
              <w:t>/*! lg-zoom - v1.1.0 - 2017-08-08</w:t>
            </w:r>
          </w:p>
          <w:p w:rsidR="00156FB3" w:rsidRDefault="00156FB3" w:rsidP="00156FB3">
            <w:r>
              <w:t>* http://sachinchoolur.github.io/lightGallery</w:t>
            </w:r>
          </w:p>
          <w:p w:rsidR="00156FB3" w:rsidRDefault="00156FB3" w:rsidP="00156FB3">
            <w:r>
              <w:t>* Copyright (c) 2017 Sachin N; Licensed GPLv3 */</w:t>
            </w:r>
          </w:p>
          <w:p w:rsidR="00156FB3" w:rsidRDefault="00156FB3" w:rsidP="00156FB3"/>
          <w:p w:rsidR="00156FB3" w:rsidRDefault="00156FB3" w:rsidP="00156FB3">
            <w:r>
              <w:t>(function (root, factory) {</w:t>
            </w:r>
          </w:p>
          <w:p w:rsidR="00156FB3" w:rsidRDefault="00156FB3" w:rsidP="00156FB3">
            <w:r>
              <w:t xml:space="preserve">  if (typeof define === 'function' &amp;&amp; define.amd) {</w:t>
            </w:r>
          </w:p>
          <w:p w:rsidR="00156FB3" w:rsidRDefault="00156FB3" w:rsidP="00156FB3">
            <w:r>
              <w:t xml:space="preserve">    // AMD. Register as an anonymous module unless amdModuleId is set</w:t>
            </w:r>
          </w:p>
          <w:p w:rsidR="00156FB3" w:rsidRDefault="00156FB3" w:rsidP="00156FB3">
            <w:r>
              <w:t xml:space="preserve">    define(['jquery'], function (a0) {</w:t>
            </w:r>
          </w:p>
          <w:p w:rsidR="00156FB3" w:rsidRDefault="00156FB3" w:rsidP="00156FB3">
            <w:r>
              <w:t xml:space="preserve">      return (factory(a0));</w:t>
            </w:r>
          </w:p>
          <w:p w:rsidR="00156FB3" w:rsidRDefault="00156FB3" w:rsidP="00156FB3">
            <w:r>
              <w:t xml:space="preserve">    });</w:t>
            </w:r>
          </w:p>
          <w:p w:rsidR="00156FB3" w:rsidRDefault="00156FB3" w:rsidP="00156FB3">
            <w:r>
              <w:t xml:space="preserve">  } else if (typeof exports === 'object') {</w:t>
            </w:r>
          </w:p>
          <w:p w:rsidR="00156FB3" w:rsidRDefault="00156FB3" w:rsidP="00156FB3">
            <w:r>
              <w:t xml:space="preserve">    // Node. Does not work with strict CommonJS, but</w:t>
            </w:r>
          </w:p>
          <w:p w:rsidR="00156FB3" w:rsidRDefault="00156FB3" w:rsidP="00156FB3">
            <w:r>
              <w:t xml:space="preserve">    // only CommonJS-like environments that support module.exports,</w:t>
            </w:r>
          </w:p>
          <w:p w:rsidR="00156FB3" w:rsidRDefault="00156FB3" w:rsidP="00156FB3">
            <w:r>
              <w:t xml:space="preserve">    // like Node.</w:t>
            </w:r>
          </w:p>
          <w:p w:rsidR="00156FB3" w:rsidRDefault="00156FB3" w:rsidP="00156FB3">
            <w:r>
              <w:t xml:space="preserve">    module.exports = factory(require('jquery'));</w:t>
            </w:r>
          </w:p>
          <w:p w:rsidR="00156FB3" w:rsidRDefault="00156FB3" w:rsidP="00156FB3">
            <w:r>
              <w:t xml:space="preserve">  } else {</w:t>
            </w:r>
          </w:p>
          <w:p w:rsidR="00156FB3" w:rsidRDefault="00156FB3" w:rsidP="00156FB3">
            <w:r>
              <w:t xml:space="preserve">    factory(jQuery);</w:t>
            </w:r>
          </w:p>
          <w:p w:rsidR="00156FB3" w:rsidRDefault="00156FB3" w:rsidP="00156FB3">
            <w:r>
              <w:t xml:space="preserve">  }</w:t>
            </w:r>
          </w:p>
          <w:p w:rsidR="00156FB3" w:rsidRDefault="00156FB3" w:rsidP="00156FB3">
            <w:r>
              <w:t>}(this, function ($) {</w:t>
            </w:r>
          </w:p>
          <w:p w:rsidR="00156FB3" w:rsidRDefault="00156FB3" w:rsidP="00156FB3"/>
          <w:p w:rsidR="00156FB3" w:rsidRDefault="00156FB3" w:rsidP="00156FB3">
            <w:r>
              <w:t>(function() {</w:t>
            </w:r>
          </w:p>
          <w:p w:rsidR="00156FB3" w:rsidRDefault="00156FB3" w:rsidP="00156FB3"/>
          <w:p w:rsidR="00156FB3" w:rsidRDefault="00156FB3" w:rsidP="00156FB3">
            <w:r>
              <w:t xml:space="preserve">    'use strict';</w:t>
            </w:r>
          </w:p>
          <w:p w:rsidR="00156FB3" w:rsidRDefault="00156FB3" w:rsidP="00156FB3"/>
          <w:p w:rsidR="00156FB3" w:rsidRDefault="00156FB3" w:rsidP="00156FB3">
            <w:r>
              <w:t xml:space="preserve">    var getUseLeft = function() {</w:t>
            </w:r>
          </w:p>
          <w:p w:rsidR="00156FB3" w:rsidRDefault="00156FB3" w:rsidP="00156FB3">
            <w:r>
              <w:lastRenderedPageBreak/>
              <w:t xml:space="preserve">        var useLeft = false;</w:t>
            </w:r>
          </w:p>
          <w:p w:rsidR="00156FB3" w:rsidRDefault="00156FB3" w:rsidP="00156FB3">
            <w:r>
              <w:t xml:space="preserve">        var isChrome = navigator.userAgent.match(/Chrom(e|ium)\/([0-9]+)\./);</w:t>
            </w:r>
          </w:p>
          <w:p w:rsidR="00156FB3" w:rsidRDefault="00156FB3" w:rsidP="00156FB3">
            <w:r>
              <w:t xml:space="preserve">        if (isChrome &amp;&amp; parseInt(isChrome[2], 10) &lt; 54) {</w:t>
            </w:r>
          </w:p>
          <w:p w:rsidR="00156FB3" w:rsidRDefault="00156FB3" w:rsidP="00156FB3">
            <w:r>
              <w:t xml:space="preserve">            useLeft = true;</w:t>
            </w:r>
          </w:p>
          <w:p w:rsidR="00156FB3" w:rsidRDefault="00156FB3" w:rsidP="00156FB3">
            <w:r>
              <w:t xml:space="preserve">        }</w:t>
            </w:r>
          </w:p>
          <w:p w:rsidR="00156FB3" w:rsidRDefault="00156FB3" w:rsidP="00156FB3"/>
          <w:p w:rsidR="00156FB3" w:rsidRDefault="00156FB3" w:rsidP="00156FB3">
            <w:r>
              <w:t xml:space="preserve">        return useLeft;</w:t>
            </w:r>
          </w:p>
          <w:p w:rsidR="00156FB3" w:rsidRDefault="00156FB3" w:rsidP="00156FB3">
            <w:r>
              <w:t xml:space="preserve">    };</w:t>
            </w:r>
          </w:p>
          <w:p w:rsidR="00156FB3" w:rsidRDefault="00156FB3" w:rsidP="00156FB3"/>
          <w:p w:rsidR="00156FB3" w:rsidRDefault="00156FB3" w:rsidP="00156FB3">
            <w:r>
              <w:t xml:space="preserve">    var defaults = {</w:t>
            </w:r>
          </w:p>
          <w:p w:rsidR="00156FB3" w:rsidRDefault="00156FB3" w:rsidP="00156FB3">
            <w:r>
              <w:t xml:space="preserve">        scale: 1,</w:t>
            </w:r>
          </w:p>
          <w:p w:rsidR="00156FB3" w:rsidRDefault="00156FB3" w:rsidP="00156FB3">
            <w:r>
              <w:t xml:space="preserve">        zoom: true,</w:t>
            </w:r>
          </w:p>
          <w:p w:rsidR="00156FB3" w:rsidRDefault="00156FB3" w:rsidP="00156FB3">
            <w:r>
              <w:t xml:space="preserve">        actualSize: true,</w:t>
            </w:r>
          </w:p>
          <w:p w:rsidR="00156FB3" w:rsidRDefault="00156FB3" w:rsidP="00156FB3">
            <w:r>
              <w:t xml:space="preserve">        enableZoomAfter: 300,</w:t>
            </w:r>
          </w:p>
          <w:p w:rsidR="00156FB3" w:rsidRDefault="00156FB3" w:rsidP="00156FB3">
            <w:r>
              <w:t xml:space="preserve">        useLeftForZoom: getUseLeft()</w:t>
            </w:r>
          </w:p>
          <w:p w:rsidR="00156FB3" w:rsidRDefault="00156FB3" w:rsidP="00156FB3">
            <w:r>
              <w:t xml:space="preserve">    };</w:t>
            </w:r>
          </w:p>
          <w:p w:rsidR="00156FB3" w:rsidRDefault="00156FB3" w:rsidP="00156FB3"/>
          <w:p w:rsidR="00156FB3" w:rsidRDefault="00156FB3" w:rsidP="00156FB3">
            <w:r>
              <w:t xml:space="preserve">    var Zoom = function(element) {</w:t>
            </w:r>
          </w:p>
          <w:p w:rsidR="00156FB3" w:rsidRDefault="00156FB3" w:rsidP="00156FB3"/>
          <w:p w:rsidR="00156FB3" w:rsidRDefault="00156FB3" w:rsidP="00156FB3">
            <w:r>
              <w:t xml:space="preserve">        this.core = $(element).data('lightGallery');</w:t>
            </w:r>
          </w:p>
          <w:p w:rsidR="00156FB3" w:rsidRDefault="00156FB3" w:rsidP="00156FB3"/>
          <w:p w:rsidR="00156FB3" w:rsidRDefault="00156FB3" w:rsidP="00156FB3">
            <w:r>
              <w:t xml:space="preserve">        this.core.s = $.extend({}, defaults, this.core.s);</w:t>
            </w:r>
          </w:p>
          <w:p w:rsidR="00156FB3" w:rsidRDefault="00156FB3" w:rsidP="00156FB3"/>
          <w:p w:rsidR="00156FB3" w:rsidRDefault="00156FB3" w:rsidP="00156FB3">
            <w:r>
              <w:t xml:space="preserve">        if (this.core.s.zoom &amp;&amp; this.core.doCss()) {</w:t>
            </w:r>
          </w:p>
          <w:p w:rsidR="00156FB3" w:rsidRDefault="00156FB3" w:rsidP="00156FB3">
            <w:r>
              <w:t xml:space="preserve">            this.init();</w:t>
            </w:r>
          </w:p>
          <w:p w:rsidR="00156FB3" w:rsidRDefault="00156FB3" w:rsidP="00156FB3"/>
          <w:p w:rsidR="00156FB3" w:rsidRDefault="00156FB3" w:rsidP="00156FB3">
            <w:r>
              <w:t xml:space="preserve">            // Store the zoomable timeout value just to clear it while closing</w:t>
            </w:r>
          </w:p>
          <w:p w:rsidR="00156FB3" w:rsidRDefault="00156FB3" w:rsidP="00156FB3">
            <w:r>
              <w:t xml:space="preserve">            this.zoomabletimeout = false;</w:t>
            </w:r>
          </w:p>
          <w:p w:rsidR="00156FB3" w:rsidRDefault="00156FB3" w:rsidP="00156FB3"/>
          <w:p w:rsidR="00156FB3" w:rsidRDefault="00156FB3" w:rsidP="00156FB3">
            <w:r>
              <w:t xml:space="preserve">            // Set the initial value center</w:t>
            </w:r>
          </w:p>
          <w:p w:rsidR="00156FB3" w:rsidRDefault="00156FB3" w:rsidP="00156FB3">
            <w:r>
              <w:t xml:space="preserve">            this.pageX = $(window).width() / 2;</w:t>
            </w:r>
          </w:p>
          <w:p w:rsidR="00156FB3" w:rsidRDefault="00156FB3" w:rsidP="00156FB3">
            <w:r>
              <w:t xml:space="preserve">            this.pageY = ($(window).height() / 2) + $(window).scrollTop();</w:t>
            </w:r>
          </w:p>
          <w:p w:rsidR="00156FB3" w:rsidRDefault="00156FB3" w:rsidP="00156FB3">
            <w:r>
              <w:t xml:space="preserve">        }</w:t>
            </w:r>
          </w:p>
          <w:p w:rsidR="00156FB3" w:rsidRDefault="00156FB3" w:rsidP="00156FB3"/>
          <w:p w:rsidR="00156FB3" w:rsidRDefault="00156FB3" w:rsidP="00156FB3">
            <w:r>
              <w:t xml:space="preserve">        return this;</w:t>
            </w:r>
          </w:p>
          <w:p w:rsidR="00156FB3" w:rsidRDefault="00156FB3" w:rsidP="00156FB3">
            <w:r>
              <w:t xml:space="preserve">    };</w:t>
            </w:r>
          </w:p>
          <w:p w:rsidR="00156FB3" w:rsidRDefault="00156FB3" w:rsidP="00156FB3"/>
          <w:p w:rsidR="00156FB3" w:rsidRDefault="00156FB3" w:rsidP="00156FB3">
            <w:r>
              <w:t xml:space="preserve">    Zoom.prototype.init = function() {</w:t>
            </w:r>
          </w:p>
          <w:p w:rsidR="00156FB3" w:rsidRDefault="00156FB3" w:rsidP="00156FB3"/>
          <w:p w:rsidR="00156FB3" w:rsidRDefault="00156FB3" w:rsidP="00156FB3">
            <w:r>
              <w:t xml:space="preserve">        var _this = this;</w:t>
            </w:r>
          </w:p>
          <w:p w:rsidR="00156FB3" w:rsidRDefault="00156FB3" w:rsidP="00156FB3">
            <w:r>
              <w:t xml:space="preserve">        var zoomIcons = '&lt;span id="lg-zoom-in" class="lg-icon"&gt;&lt;/span&gt;&lt;span id="lg-zoom-out" class="lg-icon"&gt;&lt;/span&gt;';</w:t>
            </w:r>
          </w:p>
          <w:p w:rsidR="00156FB3" w:rsidRDefault="00156FB3" w:rsidP="00156FB3"/>
          <w:p w:rsidR="00156FB3" w:rsidRDefault="00156FB3" w:rsidP="00156FB3">
            <w:r>
              <w:t xml:space="preserve">        if (_this.core.s.actualSize) {</w:t>
            </w:r>
          </w:p>
          <w:p w:rsidR="00156FB3" w:rsidRDefault="00156FB3" w:rsidP="00156FB3">
            <w:r>
              <w:t xml:space="preserve">            zoomIcons += '&lt;span id="lg-actual-size" class="lg-icon"&gt;&lt;/span&gt;';</w:t>
            </w:r>
          </w:p>
          <w:p w:rsidR="00156FB3" w:rsidRDefault="00156FB3" w:rsidP="00156FB3">
            <w:r>
              <w:t xml:space="preserve">        }</w:t>
            </w:r>
          </w:p>
          <w:p w:rsidR="00156FB3" w:rsidRDefault="00156FB3" w:rsidP="00156FB3"/>
          <w:p w:rsidR="00156FB3" w:rsidRDefault="00156FB3" w:rsidP="00156FB3">
            <w:r>
              <w:t xml:space="preserve">        if (_this.core.s.useLeftForZoom) {</w:t>
            </w:r>
          </w:p>
          <w:p w:rsidR="00156FB3" w:rsidRDefault="00156FB3" w:rsidP="00156FB3">
            <w:r>
              <w:lastRenderedPageBreak/>
              <w:t xml:space="preserve">            _this.core.$outer.addClass('lg-use-left-for-zoom');</w:t>
            </w:r>
          </w:p>
          <w:p w:rsidR="00156FB3" w:rsidRDefault="00156FB3" w:rsidP="00156FB3">
            <w:r>
              <w:t xml:space="preserve">        } else {</w:t>
            </w:r>
          </w:p>
          <w:p w:rsidR="00156FB3" w:rsidRDefault="00156FB3" w:rsidP="00156FB3">
            <w:r>
              <w:t xml:space="preserve">            _this.core.$outer.addClass('lg-use-transition-for-zoom');</w:t>
            </w:r>
          </w:p>
          <w:p w:rsidR="00156FB3" w:rsidRDefault="00156FB3" w:rsidP="00156FB3">
            <w:r>
              <w:t xml:space="preserve">        }</w:t>
            </w:r>
          </w:p>
          <w:p w:rsidR="00156FB3" w:rsidRDefault="00156FB3" w:rsidP="00156FB3"/>
          <w:p w:rsidR="00156FB3" w:rsidRDefault="00156FB3" w:rsidP="00156FB3">
            <w:r>
              <w:t xml:space="preserve">        this.core.$outer.find('.lg-toolbar').append(zoomIcons);</w:t>
            </w:r>
          </w:p>
          <w:p w:rsidR="00156FB3" w:rsidRDefault="00156FB3" w:rsidP="00156FB3"/>
          <w:p w:rsidR="00156FB3" w:rsidRDefault="00156FB3" w:rsidP="00156FB3">
            <w:r>
              <w:t xml:space="preserve">        // Add zoomable class</w:t>
            </w:r>
          </w:p>
          <w:p w:rsidR="00156FB3" w:rsidRDefault="00156FB3" w:rsidP="00156FB3">
            <w:r>
              <w:t xml:space="preserve">        _this.core.$el.on('onSlideItemLoad.lg.tm.zoom', function(event, index, delay) {</w:t>
            </w:r>
          </w:p>
          <w:p w:rsidR="00156FB3" w:rsidRDefault="00156FB3" w:rsidP="00156FB3"/>
          <w:p w:rsidR="00156FB3" w:rsidRDefault="00156FB3" w:rsidP="00156FB3">
            <w:r>
              <w:t xml:space="preserve">            // delay will be 0 except first time</w:t>
            </w:r>
          </w:p>
          <w:p w:rsidR="00156FB3" w:rsidRDefault="00156FB3" w:rsidP="00156FB3">
            <w:r>
              <w:t xml:space="preserve">            var _speed = _this.core.s.enableZoomAfter + delay;</w:t>
            </w:r>
          </w:p>
          <w:p w:rsidR="00156FB3" w:rsidRDefault="00156FB3" w:rsidP="00156FB3"/>
          <w:p w:rsidR="00156FB3" w:rsidRDefault="00156FB3" w:rsidP="00156FB3">
            <w:r>
              <w:t xml:space="preserve">            // set _speed value 0 if gallery opened from direct url and if it is first slide</w:t>
            </w:r>
          </w:p>
          <w:p w:rsidR="00156FB3" w:rsidRDefault="00156FB3" w:rsidP="00156FB3">
            <w:r>
              <w:t xml:space="preserve">            if ($('body').hasClass('lg-from-hash') &amp;&amp; delay) {</w:t>
            </w:r>
          </w:p>
          <w:p w:rsidR="00156FB3" w:rsidRDefault="00156FB3" w:rsidP="00156FB3"/>
          <w:p w:rsidR="00156FB3" w:rsidRDefault="00156FB3" w:rsidP="00156FB3">
            <w:r>
              <w:t xml:space="preserve">                // will execute only once</w:t>
            </w:r>
          </w:p>
          <w:p w:rsidR="00156FB3" w:rsidRDefault="00156FB3" w:rsidP="00156FB3">
            <w:r>
              <w:t xml:space="preserve">                _speed = 0;</w:t>
            </w:r>
          </w:p>
          <w:p w:rsidR="00156FB3" w:rsidRDefault="00156FB3" w:rsidP="00156FB3">
            <w:r>
              <w:t xml:space="preserve">            } else {</w:t>
            </w:r>
          </w:p>
          <w:p w:rsidR="00156FB3" w:rsidRDefault="00156FB3" w:rsidP="00156FB3"/>
          <w:p w:rsidR="00156FB3" w:rsidRDefault="00156FB3" w:rsidP="00156FB3">
            <w:r>
              <w:t xml:space="preserve">                // Remove lg-from-hash to enable starting animation.</w:t>
            </w:r>
          </w:p>
          <w:p w:rsidR="00156FB3" w:rsidRDefault="00156FB3" w:rsidP="00156FB3">
            <w:r>
              <w:t xml:space="preserve">                $('body').removeClass('lg-from-hash');</w:t>
            </w:r>
          </w:p>
          <w:p w:rsidR="00156FB3" w:rsidRDefault="00156FB3" w:rsidP="00156FB3">
            <w:r>
              <w:t xml:space="preserve">            }</w:t>
            </w:r>
          </w:p>
          <w:p w:rsidR="00156FB3" w:rsidRDefault="00156FB3" w:rsidP="00156FB3"/>
          <w:p w:rsidR="00156FB3" w:rsidRDefault="00156FB3" w:rsidP="00156FB3">
            <w:r>
              <w:t xml:space="preserve">            _this.zoomabletimeout = setTimeout(function() {</w:t>
            </w:r>
          </w:p>
          <w:p w:rsidR="00156FB3" w:rsidRDefault="00156FB3" w:rsidP="00156FB3">
            <w:r>
              <w:t xml:space="preserve">                _this.core.$slide.eq(index).addClass('lg-zoomable');</w:t>
            </w:r>
          </w:p>
          <w:p w:rsidR="00156FB3" w:rsidRDefault="00156FB3" w:rsidP="00156FB3">
            <w:r>
              <w:t xml:space="preserve">            }, _speed + 30);</w:t>
            </w:r>
          </w:p>
          <w:p w:rsidR="00156FB3" w:rsidRDefault="00156FB3" w:rsidP="00156FB3">
            <w:r>
              <w:t xml:space="preserve">        });</w:t>
            </w:r>
          </w:p>
          <w:p w:rsidR="00156FB3" w:rsidRDefault="00156FB3" w:rsidP="00156FB3"/>
          <w:p w:rsidR="00156FB3" w:rsidRDefault="00156FB3" w:rsidP="00156FB3">
            <w:r>
              <w:t xml:space="preserve">        var scale = 1;</w:t>
            </w:r>
          </w:p>
          <w:p w:rsidR="00156FB3" w:rsidRDefault="00156FB3" w:rsidP="00156FB3">
            <w:r>
              <w:t xml:space="preserve">        /**</w:t>
            </w:r>
          </w:p>
          <w:p w:rsidR="00156FB3" w:rsidRDefault="00156FB3" w:rsidP="00156FB3">
            <w:r>
              <w:t xml:space="preserve">         * @desc Image zoom</w:t>
            </w:r>
          </w:p>
          <w:p w:rsidR="00156FB3" w:rsidRDefault="00156FB3" w:rsidP="00156FB3">
            <w:r>
              <w:t xml:space="preserve">         * Translate the wrap and scale the image to get better user experience</w:t>
            </w:r>
          </w:p>
          <w:p w:rsidR="00156FB3" w:rsidRDefault="00156FB3" w:rsidP="00156FB3">
            <w:r>
              <w:t xml:space="preserve">         *</w:t>
            </w:r>
          </w:p>
          <w:p w:rsidR="00156FB3" w:rsidRDefault="00156FB3" w:rsidP="00156FB3">
            <w:r>
              <w:t xml:space="preserve">         * @param {String} scaleVal - Zoom decrement/increment value</w:t>
            </w:r>
          </w:p>
          <w:p w:rsidR="00156FB3" w:rsidRDefault="00156FB3" w:rsidP="00156FB3">
            <w:r>
              <w:t xml:space="preserve">         */</w:t>
            </w:r>
          </w:p>
          <w:p w:rsidR="00156FB3" w:rsidRDefault="00156FB3" w:rsidP="00156FB3">
            <w:r>
              <w:t xml:space="preserve">        var zoom = function(scaleVal) {</w:t>
            </w:r>
          </w:p>
          <w:p w:rsidR="00156FB3" w:rsidRDefault="00156FB3" w:rsidP="00156FB3"/>
          <w:p w:rsidR="00156FB3" w:rsidRDefault="00156FB3" w:rsidP="00156FB3">
            <w:r>
              <w:t xml:space="preserve">            var $image = _this.core.$outer.find('.lg-current .lg-image');</w:t>
            </w:r>
          </w:p>
          <w:p w:rsidR="00156FB3" w:rsidRDefault="00156FB3" w:rsidP="00156FB3">
            <w:r>
              <w:t xml:space="preserve">            var _x;</w:t>
            </w:r>
          </w:p>
          <w:p w:rsidR="00156FB3" w:rsidRDefault="00156FB3" w:rsidP="00156FB3">
            <w:r>
              <w:t xml:space="preserve">            var _y;</w:t>
            </w:r>
          </w:p>
          <w:p w:rsidR="00156FB3" w:rsidRDefault="00156FB3" w:rsidP="00156FB3"/>
          <w:p w:rsidR="00156FB3" w:rsidRDefault="00156FB3" w:rsidP="00156FB3">
            <w:r>
              <w:t xml:space="preserve">            // Find offset manually to avoid issue after zoom</w:t>
            </w:r>
          </w:p>
          <w:p w:rsidR="00156FB3" w:rsidRDefault="00156FB3" w:rsidP="00156FB3">
            <w:r>
              <w:t xml:space="preserve">            var offsetX = ($(window).width() - $image.prop('offsetWidth')) / 2;</w:t>
            </w:r>
          </w:p>
          <w:p w:rsidR="00156FB3" w:rsidRDefault="00156FB3" w:rsidP="00156FB3">
            <w:r>
              <w:t xml:space="preserve">            var offsetY = (($(window).height() - $image.prop('offsetHeight')) / 2) + $(window).scrollTop();</w:t>
            </w:r>
          </w:p>
          <w:p w:rsidR="00156FB3" w:rsidRDefault="00156FB3" w:rsidP="00156FB3"/>
          <w:p w:rsidR="00156FB3" w:rsidRDefault="00156FB3" w:rsidP="00156FB3">
            <w:r>
              <w:t xml:space="preserve">            _x = _this.pageX - offsetX;</w:t>
            </w:r>
          </w:p>
          <w:p w:rsidR="00156FB3" w:rsidRDefault="00156FB3" w:rsidP="00156FB3">
            <w:r>
              <w:t xml:space="preserve">            _y = _this.pageY - offsetY;</w:t>
            </w:r>
          </w:p>
          <w:p w:rsidR="00156FB3" w:rsidRDefault="00156FB3" w:rsidP="00156FB3"/>
          <w:p w:rsidR="00156FB3" w:rsidRDefault="00156FB3" w:rsidP="00156FB3">
            <w:r>
              <w:t xml:space="preserve">            var x = (scaleVal - 1) * (_x);</w:t>
            </w:r>
          </w:p>
          <w:p w:rsidR="00156FB3" w:rsidRDefault="00156FB3" w:rsidP="00156FB3">
            <w:r>
              <w:t xml:space="preserve">            var y = (scaleVal - 1) * (_y);</w:t>
            </w:r>
          </w:p>
          <w:p w:rsidR="00156FB3" w:rsidRDefault="00156FB3" w:rsidP="00156FB3"/>
          <w:p w:rsidR="00156FB3" w:rsidRDefault="00156FB3" w:rsidP="00156FB3">
            <w:r>
              <w:t xml:space="preserve">            $image.css('transform', 'scale3d(' + scaleVal + ', ' + scaleVal + ', 1)').attr('data-scale', scaleVal);</w:t>
            </w:r>
          </w:p>
          <w:p w:rsidR="00156FB3" w:rsidRDefault="00156FB3" w:rsidP="00156FB3"/>
          <w:p w:rsidR="00156FB3" w:rsidRDefault="00156FB3" w:rsidP="00156FB3">
            <w:r>
              <w:t xml:space="preserve">            if (_this.core.s.useLeftForZoom) {</w:t>
            </w:r>
          </w:p>
          <w:p w:rsidR="00156FB3" w:rsidRDefault="00156FB3" w:rsidP="00156FB3">
            <w:r>
              <w:t xml:space="preserve">                $image.parent().css({</w:t>
            </w:r>
          </w:p>
          <w:p w:rsidR="00156FB3" w:rsidRDefault="00156FB3" w:rsidP="00156FB3">
            <w:r>
              <w:t xml:space="preserve">                    left: -x + 'px',</w:t>
            </w:r>
          </w:p>
          <w:p w:rsidR="00156FB3" w:rsidRDefault="00156FB3" w:rsidP="00156FB3">
            <w:r>
              <w:t xml:space="preserve">                    top: -y + 'px'</w:t>
            </w:r>
          </w:p>
          <w:p w:rsidR="00156FB3" w:rsidRDefault="00156FB3" w:rsidP="00156FB3">
            <w:r>
              <w:t xml:space="preserve">                }).attr('data-x', x).attr('data-y', y);</w:t>
            </w:r>
          </w:p>
          <w:p w:rsidR="00156FB3" w:rsidRDefault="00156FB3" w:rsidP="00156FB3">
            <w:r>
              <w:t xml:space="preserve">            } else {</w:t>
            </w:r>
          </w:p>
          <w:p w:rsidR="00156FB3" w:rsidRDefault="00156FB3" w:rsidP="00156FB3">
            <w:r>
              <w:t xml:space="preserve">                $image.parent().css('transform', 'translate3d(-' + x + 'px, -' + y + 'px, 0)').attr('data-x', x).attr('data-y', y);</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callScale = function() {</w:t>
            </w:r>
          </w:p>
          <w:p w:rsidR="00156FB3" w:rsidRDefault="00156FB3" w:rsidP="00156FB3">
            <w:r>
              <w:t xml:space="preserve">            if (scale &gt; 1) {</w:t>
            </w:r>
          </w:p>
          <w:p w:rsidR="00156FB3" w:rsidRDefault="00156FB3" w:rsidP="00156FB3">
            <w:r>
              <w:t xml:space="preserve">                _this.core.$outer.addClass('lg-zoomed');</w:t>
            </w:r>
          </w:p>
          <w:p w:rsidR="00156FB3" w:rsidRDefault="00156FB3" w:rsidP="00156FB3">
            <w:r>
              <w:t xml:space="preserve">            } else {</w:t>
            </w:r>
          </w:p>
          <w:p w:rsidR="00156FB3" w:rsidRDefault="00156FB3" w:rsidP="00156FB3">
            <w:r>
              <w:t xml:space="preserve">                _this.resetZoom();</w:t>
            </w:r>
          </w:p>
          <w:p w:rsidR="00156FB3" w:rsidRDefault="00156FB3" w:rsidP="00156FB3">
            <w:r>
              <w:t xml:space="preserve">            }</w:t>
            </w:r>
          </w:p>
          <w:p w:rsidR="00156FB3" w:rsidRDefault="00156FB3" w:rsidP="00156FB3"/>
          <w:p w:rsidR="00156FB3" w:rsidRDefault="00156FB3" w:rsidP="00156FB3">
            <w:r>
              <w:t xml:space="preserve">            if (scale &lt; 1) {</w:t>
            </w:r>
          </w:p>
          <w:p w:rsidR="00156FB3" w:rsidRDefault="00156FB3" w:rsidP="00156FB3">
            <w:r>
              <w:t xml:space="preserve">                scale = 1;</w:t>
            </w:r>
          </w:p>
          <w:p w:rsidR="00156FB3" w:rsidRDefault="00156FB3" w:rsidP="00156FB3">
            <w:r>
              <w:t xml:space="preserve">            }</w:t>
            </w:r>
          </w:p>
          <w:p w:rsidR="00156FB3" w:rsidRDefault="00156FB3" w:rsidP="00156FB3"/>
          <w:p w:rsidR="00156FB3" w:rsidRDefault="00156FB3" w:rsidP="00156FB3">
            <w:r>
              <w:t xml:space="preserve">            zoom(scale);</w:t>
            </w:r>
          </w:p>
          <w:p w:rsidR="00156FB3" w:rsidRDefault="00156FB3" w:rsidP="00156FB3">
            <w:r>
              <w:t xml:space="preserve">        };</w:t>
            </w:r>
          </w:p>
          <w:p w:rsidR="00156FB3" w:rsidRDefault="00156FB3" w:rsidP="00156FB3"/>
          <w:p w:rsidR="00156FB3" w:rsidRDefault="00156FB3" w:rsidP="00156FB3">
            <w:r>
              <w:t xml:space="preserve">        var actualSize = function(event, $image, index, fromIcon) {</w:t>
            </w:r>
          </w:p>
          <w:p w:rsidR="00156FB3" w:rsidRDefault="00156FB3" w:rsidP="00156FB3">
            <w:r>
              <w:t xml:space="preserve">            var w = $image.prop('offsetWidth');</w:t>
            </w:r>
          </w:p>
          <w:p w:rsidR="00156FB3" w:rsidRDefault="00156FB3" w:rsidP="00156FB3">
            <w:r>
              <w:t xml:space="preserve">            var nw;</w:t>
            </w:r>
          </w:p>
          <w:p w:rsidR="00156FB3" w:rsidRDefault="00156FB3" w:rsidP="00156FB3">
            <w:r>
              <w:t xml:space="preserve">            if (_this.core.s.dynamic) {</w:t>
            </w:r>
          </w:p>
          <w:p w:rsidR="00156FB3" w:rsidRDefault="00156FB3" w:rsidP="00156FB3">
            <w:r>
              <w:t xml:space="preserve">                nw = _this.core.s.dynamicEl[index].width || $image[0].naturalWidth || w;</w:t>
            </w:r>
          </w:p>
          <w:p w:rsidR="00156FB3" w:rsidRDefault="00156FB3" w:rsidP="00156FB3">
            <w:r>
              <w:t xml:space="preserve">            } else {</w:t>
            </w:r>
          </w:p>
          <w:p w:rsidR="00156FB3" w:rsidRDefault="00156FB3" w:rsidP="00156FB3">
            <w:r>
              <w:t xml:space="preserve">                nw = _this.core.$items.eq(index).attr('data-width') || $image[0].naturalWidth || w;</w:t>
            </w:r>
          </w:p>
          <w:p w:rsidR="00156FB3" w:rsidRDefault="00156FB3" w:rsidP="00156FB3">
            <w:r>
              <w:t xml:space="preserve">            }</w:t>
            </w:r>
          </w:p>
          <w:p w:rsidR="00156FB3" w:rsidRDefault="00156FB3" w:rsidP="00156FB3"/>
          <w:p w:rsidR="00156FB3" w:rsidRDefault="00156FB3" w:rsidP="00156FB3">
            <w:r>
              <w:t xml:space="preserve">            var _scale;</w:t>
            </w:r>
          </w:p>
          <w:p w:rsidR="00156FB3" w:rsidRDefault="00156FB3" w:rsidP="00156FB3"/>
          <w:p w:rsidR="00156FB3" w:rsidRDefault="00156FB3" w:rsidP="00156FB3">
            <w:r>
              <w:t xml:space="preserve">            if (_this.core.$outer.hasClass('lg-zoomed')) {</w:t>
            </w:r>
          </w:p>
          <w:p w:rsidR="00156FB3" w:rsidRDefault="00156FB3" w:rsidP="00156FB3">
            <w:r>
              <w:t xml:space="preserve">                scale = 1;</w:t>
            </w:r>
          </w:p>
          <w:p w:rsidR="00156FB3" w:rsidRDefault="00156FB3" w:rsidP="00156FB3">
            <w:r>
              <w:t xml:space="preserve">            } else {</w:t>
            </w:r>
          </w:p>
          <w:p w:rsidR="00156FB3" w:rsidRDefault="00156FB3" w:rsidP="00156FB3">
            <w:r>
              <w:t xml:space="preserve">                if (nw &gt; w) {</w:t>
            </w:r>
          </w:p>
          <w:p w:rsidR="00156FB3" w:rsidRDefault="00156FB3" w:rsidP="00156FB3">
            <w:r>
              <w:t xml:space="preserve">                    _scale = nw / w;</w:t>
            </w:r>
          </w:p>
          <w:p w:rsidR="00156FB3" w:rsidRDefault="00156FB3" w:rsidP="00156FB3">
            <w:r>
              <w:t xml:space="preserve">                    scale = _scale || 2;</w:t>
            </w:r>
          </w:p>
          <w:p w:rsidR="00156FB3" w:rsidRDefault="00156FB3" w:rsidP="00156FB3">
            <w:r>
              <w:lastRenderedPageBreak/>
              <w:t xml:space="preserve">                }</w:t>
            </w:r>
          </w:p>
          <w:p w:rsidR="00156FB3" w:rsidRDefault="00156FB3" w:rsidP="00156FB3">
            <w:r>
              <w:t xml:space="preserve">            }</w:t>
            </w:r>
          </w:p>
          <w:p w:rsidR="00156FB3" w:rsidRDefault="00156FB3" w:rsidP="00156FB3"/>
          <w:p w:rsidR="00156FB3" w:rsidRDefault="00156FB3" w:rsidP="00156FB3">
            <w:r>
              <w:t xml:space="preserve">            if (fromIcon) {</w:t>
            </w:r>
          </w:p>
          <w:p w:rsidR="00156FB3" w:rsidRDefault="00156FB3" w:rsidP="00156FB3">
            <w:r>
              <w:t xml:space="preserve">                _this.pageX = $(window).width() / 2;</w:t>
            </w:r>
          </w:p>
          <w:p w:rsidR="00156FB3" w:rsidRDefault="00156FB3" w:rsidP="00156FB3">
            <w:r>
              <w:t xml:space="preserve">                _this.pageY = ($(window).height() / 2) + $(window).scrollTop();</w:t>
            </w:r>
          </w:p>
          <w:p w:rsidR="00156FB3" w:rsidRDefault="00156FB3" w:rsidP="00156FB3">
            <w:r>
              <w:t xml:space="preserve">            } else {</w:t>
            </w:r>
          </w:p>
          <w:p w:rsidR="00156FB3" w:rsidRDefault="00156FB3" w:rsidP="00156FB3">
            <w:r>
              <w:t xml:space="preserve">                _this.pageX = event.pageX || event.originalEvent.targetTouches[0].pageX;</w:t>
            </w:r>
          </w:p>
          <w:p w:rsidR="00156FB3" w:rsidRDefault="00156FB3" w:rsidP="00156FB3">
            <w:r>
              <w:t xml:space="preserve">                _this.pageY = event.pageY || event.originalEvent.targetTouches[0].pageY;</w:t>
            </w:r>
          </w:p>
          <w:p w:rsidR="00156FB3" w:rsidRDefault="00156FB3" w:rsidP="00156FB3">
            <w:r>
              <w:t xml:space="preserve">            }</w:t>
            </w:r>
          </w:p>
          <w:p w:rsidR="00156FB3" w:rsidRDefault="00156FB3" w:rsidP="00156FB3"/>
          <w:p w:rsidR="00156FB3" w:rsidRDefault="00156FB3" w:rsidP="00156FB3">
            <w:r>
              <w:t xml:space="preserve">            callScale();</w:t>
            </w:r>
          </w:p>
          <w:p w:rsidR="00156FB3" w:rsidRDefault="00156FB3" w:rsidP="00156FB3">
            <w:r>
              <w:t xml:space="preserve">            setTimeout(function() {</w:t>
            </w:r>
          </w:p>
          <w:p w:rsidR="00156FB3" w:rsidRDefault="00156FB3" w:rsidP="00156FB3">
            <w:r>
              <w:t xml:space="preserve">                _this.core.$outer.removeClass('lg-grabbing').addClass('lg-grab');</w:t>
            </w:r>
          </w:p>
          <w:p w:rsidR="00156FB3" w:rsidRDefault="00156FB3" w:rsidP="00156FB3">
            <w:r>
              <w:t xml:space="preserve">            }, 10);</w:t>
            </w:r>
          </w:p>
          <w:p w:rsidR="00156FB3" w:rsidRDefault="00156FB3" w:rsidP="00156FB3">
            <w:r>
              <w:t xml:space="preserve">        };</w:t>
            </w:r>
          </w:p>
          <w:p w:rsidR="00156FB3" w:rsidRDefault="00156FB3" w:rsidP="00156FB3"/>
          <w:p w:rsidR="00156FB3" w:rsidRDefault="00156FB3" w:rsidP="00156FB3">
            <w:r>
              <w:t xml:space="preserve">        var tapped = false;</w:t>
            </w:r>
          </w:p>
          <w:p w:rsidR="00156FB3" w:rsidRDefault="00156FB3" w:rsidP="00156FB3"/>
          <w:p w:rsidR="00156FB3" w:rsidRDefault="00156FB3" w:rsidP="00156FB3">
            <w:r>
              <w:t xml:space="preserve">        // event triggered after appending slide content</w:t>
            </w:r>
          </w:p>
          <w:p w:rsidR="00156FB3" w:rsidRDefault="00156FB3" w:rsidP="00156FB3">
            <w:r>
              <w:t xml:space="preserve">        _this.core.$el.on('onAferAppendSlide.lg.tm.zoom', function(event, index) {</w:t>
            </w:r>
          </w:p>
          <w:p w:rsidR="00156FB3" w:rsidRDefault="00156FB3" w:rsidP="00156FB3"/>
          <w:p w:rsidR="00156FB3" w:rsidRDefault="00156FB3" w:rsidP="00156FB3">
            <w:r>
              <w:t xml:space="preserve">            // Get the current element</w:t>
            </w:r>
          </w:p>
          <w:p w:rsidR="00156FB3" w:rsidRDefault="00156FB3" w:rsidP="00156FB3">
            <w:r>
              <w:t xml:space="preserve">            var $image = _this.core.$slide.eq(index).find('.lg-image');</w:t>
            </w:r>
          </w:p>
          <w:p w:rsidR="00156FB3" w:rsidRDefault="00156FB3" w:rsidP="00156FB3"/>
          <w:p w:rsidR="00156FB3" w:rsidRDefault="00156FB3" w:rsidP="00156FB3">
            <w:r>
              <w:t xml:space="preserve">            $image.on('dblclick', function(event) {</w:t>
            </w:r>
          </w:p>
          <w:p w:rsidR="00156FB3" w:rsidRDefault="00156FB3" w:rsidP="00156FB3">
            <w:r>
              <w:t xml:space="preserve">                actualSize(event, $image, index);</w:t>
            </w:r>
          </w:p>
          <w:p w:rsidR="00156FB3" w:rsidRDefault="00156FB3" w:rsidP="00156FB3">
            <w:r>
              <w:t xml:space="preserve">            });</w:t>
            </w:r>
          </w:p>
          <w:p w:rsidR="00156FB3" w:rsidRDefault="00156FB3" w:rsidP="00156FB3"/>
          <w:p w:rsidR="00156FB3" w:rsidRDefault="00156FB3" w:rsidP="00156FB3">
            <w:r>
              <w:t xml:space="preserve">            $image.on('touchstart', function(event) {</w:t>
            </w:r>
          </w:p>
          <w:p w:rsidR="00156FB3" w:rsidRDefault="00156FB3" w:rsidP="00156FB3">
            <w:r>
              <w:t xml:space="preserve">                if (!tapped) {</w:t>
            </w:r>
          </w:p>
          <w:p w:rsidR="00156FB3" w:rsidRDefault="00156FB3" w:rsidP="00156FB3">
            <w:r>
              <w:t xml:space="preserve">                    tapped = setTimeout(function() {</w:t>
            </w:r>
          </w:p>
          <w:p w:rsidR="00156FB3" w:rsidRDefault="00156FB3" w:rsidP="00156FB3">
            <w:r>
              <w:t xml:space="preserve">                        tapped = null;</w:t>
            </w:r>
          </w:p>
          <w:p w:rsidR="00156FB3" w:rsidRDefault="00156FB3" w:rsidP="00156FB3">
            <w:r>
              <w:t xml:space="preserve">                    }, 300);</w:t>
            </w:r>
          </w:p>
          <w:p w:rsidR="00156FB3" w:rsidRDefault="00156FB3" w:rsidP="00156FB3">
            <w:r>
              <w:t xml:space="preserve">                } else {</w:t>
            </w:r>
          </w:p>
          <w:p w:rsidR="00156FB3" w:rsidRDefault="00156FB3" w:rsidP="00156FB3">
            <w:r>
              <w:t xml:space="preserve">                    clearTimeout(tapped);</w:t>
            </w:r>
          </w:p>
          <w:p w:rsidR="00156FB3" w:rsidRDefault="00156FB3" w:rsidP="00156FB3">
            <w:r>
              <w:t xml:space="preserve">                    tapped = null;</w:t>
            </w:r>
          </w:p>
          <w:p w:rsidR="00156FB3" w:rsidRDefault="00156FB3" w:rsidP="00156FB3">
            <w:r>
              <w:t xml:space="preserve">                    actualSize(event, $image, index);</w:t>
            </w:r>
          </w:p>
          <w:p w:rsidR="00156FB3" w:rsidRDefault="00156FB3" w:rsidP="00156FB3">
            <w:r>
              <w:t xml:space="preserve">                }</w:t>
            </w:r>
          </w:p>
          <w:p w:rsidR="00156FB3" w:rsidRDefault="00156FB3" w:rsidP="00156FB3"/>
          <w:p w:rsidR="00156FB3" w:rsidRDefault="00156FB3" w:rsidP="00156FB3">
            <w:r>
              <w:t xml:space="preserve">                event.preventDefaul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 Update zoom on resize and orientationchange</w:t>
            </w:r>
          </w:p>
          <w:p w:rsidR="00156FB3" w:rsidRDefault="00156FB3" w:rsidP="00156FB3">
            <w:r>
              <w:t xml:space="preserve">        $(window).on('resize.lg.zoom scroll.lg.zoom orientationchange.lg.zoom', function() {</w:t>
            </w:r>
          </w:p>
          <w:p w:rsidR="00156FB3" w:rsidRDefault="00156FB3" w:rsidP="00156FB3">
            <w:r>
              <w:t xml:space="preserve">            _this.pageX = $(window).width() / 2;</w:t>
            </w:r>
          </w:p>
          <w:p w:rsidR="00156FB3" w:rsidRDefault="00156FB3" w:rsidP="00156FB3">
            <w:r>
              <w:lastRenderedPageBreak/>
              <w:t xml:space="preserve">            _this.pageY = ($(window).height() / 2) + $(window).scrollTop();</w:t>
            </w:r>
          </w:p>
          <w:p w:rsidR="00156FB3" w:rsidRDefault="00156FB3" w:rsidP="00156FB3">
            <w:r>
              <w:t xml:space="preserve">            zoom(scale);</w:t>
            </w:r>
          </w:p>
          <w:p w:rsidR="00156FB3" w:rsidRDefault="00156FB3" w:rsidP="00156FB3">
            <w:r>
              <w:t xml:space="preserve">        });</w:t>
            </w:r>
          </w:p>
          <w:p w:rsidR="00156FB3" w:rsidRDefault="00156FB3" w:rsidP="00156FB3"/>
          <w:p w:rsidR="00156FB3" w:rsidRDefault="00156FB3" w:rsidP="00156FB3">
            <w:r>
              <w:t xml:space="preserve">        $('#lg-zoom-out').on('click.lg', function() {</w:t>
            </w:r>
          </w:p>
          <w:p w:rsidR="00156FB3" w:rsidRDefault="00156FB3" w:rsidP="00156FB3">
            <w:r>
              <w:t xml:space="preserve">            if (_this.core.$outer.find('.lg-current .lg-image').length) {</w:t>
            </w:r>
          </w:p>
          <w:p w:rsidR="00156FB3" w:rsidRDefault="00156FB3" w:rsidP="00156FB3">
            <w:r>
              <w:t xml:space="preserve">                scale -= _this.core.s.scale;</w:t>
            </w:r>
          </w:p>
          <w:p w:rsidR="00156FB3" w:rsidRDefault="00156FB3" w:rsidP="00156FB3">
            <w:r>
              <w:t xml:space="preserve">                callScal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lg-zoom-in').on('click.lg', function() {</w:t>
            </w:r>
          </w:p>
          <w:p w:rsidR="00156FB3" w:rsidRDefault="00156FB3" w:rsidP="00156FB3">
            <w:r>
              <w:t xml:space="preserve">            if (_this.core.$outer.find('.lg-current .lg-image').length) {</w:t>
            </w:r>
          </w:p>
          <w:p w:rsidR="00156FB3" w:rsidRDefault="00156FB3" w:rsidP="00156FB3">
            <w:r>
              <w:t xml:space="preserve">                scale += _this.core.s.scale;</w:t>
            </w:r>
          </w:p>
          <w:p w:rsidR="00156FB3" w:rsidRDefault="00156FB3" w:rsidP="00156FB3">
            <w:r>
              <w:t xml:space="preserve">                callScal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lg-actual-size').on('click.lg', function(event) {</w:t>
            </w:r>
          </w:p>
          <w:p w:rsidR="00156FB3" w:rsidRDefault="00156FB3" w:rsidP="00156FB3">
            <w:r>
              <w:t xml:space="preserve">            actualSize(event, _this.core.$slide.eq(_this.core.index).find('.lg-image'), _this.core.index, true);</w:t>
            </w:r>
          </w:p>
          <w:p w:rsidR="00156FB3" w:rsidRDefault="00156FB3" w:rsidP="00156FB3">
            <w:r>
              <w:t xml:space="preserve">        });</w:t>
            </w:r>
          </w:p>
          <w:p w:rsidR="00156FB3" w:rsidRDefault="00156FB3" w:rsidP="00156FB3"/>
          <w:p w:rsidR="00156FB3" w:rsidRDefault="00156FB3" w:rsidP="00156FB3">
            <w:r>
              <w:t xml:space="preserve">        // Reset zoom on slide change</w:t>
            </w:r>
          </w:p>
          <w:p w:rsidR="00156FB3" w:rsidRDefault="00156FB3" w:rsidP="00156FB3">
            <w:r>
              <w:t xml:space="preserve">        _this.core.$el.on('onBeforeSlide.lg.tm', function() {</w:t>
            </w:r>
          </w:p>
          <w:p w:rsidR="00156FB3" w:rsidRDefault="00156FB3" w:rsidP="00156FB3">
            <w:r>
              <w:t xml:space="preserve">            scale = 1;</w:t>
            </w:r>
          </w:p>
          <w:p w:rsidR="00156FB3" w:rsidRDefault="00156FB3" w:rsidP="00156FB3">
            <w:r>
              <w:t xml:space="preserve">            _this.resetZoom();</w:t>
            </w:r>
          </w:p>
          <w:p w:rsidR="00156FB3" w:rsidRDefault="00156FB3" w:rsidP="00156FB3">
            <w:r>
              <w:t xml:space="preserve">        });</w:t>
            </w:r>
          </w:p>
          <w:p w:rsidR="00156FB3" w:rsidRDefault="00156FB3" w:rsidP="00156FB3"/>
          <w:p w:rsidR="00156FB3" w:rsidRDefault="00156FB3" w:rsidP="00156FB3">
            <w:r>
              <w:t xml:space="preserve">        // Drag option after zoom</w:t>
            </w:r>
          </w:p>
          <w:p w:rsidR="00156FB3" w:rsidRDefault="00156FB3" w:rsidP="00156FB3">
            <w:r>
              <w:t xml:space="preserve">        _this.zoomDrag();</w:t>
            </w:r>
          </w:p>
          <w:p w:rsidR="00156FB3" w:rsidRDefault="00156FB3" w:rsidP="00156FB3"/>
          <w:p w:rsidR="00156FB3" w:rsidRDefault="00156FB3" w:rsidP="00156FB3">
            <w:r>
              <w:t xml:space="preserve">        _this.zoomSwipe();</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 Reset zoom effect</w:t>
            </w:r>
          </w:p>
          <w:p w:rsidR="00156FB3" w:rsidRDefault="00156FB3" w:rsidP="00156FB3">
            <w:r>
              <w:t xml:space="preserve">    Zoom.prototype.resetZoom = function() {</w:t>
            </w:r>
          </w:p>
          <w:p w:rsidR="00156FB3" w:rsidRDefault="00156FB3" w:rsidP="00156FB3">
            <w:r>
              <w:t xml:space="preserve">        this.core.$outer.removeClass('lg-zoomed');</w:t>
            </w:r>
          </w:p>
          <w:p w:rsidR="00156FB3" w:rsidRDefault="00156FB3" w:rsidP="00156FB3">
            <w:r>
              <w:t xml:space="preserve">        this.core.$slide.find('.lg-img-wrap').removeAttr('style data-x data-y');</w:t>
            </w:r>
          </w:p>
          <w:p w:rsidR="00156FB3" w:rsidRDefault="00156FB3" w:rsidP="00156FB3">
            <w:r>
              <w:t xml:space="preserve">        this.core.$slide.find('.lg-image').removeAttr('style data-scale');</w:t>
            </w:r>
          </w:p>
          <w:p w:rsidR="00156FB3" w:rsidRDefault="00156FB3" w:rsidP="00156FB3"/>
          <w:p w:rsidR="00156FB3" w:rsidRDefault="00156FB3" w:rsidP="00156FB3">
            <w:r>
              <w:t xml:space="preserve">        // Reset pagx pagy values to center</w:t>
            </w:r>
          </w:p>
          <w:p w:rsidR="00156FB3" w:rsidRDefault="00156FB3" w:rsidP="00156FB3">
            <w:r>
              <w:t xml:space="preserve">        this.pageX = $(window).width() / 2;</w:t>
            </w:r>
          </w:p>
          <w:p w:rsidR="00156FB3" w:rsidRDefault="00156FB3" w:rsidP="00156FB3">
            <w:r>
              <w:t xml:space="preserve">        this.pageY = ($(window).height() / 2) + $(window).scrollTop();</w:t>
            </w:r>
          </w:p>
          <w:p w:rsidR="00156FB3" w:rsidRDefault="00156FB3" w:rsidP="00156FB3">
            <w:r>
              <w:t xml:space="preserve">    };</w:t>
            </w:r>
          </w:p>
          <w:p w:rsidR="00156FB3" w:rsidRDefault="00156FB3" w:rsidP="00156FB3"/>
          <w:p w:rsidR="00156FB3" w:rsidRDefault="00156FB3" w:rsidP="00156FB3">
            <w:r>
              <w:t xml:space="preserve">    Zoom.prototype.zoomSwipe = function() {</w:t>
            </w:r>
          </w:p>
          <w:p w:rsidR="00156FB3" w:rsidRDefault="00156FB3" w:rsidP="00156FB3">
            <w:r>
              <w:t xml:space="preserve">        var _this = this;</w:t>
            </w:r>
          </w:p>
          <w:p w:rsidR="00156FB3" w:rsidRDefault="00156FB3" w:rsidP="00156FB3">
            <w:r>
              <w:lastRenderedPageBreak/>
              <w:t xml:space="preserve">        var startCoords = {};</w:t>
            </w:r>
          </w:p>
          <w:p w:rsidR="00156FB3" w:rsidRDefault="00156FB3" w:rsidP="00156FB3">
            <w:r>
              <w:t xml:space="preserve">        var endCoords = {};</w:t>
            </w:r>
          </w:p>
          <w:p w:rsidR="00156FB3" w:rsidRDefault="00156FB3" w:rsidP="00156FB3">
            <w:r>
              <w:t xml:space="preserve">        var isMoved = false;</w:t>
            </w:r>
          </w:p>
          <w:p w:rsidR="00156FB3" w:rsidRDefault="00156FB3" w:rsidP="00156FB3"/>
          <w:p w:rsidR="00156FB3" w:rsidRDefault="00156FB3" w:rsidP="00156FB3">
            <w:r>
              <w:t xml:space="preserve">        // Allow x direction drag</w:t>
            </w:r>
          </w:p>
          <w:p w:rsidR="00156FB3" w:rsidRDefault="00156FB3" w:rsidP="00156FB3">
            <w:r>
              <w:t xml:space="preserve">        var allowX = false;</w:t>
            </w:r>
          </w:p>
          <w:p w:rsidR="00156FB3" w:rsidRDefault="00156FB3" w:rsidP="00156FB3"/>
          <w:p w:rsidR="00156FB3" w:rsidRDefault="00156FB3" w:rsidP="00156FB3">
            <w:r>
              <w:t xml:space="preserve">        // Allow Y direction drag</w:t>
            </w:r>
          </w:p>
          <w:p w:rsidR="00156FB3" w:rsidRDefault="00156FB3" w:rsidP="00156FB3">
            <w:r>
              <w:t xml:space="preserve">        var allowY = false;</w:t>
            </w:r>
          </w:p>
          <w:p w:rsidR="00156FB3" w:rsidRDefault="00156FB3" w:rsidP="00156FB3"/>
          <w:p w:rsidR="00156FB3" w:rsidRDefault="00156FB3" w:rsidP="00156FB3">
            <w:r>
              <w:t xml:space="preserve">        _this.core.$slide.on('touchstart.lg', function(e) {</w:t>
            </w:r>
          </w:p>
          <w:p w:rsidR="00156FB3" w:rsidRDefault="00156FB3" w:rsidP="00156FB3"/>
          <w:p w:rsidR="00156FB3" w:rsidRDefault="00156FB3" w:rsidP="00156FB3">
            <w:r>
              <w:t xml:space="preserve">            if (_this.core.$outer.hasClass('lg-zoomed')) {</w:t>
            </w:r>
          </w:p>
          <w:p w:rsidR="00156FB3" w:rsidRDefault="00156FB3" w:rsidP="00156FB3">
            <w:r>
              <w:t xml:space="preserve">                var $image = _this.core.$slide.eq(_this.core.index).find('.lg-object');</w:t>
            </w:r>
          </w:p>
          <w:p w:rsidR="00156FB3" w:rsidRDefault="00156FB3" w:rsidP="00156FB3"/>
          <w:p w:rsidR="00156FB3" w:rsidRDefault="00156FB3" w:rsidP="00156FB3">
            <w:r>
              <w:t xml:space="preserve">                allowY = $image.prop('offsetHeight') * $image.attr('data-scale') &gt; _this.core.$outer.find('.lg').height();</w:t>
            </w:r>
          </w:p>
          <w:p w:rsidR="00156FB3" w:rsidRDefault="00156FB3" w:rsidP="00156FB3">
            <w:r>
              <w:t xml:space="preserve">                allowX = $image.prop('offsetWidth') * $image.attr('data-scale') &gt; _this.core.$outer.find('.lg').width();</w:t>
            </w:r>
          </w:p>
          <w:p w:rsidR="00156FB3" w:rsidRDefault="00156FB3" w:rsidP="00156FB3">
            <w:r>
              <w:t xml:space="preserve">                if ((allowX || allowY)) {</w:t>
            </w:r>
          </w:p>
          <w:p w:rsidR="00156FB3" w:rsidRDefault="00156FB3" w:rsidP="00156FB3">
            <w:r>
              <w:t xml:space="preserve">                    e.preventDefault();</w:t>
            </w:r>
          </w:p>
          <w:p w:rsidR="00156FB3" w:rsidRDefault="00156FB3" w:rsidP="00156FB3">
            <w:r>
              <w:t xml:space="preserve">                    startCoords = {</w:t>
            </w:r>
          </w:p>
          <w:p w:rsidR="00156FB3" w:rsidRDefault="00156FB3" w:rsidP="00156FB3">
            <w:r>
              <w:t xml:space="preserve">                        x: e.originalEvent.targetTouches[0].pageX,</w:t>
            </w:r>
          </w:p>
          <w:p w:rsidR="00156FB3" w:rsidRDefault="00156FB3" w:rsidP="00156FB3">
            <w:r>
              <w:t xml:space="preserve">                        y: e.originalEvent.targetTouches[0].pageY</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_this.core.$slide.on('touchmove.lg', function(e) {</w:t>
            </w:r>
          </w:p>
          <w:p w:rsidR="00156FB3" w:rsidRDefault="00156FB3" w:rsidP="00156FB3"/>
          <w:p w:rsidR="00156FB3" w:rsidRDefault="00156FB3" w:rsidP="00156FB3">
            <w:r>
              <w:t xml:space="preserve">            if (_this.core.$outer.hasClass('lg-zoomed')) {</w:t>
            </w:r>
          </w:p>
          <w:p w:rsidR="00156FB3" w:rsidRDefault="00156FB3" w:rsidP="00156FB3"/>
          <w:p w:rsidR="00156FB3" w:rsidRDefault="00156FB3" w:rsidP="00156FB3">
            <w:r>
              <w:t xml:space="preserve">                var _$el = _this.core.$slide.eq(_this.core.index).find('.lg-img-wrap');</w:t>
            </w:r>
          </w:p>
          <w:p w:rsidR="00156FB3" w:rsidRDefault="00156FB3" w:rsidP="00156FB3">
            <w:r>
              <w:t xml:space="preserve">                var distanceX;</w:t>
            </w:r>
          </w:p>
          <w:p w:rsidR="00156FB3" w:rsidRDefault="00156FB3" w:rsidP="00156FB3">
            <w:r>
              <w:t xml:space="preserve">                var distanceY;</w:t>
            </w:r>
          </w:p>
          <w:p w:rsidR="00156FB3" w:rsidRDefault="00156FB3" w:rsidP="00156FB3"/>
          <w:p w:rsidR="00156FB3" w:rsidRDefault="00156FB3" w:rsidP="00156FB3">
            <w:r>
              <w:t xml:space="preserve">                e.preventDefault();</w:t>
            </w:r>
          </w:p>
          <w:p w:rsidR="00156FB3" w:rsidRDefault="00156FB3" w:rsidP="00156FB3">
            <w:r>
              <w:t xml:space="preserve">                isMoved = true;</w:t>
            </w:r>
          </w:p>
          <w:p w:rsidR="00156FB3" w:rsidRDefault="00156FB3" w:rsidP="00156FB3"/>
          <w:p w:rsidR="00156FB3" w:rsidRDefault="00156FB3" w:rsidP="00156FB3">
            <w:r>
              <w:t xml:space="preserve">                endCoords = {</w:t>
            </w:r>
          </w:p>
          <w:p w:rsidR="00156FB3" w:rsidRDefault="00156FB3" w:rsidP="00156FB3">
            <w:r>
              <w:t xml:space="preserve">                    x: e.originalEvent.targetTouches[0].pageX,</w:t>
            </w:r>
          </w:p>
          <w:p w:rsidR="00156FB3" w:rsidRDefault="00156FB3" w:rsidP="00156FB3">
            <w:r>
              <w:t xml:space="preserve">                    y: e.originalEvent.targetTouches[0].pageY</w:t>
            </w:r>
          </w:p>
          <w:p w:rsidR="00156FB3" w:rsidRDefault="00156FB3" w:rsidP="00156FB3">
            <w:r>
              <w:t xml:space="preserve">                };</w:t>
            </w:r>
          </w:p>
          <w:p w:rsidR="00156FB3" w:rsidRDefault="00156FB3" w:rsidP="00156FB3"/>
          <w:p w:rsidR="00156FB3" w:rsidRDefault="00156FB3" w:rsidP="00156FB3">
            <w:r>
              <w:t xml:space="preserve">                // reset opacity and transition duration</w:t>
            </w:r>
          </w:p>
          <w:p w:rsidR="00156FB3" w:rsidRDefault="00156FB3" w:rsidP="00156FB3">
            <w:r>
              <w:t xml:space="preserve">                _this.core.$outer.addClass('lg-zoom-dragging');</w:t>
            </w:r>
          </w:p>
          <w:p w:rsidR="00156FB3" w:rsidRDefault="00156FB3" w:rsidP="00156FB3"/>
          <w:p w:rsidR="00156FB3" w:rsidRDefault="00156FB3" w:rsidP="00156FB3">
            <w:r>
              <w:t xml:space="preserve">                if (allowY) {</w:t>
            </w:r>
          </w:p>
          <w:p w:rsidR="00156FB3" w:rsidRDefault="00156FB3" w:rsidP="00156FB3">
            <w:r>
              <w:t xml:space="preserve">                    distanceY = (-Math.abs(_$el.attr('data-y'))) + (endCoords.y - startCoords.y);</w:t>
            </w:r>
          </w:p>
          <w:p w:rsidR="00156FB3" w:rsidRDefault="00156FB3" w:rsidP="00156FB3">
            <w:r>
              <w:t xml:space="preserve">                } else {</w:t>
            </w:r>
          </w:p>
          <w:p w:rsidR="00156FB3" w:rsidRDefault="00156FB3" w:rsidP="00156FB3">
            <w:r>
              <w:t xml:space="preserve">                    distanceY = -Math.abs(_$el.attr('data-y'));</w:t>
            </w:r>
          </w:p>
          <w:p w:rsidR="00156FB3" w:rsidRDefault="00156FB3" w:rsidP="00156FB3">
            <w:r>
              <w:t xml:space="preserve">                }</w:t>
            </w:r>
          </w:p>
          <w:p w:rsidR="00156FB3" w:rsidRDefault="00156FB3" w:rsidP="00156FB3"/>
          <w:p w:rsidR="00156FB3" w:rsidRDefault="00156FB3" w:rsidP="00156FB3">
            <w:r>
              <w:t xml:space="preserve">                if (allowX) {</w:t>
            </w:r>
          </w:p>
          <w:p w:rsidR="00156FB3" w:rsidRDefault="00156FB3" w:rsidP="00156FB3">
            <w:r>
              <w:t xml:space="preserve">                    distanceX = (-Math.abs(_$el.attr('data-x'))) + (endCoords.x - startCoords.x);</w:t>
            </w:r>
          </w:p>
          <w:p w:rsidR="00156FB3" w:rsidRDefault="00156FB3" w:rsidP="00156FB3">
            <w:r>
              <w:t xml:space="preserve">                } else {</w:t>
            </w:r>
          </w:p>
          <w:p w:rsidR="00156FB3" w:rsidRDefault="00156FB3" w:rsidP="00156FB3">
            <w:r>
              <w:t xml:space="preserve">                    distanceX = -Math.abs(_$el.attr('data-x'));</w:t>
            </w:r>
          </w:p>
          <w:p w:rsidR="00156FB3" w:rsidRDefault="00156FB3" w:rsidP="00156FB3">
            <w:r>
              <w:t xml:space="preserve">                }</w:t>
            </w:r>
          </w:p>
          <w:p w:rsidR="00156FB3" w:rsidRDefault="00156FB3" w:rsidP="00156FB3"/>
          <w:p w:rsidR="00156FB3" w:rsidRDefault="00156FB3" w:rsidP="00156FB3">
            <w:r>
              <w:t xml:space="preserve">                if ((Math.abs(endCoords.x - startCoords.x) &gt; 15) || (Math.abs(endCoords.y - startCoords.y) &gt; 15)) {</w:t>
            </w:r>
          </w:p>
          <w:p w:rsidR="00156FB3" w:rsidRDefault="00156FB3" w:rsidP="00156FB3"/>
          <w:p w:rsidR="00156FB3" w:rsidRDefault="00156FB3" w:rsidP="00156FB3">
            <w:r>
              <w:t xml:space="preserve">                    if (_this.core.s.useLeftForZoom) {</w:t>
            </w:r>
          </w:p>
          <w:p w:rsidR="00156FB3" w:rsidRDefault="00156FB3" w:rsidP="00156FB3">
            <w:r>
              <w:t xml:space="preserve">                        _$el.css({</w:t>
            </w:r>
          </w:p>
          <w:p w:rsidR="00156FB3" w:rsidRDefault="00156FB3" w:rsidP="00156FB3">
            <w:r>
              <w:t xml:space="preserve">                            left: distanceX + 'px',</w:t>
            </w:r>
          </w:p>
          <w:p w:rsidR="00156FB3" w:rsidRDefault="00156FB3" w:rsidP="00156FB3">
            <w:r>
              <w:t xml:space="preserve">                            top: distanceY + 'px'</w:t>
            </w:r>
          </w:p>
          <w:p w:rsidR="00156FB3" w:rsidRDefault="00156FB3" w:rsidP="00156FB3">
            <w:r>
              <w:t xml:space="preserve">                        });</w:t>
            </w:r>
          </w:p>
          <w:p w:rsidR="00156FB3" w:rsidRDefault="00156FB3" w:rsidP="00156FB3">
            <w:r>
              <w:t xml:space="preserve">                    } else {</w:t>
            </w:r>
          </w:p>
          <w:p w:rsidR="00156FB3" w:rsidRDefault="00156FB3" w:rsidP="00156FB3">
            <w:r>
              <w:t xml:space="preserve">                        _$el.css('transform', 'translate3d(' + distanceX + 'px, ' + distanceY + 'px, 0)');</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_this.core.$slide.on('touchend.lg', function() {</w:t>
            </w:r>
          </w:p>
          <w:p w:rsidR="00156FB3" w:rsidRDefault="00156FB3" w:rsidP="00156FB3">
            <w:r>
              <w:t xml:space="preserve">            if (_this.core.$outer.hasClass('lg-zoomed')) {</w:t>
            </w:r>
          </w:p>
          <w:p w:rsidR="00156FB3" w:rsidRDefault="00156FB3" w:rsidP="00156FB3">
            <w:r>
              <w:t xml:space="preserve">                if (isMoved) {</w:t>
            </w:r>
          </w:p>
          <w:p w:rsidR="00156FB3" w:rsidRDefault="00156FB3" w:rsidP="00156FB3">
            <w:r>
              <w:t xml:space="preserve">                    isMoved = false;</w:t>
            </w:r>
          </w:p>
          <w:p w:rsidR="00156FB3" w:rsidRDefault="00156FB3" w:rsidP="00156FB3">
            <w:r>
              <w:t xml:space="preserve">                    _this.core.$outer.removeClass('lg-zoom-dragging');</w:t>
            </w:r>
          </w:p>
          <w:p w:rsidR="00156FB3" w:rsidRDefault="00156FB3" w:rsidP="00156FB3">
            <w:r>
              <w:t xml:space="preserve">                    _this.touchendZoom(startCoords, endCoords, allowX, allowY);</w:t>
            </w:r>
          </w:p>
          <w:p w:rsidR="00156FB3" w:rsidRDefault="00156FB3" w:rsidP="00156FB3"/>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Zoom.prototype.zoomDrag = function() {</w:t>
            </w:r>
          </w:p>
          <w:p w:rsidR="00156FB3" w:rsidRDefault="00156FB3" w:rsidP="00156FB3"/>
          <w:p w:rsidR="00156FB3" w:rsidRDefault="00156FB3" w:rsidP="00156FB3">
            <w:r>
              <w:t xml:space="preserve">        var _this = this;</w:t>
            </w:r>
          </w:p>
          <w:p w:rsidR="00156FB3" w:rsidRDefault="00156FB3" w:rsidP="00156FB3">
            <w:r>
              <w:t xml:space="preserve">        var startCoords = {};</w:t>
            </w:r>
          </w:p>
          <w:p w:rsidR="00156FB3" w:rsidRDefault="00156FB3" w:rsidP="00156FB3">
            <w:r>
              <w:t xml:space="preserve">        var endCoords = {};</w:t>
            </w:r>
          </w:p>
          <w:p w:rsidR="00156FB3" w:rsidRDefault="00156FB3" w:rsidP="00156FB3">
            <w:r>
              <w:lastRenderedPageBreak/>
              <w:t xml:space="preserve">        var isDraging = false;</w:t>
            </w:r>
          </w:p>
          <w:p w:rsidR="00156FB3" w:rsidRDefault="00156FB3" w:rsidP="00156FB3">
            <w:r>
              <w:t xml:space="preserve">        var isMoved = false;</w:t>
            </w:r>
          </w:p>
          <w:p w:rsidR="00156FB3" w:rsidRDefault="00156FB3" w:rsidP="00156FB3"/>
          <w:p w:rsidR="00156FB3" w:rsidRDefault="00156FB3" w:rsidP="00156FB3">
            <w:r>
              <w:t xml:space="preserve">        // Allow x direction drag</w:t>
            </w:r>
          </w:p>
          <w:p w:rsidR="00156FB3" w:rsidRDefault="00156FB3" w:rsidP="00156FB3">
            <w:r>
              <w:t xml:space="preserve">        var allowX = false;</w:t>
            </w:r>
          </w:p>
          <w:p w:rsidR="00156FB3" w:rsidRDefault="00156FB3" w:rsidP="00156FB3"/>
          <w:p w:rsidR="00156FB3" w:rsidRDefault="00156FB3" w:rsidP="00156FB3">
            <w:r>
              <w:t xml:space="preserve">        // Allow Y direction drag</w:t>
            </w:r>
          </w:p>
          <w:p w:rsidR="00156FB3" w:rsidRDefault="00156FB3" w:rsidP="00156FB3">
            <w:r>
              <w:t xml:space="preserve">        var allowY = false;</w:t>
            </w:r>
          </w:p>
          <w:p w:rsidR="00156FB3" w:rsidRDefault="00156FB3" w:rsidP="00156FB3"/>
          <w:p w:rsidR="00156FB3" w:rsidRDefault="00156FB3" w:rsidP="00156FB3">
            <w:r>
              <w:t xml:space="preserve">        _this.core.$slide.on('mousedown.lg.zoom', function(e) {</w:t>
            </w:r>
          </w:p>
          <w:p w:rsidR="00156FB3" w:rsidRDefault="00156FB3" w:rsidP="00156FB3"/>
          <w:p w:rsidR="00156FB3" w:rsidRDefault="00156FB3" w:rsidP="00156FB3">
            <w:r>
              <w:t xml:space="preserve">            // execute only on .lg-object</w:t>
            </w:r>
          </w:p>
          <w:p w:rsidR="00156FB3" w:rsidRDefault="00156FB3" w:rsidP="00156FB3">
            <w:r>
              <w:t xml:space="preserve">            var $image = _this.core.$slide.eq(_this.core.index).find('.lg-object');</w:t>
            </w:r>
          </w:p>
          <w:p w:rsidR="00156FB3" w:rsidRDefault="00156FB3" w:rsidP="00156FB3"/>
          <w:p w:rsidR="00156FB3" w:rsidRDefault="00156FB3" w:rsidP="00156FB3">
            <w:r>
              <w:t xml:space="preserve">            allowY = $image.prop('offsetHeight') * $image.attr('data-scale') &gt; _this.core.$outer.find('.lg').height();</w:t>
            </w:r>
          </w:p>
          <w:p w:rsidR="00156FB3" w:rsidRDefault="00156FB3" w:rsidP="00156FB3">
            <w:r>
              <w:t xml:space="preserve">            allowX = $image.prop('offsetWidth') * $image.attr('data-scale') &gt; _this.core.$outer.find('.lg').width();</w:t>
            </w:r>
          </w:p>
          <w:p w:rsidR="00156FB3" w:rsidRDefault="00156FB3" w:rsidP="00156FB3"/>
          <w:p w:rsidR="00156FB3" w:rsidRDefault="00156FB3" w:rsidP="00156FB3">
            <w:r>
              <w:t xml:space="preserve">            if (_this.core.$outer.hasClass('lg-zoomed')) {</w:t>
            </w:r>
          </w:p>
          <w:p w:rsidR="00156FB3" w:rsidRDefault="00156FB3" w:rsidP="00156FB3">
            <w:r>
              <w:t xml:space="preserve">                if ($(e.target).hasClass('lg-object') &amp;&amp; (allowX || allowY)) {</w:t>
            </w:r>
          </w:p>
          <w:p w:rsidR="00156FB3" w:rsidRDefault="00156FB3" w:rsidP="00156FB3">
            <w:r>
              <w:t xml:space="preserve">                    e.preventDefault();</w:t>
            </w:r>
          </w:p>
          <w:p w:rsidR="00156FB3" w:rsidRDefault="00156FB3" w:rsidP="00156FB3">
            <w:r>
              <w:t xml:space="preserve">                    startCoords = {</w:t>
            </w:r>
          </w:p>
          <w:p w:rsidR="00156FB3" w:rsidRDefault="00156FB3" w:rsidP="00156FB3">
            <w:r>
              <w:t xml:space="preserve">                        x: e.pageX,</w:t>
            </w:r>
          </w:p>
          <w:p w:rsidR="00156FB3" w:rsidRDefault="00156FB3" w:rsidP="00156FB3">
            <w:r>
              <w:t xml:space="preserve">                        y: e.pageY</w:t>
            </w:r>
          </w:p>
          <w:p w:rsidR="00156FB3" w:rsidRDefault="00156FB3" w:rsidP="00156FB3">
            <w:r>
              <w:t xml:space="preserve">                    };</w:t>
            </w:r>
          </w:p>
          <w:p w:rsidR="00156FB3" w:rsidRDefault="00156FB3" w:rsidP="00156FB3"/>
          <w:p w:rsidR="00156FB3" w:rsidRDefault="00156FB3" w:rsidP="00156FB3">
            <w:r>
              <w:t xml:space="preserve">                    isDraging = true;</w:t>
            </w:r>
          </w:p>
          <w:p w:rsidR="00156FB3" w:rsidRDefault="00156FB3" w:rsidP="00156FB3"/>
          <w:p w:rsidR="00156FB3" w:rsidRDefault="00156FB3" w:rsidP="00156FB3">
            <w:r>
              <w:t xml:space="preserve">                    // ** Fix for webkit cursor issue https://code.google.com/p/chromium/issues/detail?id=26723</w:t>
            </w:r>
          </w:p>
          <w:p w:rsidR="00156FB3" w:rsidRDefault="00156FB3" w:rsidP="00156FB3">
            <w:r>
              <w:t xml:space="preserve">                    _this.core.$outer.scrollLeft += 1;</w:t>
            </w:r>
          </w:p>
          <w:p w:rsidR="00156FB3" w:rsidRDefault="00156FB3" w:rsidP="00156FB3">
            <w:r>
              <w:t xml:space="preserve">                    _this.core.$outer.scrollLeft -= 1;</w:t>
            </w:r>
          </w:p>
          <w:p w:rsidR="00156FB3" w:rsidRDefault="00156FB3" w:rsidP="00156FB3"/>
          <w:p w:rsidR="00156FB3" w:rsidRDefault="00156FB3" w:rsidP="00156FB3">
            <w:r>
              <w:t xml:space="preserve">                    _this.core.$outer.removeClass('lg-grab').addClass('lg-grabbing');</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indow).on('mousemove.lg.zoom', function(e) {</w:t>
            </w:r>
          </w:p>
          <w:p w:rsidR="00156FB3" w:rsidRDefault="00156FB3" w:rsidP="00156FB3">
            <w:r>
              <w:t xml:space="preserve">            if (isDraging) {</w:t>
            </w:r>
          </w:p>
          <w:p w:rsidR="00156FB3" w:rsidRDefault="00156FB3" w:rsidP="00156FB3">
            <w:r>
              <w:t xml:space="preserve">                var _$el = _this.core.$slide.eq(_this.core.index).find('.lg-img-wrap');</w:t>
            </w:r>
          </w:p>
          <w:p w:rsidR="00156FB3" w:rsidRDefault="00156FB3" w:rsidP="00156FB3">
            <w:r>
              <w:t xml:space="preserve">                var distanceX;</w:t>
            </w:r>
          </w:p>
          <w:p w:rsidR="00156FB3" w:rsidRDefault="00156FB3" w:rsidP="00156FB3">
            <w:r>
              <w:t xml:space="preserve">                var distanceY;</w:t>
            </w:r>
          </w:p>
          <w:p w:rsidR="00156FB3" w:rsidRDefault="00156FB3" w:rsidP="00156FB3"/>
          <w:p w:rsidR="00156FB3" w:rsidRDefault="00156FB3" w:rsidP="00156FB3">
            <w:r>
              <w:t xml:space="preserve">                isMoved = true;</w:t>
            </w:r>
          </w:p>
          <w:p w:rsidR="00156FB3" w:rsidRDefault="00156FB3" w:rsidP="00156FB3">
            <w:r>
              <w:t xml:space="preserve">                endCoords = {</w:t>
            </w:r>
          </w:p>
          <w:p w:rsidR="00156FB3" w:rsidRDefault="00156FB3" w:rsidP="00156FB3">
            <w:r>
              <w:t xml:space="preserve">                    x: e.pageX,</w:t>
            </w:r>
          </w:p>
          <w:p w:rsidR="00156FB3" w:rsidRDefault="00156FB3" w:rsidP="00156FB3">
            <w:r>
              <w:lastRenderedPageBreak/>
              <w:t xml:space="preserve">                    y: e.pageY</w:t>
            </w:r>
          </w:p>
          <w:p w:rsidR="00156FB3" w:rsidRDefault="00156FB3" w:rsidP="00156FB3">
            <w:r>
              <w:t xml:space="preserve">                };</w:t>
            </w:r>
          </w:p>
          <w:p w:rsidR="00156FB3" w:rsidRDefault="00156FB3" w:rsidP="00156FB3"/>
          <w:p w:rsidR="00156FB3" w:rsidRDefault="00156FB3" w:rsidP="00156FB3">
            <w:r>
              <w:t xml:space="preserve">                // reset opacity and transition duration</w:t>
            </w:r>
          </w:p>
          <w:p w:rsidR="00156FB3" w:rsidRDefault="00156FB3" w:rsidP="00156FB3">
            <w:r>
              <w:t xml:space="preserve">                _this.core.$outer.addClass('lg-zoom-dragging');</w:t>
            </w:r>
          </w:p>
          <w:p w:rsidR="00156FB3" w:rsidRDefault="00156FB3" w:rsidP="00156FB3"/>
          <w:p w:rsidR="00156FB3" w:rsidRDefault="00156FB3" w:rsidP="00156FB3">
            <w:r>
              <w:t xml:space="preserve">                if (allowY) {</w:t>
            </w:r>
          </w:p>
          <w:p w:rsidR="00156FB3" w:rsidRDefault="00156FB3" w:rsidP="00156FB3">
            <w:r>
              <w:t xml:space="preserve">                    distanceY = (-Math.abs(_$el.attr('data-y'))) + (endCoords.y - startCoords.y);</w:t>
            </w:r>
          </w:p>
          <w:p w:rsidR="00156FB3" w:rsidRDefault="00156FB3" w:rsidP="00156FB3">
            <w:r>
              <w:t xml:space="preserve">                } else {</w:t>
            </w:r>
          </w:p>
          <w:p w:rsidR="00156FB3" w:rsidRDefault="00156FB3" w:rsidP="00156FB3">
            <w:r>
              <w:t xml:space="preserve">                    distanceY = -Math.abs(_$el.attr('data-y'));</w:t>
            </w:r>
          </w:p>
          <w:p w:rsidR="00156FB3" w:rsidRDefault="00156FB3" w:rsidP="00156FB3">
            <w:r>
              <w:t xml:space="preserve">                }</w:t>
            </w:r>
          </w:p>
          <w:p w:rsidR="00156FB3" w:rsidRDefault="00156FB3" w:rsidP="00156FB3"/>
          <w:p w:rsidR="00156FB3" w:rsidRDefault="00156FB3" w:rsidP="00156FB3">
            <w:r>
              <w:t xml:space="preserve">                if (allowX) {</w:t>
            </w:r>
          </w:p>
          <w:p w:rsidR="00156FB3" w:rsidRDefault="00156FB3" w:rsidP="00156FB3">
            <w:r>
              <w:t xml:space="preserve">                    distanceX = (-Math.abs(_$el.attr('data-x'))) + (endCoords.x - startCoords.x);</w:t>
            </w:r>
          </w:p>
          <w:p w:rsidR="00156FB3" w:rsidRDefault="00156FB3" w:rsidP="00156FB3">
            <w:r>
              <w:t xml:space="preserve">                } else {</w:t>
            </w:r>
          </w:p>
          <w:p w:rsidR="00156FB3" w:rsidRDefault="00156FB3" w:rsidP="00156FB3">
            <w:r>
              <w:t xml:space="preserve">                    distanceX = -Math.abs(_$el.attr('data-x'));</w:t>
            </w:r>
          </w:p>
          <w:p w:rsidR="00156FB3" w:rsidRDefault="00156FB3" w:rsidP="00156FB3">
            <w:r>
              <w:t xml:space="preserve">                }</w:t>
            </w:r>
          </w:p>
          <w:p w:rsidR="00156FB3" w:rsidRDefault="00156FB3" w:rsidP="00156FB3"/>
          <w:p w:rsidR="00156FB3" w:rsidRDefault="00156FB3" w:rsidP="00156FB3">
            <w:r>
              <w:t xml:space="preserve">                if (_this.core.s.useLeftForZoom) {</w:t>
            </w:r>
          </w:p>
          <w:p w:rsidR="00156FB3" w:rsidRDefault="00156FB3" w:rsidP="00156FB3">
            <w:r>
              <w:t xml:space="preserve">                    _$el.css({</w:t>
            </w:r>
          </w:p>
          <w:p w:rsidR="00156FB3" w:rsidRDefault="00156FB3" w:rsidP="00156FB3">
            <w:r>
              <w:t xml:space="preserve">                        left: distanceX + 'px',</w:t>
            </w:r>
          </w:p>
          <w:p w:rsidR="00156FB3" w:rsidRDefault="00156FB3" w:rsidP="00156FB3">
            <w:r>
              <w:t xml:space="preserve">                        top: distanceY + 'px'</w:t>
            </w:r>
          </w:p>
          <w:p w:rsidR="00156FB3" w:rsidRDefault="00156FB3" w:rsidP="00156FB3">
            <w:r>
              <w:t xml:space="preserve">                    });</w:t>
            </w:r>
          </w:p>
          <w:p w:rsidR="00156FB3" w:rsidRDefault="00156FB3" w:rsidP="00156FB3">
            <w:r>
              <w:t xml:space="preserve">                } else {</w:t>
            </w:r>
          </w:p>
          <w:p w:rsidR="00156FB3" w:rsidRDefault="00156FB3" w:rsidP="00156FB3">
            <w:r>
              <w:t xml:space="preserve">                    _$el.css('transform', 'translate3d(' + distanceX + 'px, ' + distanceY + 'px, 0)');</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indow).on('mouseup.lg.zoom', function(e) {</w:t>
            </w:r>
          </w:p>
          <w:p w:rsidR="00156FB3" w:rsidRDefault="00156FB3" w:rsidP="00156FB3"/>
          <w:p w:rsidR="00156FB3" w:rsidRDefault="00156FB3" w:rsidP="00156FB3">
            <w:r>
              <w:t xml:space="preserve">            if (isDraging) {</w:t>
            </w:r>
          </w:p>
          <w:p w:rsidR="00156FB3" w:rsidRDefault="00156FB3" w:rsidP="00156FB3">
            <w:r>
              <w:t xml:space="preserve">                isDraging = false;</w:t>
            </w:r>
          </w:p>
          <w:p w:rsidR="00156FB3" w:rsidRDefault="00156FB3" w:rsidP="00156FB3">
            <w:r>
              <w:t xml:space="preserve">                _this.core.$outer.removeClass('lg-zoom-dragging');</w:t>
            </w:r>
          </w:p>
          <w:p w:rsidR="00156FB3" w:rsidRDefault="00156FB3" w:rsidP="00156FB3"/>
          <w:p w:rsidR="00156FB3" w:rsidRDefault="00156FB3" w:rsidP="00156FB3">
            <w:r>
              <w:t xml:space="preserve">                // Fix for chrome mouse move on click</w:t>
            </w:r>
          </w:p>
          <w:p w:rsidR="00156FB3" w:rsidRDefault="00156FB3" w:rsidP="00156FB3">
            <w:r>
              <w:t xml:space="preserve">                if (isMoved &amp;&amp; ((startCoords.x !== endCoords.x) || (startCoords.y !== endCoords.y))) {</w:t>
            </w:r>
          </w:p>
          <w:p w:rsidR="00156FB3" w:rsidRDefault="00156FB3" w:rsidP="00156FB3">
            <w:r>
              <w:t xml:space="preserve">                    endCoords = {</w:t>
            </w:r>
          </w:p>
          <w:p w:rsidR="00156FB3" w:rsidRDefault="00156FB3" w:rsidP="00156FB3">
            <w:r>
              <w:t xml:space="preserve">                        x: e.pageX,</w:t>
            </w:r>
          </w:p>
          <w:p w:rsidR="00156FB3" w:rsidRDefault="00156FB3" w:rsidP="00156FB3">
            <w:r>
              <w:t xml:space="preserve">                        y: e.pageY</w:t>
            </w:r>
          </w:p>
          <w:p w:rsidR="00156FB3" w:rsidRDefault="00156FB3" w:rsidP="00156FB3">
            <w:r>
              <w:t xml:space="preserve">                    };</w:t>
            </w:r>
          </w:p>
          <w:p w:rsidR="00156FB3" w:rsidRDefault="00156FB3" w:rsidP="00156FB3">
            <w:r>
              <w:t xml:space="preserve">                    _this.touchendZoom(startCoords, endCoords, allowX, allowY);</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isMoved = false;</w:t>
            </w:r>
          </w:p>
          <w:p w:rsidR="00156FB3" w:rsidRDefault="00156FB3" w:rsidP="00156FB3">
            <w:r>
              <w:t xml:space="preserve">            }</w:t>
            </w:r>
          </w:p>
          <w:p w:rsidR="00156FB3" w:rsidRDefault="00156FB3" w:rsidP="00156FB3"/>
          <w:p w:rsidR="00156FB3" w:rsidRDefault="00156FB3" w:rsidP="00156FB3">
            <w:r>
              <w:lastRenderedPageBreak/>
              <w:t xml:space="preserve">            _this.core.$outer.removeClass('lg-grabbing').addClass('lg-grab');</w:t>
            </w:r>
          </w:p>
          <w:p w:rsidR="00156FB3" w:rsidRDefault="00156FB3" w:rsidP="00156FB3"/>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Zoom.prototype.touchendZoom = function(startCoords, endCoords, allowX, allowY) {</w:t>
            </w:r>
          </w:p>
          <w:p w:rsidR="00156FB3" w:rsidRDefault="00156FB3" w:rsidP="00156FB3"/>
          <w:p w:rsidR="00156FB3" w:rsidRDefault="00156FB3" w:rsidP="00156FB3">
            <w:r>
              <w:t xml:space="preserve">        var _this = this;</w:t>
            </w:r>
          </w:p>
          <w:p w:rsidR="00156FB3" w:rsidRDefault="00156FB3" w:rsidP="00156FB3">
            <w:r>
              <w:t xml:space="preserve">        var _$el = _this.core.$slide.eq(_this.core.index).find('.lg-img-wrap');</w:t>
            </w:r>
          </w:p>
          <w:p w:rsidR="00156FB3" w:rsidRDefault="00156FB3" w:rsidP="00156FB3">
            <w:r>
              <w:t xml:space="preserve">        var $image = _this.core.$slide.eq(_this.core.index).find('.lg-object');</w:t>
            </w:r>
          </w:p>
          <w:p w:rsidR="00156FB3" w:rsidRDefault="00156FB3" w:rsidP="00156FB3">
            <w:r>
              <w:t xml:space="preserve">        var distanceX = (-Math.abs(_$el.attr('data-x'))) + (endCoords.x - startCoords.x);</w:t>
            </w:r>
          </w:p>
          <w:p w:rsidR="00156FB3" w:rsidRDefault="00156FB3" w:rsidP="00156FB3">
            <w:r>
              <w:t xml:space="preserve">        var distanceY = (-Math.abs(_$el.attr('data-y'))) + (endCoords.y - startCoords.y);</w:t>
            </w:r>
          </w:p>
          <w:p w:rsidR="00156FB3" w:rsidRDefault="00156FB3" w:rsidP="00156FB3">
            <w:r>
              <w:t xml:space="preserve">        var minY = (_this.core.$outer.find('.lg').height() - $image.prop('offsetHeight')) / 2;</w:t>
            </w:r>
          </w:p>
          <w:p w:rsidR="00156FB3" w:rsidRDefault="00156FB3" w:rsidP="00156FB3">
            <w:r>
              <w:t xml:space="preserve">        var maxY = Math.abs(($image.prop('offsetHeight') * Math.abs($image.attr('data-scale'))) - _this.core.$outer.find('.lg').height() + minY);</w:t>
            </w:r>
          </w:p>
          <w:p w:rsidR="00156FB3" w:rsidRDefault="00156FB3" w:rsidP="00156FB3">
            <w:r>
              <w:t xml:space="preserve">        var minX = (_this.core.$outer.find('.lg').width() - $image.prop('offsetWidth')) / 2;</w:t>
            </w:r>
          </w:p>
          <w:p w:rsidR="00156FB3" w:rsidRDefault="00156FB3" w:rsidP="00156FB3">
            <w:r>
              <w:t xml:space="preserve">        var maxX = Math.abs(($image.prop('offsetWidth') * Math.abs($image.attr('data-scale'))) - _this.core.$outer.find('.lg').width() + minX);</w:t>
            </w:r>
          </w:p>
          <w:p w:rsidR="00156FB3" w:rsidRDefault="00156FB3" w:rsidP="00156FB3"/>
          <w:p w:rsidR="00156FB3" w:rsidRDefault="00156FB3" w:rsidP="00156FB3">
            <w:r>
              <w:t xml:space="preserve">        if ((Math.abs(endCoords.x - startCoords.x) &gt; 15) || (Math.abs(endCoords.y - startCoords.y) &gt; 15)) {</w:t>
            </w:r>
          </w:p>
          <w:p w:rsidR="00156FB3" w:rsidRDefault="00156FB3" w:rsidP="00156FB3">
            <w:r>
              <w:t xml:space="preserve">            if (allowY) {</w:t>
            </w:r>
          </w:p>
          <w:p w:rsidR="00156FB3" w:rsidRDefault="00156FB3" w:rsidP="00156FB3">
            <w:r>
              <w:t xml:space="preserve">                if (distanceY &lt;= -maxY) {</w:t>
            </w:r>
          </w:p>
          <w:p w:rsidR="00156FB3" w:rsidRDefault="00156FB3" w:rsidP="00156FB3">
            <w:r>
              <w:t xml:space="preserve">                    distanceY = -maxY;</w:t>
            </w:r>
          </w:p>
          <w:p w:rsidR="00156FB3" w:rsidRDefault="00156FB3" w:rsidP="00156FB3">
            <w:r>
              <w:t xml:space="preserve">                } else if (distanceY &gt;= -minY) {</w:t>
            </w:r>
          </w:p>
          <w:p w:rsidR="00156FB3" w:rsidRDefault="00156FB3" w:rsidP="00156FB3">
            <w:r>
              <w:t xml:space="preserve">                    distanceY = -minY;</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if (allowX) {</w:t>
            </w:r>
          </w:p>
          <w:p w:rsidR="00156FB3" w:rsidRDefault="00156FB3" w:rsidP="00156FB3">
            <w:r>
              <w:t xml:space="preserve">                if (distanceX &lt;= -maxX) {</w:t>
            </w:r>
          </w:p>
          <w:p w:rsidR="00156FB3" w:rsidRDefault="00156FB3" w:rsidP="00156FB3">
            <w:r>
              <w:t xml:space="preserve">                    distanceX = -maxX;</w:t>
            </w:r>
          </w:p>
          <w:p w:rsidR="00156FB3" w:rsidRDefault="00156FB3" w:rsidP="00156FB3">
            <w:r>
              <w:t xml:space="preserve">                } else if (distanceX &gt;= -minX) {</w:t>
            </w:r>
          </w:p>
          <w:p w:rsidR="00156FB3" w:rsidRDefault="00156FB3" w:rsidP="00156FB3">
            <w:r>
              <w:t xml:space="preserve">                    distanceX = -minX;</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if (allowY) {</w:t>
            </w:r>
          </w:p>
          <w:p w:rsidR="00156FB3" w:rsidRDefault="00156FB3" w:rsidP="00156FB3">
            <w:r>
              <w:t xml:space="preserve">                _$el.attr('data-y', Math.abs(distanceY));</w:t>
            </w:r>
          </w:p>
          <w:p w:rsidR="00156FB3" w:rsidRDefault="00156FB3" w:rsidP="00156FB3">
            <w:r>
              <w:t xml:space="preserve">            } else {</w:t>
            </w:r>
          </w:p>
          <w:p w:rsidR="00156FB3" w:rsidRDefault="00156FB3" w:rsidP="00156FB3">
            <w:r>
              <w:t xml:space="preserve">                distanceY = -Math.abs(_$el.attr('data-y'));</w:t>
            </w:r>
          </w:p>
          <w:p w:rsidR="00156FB3" w:rsidRDefault="00156FB3" w:rsidP="00156FB3">
            <w:r>
              <w:t xml:space="preserve">            }</w:t>
            </w:r>
          </w:p>
          <w:p w:rsidR="00156FB3" w:rsidRDefault="00156FB3" w:rsidP="00156FB3"/>
          <w:p w:rsidR="00156FB3" w:rsidRDefault="00156FB3" w:rsidP="00156FB3">
            <w:r>
              <w:t xml:space="preserve">            if (allowX) {</w:t>
            </w:r>
          </w:p>
          <w:p w:rsidR="00156FB3" w:rsidRDefault="00156FB3" w:rsidP="00156FB3">
            <w:r>
              <w:t xml:space="preserve">                _$el.attr('data-x', Math.abs(distanceX));</w:t>
            </w:r>
          </w:p>
          <w:p w:rsidR="00156FB3" w:rsidRDefault="00156FB3" w:rsidP="00156FB3">
            <w:r>
              <w:t xml:space="preserve">            } else {</w:t>
            </w:r>
          </w:p>
          <w:p w:rsidR="00156FB3" w:rsidRDefault="00156FB3" w:rsidP="00156FB3">
            <w:r>
              <w:t xml:space="preserve">                distanceX = -Math.abs(_$el.attr('data-x'));</w:t>
            </w:r>
          </w:p>
          <w:p w:rsidR="00156FB3" w:rsidRDefault="00156FB3" w:rsidP="00156FB3">
            <w:r>
              <w:t xml:space="preserve">            }</w:t>
            </w:r>
          </w:p>
          <w:p w:rsidR="00156FB3" w:rsidRDefault="00156FB3" w:rsidP="00156FB3"/>
          <w:p w:rsidR="00156FB3" w:rsidRDefault="00156FB3" w:rsidP="00156FB3">
            <w:r>
              <w:lastRenderedPageBreak/>
              <w:t xml:space="preserve">            if (_this.core.s.useLeftForZoom) {</w:t>
            </w:r>
          </w:p>
          <w:p w:rsidR="00156FB3" w:rsidRDefault="00156FB3" w:rsidP="00156FB3">
            <w:r>
              <w:t xml:space="preserve">                _$el.css({</w:t>
            </w:r>
          </w:p>
          <w:p w:rsidR="00156FB3" w:rsidRDefault="00156FB3" w:rsidP="00156FB3">
            <w:r>
              <w:t xml:space="preserve">                    left: distanceX + 'px',</w:t>
            </w:r>
          </w:p>
          <w:p w:rsidR="00156FB3" w:rsidRDefault="00156FB3" w:rsidP="00156FB3">
            <w:r>
              <w:t xml:space="preserve">                    top: distanceY + 'px'</w:t>
            </w:r>
          </w:p>
          <w:p w:rsidR="00156FB3" w:rsidRDefault="00156FB3" w:rsidP="00156FB3">
            <w:r>
              <w:t xml:space="preserve">                });</w:t>
            </w:r>
          </w:p>
          <w:p w:rsidR="00156FB3" w:rsidRDefault="00156FB3" w:rsidP="00156FB3">
            <w:r>
              <w:t xml:space="preserve">            } else {</w:t>
            </w:r>
          </w:p>
          <w:p w:rsidR="00156FB3" w:rsidRDefault="00156FB3" w:rsidP="00156FB3">
            <w:r>
              <w:t xml:space="preserve">                _$el.css('transform', 'translate3d(' + distanceX + 'px, ' + distanceY + 'px, 0)');</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Zoom.prototype.destroy = function() {</w:t>
            </w:r>
          </w:p>
          <w:p w:rsidR="00156FB3" w:rsidRDefault="00156FB3" w:rsidP="00156FB3"/>
          <w:p w:rsidR="00156FB3" w:rsidRDefault="00156FB3" w:rsidP="00156FB3">
            <w:r>
              <w:t xml:space="preserve">        var _this = this;</w:t>
            </w:r>
          </w:p>
          <w:p w:rsidR="00156FB3" w:rsidRDefault="00156FB3" w:rsidP="00156FB3"/>
          <w:p w:rsidR="00156FB3" w:rsidRDefault="00156FB3" w:rsidP="00156FB3">
            <w:r>
              <w:t xml:space="preserve">        // Unbind all events added by lightGallery zoom plugin</w:t>
            </w:r>
          </w:p>
          <w:p w:rsidR="00156FB3" w:rsidRDefault="00156FB3" w:rsidP="00156FB3">
            <w:r>
              <w:t xml:space="preserve">        _this.core.$el.off('.lg.zoom');</w:t>
            </w:r>
          </w:p>
          <w:p w:rsidR="00156FB3" w:rsidRDefault="00156FB3" w:rsidP="00156FB3">
            <w:r>
              <w:t xml:space="preserve">        $(window).off('.lg.zoom');</w:t>
            </w:r>
          </w:p>
          <w:p w:rsidR="00156FB3" w:rsidRDefault="00156FB3" w:rsidP="00156FB3">
            <w:r>
              <w:t xml:space="preserve">        _this.core.$slide.off('.lg.zoom');</w:t>
            </w:r>
          </w:p>
          <w:p w:rsidR="00156FB3" w:rsidRDefault="00156FB3" w:rsidP="00156FB3">
            <w:r>
              <w:t xml:space="preserve">        _this.core.$el.off('.lg.tm.zoom');</w:t>
            </w:r>
          </w:p>
          <w:p w:rsidR="00156FB3" w:rsidRDefault="00156FB3" w:rsidP="00156FB3">
            <w:r>
              <w:t xml:space="preserve">        _this.resetZoom();</w:t>
            </w:r>
          </w:p>
          <w:p w:rsidR="00156FB3" w:rsidRDefault="00156FB3" w:rsidP="00156FB3">
            <w:r>
              <w:t xml:space="preserve">        clearTimeout(_this.zoomabletimeout);</w:t>
            </w:r>
          </w:p>
          <w:p w:rsidR="00156FB3" w:rsidRDefault="00156FB3" w:rsidP="00156FB3">
            <w:r>
              <w:t xml:space="preserve">        _this.zoomabletimeout = false;</w:t>
            </w:r>
          </w:p>
          <w:p w:rsidR="00156FB3" w:rsidRDefault="00156FB3" w:rsidP="00156FB3">
            <w:r>
              <w:t xml:space="preserve">    };</w:t>
            </w:r>
          </w:p>
          <w:p w:rsidR="00156FB3" w:rsidRDefault="00156FB3" w:rsidP="00156FB3"/>
          <w:p w:rsidR="00156FB3" w:rsidRDefault="00156FB3" w:rsidP="00156FB3">
            <w:r>
              <w:t xml:space="preserve">    $.fn.lightGallery.modules.zoom = Zoom;</w:t>
            </w:r>
          </w:p>
          <w:p w:rsidR="00156FB3" w:rsidRDefault="00156FB3" w:rsidP="00156FB3"/>
          <w:p w:rsidR="00156FB3" w:rsidRDefault="00156FB3" w:rsidP="00156FB3">
            <w:r>
              <w:t>})();</w:t>
            </w:r>
          </w:p>
          <w:p w:rsidR="00156FB3" w:rsidRDefault="00156FB3" w:rsidP="00156FB3"/>
          <w:p w:rsidR="00156FB3" w:rsidRDefault="00156FB3" w:rsidP="00156FB3"/>
          <w:p w:rsidR="00156FB3" w:rsidRDefault="00156FB3" w:rsidP="00156FB3">
            <w:r>
              <w:t>}));</w:t>
            </w:r>
          </w:p>
          <w:p w:rsidR="00156FB3" w:rsidRDefault="00156FB3" w:rsidP="00156FB3"/>
          <w:p w:rsidR="00156FB3" w:rsidRDefault="00156FB3" w:rsidP="00156FB3">
            <w:r>
              <w:t>/*! lg-hash - v1.0.4 - 2017-12-20</w:t>
            </w:r>
          </w:p>
          <w:p w:rsidR="00156FB3" w:rsidRDefault="00156FB3" w:rsidP="00156FB3">
            <w:r>
              <w:t>* http://sachinchoolur.github.io/lightGallery</w:t>
            </w:r>
          </w:p>
          <w:p w:rsidR="00156FB3" w:rsidRDefault="00156FB3" w:rsidP="00156FB3">
            <w:r>
              <w:t>* Copyright (c) 2017 Sachin N; Licensed GPLv3 */</w:t>
            </w:r>
          </w:p>
          <w:p w:rsidR="00156FB3" w:rsidRDefault="00156FB3" w:rsidP="00156FB3"/>
          <w:p w:rsidR="00156FB3" w:rsidRDefault="00156FB3" w:rsidP="00156FB3">
            <w:r>
              <w:t>(function (root, factory) {</w:t>
            </w:r>
          </w:p>
          <w:p w:rsidR="00156FB3" w:rsidRDefault="00156FB3" w:rsidP="00156FB3">
            <w:r>
              <w:t xml:space="preserve">  if (typeof define === 'function' &amp;&amp; define.amd) {</w:t>
            </w:r>
          </w:p>
          <w:p w:rsidR="00156FB3" w:rsidRDefault="00156FB3" w:rsidP="00156FB3">
            <w:r>
              <w:t xml:space="preserve">    // AMD. Register as an anonymous module unless amdModuleId is set</w:t>
            </w:r>
          </w:p>
          <w:p w:rsidR="00156FB3" w:rsidRDefault="00156FB3" w:rsidP="00156FB3">
            <w:r>
              <w:t xml:space="preserve">    define(['jquery'], function (a0) {</w:t>
            </w:r>
          </w:p>
          <w:p w:rsidR="00156FB3" w:rsidRDefault="00156FB3" w:rsidP="00156FB3">
            <w:r>
              <w:t xml:space="preserve">      return (factory(a0));</w:t>
            </w:r>
          </w:p>
          <w:p w:rsidR="00156FB3" w:rsidRDefault="00156FB3" w:rsidP="00156FB3">
            <w:r>
              <w:t xml:space="preserve">    });</w:t>
            </w:r>
          </w:p>
          <w:p w:rsidR="00156FB3" w:rsidRDefault="00156FB3" w:rsidP="00156FB3">
            <w:r>
              <w:t xml:space="preserve">  } else if (typeof exports === 'object') {</w:t>
            </w:r>
          </w:p>
          <w:p w:rsidR="00156FB3" w:rsidRDefault="00156FB3" w:rsidP="00156FB3">
            <w:r>
              <w:t xml:space="preserve">    // Node. Does not work with strict CommonJS, but</w:t>
            </w:r>
          </w:p>
          <w:p w:rsidR="00156FB3" w:rsidRDefault="00156FB3" w:rsidP="00156FB3">
            <w:r>
              <w:t xml:space="preserve">    // only CommonJS-like environments that support module.exports,</w:t>
            </w:r>
          </w:p>
          <w:p w:rsidR="00156FB3" w:rsidRDefault="00156FB3" w:rsidP="00156FB3">
            <w:r>
              <w:t xml:space="preserve">    // like Node.</w:t>
            </w:r>
          </w:p>
          <w:p w:rsidR="00156FB3" w:rsidRDefault="00156FB3" w:rsidP="00156FB3">
            <w:r>
              <w:t xml:space="preserve">    module.exports = factory(require('jquery'));</w:t>
            </w:r>
          </w:p>
          <w:p w:rsidR="00156FB3" w:rsidRDefault="00156FB3" w:rsidP="00156FB3">
            <w:r>
              <w:lastRenderedPageBreak/>
              <w:t xml:space="preserve">  } else {</w:t>
            </w:r>
          </w:p>
          <w:p w:rsidR="00156FB3" w:rsidRDefault="00156FB3" w:rsidP="00156FB3">
            <w:r>
              <w:t xml:space="preserve">    factory(jQuery);</w:t>
            </w:r>
          </w:p>
          <w:p w:rsidR="00156FB3" w:rsidRDefault="00156FB3" w:rsidP="00156FB3">
            <w:r>
              <w:t xml:space="preserve">  }</w:t>
            </w:r>
          </w:p>
          <w:p w:rsidR="00156FB3" w:rsidRDefault="00156FB3" w:rsidP="00156FB3">
            <w:r>
              <w:t>}(this, function ($) {</w:t>
            </w:r>
          </w:p>
          <w:p w:rsidR="00156FB3" w:rsidRDefault="00156FB3" w:rsidP="00156FB3"/>
          <w:p w:rsidR="00156FB3" w:rsidRDefault="00156FB3" w:rsidP="00156FB3">
            <w:r>
              <w:t>(function() {</w:t>
            </w:r>
          </w:p>
          <w:p w:rsidR="00156FB3" w:rsidRDefault="00156FB3" w:rsidP="00156FB3"/>
          <w:p w:rsidR="00156FB3" w:rsidRDefault="00156FB3" w:rsidP="00156FB3">
            <w:r>
              <w:t xml:space="preserve">    'use strict';</w:t>
            </w:r>
          </w:p>
          <w:p w:rsidR="00156FB3" w:rsidRDefault="00156FB3" w:rsidP="00156FB3"/>
          <w:p w:rsidR="00156FB3" w:rsidRDefault="00156FB3" w:rsidP="00156FB3">
            <w:r>
              <w:t xml:space="preserve">    var defaults = {</w:t>
            </w:r>
          </w:p>
          <w:p w:rsidR="00156FB3" w:rsidRDefault="00156FB3" w:rsidP="00156FB3">
            <w:r>
              <w:t xml:space="preserve">        hash: true</w:t>
            </w:r>
          </w:p>
          <w:p w:rsidR="00156FB3" w:rsidRDefault="00156FB3" w:rsidP="00156FB3">
            <w:r>
              <w:t xml:space="preserve">    };</w:t>
            </w:r>
          </w:p>
          <w:p w:rsidR="00156FB3" w:rsidRDefault="00156FB3" w:rsidP="00156FB3"/>
          <w:p w:rsidR="00156FB3" w:rsidRDefault="00156FB3" w:rsidP="00156FB3">
            <w:r>
              <w:t xml:space="preserve">    var Hash = function(element) {</w:t>
            </w:r>
          </w:p>
          <w:p w:rsidR="00156FB3" w:rsidRDefault="00156FB3" w:rsidP="00156FB3"/>
          <w:p w:rsidR="00156FB3" w:rsidRDefault="00156FB3" w:rsidP="00156FB3">
            <w:r>
              <w:t xml:space="preserve">        this.core = $(element).data('lightGallery');</w:t>
            </w:r>
          </w:p>
          <w:p w:rsidR="00156FB3" w:rsidRDefault="00156FB3" w:rsidP="00156FB3"/>
          <w:p w:rsidR="00156FB3" w:rsidRDefault="00156FB3" w:rsidP="00156FB3">
            <w:r>
              <w:t xml:space="preserve">        this.core.s = $.extend({}, defaults, this.core.s);</w:t>
            </w:r>
          </w:p>
          <w:p w:rsidR="00156FB3" w:rsidRDefault="00156FB3" w:rsidP="00156FB3"/>
          <w:p w:rsidR="00156FB3" w:rsidRDefault="00156FB3" w:rsidP="00156FB3">
            <w:r>
              <w:t xml:space="preserve">        if (this.core.s.hash) {</w:t>
            </w:r>
          </w:p>
          <w:p w:rsidR="00156FB3" w:rsidRDefault="00156FB3" w:rsidP="00156FB3">
            <w:r>
              <w:t xml:space="preserve">            this.oldHash = window.location.hash;</w:t>
            </w:r>
          </w:p>
          <w:p w:rsidR="00156FB3" w:rsidRDefault="00156FB3" w:rsidP="00156FB3">
            <w:r>
              <w:t xml:space="preserve">            this.init();</w:t>
            </w:r>
          </w:p>
          <w:p w:rsidR="00156FB3" w:rsidRDefault="00156FB3" w:rsidP="00156FB3">
            <w:r>
              <w:t xml:space="preserve">        }</w:t>
            </w:r>
          </w:p>
          <w:p w:rsidR="00156FB3" w:rsidRDefault="00156FB3" w:rsidP="00156FB3"/>
          <w:p w:rsidR="00156FB3" w:rsidRDefault="00156FB3" w:rsidP="00156FB3">
            <w:r>
              <w:t xml:space="preserve">        return this;</w:t>
            </w:r>
          </w:p>
          <w:p w:rsidR="00156FB3" w:rsidRDefault="00156FB3" w:rsidP="00156FB3">
            <w:r>
              <w:t xml:space="preserve">    };</w:t>
            </w:r>
          </w:p>
          <w:p w:rsidR="00156FB3" w:rsidRDefault="00156FB3" w:rsidP="00156FB3"/>
          <w:p w:rsidR="00156FB3" w:rsidRDefault="00156FB3" w:rsidP="00156FB3">
            <w:r>
              <w:t xml:space="preserve">    Hash.prototype.init = function() {</w:t>
            </w:r>
          </w:p>
          <w:p w:rsidR="00156FB3" w:rsidRDefault="00156FB3" w:rsidP="00156FB3">
            <w:r>
              <w:t xml:space="preserve">        var _this = this;</w:t>
            </w:r>
          </w:p>
          <w:p w:rsidR="00156FB3" w:rsidRDefault="00156FB3" w:rsidP="00156FB3">
            <w:r>
              <w:t xml:space="preserve">        var _hash;</w:t>
            </w:r>
          </w:p>
          <w:p w:rsidR="00156FB3" w:rsidRDefault="00156FB3" w:rsidP="00156FB3"/>
          <w:p w:rsidR="00156FB3" w:rsidRDefault="00156FB3" w:rsidP="00156FB3">
            <w:r>
              <w:t xml:space="preserve">        // Change hash value on after each slide transition</w:t>
            </w:r>
          </w:p>
          <w:p w:rsidR="00156FB3" w:rsidRDefault="00156FB3" w:rsidP="00156FB3">
            <w:r>
              <w:t xml:space="preserve">        _this.core.$el.on('onAfterSlide.lg.tm', function(event, prevIndex, index) {</w:t>
            </w:r>
          </w:p>
          <w:p w:rsidR="00156FB3" w:rsidRDefault="00156FB3" w:rsidP="00156FB3">
            <w:r>
              <w:t xml:space="preserve">            if (history.replaceState) {</w:t>
            </w:r>
          </w:p>
          <w:p w:rsidR="00156FB3" w:rsidRDefault="00156FB3" w:rsidP="00156FB3">
            <w:r>
              <w:t xml:space="preserve">                history.replaceState(null, null, window.location.pathname + window.location.search + '#lg=' + _this.core.s.galleryId + '&amp;slide=' + index);</w:t>
            </w:r>
          </w:p>
          <w:p w:rsidR="00156FB3" w:rsidRDefault="00156FB3" w:rsidP="00156FB3">
            <w:r>
              <w:t xml:space="preserve">            } else {</w:t>
            </w:r>
          </w:p>
          <w:p w:rsidR="00156FB3" w:rsidRDefault="00156FB3" w:rsidP="00156FB3">
            <w:r>
              <w:t xml:space="preserve">                window.location.hash = 'lg=' + _this.core.s.galleryId + '&amp;slide=' + index;</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Listen hash change and change the slide according to slide value</w:t>
            </w:r>
          </w:p>
          <w:p w:rsidR="00156FB3" w:rsidRDefault="00156FB3" w:rsidP="00156FB3">
            <w:r>
              <w:t xml:space="preserve">        $(window).on('hashchange.lg.hash', function() {</w:t>
            </w:r>
          </w:p>
          <w:p w:rsidR="00156FB3" w:rsidRDefault="00156FB3" w:rsidP="00156FB3">
            <w:r>
              <w:t xml:space="preserve">            _hash = window.location.hash;</w:t>
            </w:r>
          </w:p>
          <w:p w:rsidR="00156FB3" w:rsidRDefault="00156FB3" w:rsidP="00156FB3">
            <w:r>
              <w:t xml:space="preserve">            var _idx = parseInt(_hash.split('&amp;slide=')[1], 10);</w:t>
            </w:r>
          </w:p>
          <w:p w:rsidR="00156FB3" w:rsidRDefault="00156FB3" w:rsidP="00156FB3"/>
          <w:p w:rsidR="00156FB3" w:rsidRDefault="00156FB3" w:rsidP="00156FB3">
            <w:r>
              <w:t xml:space="preserve">            // it galleryId doesn't exist in the url close the gallery</w:t>
            </w:r>
          </w:p>
          <w:p w:rsidR="00156FB3" w:rsidRDefault="00156FB3" w:rsidP="00156FB3">
            <w:r>
              <w:t xml:space="preserve">            if ((_hash.indexOf('lg=' + _this.core.s.galleryId) &gt; -1)) {</w:t>
            </w:r>
          </w:p>
          <w:p w:rsidR="00156FB3" w:rsidRDefault="00156FB3" w:rsidP="00156FB3">
            <w:r>
              <w:lastRenderedPageBreak/>
              <w:t xml:space="preserve">                _this.core.slide(_idx, false, false);</w:t>
            </w:r>
          </w:p>
          <w:p w:rsidR="00156FB3" w:rsidRDefault="00156FB3" w:rsidP="00156FB3">
            <w:r>
              <w:t xml:space="preserve">            } else if (_this.core.lGalleryOn) {</w:t>
            </w:r>
          </w:p>
          <w:p w:rsidR="00156FB3" w:rsidRDefault="00156FB3" w:rsidP="00156FB3">
            <w:r>
              <w:t xml:space="preserve">                _this.core.destro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Hash.prototype.destroy = function() {</w:t>
            </w:r>
          </w:p>
          <w:p w:rsidR="00156FB3" w:rsidRDefault="00156FB3" w:rsidP="00156FB3"/>
          <w:p w:rsidR="00156FB3" w:rsidRDefault="00156FB3" w:rsidP="00156FB3">
            <w:r>
              <w:t xml:space="preserve">        if (!this.core.s.hash)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 Reset to old hash value</w:t>
            </w:r>
          </w:p>
          <w:p w:rsidR="00156FB3" w:rsidRDefault="00156FB3" w:rsidP="00156FB3">
            <w:r>
              <w:t xml:space="preserve">        if (this.oldHash &amp;&amp; this.oldHash.indexOf('lg=' + this.core.s.galleryId) &lt; 0) {</w:t>
            </w:r>
          </w:p>
          <w:p w:rsidR="00156FB3" w:rsidRDefault="00156FB3" w:rsidP="00156FB3">
            <w:r>
              <w:t xml:space="preserve">            if (history.replaceState) {</w:t>
            </w:r>
          </w:p>
          <w:p w:rsidR="00156FB3" w:rsidRDefault="00156FB3" w:rsidP="00156FB3">
            <w:r>
              <w:t xml:space="preserve">                history.replaceState(null, null, this.oldHash);</w:t>
            </w:r>
          </w:p>
          <w:p w:rsidR="00156FB3" w:rsidRDefault="00156FB3" w:rsidP="00156FB3">
            <w:r>
              <w:t xml:space="preserve">            } else {</w:t>
            </w:r>
          </w:p>
          <w:p w:rsidR="00156FB3" w:rsidRDefault="00156FB3" w:rsidP="00156FB3">
            <w:r>
              <w:t xml:space="preserve">                window.location.hash = this.oldHash;</w:t>
            </w:r>
          </w:p>
          <w:p w:rsidR="00156FB3" w:rsidRDefault="00156FB3" w:rsidP="00156FB3">
            <w:r>
              <w:t xml:space="preserve">            }</w:t>
            </w:r>
          </w:p>
          <w:p w:rsidR="00156FB3" w:rsidRDefault="00156FB3" w:rsidP="00156FB3">
            <w:r>
              <w:t xml:space="preserve">        } else {</w:t>
            </w:r>
          </w:p>
          <w:p w:rsidR="00156FB3" w:rsidRDefault="00156FB3" w:rsidP="00156FB3">
            <w:r>
              <w:t xml:space="preserve">            if (history.replaceState) {</w:t>
            </w:r>
          </w:p>
          <w:p w:rsidR="00156FB3" w:rsidRDefault="00156FB3" w:rsidP="00156FB3">
            <w:r>
              <w:t xml:space="preserve">                history.replaceState(null, document.title, window.location.pathname + window.location.search);</w:t>
            </w:r>
          </w:p>
          <w:p w:rsidR="00156FB3" w:rsidRDefault="00156FB3" w:rsidP="00156FB3">
            <w:r>
              <w:t xml:space="preserve">            } else {</w:t>
            </w:r>
          </w:p>
          <w:p w:rsidR="00156FB3" w:rsidRDefault="00156FB3" w:rsidP="00156FB3">
            <w:r>
              <w:t xml:space="preserve">                window.location.hash =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this.core.$el.off('.lg.hash');</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fn.lightGallery.modules.hash = Hash;</w:t>
            </w:r>
          </w:p>
          <w:p w:rsidR="00156FB3" w:rsidRDefault="00156FB3" w:rsidP="00156FB3"/>
          <w:p w:rsidR="00156FB3" w:rsidRDefault="00156FB3" w:rsidP="00156FB3">
            <w:r>
              <w:t>})();</w:t>
            </w:r>
          </w:p>
          <w:p w:rsidR="00156FB3" w:rsidRDefault="00156FB3" w:rsidP="00156FB3"/>
          <w:p w:rsidR="00156FB3" w:rsidRDefault="00156FB3" w:rsidP="00156FB3"/>
          <w:p w:rsidR="00156FB3" w:rsidRDefault="00156FB3" w:rsidP="00156FB3">
            <w:r>
              <w:t>}));</w:t>
            </w:r>
          </w:p>
          <w:p w:rsidR="00156FB3" w:rsidRDefault="00156FB3" w:rsidP="00156FB3"/>
          <w:p w:rsidR="00156FB3" w:rsidRDefault="00156FB3" w:rsidP="00156FB3">
            <w:r>
              <w:t>/*! lg-share - v1.1.0 - 2017-10-03</w:t>
            </w:r>
          </w:p>
          <w:p w:rsidR="00156FB3" w:rsidRDefault="00156FB3" w:rsidP="00156FB3">
            <w:r>
              <w:t>* http://sachinchoolur.github.io/lightGallery</w:t>
            </w:r>
          </w:p>
          <w:p w:rsidR="00156FB3" w:rsidRDefault="00156FB3" w:rsidP="00156FB3">
            <w:r>
              <w:t>* Copyright (c) 2017 Sachin N; Licensed GPLv3 */</w:t>
            </w:r>
          </w:p>
          <w:p w:rsidR="00156FB3" w:rsidRDefault="00156FB3" w:rsidP="00156FB3"/>
          <w:p w:rsidR="00156FB3" w:rsidRDefault="00156FB3" w:rsidP="00156FB3">
            <w:r>
              <w:t>(function (root, factory) {</w:t>
            </w:r>
          </w:p>
          <w:p w:rsidR="00156FB3" w:rsidRDefault="00156FB3" w:rsidP="00156FB3">
            <w:r>
              <w:t xml:space="preserve">  if (typeof define === 'function' &amp;&amp; define.amd) {</w:t>
            </w:r>
          </w:p>
          <w:p w:rsidR="00156FB3" w:rsidRDefault="00156FB3" w:rsidP="00156FB3">
            <w:r>
              <w:t xml:space="preserve">    // AMD. Register as an anonymous module unless amdModuleId is set</w:t>
            </w:r>
          </w:p>
          <w:p w:rsidR="00156FB3" w:rsidRDefault="00156FB3" w:rsidP="00156FB3">
            <w:r>
              <w:lastRenderedPageBreak/>
              <w:t xml:space="preserve">    define(['jquery'], function (a0) {</w:t>
            </w:r>
          </w:p>
          <w:p w:rsidR="00156FB3" w:rsidRDefault="00156FB3" w:rsidP="00156FB3">
            <w:r>
              <w:t xml:space="preserve">      return (factory(a0));</w:t>
            </w:r>
          </w:p>
          <w:p w:rsidR="00156FB3" w:rsidRDefault="00156FB3" w:rsidP="00156FB3">
            <w:r>
              <w:t xml:space="preserve">    });</w:t>
            </w:r>
          </w:p>
          <w:p w:rsidR="00156FB3" w:rsidRDefault="00156FB3" w:rsidP="00156FB3">
            <w:r>
              <w:t xml:space="preserve">  } else if (typeof exports === 'object') {</w:t>
            </w:r>
          </w:p>
          <w:p w:rsidR="00156FB3" w:rsidRDefault="00156FB3" w:rsidP="00156FB3">
            <w:r>
              <w:t xml:space="preserve">    // Node. Does not work with strict CommonJS, but</w:t>
            </w:r>
          </w:p>
          <w:p w:rsidR="00156FB3" w:rsidRDefault="00156FB3" w:rsidP="00156FB3">
            <w:r>
              <w:t xml:space="preserve">    // only CommonJS-like environments that support module.exports,</w:t>
            </w:r>
          </w:p>
          <w:p w:rsidR="00156FB3" w:rsidRDefault="00156FB3" w:rsidP="00156FB3">
            <w:r>
              <w:t xml:space="preserve">    // like Node.</w:t>
            </w:r>
          </w:p>
          <w:p w:rsidR="00156FB3" w:rsidRDefault="00156FB3" w:rsidP="00156FB3">
            <w:r>
              <w:t xml:space="preserve">    module.exports = factory(require('jquery'));</w:t>
            </w:r>
          </w:p>
          <w:p w:rsidR="00156FB3" w:rsidRDefault="00156FB3" w:rsidP="00156FB3">
            <w:r>
              <w:t xml:space="preserve">  } else {</w:t>
            </w:r>
          </w:p>
          <w:p w:rsidR="00156FB3" w:rsidRDefault="00156FB3" w:rsidP="00156FB3">
            <w:r>
              <w:t xml:space="preserve">    factory(jQuery);</w:t>
            </w:r>
          </w:p>
          <w:p w:rsidR="00156FB3" w:rsidRDefault="00156FB3" w:rsidP="00156FB3">
            <w:r>
              <w:t xml:space="preserve">  }</w:t>
            </w:r>
          </w:p>
          <w:p w:rsidR="00156FB3" w:rsidRDefault="00156FB3" w:rsidP="00156FB3">
            <w:r>
              <w:t>}(this, function ($) {</w:t>
            </w:r>
          </w:p>
          <w:p w:rsidR="00156FB3" w:rsidRDefault="00156FB3" w:rsidP="00156FB3"/>
          <w:p w:rsidR="00156FB3" w:rsidRDefault="00156FB3" w:rsidP="00156FB3">
            <w:r>
              <w:t>(function() {</w:t>
            </w:r>
          </w:p>
          <w:p w:rsidR="00156FB3" w:rsidRDefault="00156FB3" w:rsidP="00156FB3"/>
          <w:p w:rsidR="00156FB3" w:rsidRDefault="00156FB3" w:rsidP="00156FB3">
            <w:r>
              <w:t xml:space="preserve">    'use strict';</w:t>
            </w:r>
          </w:p>
          <w:p w:rsidR="00156FB3" w:rsidRDefault="00156FB3" w:rsidP="00156FB3"/>
          <w:p w:rsidR="00156FB3" w:rsidRDefault="00156FB3" w:rsidP="00156FB3">
            <w:r>
              <w:t xml:space="preserve">    var defaults = {</w:t>
            </w:r>
          </w:p>
          <w:p w:rsidR="00156FB3" w:rsidRDefault="00156FB3" w:rsidP="00156FB3">
            <w:r>
              <w:t xml:space="preserve">        share: true,</w:t>
            </w:r>
          </w:p>
          <w:p w:rsidR="00156FB3" w:rsidRDefault="00156FB3" w:rsidP="00156FB3">
            <w:r>
              <w:t xml:space="preserve">        facebook: true,</w:t>
            </w:r>
          </w:p>
          <w:p w:rsidR="00156FB3" w:rsidRDefault="00156FB3" w:rsidP="00156FB3">
            <w:r>
              <w:t xml:space="preserve">        facebookDropdownText: 'Facebook',</w:t>
            </w:r>
          </w:p>
          <w:p w:rsidR="00156FB3" w:rsidRDefault="00156FB3" w:rsidP="00156FB3">
            <w:r>
              <w:t xml:space="preserve">        twitter: true,</w:t>
            </w:r>
          </w:p>
          <w:p w:rsidR="00156FB3" w:rsidRDefault="00156FB3" w:rsidP="00156FB3">
            <w:r>
              <w:t xml:space="preserve">        twitterDropdownText: 'Twitter',</w:t>
            </w:r>
          </w:p>
          <w:p w:rsidR="00156FB3" w:rsidRDefault="00156FB3" w:rsidP="00156FB3">
            <w:r>
              <w:t xml:space="preserve">        googlePlus: true,</w:t>
            </w:r>
          </w:p>
          <w:p w:rsidR="00156FB3" w:rsidRDefault="00156FB3" w:rsidP="00156FB3">
            <w:r>
              <w:t xml:space="preserve">        googlePlusDropdownText: 'GooglePlus',</w:t>
            </w:r>
          </w:p>
          <w:p w:rsidR="00156FB3" w:rsidRDefault="00156FB3" w:rsidP="00156FB3">
            <w:r>
              <w:t xml:space="preserve">        pinterest: true,</w:t>
            </w:r>
          </w:p>
          <w:p w:rsidR="00156FB3" w:rsidRDefault="00156FB3" w:rsidP="00156FB3">
            <w:r>
              <w:t xml:space="preserve">        pinterestDropdownText: 'Pinterest'</w:t>
            </w:r>
          </w:p>
          <w:p w:rsidR="00156FB3" w:rsidRDefault="00156FB3" w:rsidP="00156FB3">
            <w:r>
              <w:t xml:space="preserve">    };</w:t>
            </w:r>
          </w:p>
          <w:p w:rsidR="00156FB3" w:rsidRDefault="00156FB3" w:rsidP="00156FB3"/>
          <w:p w:rsidR="00156FB3" w:rsidRDefault="00156FB3" w:rsidP="00156FB3">
            <w:r>
              <w:t xml:space="preserve">    var Share = function(element) {</w:t>
            </w:r>
          </w:p>
          <w:p w:rsidR="00156FB3" w:rsidRDefault="00156FB3" w:rsidP="00156FB3"/>
          <w:p w:rsidR="00156FB3" w:rsidRDefault="00156FB3" w:rsidP="00156FB3">
            <w:r>
              <w:t xml:space="preserve">        this.core = $(element).data('lightGallery');</w:t>
            </w:r>
          </w:p>
          <w:p w:rsidR="00156FB3" w:rsidRDefault="00156FB3" w:rsidP="00156FB3"/>
          <w:p w:rsidR="00156FB3" w:rsidRDefault="00156FB3" w:rsidP="00156FB3">
            <w:r>
              <w:t xml:space="preserve">        this.core.s = $.extend({}, defaults, this.core.s);</w:t>
            </w:r>
          </w:p>
          <w:p w:rsidR="00156FB3" w:rsidRDefault="00156FB3" w:rsidP="00156FB3">
            <w:r>
              <w:t xml:space="preserve">        if (this.core.s.share) {</w:t>
            </w:r>
          </w:p>
          <w:p w:rsidR="00156FB3" w:rsidRDefault="00156FB3" w:rsidP="00156FB3">
            <w:r>
              <w:t xml:space="preserve">            this.init();</w:t>
            </w:r>
          </w:p>
          <w:p w:rsidR="00156FB3" w:rsidRDefault="00156FB3" w:rsidP="00156FB3">
            <w:r>
              <w:t xml:space="preserve">        }</w:t>
            </w:r>
          </w:p>
          <w:p w:rsidR="00156FB3" w:rsidRDefault="00156FB3" w:rsidP="00156FB3"/>
          <w:p w:rsidR="00156FB3" w:rsidRDefault="00156FB3" w:rsidP="00156FB3">
            <w:r>
              <w:t xml:space="preserve">        return this;</w:t>
            </w:r>
          </w:p>
          <w:p w:rsidR="00156FB3" w:rsidRDefault="00156FB3" w:rsidP="00156FB3">
            <w:r>
              <w:t xml:space="preserve">    };</w:t>
            </w:r>
          </w:p>
          <w:p w:rsidR="00156FB3" w:rsidRDefault="00156FB3" w:rsidP="00156FB3"/>
          <w:p w:rsidR="00156FB3" w:rsidRDefault="00156FB3" w:rsidP="00156FB3">
            <w:r>
              <w:t xml:space="preserve">    Share.prototype.init = function() {</w:t>
            </w:r>
          </w:p>
          <w:p w:rsidR="00156FB3" w:rsidRDefault="00156FB3" w:rsidP="00156FB3">
            <w:r>
              <w:t xml:space="preserve">        var _this = this;</w:t>
            </w:r>
          </w:p>
          <w:p w:rsidR="00156FB3" w:rsidRDefault="00156FB3" w:rsidP="00156FB3">
            <w:r>
              <w:t xml:space="preserve">        var shareHtml = '&lt;span id="lg-share" class="lg-icon"&gt;' +</w:t>
            </w:r>
          </w:p>
          <w:p w:rsidR="00156FB3" w:rsidRDefault="00156FB3" w:rsidP="00156FB3">
            <w:r>
              <w:t xml:space="preserve">            '&lt;ul class="lg-dropdown" style="position: absolute;"&gt;';</w:t>
            </w:r>
          </w:p>
          <w:p w:rsidR="00156FB3" w:rsidRDefault="00156FB3" w:rsidP="00156FB3">
            <w:r>
              <w:t xml:space="preserve">        shareHtml += _this.core.s.facebook ? '&lt;li&gt;&lt;a id="lg-share-facebook" target="_blank"&gt;&lt;span class="lg-icon"&gt;&lt;/span&gt;&lt;span class="lg-dropdown-text"&gt;' + this.core.s.facebookDropdownText + '&lt;/span&gt;&lt;/a&gt;&lt;/li&gt;' : '';</w:t>
            </w:r>
          </w:p>
          <w:p w:rsidR="00156FB3" w:rsidRDefault="00156FB3" w:rsidP="00156FB3">
            <w:r>
              <w:lastRenderedPageBreak/>
              <w:t xml:space="preserve">        shareHtml += _this.core.s.twitter ? '&lt;li&gt;&lt;a id="lg-share-twitter" target="_blank"&gt;&lt;span class="lg-icon"&gt;&lt;/span&gt;&lt;span class="lg-dropdown-text"&gt;' + this.core.s.twitterDropdownText + '&lt;/span&gt;&lt;/a&gt;&lt;/li&gt;' : '';</w:t>
            </w:r>
          </w:p>
          <w:p w:rsidR="00156FB3" w:rsidRDefault="00156FB3" w:rsidP="00156FB3">
            <w:r>
              <w:t xml:space="preserve">        shareHtml += _this.core.s.googlePlus ? '&lt;li&gt;&lt;a id="lg-share-googleplus" target="_blank"&gt;&lt;span class="lg-icon"&gt;&lt;/span&gt;&lt;span class="lg-dropdown-text"&gt;' + this.core.s.googlePlusDropdownText + '&lt;/span&gt;&lt;/a&gt;&lt;/li&gt;' : '';</w:t>
            </w:r>
          </w:p>
          <w:p w:rsidR="00156FB3" w:rsidRDefault="00156FB3" w:rsidP="00156FB3">
            <w:r>
              <w:t xml:space="preserve">        shareHtml += _this.core.s.pinterest ? '&lt;li&gt;&lt;a id="lg-share-pinterest" target="_blank"&gt;&lt;span class="lg-icon"&gt;&lt;/span&gt;&lt;span class="lg-dropdown-text"&gt;' + this.core.s.pinterestDropdownText + '&lt;/span&gt;&lt;/a&gt;&lt;/li&gt;' : '';</w:t>
            </w:r>
          </w:p>
          <w:p w:rsidR="00156FB3" w:rsidRDefault="00156FB3" w:rsidP="00156FB3">
            <w:r>
              <w:t xml:space="preserve">        shareHtml += '&lt;/ul&gt;&lt;/span&gt;';</w:t>
            </w:r>
          </w:p>
          <w:p w:rsidR="00156FB3" w:rsidRDefault="00156FB3" w:rsidP="00156FB3"/>
          <w:p w:rsidR="00156FB3" w:rsidRDefault="00156FB3" w:rsidP="00156FB3">
            <w:r>
              <w:t xml:space="preserve">        this.core.$outer.find('.lg-toolbar').append(shareHtml);</w:t>
            </w:r>
          </w:p>
          <w:p w:rsidR="00156FB3" w:rsidRDefault="00156FB3" w:rsidP="00156FB3">
            <w:r>
              <w:t xml:space="preserve">        this.core.$outer.find('.lg').append('&lt;div id="lg-dropdown-overlay"&gt;&lt;/div&gt;');</w:t>
            </w:r>
          </w:p>
          <w:p w:rsidR="00156FB3" w:rsidRDefault="00156FB3" w:rsidP="00156FB3">
            <w:r>
              <w:t xml:space="preserve">        $('#lg-share').on('click.lg', function(){</w:t>
            </w:r>
          </w:p>
          <w:p w:rsidR="00156FB3" w:rsidRDefault="00156FB3" w:rsidP="00156FB3">
            <w:r>
              <w:t xml:space="preserve">            _this.core.$outer.toggleClass('lg-dropdown-active');</w:t>
            </w:r>
          </w:p>
          <w:p w:rsidR="00156FB3" w:rsidRDefault="00156FB3" w:rsidP="00156FB3">
            <w:r>
              <w:t xml:space="preserve">        });</w:t>
            </w:r>
          </w:p>
          <w:p w:rsidR="00156FB3" w:rsidRDefault="00156FB3" w:rsidP="00156FB3"/>
          <w:p w:rsidR="00156FB3" w:rsidRDefault="00156FB3" w:rsidP="00156FB3">
            <w:r>
              <w:t xml:space="preserve">        $('#lg-dropdown-overlay').on('click.lg', function(){</w:t>
            </w:r>
          </w:p>
          <w:p w:rsidR="00156FB3" w:rsidRDefault="00156FB3" w:rsidP="00156FB3">
            <w:r>
              <w:t xml:space="preserve">            _this.core.$outer.removeClass('lg-dropdown-active');</w:t>
            </w:r>
          </w:p>
          <w:p w:rsidR="00156FB3" w:rsidRDefault="00156FB3" w:rsidP="00156FB3">
            <w:r>
              <w:t xml:space="preserve">        });</w:t>
            </w:r>
          </w:p>
          <w:p w:rsidR="00156FB3" w:rsidRDefault="00156FB3" w:rsidP="00156FB3"/>
          <w:p w:rsidR="00156FB3" w:rsidRDefault="00156FB3" w:rsidP="00156FB3">
            <w:r>
              <w:t xml:space="preserve">        _this.core.$el.on('onAfterSlide.lg.tm', function(event, prevIndex, index) {</w:t>
            </w:r>
          </w:p>
          <w:p w:rsidR="00156FB3" w:rsidRDefault="00156FB3" w:rsidP="00156FB3"/>
          <w:p w:rsidR="00156FB3" w:rsidRDefault="00156FB3" w:rsidP="00156FB3">
            <w:r>
              <w:t xml:space="preserve">            setTimeout(function() {</w:t>
            </w:r>
          </w:p>
          <w:p w:rsidR="00156FB3" w:rsidRDefault="00156FB3" w:rsidP="00156FB3"/>
          <w:p w:rsidR="00156FB3" w:rsidRDefault="00156FB3" w:rsidP="00156FB3">
            <w:r>
              <w:t xml:space="preserve">                $('#lg-share-facebook').attr('href', 'https://www.facebook.com/sharer/sharer.php?u=' + (encodeURIComponent(_this.getSahreProps(index, 'facebookShareUrl') || window.location.href)));</w:t>
            </w:r>
          </w:p>
          <w:p w:rsidR="00156FB3" w:rsidRDefault="00156FB3" w:rsidP="00156FB3"/>
          <w:p w:rsidR="00156FB3" w:rsidRDefault="00156FB3" w:rsidP="00156FB3">
            <w:r>
              <w:t xml:space="preserve">                $('#lg-share-twitter').attr('href', 'https://twitter.com/intent/tweet?text=' + _this.getSahreProps(index, 'tweetText') + '&amp;url=' + (encodeURIComponent(_this.getSahreProps(index, 'twitterShareUrl') || window.location.href)));</w:t>
            </w:r>
          </w:p>
          <w:p w:rsidR="00156FB3" w:rsidRDefault="00156FB3" w:rsidP="00156FB3"/>
          <w:p w:rsidR="00156FB3" w:rsidRDefault="00156FB3" w:rsidP="00156FB3">
            <w:r>
              <w:t xml:space="preserve">                $('#lg-share-googleplus').attr('href', 'https://plus.google.com/share?url=' + (encodeURIComponent(_this.getSahreProps(index, 'googleplusShareUrl') || window.location.href)));</w:t>
            </w:r>
          </w:p>
          <w:p w:rsidR="00156FB3" w:rsidRDefault="00156FB3" w:rsidP="00156FB3"/>
          <w:p w:rsidR="00156FB3" w:rsidRDefault="00156FB3" w:rsidP="00156FB3">
            <w:r>
              <w:t xml:space="preserve">                $('#lg-share-pinterest').attr('href', 'http://www.pinterest.com/pin/create/button/?url=' + (encodeURIComponent(_this.getSahreProps(index, 'pinterestShareUrl') || window.location.href)) + '&amp;media=' + encodeURIComponent(_this.getSahreProps(index, 'src')) + '&amp;description=' + _this.getSahreProps(index, 'pinterestText'));</w:t>
            </w:r>
          </w:p>
          <w:p w:rsidR="00156FB3" w:rsidRDefault="00156FB3" w:rsidP="00156FB3"/>
          <w:p w:rsidR="00156FB3" w:rsidRDefault="00156FB3" w:rsidP="00156FB3">
            <w:r>
              <w:t xml:space="preserve">            }, 100);</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Share.prototype.getSahreProps = function(index, prop){</w:t>
            </w:r>
          </w:p>
          <w:p w:rsidR="00156FB3" w:rsidRDefault="00156FB3" w:rsidP="00156FB3">
            <w:r>
              <w:t xml:space="preserve">        var shareProp = '';</w:t>
            </w:r>
          </w:p>
          <w:p w:rsidR="00156FB3" w:rsidRDefault="00156FB3" w:rsidP="00156FB3">
            <w:r>
              <w:t xml:space="preserve">        if(this.core.s.dynamic) {</w:t>
            </w:r>
          </w:p>
          <w:p w:rsidR="00156FB3" w:rsidRDefault="00156FB3" w:rsidP="00156FB3">
            <w:r>
              <w:t xml:space="preserve">            shareProp = this.core.s.dynamicEl[index][prop];</w:t>
            </w:r>
          </w:p>
          <w:p w:rsidR="00156FB3" w:rsidRDefault="00156FB3" w:rsidP="00156FB3">
            <w:r>
              <w:lastRenderedPageBreak/>
              <w:t xml:space="preserve">        } else {</w:t>
            </w:r>
          </w:p>
          <w:p w:rsidR="00156FB3" w:rsidRDefault="00156FB3" w:rsidP="00156FB3">
            <w:r>
              <w:t xml:space="preserve">            var _href = this.core.$items.eq(index).attr('href');</w:t>
            </w:r>
          </w:p>
          <w:p w:rsidR="00156FB3" w:rsidRDefault="00156FB3" w:rsidP="00156FB3">
            <w:r>
              <w:t xml:space="preserve">            var _prop = this.core.$items.eq(index).data(prop);</w:t>
            </w:r>
          </w:p>
          <w:p w:rsidR="00156FB3" w:rsidRDefault="00156FB3" w:rsidP="00156FB3">
            <w:r>
              <w:t xml:space="preserve">            shareProp = prop === 'src' ? _href || _prop : _prop;</w:t>
            </w:r>
          </w:p>
          <w:p w:rsidR="00156FB3" w:rsidRDefault="00156FB3" w:rsidP="00156FB3">
            <w:r>
              <w:t xml:space="preserve">        }</w:t>
            </w:r>
          </w:p>
          <w:p w:rsidR="00156FB3" w:rsidRDefault="00156FB3" w:rsidP="00156FB3">
            <w:r>
              <w:t xml:space="preserve">        return shareProp;</w:t>
            </w:r>
          </w:p>
          <w:p w:rsidR="00156FB3" w:rsidRDefault="00156FB3" w:rsidP="00156FB3">
            <w:r>
              <w:t xml:space="preserve">    };</w:t>
            </w:r>
          </w:p>
          <w:p w:rsidR="00156FB3" w:rsidRDefault="00156FB3" w:rsidP="00156FB3"/>
          <w:p w:rsidR="00156FB3" w:rsidRDefault="00156FB3" w:rsidP="00156FB3">
            <w:r>
              <w:t xml:space="preserve">    Share.prototype.destroy = function() {</w:t>
            </w:r>
          </w:p>
          <w:p w:rsidR="00156FB3" w:rsidRDefault="00156FB3" w:rsidP="00156FB3"/>
          <w:p w:rsidR="00156FB3" w:rsidRDefault="00156FB3" w:rsidP="00156FB3">
            <w:r>
              <w:t xml:space="preserve">    };</w:t>
            </w:r>
          </w:p>
          <w:p w:rsidR="00156FB3" w:rsidRDefault="00156FB3" w:rsidP="00156FB3"/>
          <w:p w:rsidR="00156FB3" w:rsidRDefault="00156FB3" w:rsidP="00156FB3">
            <w:r>
              <w:t xml:space="preserve">    $.fn.lightGallery.modules.share = Share;</w:t>
            </w:r>
          </w:p>
          <w:p w:rsidR="00156FB3" w:rsidRDefault="00156FB3" w:rsidP="00156FB3"/>
          <w:p w:rsidR="00156FB3" w:rsidRDefault="00156FB3" w:rsidP="00156FB3">
            <w:r>
              <w:t>})();</w:t>
            </w:r>
          </w:p>
          <w:p w:rsidR="00156FB3" w:rsidRDefault="00156FB3" w:rsidP="00156FB3"/>
          <w:p w:rsidR="00156FB3" w:rsidRDefault="00156FB3" w:rsidP="00156FB3"/>
          <w:p w:rsidR="00156FB3" w:rsidRDefault="00156FB3" w:rsidP="00156FB3"/>
          <w:p w:rsidR="0048012D" w:rsidRDefault="00156FB3" w:rsidP="00156FB3">
            <w:r>
              <w:t>}));</w:t>
            </w:r>
          </w:p>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Lscache.js</w:t>
            </w:r>
          </w:p>
        </w:tc>
      </w:tr>
      <w:tr w:rsidR="0048012D" w:rsidTr="0048012D">
        <w:tc>
          <w:tcPr>
            <w:tcW w:w="9576" w:type="dxa"/>
          </w:tcPr>
          <w:p w:rsidR="0048012D" w:rsidRDefault="00156FB3" w:rsidP="0048012D">
            <w:r>
              <w:rPr>
                <w:rFonts w:ascii="Cascadia Mono" w:hAnsi="Cascadia Mono" w:cs="Cascadia Mono"/>
                <w:color w:val="000000"/>
                <w:sz w:val="19"/>
                <w:szCs w:val="19"/>
              </w:rPr>
              <w:t>!</w:t>
            </w:r>
            <w:r>
              <w:rPr>
                <w:rFonts w:ascii="Cascadia Mono" w:hAnsi="Cascadia Mono" w:cs="Cascadia Mono"/>
                <w:color w:val="0000FF"/>
                <w:sz w:val="19"/>
                <w:szCs w:val="19"/>
              </w:rPr>
              <w:t>function</w:t>
            </w:r>
            <w:r>
              <w:rPr>
                <w:rFonts w:ascii="Cascadia Mono" w:hAnsi="Cascadia Mono" w:cs="Cascadia Mono"/>
                <w:color w:val="000000"/>
                <w:sz w:val="19"/>
                <w:szCs w:val="19"/>
              </w:rPr>
              <w:t>(a,b){</w:t>
            </w:r>
            <w:r>
              <w:rPr>
                <w:rFonts w:ascii="Cascadia Mono" w:hAnsi="Cascadia Mono" w:cs="Cascadia Mono"/>
                <w:color w:val="A31515"/>
                <w:sz w:val="19"/>
                <w:szCs w:val="19"/>
              </w:rPr>
              <w:t>"function"</w:t>
            </w:r>
            <w:r>
              <w:rPr>
                <w:rFonts w:ascii="Cascadia Mono" w:hAnsi="Cascadia Mono" w:cs="Cascadia Mono"/>
                <w:color w:val="000000"/>
                <w:sz w:val="19"/>
                <w:szCs w:val="19"/>
              </w:rPr>
              <w:t>==</w:t>
            </w:r>
            <w:r>
              <w:rPr>
                <w:rFonts w:ascii="Cascadia Mono" w:hAnsi="Cascadia Mono" w:cs="Cascadia Mono"/>
                <w:color w:val="0000FF"/>
                <w:sz w:val="19"/>
                <w:szCs w:val="19"/>
              </w:rPr>
              <w:t>typeof</w:t>
            </w:r>
            <w:r>
              <w:rPr>
                <w:rFonts w:ascii="Cascadia Mono" w:hAnsi="Cascadia Mono" w:cs="Cascadia Mono"/>
                <w:color w:val="000000"/>
                <w:sz w:val="19"/>
                <w:szCs w:val="19"/>
              </w:rPr>
              <w:t xml:space="preserve"> define&amp;&amp;define.amd?define([],b):</w:t>
            </w:r>
            <w:r>
              <w:rPr>
                <w:rFonts w:ascii="Cascadia Mono" w:hAnsi="Cascadia Mono" w:cs="Cascadia Mono"/>
                <w:color w:val="A31515"/>
                <w:sz w:val="19"/>
                <w:szCs w:val="19"/>
              </w:rPr>
              <w:t>"undefined"</w:t>
            </w:r>
            <w:r>
              <w:rPr>
                <w:rFonts w:ascii="Cascadia Mono" w:hAnsi="Cascadia Mono" w:cs="Cascadia Mono"/>
                <w:color w:val="000000"/>
                <w:sz w:val="19"/>
                <w:szCs w:val="19"/>
              </w:rPr>
              <w:t>!=</w:t>
            </w:r>
            <w:r>
              <w:rPr>
                <w:rFonts w:ascii="Cascadia Mono" w:hAnsi="Cascadia Mono" w:cs="Cascadia Mono"/>
                <w:color w:val="0000FF"/>
                <w:sz w:val="19"/>
                <w:szCs w:val="19"/>
              </w:rPr>
              <w:t>typeof</w:t>
            </w:r>
            <w:r>
              <w:rPr>
                <w:rFonts w:ascii="Cascadia Mono" w:hAnsi="Cascadia Mono" w:cs="Cascadia Mono"/>
                <w:color w:val="000000"/>
                <w:sz w:val="19"/>
                <w:szCs w:val="19"/>
              </w:rPr>
              <w:t xml:space="preserve"> module&amp;&amp;module.exports?module.exports=b():a.lscache=b()}(</w:t>
            </w:r>
            <w:r>
              <w:rPr>
                <w:rFonts w:ascii="Cascadia Mono" w:hAnsi="Cascadia Mono" w:cs="Cascadia Mono"/>
                <w:color w:val="0000FF"/>
                <w:sz w:val="19"/>
                <w:szCs w:val="19"/>
              </w:rPr>
              <w:t>this</w:t>
            </w:r>
            <w:r>
              <w:rPr>
                <w:rFonts w:ascii="Cascadia Mono" w:hAnsi="Cascadia Mono" w:cs="Cascadia Mono"/>
                <w:color w:val="000000"/>
                <w:sz w:val="19"/>
                <w:szCs w:val="19"/>
              </w:rPr>
              <w:t>,</w:t>
            </w:r>
            <w:r>
              <w:rPr>
                <w:rFonts w:ascii="Cascadia Mono" w:hAnsi="Cascadia Mono" w:cs="Cascadia Mono"/>
                <w:color w:val="0000FF"/>
                <w:sz w:val="19"/>
                <w:szCs w:val="19"/>
              </w:rPr>
              <w:t>function</w:t>
            </w:r>
            <w:r>
              <w:rPr>
                <w:rFonts w:ascii="Cascadia Mono" w:hAnsi="Cascadia Mono" w:cs="Cascadia Mono"/>
                <w:color w:val="000000"/>
                <w:sz w:val="19"/>
                <w:szCs w:val="19"/>
              </w:rPr>
              <w:t>(){</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a(){</w:t>
            </w:r>
            <w:r>
              <w:rPr>
                <w:rFonts w:ascii="Cascadia Mono" w:hAnsi="Cascadia Mono" w:cs="Cascadia Mono"/>
                <w:color w:val="0000FF"/>
                <w:sz w:val="19"/>
                <w:szCs w:val="19"/>
              </w:rPr>
              <w:t>var</w:t>
            </w:r>
            <w:r>
              <w:rPr>
                <w:rFonts w:ascii="Cascadia Mono" w:hAnsi="Cascadia Mono" w:cs="Cascadia Mono"/>
                <w:color w:val="000000"/>
                <w:sz w:val="19"/>
                <w:szCs w:val="19"/>
              </w:rPr>
              <w:t xml:space="preserve"> a=</w:t>
            </w:r>
            <w:r>
              <w:rPr>
                <w:rFonts w:ascii="Cascadia Mono" w:hAnsi="Cascadia Mono" w:cs="Cascadia Mono"/>
                <w:color w:val="A31515"/>
                <w:sz w:val="19"/>
                <w:szCs w:val="19"/>
              </w:rPr>
              <w:t>"__lscachetest__"</w:t>
            </w:r>
            <w:r>
              <w:rPr>
                <w:rFonts w:ascii="Cascadia Mono" w:hAnsi="Cascadia Mono" w:cs="Cascadia Mono"/>
                <w:color w:val="000000"/>
                <w:sz w:val="19"/>
                <w:szCs w:val="19"/>
              </w:rPr>
              <w:t>,c=a;</w:t>
            </w:r>
            <w:r>
              <w:rPr>
                <w:rFonts w:ascii="Cascadia Mono" w:hAnsi="Cascadia Mono" w:cs="Cascadia Mono"/>
                <w:color w:val="0000FF"/>
                <w:sz w:val="19"/>
                <w:szCs w:val="19"/>
              </w:rPr>
              <w:t>if</w:t>
            </w:r>
            <w:r>
              <w:rPr>
                <w:rFonts w:ascii="Cascadia Mono" w:hAnsi="Cascadia Mono" w:cs="Cascadia Mono"/>
                <w:color w:val="000000"/>
                <w:sz w:val="19"/>
                <w:szCs w:val="19"/>
              </w:rPr>
              <w:t>(</w:t>
            </w:r>
            <w:r>
              <w:rPr>
                <w:rFonts w:ascii="Cascadia Mono" w:hAnsi="Cascadia Mono" w:cs="Cascadia Mono"/>
                <w:color w:val="0000FF"/>
                <w:sz w:val="19"/>
                <w:szCs w:val="19"/>
              </w:rPr>
              <w:t>void</w:t>
            </w:r>
            <w:r>
              <w:rPr>
                <w:rFonts w:ascii="Cascadia Mono" w:hAnsi="Cascadia Mono" w:cs="Cascadia Mono"/>
                <w:color w:val="000000"/>
                <w:sz w:val="19"/>
                <w:szCs w:val="19"/>
              </w:rPr>
              <w:t xml:space="preserve"> 0!==o)</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o;</w:t>
            </w:r>
            <w:r>
              <w:rPr>
                <w:rFonts w:ascii="Cascadia Mono" w:hAnsi="Cascadia Mono" w:cs="Cascadia Mono"/>
                <w:color w:val="0000FF"/>
                <w:sz w:val="19"/>
                <w:szCs w:val="19"/>
              </w:rPr>
              <w:t>try</w:t>
            </w:r>
            <w:r>
              <w:rPr>
                <w:rFonts w:ascii="Cascadia Mono" w:hAnsi="Cascadia Mono" w:cs="Cascadia Mono"/>
                <w:color w:val="000000"/>
                <w:sz w:val="19"/>
                <w:szCs w:val="19"/>
              </w:rPr>
              <w:t>{</w:t>
            </w:r>
            <w:r>
              <w:rPr>
                <w:rFonts w:ascii="Cascadia Mono" w:hAnsi="Cascadia Mono" w:cs="Cascadia Mono"/>
                <w:color w:val="0000FF"/>
                <w:sz w:val="19"/>
                <w:szCs w:val="19"/>
              </w:rPr>
              <w:t>if</w:t>
            </w:r>
            <w:r>
              <w:rPr>
                <w:rFonts w:ascii="Cascadia Mono" w:hAnsi="Cascadia Mono" w:cs="Cascadia Mono"/>
                <w:color w:val="000000"/>
                <w:sz w:val="19"/>
                <w:szCs w:val="19"/>
              </w:rPr>
              <w:t>(!localStorage)</w:t>
            </w:r>
            <w:r>
              <w:rPr>
                <w:rFonts w:ascii="Cascadia Mono" w:hAnsi="Cascadia Mono" w:cs="Cascadia Mono"/>
                <w:color w:val="0000FF"/>
                <w:sz w:val="19"/>
                <w:szCs w:val="19"/>
              </w:rPr>
              <w:t>return</w:t>
            </w:r>
            <w:r>
              <w:rPr>
                <w:rFonts w:ascii="Cascadia Mono" w:hAnsi="Cascadia Mono" w:cs="Cascadia Mono"/>
                <w:color w:val="000000"/>
                <w:sz w:val="19"/>
                <w:szCs w:val="19"/>
              </w:rPr>
              <w:t>!1}</w:t>
            </w:r>
            <w:r>
              <w:rPr>
                <w:rFonts w:ascii="Cascadia Mono" w:hAnsi="Cascadia Mono" w:cs="Cascadia Mono"/>
                <w:color w:val="0000FF"/>
                <w:sz w:val="19"/>
                <w:szCs w:val="19"/>
              </w:rPr>
              <w:t>catch</w:t>
            </w:r>
            <w:r>
              <w:rPr>
                <w:rFonts w:ascii="Cascadia Mono" w:hAnsi="Cascadia Mono" w:cs="Cascadia Mono"/>
                <w:color w:val="000000"/>
                <w:sz w:val="19"/>
                <w:szCs w:val="19"/>
              </w:rPr>
              <w:t>(a){</w:t>
            </w:r>
            <w:r>
              <w:rPr>
                <w:rFonts w:ascii="Cascadia Mono" w:hAnsi="Cascadia Mono" w:cs="Cascadia Mono"/>
                <w:color w:val="0000FF"/>
                <w:sz w:val="19"/>
                <w:szCs w:val="19"/>
              </w:rPr>
              <w:t>return</w:t>
            </w:r>
            <w:r>
              <w:rPr>
                <w:rFonts w:ascii="Cascadia Mono" w:hAnsi="Cascadia Mono" w:cs="Cascadia Mono"/>
                <w:color w:val="000000"/>
                <w:sz w:val="19"/>
                <w:szCs w:val="19"/>
              </w:rPr>
              <w:t>!1}</w:t>
            </w:r>
            <w:r>
              <w:rPr>
                <w:rFonts w:ascii="Cascadia Mono" w:hAnsi="Cascadia Mono" w:cs="Cascadia Mono"/>
                <w:color w:val="0000FF"/>
                <w:sz w:val="19"/>
                <w:szCs w:val="19"/>
              </w:rPr>
              <w:t>try</w:t>
            </w:r>
            <w:r>
              <w:rPr>
                <w:rFonts w:ascii="Cascadia Mono" w:hAnsi="Cascadia Mono" w:cs="Cascadia Mono"/>
                <w:color w:val="000000"/>
                <w:sz w:val="19"/>
                <w:szCs w:val="19"/>
              </w:rPr>
              <w:t>{h(a,c),i(a),o=!0}</w:t>
            </w:r>
            <w:r>
              <w:rPr>
                <w:rFonts w:ascii="Cascadia Mono" w:hAnsi="Cascadia Mono" w:cs="Cascadia Mono"/>
                <w:color w:val="0000FF"/>
                <w:sz w:val="19"/>
                <w:szCs w:val="19"/>
              </w:rPr>
              <w:t>catch</w:t>
            </w:r>
            <w:r>
              <w:rPr>
                <w:rFonts w:ascii="Cascadia Mono" w:hAnsi="Cascadia Mono" w:cs="Cascadia Mono"/>
                <w:color w:val="000000"/>
                <w:sz w:val="19"/>
                <w:szCs w:val="19"/>
              </w:rPr>
              <w:t>(a){o=!(!b(a)||!localStorage.length)}</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o}</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b(a){</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a&amp;&amp;(</w:t>
            </w:r>
            <w:r>
              <w:rPr>
                <w:rFonts w:ascii="Cascadia Mono" w:hAnsi="Cascadia Mono" w:cs="Cascadia Mono"/>
                <w:color w:val="A31515"/>
                <w:sz w:val="19"/>
                <w:szCs w:val="19"/>
              </w:rPr>
              <w:t>"QUOTA_EXCEEDED_ERR"</w:t>
            </w:r>
            <w:r>
              <w:rPr>
                <w:rFonts w:ascii="Cascadia Mono" w:hAnsi="Cascadia Mono" w:cs="Cascadia Mono"/>
                <w:color w:val="000000"/>
                <w:sz w:val="19"/>
                <w:szCs w:val="19"/>
              </w:rPr>
              <w:t>===a.name||</w:t>
            </w:r>
            <w:r>
              <w:rPr>
                <w:rFonts w:ascii="Cascadia Mono" w:hAnsi="Cascadia Mono" w:cs="Cascadia Mono"/>
                <w:color w:val="A31515"/>
                <w:sz w:val="19"/>
                <w:szCs w:val="19"/>
              </w:rPr>
              <w:t>"NS_ERROR_DOM_QUOTA_REACHED"</w:t>
            </w:r>
            <w:r>
              <w:rPr>
                <w:rFonts w:ascii="Cascadia Mono" w:hAnsi="Cascadia Mono" w:cs="Cascadia Mono"/>
                <w:color w:val="000000"/>
                <w:sz w:val="19"/>
                <w:szCs w:val="19"/>
              </w:rPr>
              <w:t>===a.name||</w:t>
            </w:r>
            <w:r>
              <w:rPr>
                <w:rFonts w:ascii="Cascadia Mono" w:hAnsi="Cascadia Mono" w:cs="Cascadia Mono"/>
                <w:color w:val="A31515"/>
                <w:sz w:val="19"/>
                <w:szCs w:val="19"/>
              </w:rPr>
              <w:t>"QuotaExceededError"</w:t>
            </w:r>
            <w:r>
              <w:rPr>
                <w:rFonts w:ascii="Cascadia Mono" w:hAnsi="Cascadia Mono" w:cs="Cascadia Mono"/>
                <w:color w:val="000000"/>
                <w:sz w:val="19"/>
                <w:szCs w:val="19"/>
              </w:rPr>
              <w:t>===a.name)}</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c(){</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w:t>
            </w:r>
            <w:r>
              <w:rPr>
                <w:rFonts w:ascii="Cascadia Mono" w:hAnsi="Cascadia Mono" w:cs="Cascadia Mono"/>
                <w:color w:val="0000FF"/>
                <w:sz w:val="19"/>
                <w:szCs w:val="19"/>
              </w:rPr>
              <w:t>void</w:t>
            </w:r>
            <w:r>
              <w:rPr>
                <w:rFonts w:ascii="Cascadia Mono" w:hAnsi="Cascadia Mono" w:cs="Cascadia Mono"/>
                <w:color w:val="000000"/>
                <w:sz w:val="19"/>
                <w:szCs w:val="19"/>
              </w:rPr>
              <w:t xml:space="preserve"> 0===p&amp;&amp;(p=</w:t>
            </w:r>
            <w:r>
              <w:rPr>
                <w:rFonts w:ascii="Cascadia Mono" w:hAnsi="Cascadia Mono" w:cs="Cascadia Mono"/>
                <w:color w:val="0000FF"/>
                <w:sz w:val="19"/>
                <w:szCs w:val="19"/>
              </w:rPr>
              <w:t>null</w:t>
            </w:r>
            <w:r>
              <w:rPr>
                <w:rFonts w:ascii="Cascadia Mono" w:hAnsi="Cascadia Mono" w:cs="Cascadia Mono"/>
                <w:color w:val="000000"/>
                <w:sz w:val="19"/>
                <w:szCs w:val="19"/>
              </w:rPr>
              <w:t>!=window.JSON),p}</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d(a){</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a.replace(</w:t>
            </w:r>
            <w:r>
              <w:rPr>
                <w:rFonts w:ascii="Cascadia Mono" w:hAnsi="Cascadia Mono" w:cs="Cascadia Mono"/>
                <w:color w:val="A31515"/>
                <w:sz w:val="19"/>
                <w:szCs w:val="19"/>
              </w:rPr>
              <w:t>/[[\]{}()*+?.\\^$|]/g</w:t>
            </w:r>
            <w:r>
              <w:rPr>
                <w:rFonts w:ascii="Cascadia Mono" w:hAnsi="Cascadia Mono" w:cs="Cascadia Mono"/>
                <w:color w:val="000000"/>
                <w:sz w:val="19"/>
                <w:szCs w:val="19"/>
              </w:rPr>
              <w:t>,</w:t>
            </w:r>
            <w:r>
              <w:rPr>
                <w:rFonts w:ascii="Cascadia Mono" w:hAnsi="Cascadia Mono" w:cs="Cascadia Mono"/>
                <w:color w:val="A31515"/>
                <w:sz w:val="19"/>
                <w:szCs w:val="19"/>
              </w:rPr>
              <w:t>"\\$&amp;"</w:t>
            </w:r>
            <w:r>
              <w:rPr>
                <w:rFonts w:ascii="Cascadia Mono" w:hAnsi="Cascadia Mono" w:cs="Cascadia Mono"/>
                <w:color w:val="000000"/>
                <w:sz w:val="19"/>
                <w:szCs w:val="19"/>
              </w:rPr>
              <w:t>)}</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e(a){</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a+r}</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f(){</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Math.floor((</w:t>
            </w:r>
            <w:r>
              <w:rPr>
                <w:rFonts w:ascii="Cascadia Mono" w:hAnsi="Cascadia Mono" w:cs="Cascadia Mono"/>
                <w:color w:val="0000FF"/>
                <w:sz w:val="19"/>
                <w:szCs w:val="19"/>
              </w:rPr>
              <w:t>new</w:t>
            </w:r>
            <w:r>
              <w:rPr>
                <w:rFonts w:ascii="Cascadia Mono" w:hAnsi="Cascadia Mono" w:cs="Cascadia Mono"/>
                <w:color w:val="000000"/>
                <w:sz w:val="19"/>
                <w:szCs w:val="19"/>
              </w:rPr>
              <w:t xml:space="preserve"> Date).getTime()/t)}</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g(a){</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localStorage.getItem(q+v+a)}</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h(a,b){localStorage.removeItem(q+v+a),localStorage.setItem(q+v+a,b)}</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i(a){localStorage.removeItem(q+v+a)}</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j(a){</w:t>
            </w:r>
            <w:r>
              <w:rPr>
                <w:rFonts w:ascii="Cascadia Mono" w:hAnsi="Cascadia Mono" w:cs="Cascadia Mono"/>
                <w:color w:val="0000FF"/>
                <w:sz w:val="19"/>
                <w:szCs w:val="19"/>
              </w:rPr>
              <w:t>for</w:t>
            </w:r>
            <w:r>
              <w:rPr>
                <w:rFonts w:ascii="Cascadia Mono" w:hAnsi="Cascadia Mono" w:cs="Cascadia Mono"/>
                <w:color w:val="000000"/>
                <w:sz w:val="19"/>
                <w:szCs w:val="19"/>
              </w:rPr>
              <w:t>(</w:t>
            </w:r>
            <w:r>
              <w:rPr>
                <w:rFonts w:ascii="Cascadia Mono" w:hAnsi="Cascadia Mono" w:cs="Cascadia Mono"/>
                <w:color w:val="0000FF"/>
                <w:sz w:val="19"/>
                <w:szCs w:val="19"/>
              </w:rPr>
              <w:t>var</w:t>
            </w:r>
            <w:r>
              <w:rPr>
                <w:rFonts w:ascii="Cascadia Mono" w:hAnsi="Cascadia Mono" w:cs="Cascadia Mono"/>
                <w:color w:val="000000"/>
                <w:sz w:val="19"/>
                <w:szCs w:val="19"/>
              </w:rPr>
              <w:t xml:space="preserve"> b=</w:t>
            </w:r>
            <w:r>
              <w:rPr>
                <w:rFonts w:ascii="Cascadia Mono" w:hAnsi="Cascadia Mono" w:cs="Cascadia Mono"/>
                <w:color w:val="0000FF"/>
                <w:sz w:val="19"/>
                <w:szCs w:val="19"/>
              </w:rPr>
              <w:t>new</w:t>
            </w:r>
            <w:r>
              <w:rPr>
                <w:rFonts w:ascii="Cascadia Mono" w:hAnsi="Cascadia Mono" w:cs="Cascadia Mono"/>
                <w:color w:val="000000"/>
                <w:sz w:val="19"/>
                <w:szCs w:val="19"/>
              </w:rPr>
              <w:t xml:space="preserve"> RegExp(</w:t>
            </w:r>
            <w:r>
              <w:rPr>
                <w:rFonts w:ascii="Cascadia Mono" w:hAnsi="Cascadia Mono" w:cs="Cascadia Mono"/>
                <w:color w:val="A31515"/>
                <w:sz w:val="19"/>
                <w:szCs w:val="19"/>
              </w:rPr>
              <w:t>"^"</w:t>
            </w:r>
            <w:r>
              <w:rPr>
                <w:rFonts w:ascii="Cascadia Mono" w:hAnsi="Cascadia Mono" w:cs="Cascadia Mono"/>
                <w:color w:val="000000"/>
                <w:sz w:val="19"/>
                <w:szCs w:val="19"/>
              </w:rPr>
              <w:t>+q+d(v)+</w:t>
            </w:r>
            <w:r>
              <w:rPr>
                <w:rFonts w:ascii="Cascadia Mono" w:hAnsi="Cascadia Mono" w:cs="Cascadia Mono"/>
                <w:color w:val="A31515"/>
                <w:sz w:val="19"/>
                <w:szCs w:val="19"/>
              </w:rPr>
              <w:t>"(.*)"</w:t>
            </w:r>
            <w:r>
              <w:rPr>
                <w:rFonts w:ascii="Cascadia Mono" w:hAnsi="Cascadia Mono" w:cs="Cascadia Mono"/>
                <w:color w:val="000000"/>
                <w:sz w:val="19"/>
                <w:szCs w:val="19"/>
              </w:rPr>
              <w:t>),c=localStorage.length-1;c&gt;=0;--c){</w:t>
            </w:r>
            <w:r>
              <w:rPr>
                <w:rFonts w:ascii="Cascadia Mono" w:hAnsi="Cascadia Mono" w:cs="Cascadia Mono"/>
                <w:color w:val="0000FF"/>
                <w:sz w:val="19"/>
                <w:szCs w:val="19"/>
              </w:rPr>
              <w:t>var</w:t>
            </w:r>
            <w:r>
              <w:rPr>
                <w:rFonts w:ascii="Cascadia Mono" w:hAnsi="Cascadia Mono" w:cs="Cascadia Mono"/>
                <w:color w:val="000000"/>
                <w:sz w:val="19"/>
                <w:szCs w:val="19"/>
              </w:rPr>
              <w:t xml:space="preserve"> f=localStorage.key(c);f=f&amp;&amp;f.match(b),f=f&amp;&amp;f[1],f&amp;&amp;f.indexOf(r)&lt;0&amp;&amp;a(f,e(f))}}</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k(a){</w:t>
            </w:r>
            <w:r>
              <w:rPr>
                <w:rFonts w:ascii="Cascadia Mono" w:hAnsi="Cascadia Mono" w:cs="Cascadia Mono"/>
                <w:color w:val="0000FF"/>
                <w:sz w:val="19"/>
                <w:szCs w:val="19"/>
              </w:rPr>
              <w:t>var</w:t>
            </w:r>
            <w:r>
              <w:rPr>
                <w:rFonts w:ascii="Cascadia Mono" w:hAnsi="Cascadia Mono" w:cs="Cascadia Mono"/>
                <w:color w:val="000000"/>
                <w:sz w:val="19"/>
                <w:szCs w:val="19"/>
              </w:rPr>
              <w:t xml:space="preserve"> b=e(a);i(a),i(b)}</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l(a){</w:t>
            </w:r>
            <w:r>
              <w:rPr>
                <w:rFonts w:ascii="Cascadia Mono" w:hAnsi="Cascadia Mono" w:cs="Cascadia Mono"/>
                <w:color w:val="0000FF"/>
                <w:sz w:val="19"/>
                <w:szCs w:val="19"/>
              </w:rPr>
              <w:t>var</w:t>
            </w:r>
            <w:r>
              <w:rPr>
                <w:rFonts w:ascii="Cascadia Mono" w:hAnsi="Cascadia Mono" w:cs="Cascadia Mono"/>
                <w:color w:val="000000"/>
                <w:sz w:val="19"/>
                <w:szCs w:val="19"/>
              </w:rPr>
              <w:t xml:space="preserve"> b=e(a),c=g(b);</w:t>
            </w:r>
            <w:r>
              <w:rPr>
                <w:rFonts w:ascii="Cascadia Mono" w:hAnsi="Cascadia Mono" w:cs="Cascadia Mono"/>
                <w:color w:val="0000FF"/>
                <w:sz w:val="19"/>
                <w:szCs w:val="19"/>
              </w:rPr>
              <w:t>if</w:t>
            </w:r>
            <w:r>
              <w:rPr>
                <w:rFonts w:ascii="Cascadia Mono" w:hAnsi="Cascadia Mono" w:cs="Cascadia Mono"/>
                <w:color w:val="000000"/>
                <w:sz w:val="19"/>
                <w:szCs w:val="19"/>
              </w:rPr>
              <w:t>(c){</w:t>
            </w:r>
            <w:r>
              <w:rPr>
                <w:rFonts w:ascii="Cascadia Mono" w:hAnsi="Cascadia Mono" w:cs="Cascadia Mono"/>
                <w:color w:val="0000FF"/>
                <w:sz w:val="19"/>
                <w:szCs w:val="19"/>
              </w:rPr>
              <w:t>var</w:t>
            </w:r>
            <w:r>
              <w:rPr>
                <w:rFonts w:ascii="Cascadia Mono" w:hAnsi="Cascadia Mono" w:cs="Cascadia Mono"/>
                <w:color w:val="000000"/>
                <w:sz w:val="19"/>
                <w:szCs w:val="19"/>
              </w:rPr>
              <w:t xml:space="preserve"> d=parseInt(c,s);</w:t>
            </w:r>
            <w:r>
              <w:rPr>
                <w:rFonts w:ascii="Cascadia Mono" w:hAnsi="Cascadia Mono" w:cs="Cascadia Mono"/>
                <w:color w:val="0000FF"/>
                <w:sz w:val="19"/>
                <w:szCs w:val="19"/>
              </w:rPr>
              <w:t>if</w:t>
            </w:r>
            <w:r>
              <w:rPr>
                <w:rFonts w:ascii="Cascadia Mono" w:hAnsi="Cascadia Mono" w:cs="Cascadia Mono"/>
                <w:color w:val="000000"/>
                <w:sz w:val="19"/>
                <w:szCs w:val="19"/>
              </w:rPr>
              <w:t>(f()&gt;=d)</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i(a),i(b),!0}}</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m(a,b){w&amp;&amp;</w:t>
            </w:r>
            <w:r>
              <w:rPr>
                <w:rFonts w:ascii="Cascadia Mono" w:hAnsi="Cascadia Mono" w:cs="Cascadia Mono"/>
                <w:color w:val="A31515"/>
                <w:sz w:val="19"/>
                <w:szCs w:val="19"/>
              </w:rPr>
              <w:t>"console"</w:t>
            </w:r>
            <w:r>
              <w:rPr>
                <w:rFonts w:ascii="Cascadia Mono" w:hAnsi="Cascadia Mono" w:cs="Cascadia Mono"/>
                <w:color w:val="0000FF"/>
                <w:sz w:val="19"/>
                <w:szCs w:val="19"/>
              </w:rPr>
              <w:t>in</w:t>
            </w:r>
            <w:r>
              <w:rPr>
                <w:rFonts w:ascii="Cascadia Mono" w:hAnsi="Cascadia Mono" w:cs="Cascadia Mono"/>
                <w:color w:val="000000"/>
                <w:sz w:val="19"/>
                <w:szCs w:val="19"/>
              </w:rPr>
              <w:t xml:space="preserve"> window&amp;&amp;</w:t>
            </w:r>
            <w:r>
              <w:rPr>
                <w:rFonts w:ascii="Cascadia Mono" w:hAnsi="Cascadia Mono" w:cs="Cascadia Mono"/>
                <w:color w:val="A31515"/>
                <w:sz w:val="19"/>
                <w:szCs w:val="19"/>
              </w:rPr>
              <w:t>"function"</w:t>
            </w:r>
            <w:r>
              <w:rPr>
                <w:rFonts w:ascii="Cascadia Mono" w:hAnsi="Cascadia Mono" w:cs="Cascadia Mono"/>
                <w:color w:val="000000"/>
                <w:sz w:val="19"/>
                <w:szCs w:val="19"/>
              </w:rPr>
              <w:t>==</w:t>
            </w:r>
            <w:r>
              <w:rPr>
                <w:rFonts w:ascii="Cascadia Mono" w:hAnsi="Cascadia Mono" w:cs="Cascadia Mono"/>
                <w:color w:val="0000FF"/>
                <w:sz w:val="19"/>
                <w:szCs w:val="19"/>
              </w:rPr>
              <w:t>typeof</w:t>
            </w:r>
            <w:r>
              <w:rPr>
                <w:rFonts w:ascii="Cascadia Mono" w:hAnsi="Cascadia Mono" w:cs="Cascadia Mono"/>
                <w:color w:val="000000"/>
                <w:sz w:val="19"/>
                <w:szCs w:val="19"/>
              </w:rPr>
              <w:t xml:space="preserve"> window.console.warn&amp;&amp;(window.console.warn(</w:t>
            </w:r>
            <w:r>
              <w:rPr>
                <w:rFonts w:ascii="Cascadia Mono" w:hAnsi="Cascadia Mono" w:cs="Cascadia Mono"/>
                <w:color w:val="A31515"/>
                <w:sz w:val="19"/>
                <w:szCs w:val="19"/>
              </w:rPr>
              <w:t>"lscache - "</w:t>
            </w:r>
            <w:r>
              <w:rPr>
                <w:rFonts w:ascii="Cascadia Mono" w:hAnsi="Cascadia Mono" w:cs="Cascadia Mono"/>
                <w:color w:val="000000"/>
                <w:sz w:val="19"/>
                <w:szCs w:val="19"/>
              </w:rPr>
              <w:t>+a),b&amp;&amp;window.console.warn(</w:t>
            </w:r>
            <w:r>
              <w:rPr>
                <w:rFonts w:ascii="Cascadia Mono" w:hAnsi="Cascadia Mono" w:cs="Cascadia Mono"/>
                <w:color w:val="A31515"/>
                <w:sz w:val="19"/>
                <w:szCs w:val="19"/>
              </w:rPr>
              <w:t>"lscache - The error was: "</w:t>
            </w:r>
            <w:r>
              <w:rPr>
                <w:rFonts w:ascii="Cascadia Mono" w:hAnsi="Cascadia Mono" w:cs="Cascadia Mono"/>
                <w:color w:val="000000"/>
                <w:sz w:val="19"/>
                <w:szCs w:val="19"/>
              </w:rPr>
              <w:t>+b.message))}</w:t>
            </w:r>
            <w:r>
              <w:rPr>
                <w:rFonts w:ascii="Cascadia Mono" w:hAnsi="Cascadia Mono" w:cs="Cascadia Mono"/>
                <w:color w:val="0000FF"/>
                <w:sz w:val="19"/>
                <w:szCs w:val="19"/>
              </w:rPr>
              <w:t>function</w:t>
            </w:r>
            <w:r>
              <w:rPr>
                <w:rFonts w:ascii="Cascadia Mono" w:hAnsi="Cascadia Mono" w:cs="Cascadia Mono"/>
                <w:color w:val="000000"/>
                <w:sz w:val="19"/>
                <w:szCs w:val="19"/>
              </w:rPr>
              <w:t xml:space="preserve"> n(a){</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Math.floor(864e13/a)}</w:t>
            </w:r>
            <w:r>
              <w:rPr>
                <w:rFonts w:ascii="Cascadia Mono" w:hAnsi="Cascadia Mono" w:cs="Cascadia Mono"/>
                <w:color w:val="0000FF"/>
                <w:sz w:val="19"/>
                <w:szCs w:val="19"/>
              </w:rPr>
              <w:t>var</w:t>
            </w:r>
            <w:r>
              <w:rPr>
                <w:rFonts w:ascii="Cascadia Mono" w:hAnsi="Cascadia Mono" w:cs="Cascadia Mono"/>
                <w:color w:val="000000"/>
                <w:sz w:val="19"/>
                <w:szCs w:val="19"/>
              </w:rPr>
              <w:t xml:space="preserve"> o,p,q=</w:t>
            </w:r>
            <w:r>
              <w:rPr>
                <w:rFonts w:ascii="Cascadia Mono" w:hAnsi="Cascadia Mono" w:cs="Cascadia Mono"/>
                <w:color w:val="A31515"/>
                <w:sz w:val="19"/>
                <w:szCs w:val="19"/>
              </w:rPr>
              <w:t>"lscache-"</w:t>
            </w:r>
            <w:r>
              <w:rPr>
                <w:rFonts w:ascii="Cascadia Mono" w:hAnsi="Cascadia Mono" w:cs="Cascadia Mono"/>
                <w:color w:val="000000"/>
                <w:sz w:val="19"/>
                <w:szCs w:val="19"/>
              </w:rPr>
              <w:t>,r=</w:t>
            </w:r>
            <w:r>
              <w:rPr>
                <w:rFonts w:ascii="Cascadia Mono" w:hAnsi="Cascadia Mono" w:cs="Cascadia Mono"/>
                <w:color w:val="A31515"/>
                <w:sz w:val="19"/>
                <w:szCs w:val="19"/>
              </w:rPr>
              <w:t>"-cacheexpiration"</w:t>
            </w:r>
            <w:r>
              <w:rPr>
                <w:rFonts w:ascii="Cascadia Mono" w:hAnsi="Cascadia Mono" w:cs="Cascadia Mono"/>
                <w:color w:val="000000"/>
                <w:sz w:val="19"/>
                <w:szCs w:val="19"/>
              </w:rPr>
              <w:t>,s=10,t=6e4,u=n(t),v=</w:t>
            </w:r>
            <w:r>
              <w:rPr>
                <w:rFonts w:ascii="Cascadia Mono" w:hAnsi="Cascadia Mono" w:cs="Cascadia Mono"/>
                <w:color w:val="A31515"/>
                <w:sz w:val="19"/>
                <w:szCs w:val="19"/>
              </w:rPr>
              <w:t>""</w:t>
            </w:r>
            <w:r>
              <w:rPr>
                <w:rFonts w:ascii="Cascadia Mono" w:hAnsi="Cascadia Mono" w:cs="Cascadia Mono"/>
                <w:color w:val="000000"/>
                <w:sz w:val="19"/>
                <w:szCs w:val="19"/>
              </w:rPr>
              <w:t>,w=!1,x={set:</w:t>
            </w:r>
            <w:r>
              <w:rPr>
                <w:rFonts w:ascii="Cascadia Mono" w:hAnsi="Cascadia Mono" w:cs="Cascadia Mono"/>
                <w:color w:val="0000FF"/>
                <w:sz w:val="19"/>
                <w:szCs w:val="19"/>
              </w:rPr>
              <w:t>function</w:t>
            </w:r>
            <w:r>
              <w:rPr>
                <w:rFonts w:ascii="Cascadia Mono" w:hAnsi="Cascadia Mono" w:cs="Cascadia Mono"/>
                <w:color w:val="000000"/>
                <w:sz w:val="19"/>
                <w:szCs w:val="19"/>
              </w:rPr>
              <w:t>(d,l,n){</w:t>
            </w:r>
            <w:r>
              <w:rPr>
                <w:rFonts w:ascii="Cascadia Mono" w:hAnsi="Cascadia Mono" w:cs="Cascadia Mono"/>
                <w:color w:val="0000FF"/>
                <w:sz w:val="19"/>
                <w:szCs w:val="19"/>
              </w:rPr>
              <w:t>if</w:t>
            </w:r>
            <w:r>
              <w:rPr>
                <w:rFonts w:ascii="Cascadia Mono" w:hAnsi="Cascadia Mono" w:cs="Cascadia Mono"/>
                <w:color w:val="000000"/>
                <w:sz w:val="19"/>
                <w:szCs w:val="19"/>
              </w:rPr>
              <w:t>(!a())</w:t>
            </w:r>
            <w:r>
              <w:rPr>
                <w:rFonts w:ascii="Cascadia Mono" w:hAnsi="Cascadia Mono" w:cs="Cascadia Mono"/>
                <w:color w:val="0000FF"/>
                <w:sz w:val="19"/>
                <w:szCs w:val="19"/>
              </w:rPr>
              <w:t>return</w:t>
            </w:r>
            <w:r>
              <w:rPr>
                <w:rFonts w:ascii="Cascadia Mono" w:hAnsi="Cascadia Mono" w:cs="Cascadia Mono"/>
                <w:color w:val="000000"/>
                <w:sz w:val="19"/>
                <w:szCs w:val="19"/>
              </w:rPr>
              <w:t>!1;</w:t>
            </w:r>
            <w:r>
              <w:rPr>
                <w:rFonts w:ascii="Cascadia Mono" w:hAnsi="Cascadia Mono" w:cs="Cascadia Mono"/>
                <w:color w:val="0000FF"/>
                <w:sz w:val="19"/>
                <w:szCs w:val="19"/>
              </w:rPr>
              <w:t>if</w:t>
            </w:r>
            <w:r>
              <w:rPr>
                <w:rFonts w:ascii="Cascadia Mono" w:hAnsi="Cascadia Mono" w:cs="Cascadia Mono"/>
                <w:color w:val="000000"/>
                <w:sz w:val="19"/>
                <w:szCs w:val="19"/>
              </w:rPr>
              <w:t>(!c())</w:t>
            </w:r>
            <w:r>
              <w:rPr>
                <w:rFonts w:ascii="Cascadia Mono" w:hAnsi="Cascadia Mono" w:cs="Cascadia Mono"/>
                <w:color w:val="0000FF"/>
                <w:sz w:val="19"/>
                <w:szCs w:val="19"/>
              </w:rPr>
              <w:t>return</w:t>
            </w:r>
            <w:r>
              <w:rPr>
                <w:rFonts w:ascii="Cascadia Mono" w:hAnsi="Cascadia Mono" w:cs="Cascadia Mono"/>
                <w:color w:val="000000"/>
                <w:sz w:val="19"/>
                <w:szCs w:val="19"/>
              </w:rPr>
              <w:t>!1;</w:t>
            </w:r>
            <w:r>
              <w:rPr>
                <w:rFonts w:ascii="Cascadia Mono" w:hAnsi="Cascadia Mono" w:cs="Cascadia Mono"/>
                <w:color w:val="0000FF"/>
                <w:sz w:val="19"/>
                <w:szCs w:val="19"/>
              </w:rPr>
              <w:t>try</w:t>
            </w:r>
            <w:r>
              <w:rPr>
                <w:rFonts w:ascii="Cascadia Mono" w:hAnsi="Cascadia Mono" w:cs="Cascadia Mono"/>
                <w:color w:val="000000"/>
                <w:sz w:val="19"/>
                <w:szCs w:val="19"/>
              </w:rPr>
              <w:t>{l=JSON.stringify(l)}</w:t>
            </w:r>
            <w:r>
              <w:rPr>
                <w:rFonts w:ascii="Cascadia Mono" w:hAnsi="Cascadia Mono" w:cs="Cascadia Mono"/>
                <w:color w:val="0000FF"/>
                <w:sz w:val="19"/>
                <w:szCs w:val="19"/>
              </w:rPr>
              <w:t>catch</w:t>
            </w:r>
            <w:r>
              <w:rPr>
                <w:rFonts w:ascii="Cascadia Mono" w:hAnsi="Cascadia Mono" w:cs="Cascadia Mono"/>
                <w:color w:val="000000"/>
                <w:sz w:val="19"/>
                <w:szCs w:val="19"/>
              </w:rPr>
              <w:t>(a){</w:t>
            </w:r>
            <w:r>
              <w:rPr>
                <w:rFonts w:ascii="Cascadia Mono" w:hAnsi="Cascadia Mono" w:cs="Cascadia Mono"/>
                <w:color w:val="0000FF"/>
                <w:sz w:val="19"/>
                <w:szCs w:val="19"/>
              </w:rPr>
              <w:t>return</w:t>
            </w:r>
            <w:r>
              <w:rPr>
                <w:rFonts w:ascii="Cascadia Mono" w:hAnsi="Cascadia Mono" w:cs="Cascadia Mono"/>
                <w:color w:val="000000"/>
                <w:sz w:val="19"/>
                <w:szCs w:val="19"/>
              </w:rPr>
              <w:t>!1}</w:t>
            </w:r>
            <w:r>
              <w:rPr>
                <w:rFonts w:ascii="Cascadia Mono" w:hAnsi="Cascadia Mono" w:cs="Cascadia Mono"/>
                <w:color w:val="0000FF"/>
                <w:sz w:val="19"/>
                <w:szCs w:val="19"/>
              </w:rPr>
              <w:t>try</w:t>
            </w:r>
            <w:r>
              <w:rPr>
                <w:rFonts w:ascii="Cascadia Mono" w:hAnsi="Cascadia Mono" w:cs="Cascadia Mono"/>
                <w:color w:val="000000"/>
                <w:sz w:val="19"/>
                <w:szCs w:val="19"/>
              </w:rPr>
              <w:t>{h(d,l)}</w:t>
            </w:r>
            <w:r>
              <w:rPr>
                <w:rFonts w:ascii="Cascadia Mono" w:hAnsi="Cascadia Mono" w:cs="Cascadia Mono"/>
                <w:color w:val="0000FF"/>
                <w:sz w:val="19"/>
                <w:szCs w:val="19"/>
              </w:rPr>
              <w:t>catch</w:t>
            </w:r>
            <w:r>
              <w:rPr>
                <w:rFonts w:ascii="Cascadia Mono" w:hAnsi="Cascadia Mono" w:cs="Cascadia Mono"/>
                <w:color w:val="000000"/>
                <w:sz w:val="19"/>
                <w:szCs w:val="19"/>
              </w:rPr>
              <w:t>(a){</w:t>
            </w:r>
            <w:r>
              <w:rPr>
                <w:rFonts w:ascii="Cascadia Mono" w:hAnsi="Cascadia Mono" w:cs="Cascadia Mono"/>
                <w:color w:val="0000FF"/>
                <w:sz w:val="19"/>
                <w:szCs w:val="19"/>
              </w:rPr>
              <w:t>if</w:t>
            </w:r>
            <w:r>
              <w:rPr>
                <w:rFonts w:ascii="Cascadia Mono" w:hAnsi="Cascadia Mono" w:cs="Cascadia Mono"/>
                <w:color w:val="000000"/>
                <w:sz w:val="19"/>
                <w:szCs w:val="19"/>
              </w:rPr>
              <w:t>(!b(a))</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m(</w:t>
            </w:r>
            <w:r>
              <w:rPr>
                <w:rFonts w:ascii="Cascadia Mono" w:hAnsi="Cascadia Mono" w:cs="Cascadia Mono"/>
                <w:color w:val="A31515"/>
                <w:sz w:val="19"/>
                <w:szCs w:val="19"/>
              </w:rPr>
              <w:t>"Could not add item with key '"</w:t>
            </w:r>
            <w:r>
              <w:rPr>
                <w:rFonts w:ascii="Cascadia Mono" w:hAnsi="Cascadia Mono" w:cs="Cascadia Mono"/>
                <w:color w:val="000000"/>
                <w:sz w:val="19"/>
                <w:szCs w:val="19"/>
              </w:rPr>
              <w:t>+d+</w:t>
            </w:r>
            <w:r>
              <w:rPr>
                <w:rFonts w:ascii="Cascadia Mono" w:hAnsi="Cascadia Mono" w:cs="Cascadia Mono"/>
                <w:color w:val="A31515"/>
                <w:sz w:val="19"/>
                <w:szCs w:val="19"/>
              </w:rPr>
              <w:t>"'"</w:t>
            </w:r>
            <w:r>
              <w:rPr>
                <w:rFonts w:ascii="Cascadia Mono" w:hAnsi="Cascadia Mono" w:cs="Cascadia Mono"/>
                <w:color w:val="000000"/>
                <w:sz w:val="19"/>
                <w:szCs w:val="19"/>
              </w:rPr>
              <w:t>,a),!1;</w:t>
            </w:r>
            <w:r>
              <w:rPr>
                <w:rFonts w:ascii="Cascadia Mono" w:hAnsi="Cascadia Mono" w:cs="Cascadia Mono"/>
                <w:color w:val="0000FF"/>
                <w:sz w:val="19"/>
                <w:szCs w:val="19"/>
              </w:rPr>
              <w:t>var</w:t>
            </w:r>
            <w:r>
              <w:rPr>
                <w:rFonts w:ascii="Cascadia Mono" w:hAnsi="Cascadia Mono" w:cs="Cascadia Mono"/>
                <w:color w:val="000000"/>
                <w:sz w:val="19"/>
                <w:szCs w:val="19"/>
              </w:rPr>
              <w:t xml:space="preserve"> o,p=[];j(</w:t>
            </w:r>
            <w:r>
              <w:rPr>
                <w:rFonts w:ascii="Cascadia Mono" w:hAnsi="Cascadia Mono" w:cs="Cascadia Mono"/>
                <w:color w:val="0000FF"/>
                <w:sz w:val="19"/>
                <w:szCs w:val="19"/>
              </w:rPr>
              <w:t>function</w:t>
            </w:r>
            <w:r>
              <w:rPr>
                <w:rFonts w:ascii="Cascadia Mono" w:hAnsi="Cascadia Mono" w:cs="Cascadia Mono"/>
                <w:color w:val="000000"/>
                <w:sz w:val="19"/>
                <w:szCs w:val="19"/>
              </w:rPr>
              <w:t>(a,b){</w:t>
            </w:r>
            <w:r>
              <w:rPr>
                <w:rFonts w:ascii="Cascadia Mono" w:hAnsi="Cascadia Mono" w:cs="Cascadia Mono"/>
                <w:color w:val="0000FF"/>
                <w:sz w:val="19"/>
                <w:szCs w:val="19"/>
              </w:rPr>
              <w:t>var</w:t>
            </w:r>
            <w:r>
              <w:rPr>
                <w:rFonts w:ascii="Cascadia Mono" w:hAnsi="Cascadia Mono" w:cs="Cascadia Mono"/>
                <w:color w:val="000000"/>
                <w:sz w:val="19"/>
                <w:szCs w:val="19"/>
              </w:rPr>
              <w:t xml:space="preserve"> c=g(b);c=c?parseInt(c,s):u,p.push({key:a,size:(g(a)||</w:t>
            </w:r>
            <w:r>
              <w:rPr>
                <w:rFonts w:ascii="Cascadia Mono" w:hAnsi="Cascadia Mono" w:cs="Cascadia Mono"/>
                <w:color w:val="A31515"/>
                <w:sz w:val="19"/>
                <w:szCs w:val="19"/>
              </w:rPr>
              <w:t>""</w:t>
            </w:r>
            <w:r>
              <w:rPr>
                <w:rFonts w:ascii="Cascadia Mono" w:hAnsi="Cascadia Mono" w:cs="Cascadia Mono"/>
                <w:color w:val="000000"/>
                <w:sz w:val="19"/>
                <w:szCs w:val="19"/>
              </w:rPr>
              <w:t>).length,expiration:c})}),p.sort(</w:t>
            </w:r>
            <w:r>
              <w:rPr>
                <w:rFonts w:ascii="Cascadia Mono" w:hAnsi="Cascadia Mono" w:cs="Cascadia Mono"/>
                <w:color w:val="0000FF"/>
                <w:sz w:val="19"/>
                <w:szCs w:val="19"/>
              </w:rPr>
              <w:t>function</w:t>
            </w:r>
            <w:r>
              <w:rPr>
                <w:rFonts w:ascii="Cascadia Mono" w:hAnsi="Cascadia Mono" w:cs="Cascadia Mono"/>
                <w:color w:val="000000"/>
                <w:sz w:val="19"/>
                <w:szCs w:val="19"/>
              </w:rPr>
              <w:t>(a,b){</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b.expiration-a.expiration});</w:t>
            </w:r>
            <w:r>
              <w:rPr>
                <w:rFonts w:ascii="Cascadia Mono" w:hAnsi="Cascadia Mono" w:cs="Cascadia Mono"/>
                <w:color w:val="0000FF"/>
                <w:sz w:val="19"/>
                <w:szCs w:val="19"/>
              </w:rPr>
              <w:t>for</w:t>
            </w:r>
            <w:r>
              <w:rPr>
                <w:rFonts w:ascii="Cascadia Mono" w:hAnsi="Cascadia Mono" w:cs="Cascadia Mono"/>
                <w:color w:val="000000"/>
                <w:sz w:val="19"/>
                <w:szCs w:val="19"/>
              </w:rPr>
              <w:t>(</w:t>
            </w:r>
            <w:r>
              <w:rPr>
                <w:rFonts w:ascii="Cascadia Mono" w:hAnsi="Cascadia Mono" w:cs="Cascadia Mono"/>
                <w:color w:val="0000FF"/>
                <w:sz w:val="19"/>
                <w:szCs w:val="19"/>
              </w:rPr>
              <w:t>var</w:t>
            </w:r>
            <w:r>
              <w:rPr>
                <w:rFonts w:ascii="Cascadia Mono" w:hAnsi="Cascadia Mono" w:cs="Cascadia Mono"/>
                <w:color w:val="000000"/>
                <w:sz w:val="19"/>
                <w:szCs w:val="19"/>
              </w:rPr>
              <w:t xml:space="preserve"> q=(l||</w:t>
            </w:r>
            <w:r>
              <w:rPr>
                <w:rFonts w:ascii="Cascadia Mono" w:hAnsi="Cascadia Mono" w:cs="Cascadia Mono"/>
                <w:color w:val="A31515"/>
                <w:sz w:val="19"/>
                <w:szCs w:val="19"/>
              </w:rPr>
              <w:t>""</w:t>
            </w:r>
            <w:r>
              <w:rPr>
                <w:rFonts w:ascii="Cascadia Mono" w:hAnsi="Cascadia Mono" w:cs="Cascadia Mono"/>
                <w:color w:val="000000"/>
                <w:sz w:val="19"/>
                <w:szCs w:val="19"/>
              </w:rPr>
              <w:t>).length;p.length&amp;&amp;q&gt;0;)o=p.pop(),m(</w:t>
            </w:r>
            <w:r>
              <w:rPr>
                <w:rFonts w:ascii="Cascadia Mono" w:hAnsi="Cascadia Mono" w:cs="Cascadia Mono"/>
                <w:color w:val="A31515"/>
                <w:sz w:val="19"/>
                <w:szCs w:val="19"/>
              </w:rPr>
              <w:t xml:space="preserve">"Cache is full, removing item with key </w:t>
            </w:r>
            <w:r>
              <w:rPr>
                <w:rFonts w:ascii="Cascadia Mono" w:hAnsi="Cascadia Mono" w:cs="Cascadia Mono"/>
                <w:color w:val="A31515"/>
                <w:sz w:val="19"/>
                <w:szCs w:val="19"/>
              </w:rPr>
              <w:lastRenderedPageBreak/>
              <w:t>'"</w:t>
            </w:r>
            <w:r>
              <w:rPr>
                <w:rFonts w:ascii="Cascadia Mono" w:hAnsi="Cascadia Mono" w:cs="Cascadia Mono"/>
                <w:color w:val="000000"/>
                <w:sz w:val="19"/>
                <w:szCs w:val="19"/>
              </w:rPr>
              <w:t>+d+</w:t>
            </w:r>
            <w:r>
              <w:rPr>
                <w:rFonts w:ascii="Cascadia Mono" w:hAnsi="Cascadia Mono" w:cs="Cascadia Mono"/>
                <w:color w:val="A31515"/>
                <w:sz w:val="19"/>
                <w:szCs w:val="19"/>
              </w:rPr>
              <w:t>"'"</w:t>
            </w:r>
            <w:r>
              <w:rPr>
                <w:rFonts w:ascii="Cascadia Mono" w:hAnsi="Cascadia Mono" w:cs="Cascadia Mono"/>
                <w:color w:val="000000"/>
                <w:sz w:val="19"/>
                <w:szCs w:val="19"/>
              </w:rPr>
              <w:t>),k(o.key),q-=o.size;</w:t>
            </w:r>
            <w:r>
              <w:rPr>
                <w:rFonts w:ascii="Cascadia Mono" w:hAnsi="Cascadia Mono" w:cs="Cascadia Mono"/>
                <w:color w:val="0000FF"/>
                <w:sz w:val="19"/>
                <w:szCs w:val="19"/>
              </w:rPr>
              <w:t>try</w:t>
            </w:r>
            <w:r>
              <w:rPr>
                <w:rFonts w:ascii="Cascadia Mono" w:hAnsi="Cascadia Mono" w:cs="Cascadia Mono"/>
                <w:color w:val="000000"/>
                <w:sz w:val="19"/>
                <w:szCs w:val="19"/>
              </w:rPr>
              <w:t>{h(d,l)}</w:t>
            </w:r>
            <w:r>
              <w:rPr>
                <w:rFonts w:ascii="Cascadia Mono" w:hAnsi="Cascadia Mono" w:cs="Cascadia Mono"/>
                <w:color w:val="0000FF"/>
                <w:sz w:val="19"/>
                <w:szCs w:val="19"/>
              </w:rPr>
              <w:t>catch</w:t>
            </w:r>
            <w:r>
              <w:rPr>
                <w:rFonts w:ascii="Cascadia Mono" w:hAnsi="Cascadia Mono" w:cs="Cascadia Mono"/>
                <w:color w:val="000000"/>
                <w:sz w:val="19"/>
                <w:szCs w:val="19"/>
              </w:rPr>
              <w:t>(a){</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m(</w:t>
            </w:r>
            <w:r>
              <w:rPr>
                <w:rFonts w:ascii="Cascadia Mono" w:hAnsi="Cascadia Mono" w:cs="Cascadia Mono"/>
                <w:color w:val="A31515"/>
                <w:sz w:val="19"/>
                <w:szCs w:val="19"/>
              </w:rPr>
              <w:t>"Could not add item with key '"</w:t>
            </w:r>
            <w:r>
              <w:rPr>
                <w:rFonts w:ascii="Cascadia Mono" w:hAnsi="Cascadia Mono" w:cs="Cascadia Mono"/>
                <w:color w:val="000000"/>
                <w:sz w:val="19"/>
                <w:szCs w:val="19"/>
              </w:rPr>
              <w:t>+d+</w:t>
            </w:r>
            <w:r>
              <w:rPr>
                <w:rFonts w:ascii="Cascadia Mono" w:hAnsi="Cascadia Mono" w:cs="Cascadia Mono"/>
                <w:color w:val="A31515"/>
                <w:sz w:val="19"/>
                <w:szCs w:val="19"/>
              </w:rPr>
              <w:t>"', perhaps it's too big?"</w:t>
            </w:r>
            <w:r>
              <w:rPr>
                <w:rFonts w:ascii="Cascadia Mono" w:hAnsi="Cascadia Mono" w:cs="Cascadia Mono"/>
                <w:color w:val="000000"/>
                <w:sz w:val="19"/>
                <w:szCs w:val="19"/>
              </w:rPr>
              <w:t>,a),!1}}</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n?h(e(d),(f()+n).toString(s)):i(e(d)),!0},get:</w:t>
            </w:r>
            <w:r>
              <w:rPr>
                <w:rFonts w:ascii="Cascadia Mono" w:hAnsi="Cascadia Mono" w:cs="Cascadia Mono"/>
                <w:color w:val="0000FF"/>
                <w:sz w:val="19"/>
                <w:szCs w:val="19"/>
              </w:rPr>
              <w:t>function</w:t>
            </w:r>
            <w:r>
              <w:rPr>
                <w:rFonts w:ascii="Cascadia Mono" w:hAnsi="Cascadia Mono" w:cs="Cascadia Mono"/>
                <w:color w:val="000000"/>
                <w:sz w:val="19"/>
                <w:szCs w:val="19"/>
              </w:rPr>
              <w:t>(b){</w:t>
            </w:r>
            <w:r>
              <w:rPr>
                <w:rFonts w:ascii="Cascadia Mono" w:hAnsi="Cascadia Mono" w:cs="Cascadia Mono"/>
                <w:color w:val="0000FF"/>
                <w:sz w:val="19"/>
                <w:szCs w:val="19"/>
              </w:rPr>
              <w:t>if</w:t>
            </w:r>
            <w:r>
              <w:rPr>
                <w:rFonts w:ascii="Cascadia Mono" w:hAnsi="Cascadia Mono" w:cs="Cascadia Mono"/>
                <w:color w:val="000000"/>
                <w:sz w:val="19"/>
                <w:szCs w:val="19"/>
              </w:rPr>
              <w:t>(!a())</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w:t>
            </w:r>
            <w:r>
              <w:rPr>
                <w:rFonts w:ascii="Cascadia Mono" w:hAnsi="Cascadia Mono" w:cs="Cascadia Mono"/>
                <w:color w:val="0000FF"/>
                <w:sz w:val="19"/>
                <w:szCs w:val="19"/>
              </w:rPr>
              <w:t>null</w:t>
            </w:r>
            <w:r>
              <w:rPr>
                <w:rFonts w:ascii="Cascadia Mono" w:hAnsi="Cascadia Mono" w:cs="Cascadia Mono"/>
                <w:color w:val="000000"/>
                <w:sz w:val="19"/>
                <w:szCs w:val="19"/>
              </w:rPr>
              <w:t>;</w:t>
            </w:r>
            <w:r>
              <w:rPr>
                <w:rFonts w:ascii="Cascadia Mono" w:hAnsi="Cascadia Mono" w:cs="Cascadia Mono"/>
                <w:color w:val="0000FF"/>
                <w:sz w:val="19"/>
                <w:szCs w:val="19"/>
              </w:rPr>
              <w:t>if</w:t>
            </w:r>
            <w:r>
              <w:rPr>
                <w:rFonts w:ascii="Cascadia Mono" w:hAnsi="Cascadia Mono" w:cs="Cascadia Mono"/>
                <w:color w:val="000000"/>
                <w:sz w:val="19"/>
                <w:szCs w:val="19"/>
              </w:rPr>
              <w:t>(l(b))</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w:t>
            </w:r>
            <w:r>
              <w:rPr>
                <w:rFonts w:ascii="Cascadia Mono" w:hAnsi="Cascadia Mono" w:cs="Cascadia Mono"/>
                <w:color w:val="0000FF"/>
                <w:sz w:val="19"/>
                <w:szCs w:val="19"/>
              </w:rPr>
              <w:t>null</w:t>
            </w:r>
            <w:r>
              <w:rPr>
                <w:rFonts w:ascii="Cascadia Mono" w:hAnsi="Cascadia Mono" w:cs="Cascadia Mono"/>
                <w:color w:val="000000"/>
                <w:sz w:val="19"/>
                <w:szCs w:val="19"/>
              </w:rPr>
              <w:t>;</w:t>
            </w:r>
            <w:r>
              <w:rPr>
                <w:rFonts w:ascii="Cascadia Mono" w:hAnsi="Cascadia Mono" w:cs="Cascadia Mono"/>
                <w:color w:val="0000FF"/>
                <w:sz w:val="19"/>
                <w:szCs w:val="19"/>
              </w:rPr>
              <w:t>var</w:t>
            </w:r>
            <w:r>
              <w:rPr>
                <w:rFonts w:ascii="Cascadia Mono" w:hAnsi="Cascadia Mono" w:cs="Cascadia Mono"/>
                <w:color w:val="000000"/>
                <w:sz w:val="19"/>
                <w:szCs w:val="19"/>
              </w:rPr>
              <w:t xml:space="preserve"> d=g(b);</w:t>
            </w:r>
            <w:r>
              <w:rPr>
                <w:rFonts w:ascii="Cascadia Mono" w:hAnsi="Cascadia Mono" w:cs="Cascadia Mono"/>
                <w:color w:val="0000FF"/>
                <w:sz w:val="19"/>
                <w:szCs w:val="19"/>
              </w:rPr>
              <w:t>if</w:t>
            </w:r>
            <w:r>
              <w:rPr>
                <w:rFonts w:ascii="Cascadia Mono" w:hAnsi="Cascadia Mono" w:cs="Cascadia Mono"/>
                <w:color w:val="000000"/>
                <w:sz w:val="19"/>
                <w:szCs w:val="19"/>
              </w:rPr>
              <w:t>(!d||!c())</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d;</w:t>
            </w:r>
            <w:r>
              <w:rPr>
                <w:rFonts w:ascii="Cascadia Mono" w:hAnsi="Cascadia Mono" w:cs="Cascadia Mono"/>
                <w:color w:val="0000FF"/>
                <w:sz w:val="19"/>
                <w:szCs w:val="19"/>
              </w:rPr>
              <w:t>try</w:t>
            </w:r>
            <w:r>
              <w:rPr>
                <w:rFonts w:ascii="Cascadia Mono" w:hAnsi="Cascadia Mono" w:cs="Cascadia Mono"/>
                <w:color w:val="000000"/>
                <w:sz w:val="19"/>
                <w:szCs w:val="19"/>
              </w:rPr>
              <w:t>{</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JSON.parse(d)}</w:t>
            </w:r>
            <w:r>
              <w:rPr>
                <w:rFonts w:ascii="Cascadia Mono" w:hAnsi="Cascadia Mono" w:cs="Cascadia Mono"/>
                <w:color w:val="0000FF"/>
                <w:sz w:val="19"/>
                <w:szCs w:val="19"/>
              </w:rPr>
              <w:t>catch</w:t>
            </w:r>
            <w:r>
              <w:rPr>
                <w:rFonts w:ascii="Cascadia Mono" w:hAnsi="Cascadia Mono" w:cs="Cascadia Mono"/>
                <w:color w:val="000000"/>
                <w:sz w:val="19"/>
                <w:szCs w:val="19"/>
              </w:rPr>
              <w:t>(a){</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d}},remove:</w:t>
            </w:r>
            <w:r>
              <w:rPr>
                <w:rFonts w:ascii="Cascadia Mono" w:hAnsi="Cascadia Mono" w:cs="Cascadia Mono"/>
                <w:color w:val="0000FF"/>
                <w:sz w:val="19"/>
                <w:szCs w:val="19"/>
              </w:rPr>
              <w:t>function</w:t>
            </w:r>
            <w:r>
              <w:rPr>
                <w:rFonts w:ascii="Cascadia Mono" w:hAnsi="Cascadia Mono" w:cs="Cascadia Mono"/>
                <w:color w:val="000000"/>
                <w:sz w:val="19"/>
                <w:szCs w:val="19"/>
              </w:rPr>
              <w:t>(b){a()&amp;&amp;k(b)},supported:</w:t>
            </w:r>
            <w:r>
              <w:rPr>
                <w:rFonts w:ascii="Cascadia Mono" w:hAnsi="Cascadia Mono" w:cs="Cascadia Mono"/>
                <w:color w:val="0000FF"/>
                <w:sz w:val="19"/>
                <w:szCs w:val="19"/>
              </w:rPr>
              <w:t>function</w:t>
            </w:r>
            <w:r>
              <w:rPr>
                <w:rFonts w:ascii="Cascadia Mono" w:hAnsi="Cascadia Mono" w:cs="Cascadia Mono"/>
                <w:color w:val="000000"/>
                <w:sz w:val="19"/>
                <w:szCs w:val="19"/>
              </w:rPr>
              <w:t>(){</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a()},flush:</w:t>
            </w:r>
            <w:r>
              <w:rPr>
                <w:rFonts w:ascii="Cascadia Mono" w:hAnsi="Cascadia Mono" w:cs="Cascadia Mono"/>
                <w:color w:val="0000FF"/>
                <w:sz w:val="19"/>
                <w:szCs w:val="19"/>
              </w:rPr>
              <w:t>function</w:t>
            </w:r>
            <w:r>
              <w:rPr>
                <w:rFonts w:ascii="Cascadia Mono" w:hAnsi="Cascadia Mono" w:cs="Cascadia Mono"/>
                <w:color w:val="000000"/>
                <w:sz w:val="19"/>
                <w:szCs w:val="19"/>
              </w:rPr>
              <w:t>(){a()&amp;&amp;j(</w:t>
            </w:r>
            <w:r>
              <w:rPr>
                <w:rFonts w:ascii="Cascadia Mono" w:hAnsi="Cascadia Mono" w:cs="Cascadia Mono"/>
                <w:color w:val="0000FF"/>
                <w:sz w:val="19"/>
                <w:szCs w:val="19"/>
              </w:rPr>
              <w:t>function</w:t>
            </w:r>
            <w:r>
              <w:rPr>
                <w:rFonts w:ascii="Cascadia Mono" w:hAnsi="Cascadia Mono" w:cs="Cascadia Mono"/>
                <w:color w:val="000000"/>
                <w:sz w:val="19"/>
                <w:szCs w:val="19"/>
              </w:rPr>
              <w:t>(a){k(a)})},flushExpired:</w:t>
            </w:r>
            <w:r>
              <w:rPr>
                <w:rFonts w:ascii="Cascadia Mono" w:hAnsi="Cascadia Mono" w:cs="Cascadia Mono"/>
                <w:color w:val="0000FF"/>
                <w:sz w:val="19"/>
                <w:szCs w:val="19"/>
              </w:rPr>
              <w:t>function</w:t>
            </w:r>
            <w:r>
              <w:rPr>
                <w:rFonts w:ascii="Cascadia Mono" w:hAnsi="Cascadia Mono" w:cs="Cascadia Mono"/>
                <w:color w:val="000000"/>
                <w:sz w:val="19"/>
                <w:szCs w:val="19"/>
              </w:rPr>
              <w:t>(){a()&amp;&amp;j(</w:t>
            </w:r>
            <w:r>
              <w:rPr>
                <w:rFonts w:ascii="Cascadia Mono" w:hAnsi="Cascadia Mono" w:cs="Cascadia Mono"/>
                <w:color w:val="0000FF"/>
                <w:sz w:val="19"/>
                <w:szCs w:val="19"/>
              </w:rPr>
              <w:t>function</w:t>
            </w:r>
            <w:r>
              <w:rPr>
                <w:rFonts w:ascii="Cascadia Mono" w:hAnsi="Cascadia Mono" w:cs="Cascadia Mono"/>
                <w:color w:val="000000"/>
                <w:sz w:val="19"/>
                <w:szCs w:val="19"/>
              </w:rPr>
              <w:t>(a){l(a)})},setBucket:</w:t>
            </w:r>
            <w:r>
              <w:rPr>
                <w:rFonts w:ascii="Cascadia Mono" w:hAnsi="Cascadia Mono" w:cs="Cascadia Mono"/>
                <w:color w:val="0000FF"/>
                <w:sz w:val="19"/>
                <w:szCs w:val="19"/>
              </w:rPr>
              <w:t>function</w:t>
            </w:r>
            <w:r>
              <w:rPr>
                <w:rFonts w:ascii="Cascadia Mono" w:hAnsi="Cascadia Mono" w:cs="Cascadia Mono"/>
                <w:color w:val="000000"/>
                <w:sz w:val="19"/>
                <w:szCs w:val="19"/>
              </w:rPr>
              <w:t>(a){v=a},resetBucket:</w:t>
            </w:r>
            <w:r>
              <w:rPr>
                <w:rFonts w:ascii="Cascadia Mono" w:hAnsi="Cascadia Mono" w:cs="Cascadia Mono"/>
                <w:color w:val="0000FF"/>
                <w:sz w:val="19"/>
                <w:szCs w:val="19"/>
              </w:rPr>
              <w:t>function</w:t>
            </w:r>
            <w:r>
              <w:rPr>
                <w:rFonts w:ascii="Cascadia Mono" w:hAnsi="Cascadia Mono" w:cs="Cascadia Mono"/>
                <w:color w:val="000000"/>
                <w:sz w:val="19"/>
                <w:szCs w:val="19"/>
              </w:rPr>
              <w:t>(){v=</w:t>
            </w:r>
            <w:r>
              <w:rPr>
                <w:rFonts w:ascii="Cascadia Mono" w:hAnsi="Cascadia Mono" w:cs="Cascadia Mono"/>
                <w:color w:val="A31515"/>
                <w:sz w:val="19"/>
                <w:szCs w:val="19"/>
              </w:rPr>
              <w:t>""</w:t>
            </w:r>
            <w:r>
              <w:rPr>
                <w:rFonts w:ascii="Cascadia Mono" w:hAnsi="Cascadia Mono" w:cs="Cascadia Mono"/>
                <w:color w:val="000000"/>
                <w:sz w:val="19"/>
                <w:szCs w:val="19"/>
              </w:rPr>
              <w:t>},getExpiryMilliseconds:</w:t>
            </w:r>
            <w:r>
              <w:rPr>
                <w:rFonts w:ascii="Cascadia Mono" w:hAnsi="Cascadia Mono" w:cs="Cascadia Mono"/>
                <w:color w:val="0000FF"/>
                <w:sz w:val="19"/>
                <w:szCs w:val="19"/>
              </w:rPr>
              <w:t>function</w:t>
            </w:r>
            <w:r>
              <w:rPr>
                <w:rFonts w:ascii="Cascadia Mono" w:hAnsi="Cascadia Mono" w:cs="Cascadia Mono"/>
                <w:color w:val="000000"/>
                <w:sz w:val="19"/>
                <w:szCs w:val="19"/>
              </w:rPr>
              <w:t>(){</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t},setExpiryMilliseconds:</w:t>
            </w:r>
            <w:r>
              <w:rPr>
                <w:rFonts w:ascii="Cascadia Mono" w:hAnsi="Cascadia Mono" w:cs="Cascadia Mono"/>
                <w:color w:val="0000FF"/>
                <w:sz w:val="19"/>
                <w:szCs w:val="19"/>
              </w:rPr>
              <w:t>function</w:t>
            </w:r>
            <w:r>
              <w:rPr>
                <w:rFonts w:ascii="Cascadia Mono" w:hAnsi="Cascadia Mono" w:cs="Cascadia Mono"/>
                <w:color w:val="000000"/>
                <w:sz w:val="19"/>
                <w:szCs w:val="19"/>
              </w:rPr>
              <w:t>(a){t=a,u=n(t)},enableWarnings:</w:t>
            </w:r>
            <w:r>
              <w:rPr>
                <w:rFonts w:ascii="Cascadia Mono" w:hAnsi="Cascadia Mono" w:cs="Cascadia Mono"/>
                <w:color w:val="0000FF"/>
                <w:sz w:val="19"/>
                <w:szCs w:val="19"/>
              </w:rPr>
              <w:t>function</w:t>
            </w:r>
            <w:r>
              <w:rPr>
                <w:rFonts w:ascii="Cascadia Mono" w:hAnsi="Cascadia Mono" w:cs="Cascadia Mono"/>
                <w:color w:val="000000"/>
                <w:sz w:val="19"/>
                <w:szCs w:val="19"/>
              </w:rPr>
              <w:t>(a){w=a}};</w:t>
            </w:r>
            <w:r>
              <w:rPr>
                <w:rFonts w:ascii="Cascadia Mono" w:hAnsi="Cascadia Mono" w:cs="Cascadia Mono"/>
                <w:color w:val="0000FF"/>
                <w:sz w:val="19"/>
                <w:szCs w:val="19"/>
              </w:rPr>
              <w:t>return</w:t>
            </w:r>
            <w:r>
              <w:rPr>
                <w:rFonts w:ascii="Cascadia Mono" w:hAnsi="Cascadia Mono" w:cs="Cascadia Mono"/>
                <w:color w:val="000000"/>
                <w:sz w:val="19"/>
                <w:szCs w:val="19"/>
              </w:rPr>
              <w:t xml:space="preserve"> x});</w:t>
            </w:r>
          </w:p>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Notify.js</w:t>
            </w:r>
          </w:p>
        </w:tc>
      </w:tr>
      <w:tr w:rsidR="0048012D" w:rsidTr="0048012D">
        <w:tc>
          <w:tcPr>
            <w:tcW w:w="9576" w:type="dxa"/>
          </w:tcPr>
          <w:p w:rsidR="00156FB3" w:rsidRDefault="00156FB3" w:rsidP="00156FB3">
            <w:r>
              <w:t>/*</w:t>
            </w:r>
          </w:p>
          <w:p w:rsidR="00156FB3" w:rsidRDefault="00156FB3" w:rsidP="00156FB3">
            <w:r>
              <w:t xml:space="preserve"> * Toastr</w:t>
            </w:r>
          </w:p>
          <w:p w:rsidR="00156FB3" w:rsidRDefault="00156FB3" w:rsidP="00156FB3">
            <w:r>
              <w:t xml:space="preserve"> */</w:t>
            </w:r>
          </w:p>
          <w:p w:rsidR="00156FB3" w:rsidRDefault="00156FB3" w:rsidP="00156FB3">
            <w:r>
              <w:t>(function (define) {</w:t>
            </w:r>
          </w:p>
          <w:p w:rsidR="00156FB3" w:rsidRDefault="00156FB3" w:rsidP="00156FB3">
            <w:r>
              <w:t xml:space="preserve">    define(['jquery'], function ($) {</w:t>
            </w:r>
          </w:p>
          <w:p w:rsidR="00156FB3" w:rsidRDefault="00156FB3" w:rsidP="00156FB3">
            <w:r>
              <w:t xml:space="preserve">        return (function () {</w:t>
            </w:r>
          </w:p>
          <w:p w:rsidR="00156FB3" w:rsidRDefault="00156FB3" w:rsidP="00156FB3">
            <w:r>
              <w:t xml:space="preserve">            var $container;</w:t>
            </w:r>
          </w:p>
          <w:p w:rsidR="00156FB3" w:rsidRDefault="00156FB3" w:rsidP="00156FB3">
            <w:r>
              <w:t xml:space="preserve">            var listener;</w:t>
            </w:r>
          </w:p>
          <w:p w:rsidR="00156FB3" w:rsidRDefault="00156FB3" w:rsidP="00156FB3">
            <w:r>
              <w:t xml:space="preserve">            var toastId = 0;</w:t>
            </w:r>
          </w:p>
          <w:p w:rsidR="00156FB3" w:rsidRDefault="00156FB3" w:rsidP="00156FB3">
            <w:r>
              <w:t xml:space="preserve">            var toastType = {</w:t>
            </w:r>
          </w:p>
          <w:p w:rsidR="00156FB3" w:rsidRDefault="00156FB3" w:rsidP="00156FB3">
            <w:r>
              <w:t xml:space="preserve">                error: 'error',</w:t>
            </w:r>
          </w:p>
          <w:p w:rsidR="00156FB3" w:rsidRDefault="00156FB3" w:rsidP="00156FB3">
            <w:r>
              <w:t xml:space="preserve">                info: 'info',</w:t>
            </w:r>
          </w:p>
          <w:p w:rsidR="00156FB3" w:rsidRDefault="00156FB3" w:rsidP="00156FB3">
            <w:r>
              <w:t xml:space="preserve">                success: 'success',</w:t>
            </w:r>
          </w:p>
          <w:p w:rsidR="00156FB3" w:rsidRDefault="00156FB3" w:rsidP="00156FB3">
            <w:r>
              <w:t xml:space="preserve">                warning: 'warning'</w:t>
            </w:r>
          </w:p>
          <w:p w:rsidR="00156FB3" w:rsidRDefault="00156FB3" w:rsidP="00156FB3">
            <w:r>
              <w:t xml:space="preserve">            };</w:t>
            </w:r>
          </w:p>
          <w:p w:rsidR="00156FB3" w:rsidRDefault="00156FB3" w:rsidP="00156FB3"/>
          <w:p w:rsidR="00156FB3" w:rsidRDefault="00156FB3" w:rsidP="00156FB3">
            <w:r>
              <w:t xml:space="preserve">            var toastr = {</w:t>
            </w:r>
          </w:p>
          <w:p w:rsidR="00156FB3" w:rsidRDefault="00156FB3" w:rsidP="00156FB3">
            <w:r>
              <w:t xml:space="preserve">                clear: clear,</w:t>
            </w:r>
          </w:p>
          <w:p w:rsidR="00156FB3" w:rsidRDefault="00156FB3" w:rsidP="00156FB3">
            <w:r>
              <w:t xml:space="preserve">                remove: remove,</w:t>
            </w:r>
          </w:p>
          <w:p w:rsidR="00156FB3" w:rsidRDefault="00156FB3" w:rsidP="00156FB3">
            <w:r>
              <w:t xml:space="preserve">                error: error,</w:t>
            </w:r>
          </w:p>
          <w:p w:rsidR="00156FB3" w:rsidRDefault="00156FB3" w:rsidP="00156FB3">
            <w:r>
              <w:t xml:space="preserve">                getContainer: getContainer,</w:t>
            </w:r>
          </w:p>
          <w:p w:rsidR="00156FB3" w:rsidRDefault="00156FB3" w:rsidP="00156FB3">
            <w:r>
              <w:t xml:space="preserve">                info: info,</w:t>
            </w:r>
          </w:p>
          <w:p w:rsidR="00156FB3" w:rsidRDefault="00156FB3" w:rsidP="00156FB3">
            <w:r>
              <w:t xml:space="preserve">                options: {},</w:t>
            </w:r>
          </w:p>
          <w:p w:rsidR="00156FB3" w:rsidRDefault="00156FB3" w:rsidP="00156FB3">
            <w:r>
              <w:t xml:space="preserve">                subscribe: subscribe,</w:t>
            </w:r>
          </w:p>
          <w:p w:rsidR="00156FB3" w:rsidRDefault="00156FB3" w:rsidP="00156FB3">
            <w:r>
              <w:t xml:space="preserve">                success: success,</w:t>
            </w:r>
          </w:p>
          <w:p w:rsidR="00156FB3" w:rsidRDefault="00156FB3" w:rsidP="00156FB3">
            <w:r>
              <w:t xml:space="preserve">                version: '2.1.4',</w:t>
            </w:r>
          </w:p>
          <w:p w:rsidR="00156FB3" w:rsidRDefault="00156FB3" w:rsidP="00156FB3">
            <w:r>
              <w:t xml:space="preserve">                warning: warning</w:t>
            </w:r>
          </w:p>
          <w:p w:rsidR="00156FB3" w:rsidRDefault="00156FB3" w:rsidP="00156FB3">
            <w:r>
              <w:t xml:space="preserve">            };</w:t>
            </w:r>
          </w:p>
          <w:p w:rsidR="00156FB3" w:rsidRDefault="00156FB3" w:rsidP="00156FB3"/>
          <w:p w:rsidR="00156FB3" w:rsidRDefault="00156FB3" w:rsidP="00156FB3">
            <w:r>
              <w:t xml:space="preserve">            var previousToast;</w:t>
            </w:r>
          </w:p>
          <w:p w:rsidR="00156FB3" w:rsidRDefault="00156FB3" w:rsidP="00156FB3"/>
          <w:p w:rsidR="00156FB3" w:rsidRDefault="00156FB3" w:rsidP="00156FB3">
            <w:r>
              <w:t xml:space="preserve">            return toastr;</w:t>
            </w:r>
          </w:p>
          <w:p w:rsidR="00156FB3" w:rsidRDefault="00156FB3" w:rsidP="00156FB3"/>
          <w:p w:rsidR="00156FB3" w:rsidRDefault="00156FB3" w:rsidP="00156FB3">
            <w:r>
              <w:lastRenderedPageBreak/>
              <w:t xml:space="preserve">            ////////////////</w:t>
            </w:r>
          </w:p>
          <w:p w:rsidR="00156FB3" w:rsidRDefault="00156FB3" w:rsidP="00156FB3"/>
          <w:p w:rsidR="00156FB3" w:rsidRDefault="00156FB3" w:rsidP="00156FB3">
            <w:r>
              <w:t xml:space="preserve">            function error(message, title, optionsOverride) {</w:t>
            </w:r>
          </w:p>
          <w:p w:rsidR="00156FB3" w:rsidRDefault="00156FB3" w:rsidP="00156FB3">
            <w:r>
              <w:t xml:space="preserve">                return notify({</w:t>
            </w:r>
          </w:p>
          <w:p w:rsidR="00156FB3" w:rsidRDefault="00156FB3" w:rsidP="00156FB3">
            <w:r>
              <w:t xml:space="preserve">                    type: toastType.error,</w:t>
            </w:r>
          </w:p>
          <w:p w:rsidR="00156FB3" w:rsidRDefault="00156FB3" w:rsidP="00156FB3">
            <w:r>
              <w:t xml:space="preserve">                    iconClass: getOptions().iconClasses.error,</w:t>
            </w:r>
          </w:p>
          <w:p w:rsidR="00156FB3" w:rsidRDefault="00156FB3" w:rsidP="00156FB3">
            <w:r>
              <w:t xml:space="preserve">                    message: message,</w:t>
            </w:r>
          </w:p>
          <w:p w:rsidR="00156FB3" w:rsidRDefault="00156FB3" w:rsidP="00156FB3">
            <w:r>
              <w:t xml:space="preserve">                    optionsOverride: optionsOverride,</w:t>
            </w:r>
          </w:p>
          <w:p w:rsidR="00156FB3" w:rsidRDefault="00156FB3" w:rsidP="00156FB3">
            <w:r>
              <w:t xml:space="preserve">                    title: titl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getContainer(options, create) {</w:t>
            </w:r>
          </w:p>
          <w:p w:rsidR="00156FB3" w:rsidRDefault="00156FB3" w:rsidP="00156FB3">
            <w:r>
              <w:t xml:space="preserve">                if (!options) { options = getOptions(); }</w:t>
            </w:r>
          </w:p>
          <w:p w:rsidR="00156FB3" w:rsidRDefault="00156FB3" w:rsidP="00156FB3">
            <w:r>
              <w:t xml:space="preserve">                $container = $('#' + options.containerId);</w:t>
            </w:r>
          </w:p>
          <w:p w:rsidR="00156FB3" w:rsidRDefault="00156FB3" w:rsidP="00156FB3">
            <w:r>
              <w:t xml:space="preserve">                if ($container.length) {</w:t>
            </w:r>
          </w:p>
          <w:p w:rsidR="00156FB3" w:rsidRDefault="00156FB3" w:rsidP="00156FB3">
            <w:r>
              <w:t xml:space="preserve">                    return $container;</w:t>
            </w:r>
          </w:p>
          <w:p w:rsidR="00156FB3" w:rsidRDefault="00156FB3" w:rsidP="00156FB3">
            <w:r>
              <w:t xml:space="preserve">                }</w:t>
            </w:r>
          </w:p>
          <w:p w:rsidR="00156FB3" w:rsidRDefault="00156FB3" w:rsidP="00156FB3">
            <w:r>
              <w:t xml:space="preserve">                if (create) {</w:t>
            </w:r>
          </w:p>
          <w:p w:rsidR="00156FB3" w:rsidRDefault="00156FB3" w:rsidP="00156FB3">
            <w:r>
              <w:t xml:space="preserve">                    $container = createContainer(options);</w:t>
            </w:r>
          </w:p>
          <w:p w:rsidR="00156FB3" w:rsidRDefault="00156FB3" w:rsidP="00156FB3">
            <w:r>
              <w:t xml:space="preserve">                }</w:t>
            </w:r>
          </w:p>
          <w:p w:rsidR="00156FB3" w:rsidRDefault="00156FB3" w:rsidP="00156FB3">
            <w:r>
              <w:t xml:space="preserve">                return $container;</w:t>
            </w:r>
          </w:p>
          <w:p w:rsidR="00156FB3" w:rsidRDefault="00156FB3" w:rsidP="00156FB3">
            <w:r>
              <w:t xml:space="preserve">            }</w:t>
            </w:r>
          </w:p>
          <w:p w:rsidR="00156FB3" w:rsidRDefault="00156FB3" w:rsidP="00156FB3"/>
          <w:p w:rsidR="00156FB3" w:rsidRDefault="00156FB3" w:rsidP="00156FB3">
            <w:r>
              <w:t xml:space="preserve">            function info(message, title, optionsOverride) {</w:t>
            </w:r>
          </w:p>
          <w:p w:rsidR="00156FB3" w:rsidRDefault="00156FB3" w:rsidP="00156FB3">
            <w:r>
              <w:t xml:space="preserve">                return notify({</w:t>
            </w:r>
          </w:p>
          <w:p w:rsidR="00156FB3" w:rsidRDefault="00156FB3" w:rsidP="00156FB3">
            <w:r>
              <w:t xml:space="preserve">                    type: toastType.info,</w:t>
            </w:r>
          </w:p>
          <w:p w:rsidR="00156FB3" w:rsidRDefault="00156FB3" w:rsidP="00156FB3">
            <w:r>
              <w:t xml:space="preserve">                    iconClass: getOptions().iconClasses.info,</w:t>
            </w:r>
          </w:p>
          <w:p w:rsidR="00156FB3" w:rsidRDefault="00156FB3" w:rsidP="00156FB3">
            <w:r>
              <w:t xml:space="preserve">                    message: message,</w:t>
            </w:r>
          </w:p>
          <w:p w:rsidR="00156FB3" w:rsidRDefault="00156FB3" w:rsidP="00156FB3">
            <w:r>
              <w:t xml:space="preserve">                    optionsOverride: optionsOverride,</w:t>
            </w:r>
          </w:p>
          <w:p w:rsidR="00156FB3" w:rsidRDefault="00156FB3" w:rsidP="00156FB3">
            <w:r>
              <w:t xml:space="preserve">                    title: titl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subscribe(callback) {</w:t>
            </w:r>
          </w:p>
          <w:p w:rsidR="00156FB3" w:rsidRDefault="00156FB3" w:rsidP="00156FB3">
            <w:r>
              <w:t xml:space="preserve">                listener = callback;</w:t>
            </w:r>
          </w:p>
          <w:p w:rsidR="00156FB3" w:rsidRDefault="00156FB3" w:rsidP="00156FB3">
            <w:r>
              <w:t xml:space="preserve">            }</w:t>
            </w:r>
          </w:p>
          <w:p w:rsidR="00156FB3" w:rsidRDefault="00156FB3" w:rsidP="00156FB3"/>
          <w:p w:rsidR="00156FB3" w:rsidRDefault="00156FB3" w:rsidP="00156FB3">
            <w:r>
              <w:t xml:space="preserve">            function success(message, title, optionsOverride) {</w:t>
            </w:r>
          </w:p>
          <w:p w:rsidR="00156FB3" w:rsidRDefault="00156FB3" w:rsidP="00156FB3">
            <w:r>
              <w:t xml:space="preserve">                return notify({</w:t>
            </w:r>
          </w:p>
          <w:p w:rsidR="00156FB3" w:rsidRDefault="00156FB3" w:rsidP="00156FB3">
            <w:r>
              <w:t xml:space="preserve">                    type: toastType.success,</w:t>
            </w:r>
          </w:p>
          <w:p w:rsidR="00156FB3" w:rsidRDefault="00156FB3" w:rsidP="00156FB3">
            <w:r>
              <w:t xml:space="preserve">                    iconClass: getOptions().iconClasses.success,</w:t>
            </w:r>
          </w:p>
          <w:p w:rsidR="00156FB3" w:rsidRDefault="00156FB3" w:rsidP="00156FB3">
            <w:r>
              <w:t xml:space="preserve">                    message: message,</w:t>
            </w:r>
          </w:p>
          <w:p w:rsidR="00156FB3" w:rsidRDefault="00156FB3" w:rsidP="00156FB3">
            <w:r>
              <w:t xml:space="preserve">                    optionsOverride: optionsOverride,</w:t>
            </w:r>
          </w:p>
          <w:p w:rsidR="00156FB3" w:rsidRDefault="00156FB3" w:rsidP="00156FB3">
            <w:r>
              <w:t xml:space="preserve">                    title: titl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lastRenderedPageBreak/>
              <w:t xml:space="preserve">            function warning(message, title, optionsOverride) {</w:t>
            </w:r>
          </w:p>
          <w:p w:rsidR="00156FB3" w:rsidRDefault="00156FB3" w:rsidP="00156FB3">
            <w:r>
              <w:t xml:space="preserve">                return notify({</w:t>
            </w:r>
          </w:p>
          <w:p w:rsidR="00156FB3" w:rsidRDefault="00156FB3" w:rsidP="00156FB3">
            <w:r>
              <w:t xml:space="preserve">                    type: toastType.warning,</w:t>
            </w:r>
          </w:p>
          <w:p w:rsidR="00156FB3" w:rsidRDefault="00156FB3" w:rsidP="00156FB3">
            <w:r>
              <w:t xml:space="preserve">                    iconClass: getOptions().iconClasses.warning,</w:t>
            </w:r>
          </w:p>
          <w:p w:rsidR="00156FB3" w:rsidRDefault="00156FB3" w:rsidP="00156FB3">
            <w:r>
              <w:t xml:space="preserve">                    message: message,</w:t>
            </w:r>
          </w:p>
          <w:p w:rsidR="00156FB3" w:rsidRDefault="00156FB3" w:rsidP="00156FB3">
            <w:r>
              <w:t xml:space="preserve">                    optionsOverride: optionsOverride,</w:t>
            </w:r>
          </w:p>
          <w:p w:rsidR="00156FB3" w:rsidRDefault="00156FB3" w:rsidP="00156FB3">
            <w:r>
              <w:t xml:space="preserve">                    title: titl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clear($toastElement, clearOptions) {</w:t>
            </w:r>
          </w:p>
          <w:p w:rsidR="00156FB3" w:rsidRDefault="00156FB3" w:rsidP="00156FB3">
            <w:r>
              <w:t xml:space="preserve">                var options = getOptions();</w:t>
            </w:r>
          </w:p>
          <w:p w:rsidR="00156FB3" w:rsidRDefault="00156FB3" w:rsidP="00156FB3">
            <w:r>
              <w:t xml:space="preserve">                if (!$container) { getContainer(options); }</w:t>
            </w:r>
          </w:p>
          <w:p w:rsidR="00156FB3" w:rsidRDefault="00156FB3" w:rsidP="00156FB3">
            <w:r>
              <w:t xml:space="preserve">                if (!clearToast($toastElement, options, clearOptions)) {</w:t>
            </w:r>
          </w:p>
          <w:p w:rsidR="00156FB3" w:rsidRDefault="00156FB3" w:rsidP="00156FB3">
            <w:r>
              <w:t xml:space="preserve">                    clearContainer(option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remove($toastElement) {</w:t>
            </w:r>
          </w:p>
          <w:p w:rsidR="00156FB3" w:rsidRDefault="00156FB3" w:rsidP="00156FB3">
            <w:r>
              <w:t xml:space="preserve">                var options = getOptions();</w:t>
            </w:r>
          </w:p>
          <w:p w:rsidR="00156FB3" w:rsidRDefault="00156FB3" w:rsidP="00156FB3">
            <w:r>
              <w:t xml:space="preserve">                if (!$container) { getContainer(options); }</w:t>
            </w:r>
          </w:p>
          <w:p w:rsidR="00156FB3" w:rsidRDefault="00156FB3" w:rsidP="00156FB3">
            <w:r>
              <w:t xml:space="preserve">                if ($toastElement &amp;&amp; $(':focus', $toastElement).length === 0) {</w:t>
            </w:r>
          </w:p>
          <w:p w:rsidR="00156FB3" w:rsidRDefault="00156FB3" w:rsidP="00156FB3">
            <w:r>
              <w:t xml:space="preserve">                    removeToast($toastElement);</w:t>
            </w:r>
          </w:p>
          <w:p w:rsidR="00156FB3" w:rsidRDefault="00156FB3" w:rsidP="00156FB3">
            <w:r>
              <w:t xml:space="preserve">                    return;</w:t>
            </w:r>
          </w:p>
          <w:p w:rsidR="00156FB3" w:rsidRDefault="00156FB3" w:rsidP="00156FB3">
            <w:r>
              <w:t xml:space="preserve">                }</w:t>
            </w:r>
          </w:p>
          <w:p w:rsidR="00156FB3" w:rsidRDefault="00156FB3" w:rsidP="00156FB3">
            <w:r>
              <w:t xml:space="preserve">                if ($container.children().length) {</w:t>
            </w:r>
          </w:p>
          <w:p w:rsidR="00156FB3" w:rsidRDefault="00156FB3" w:rsidP="00156FB3">
            <w:r>
              <w:t xml:space="preserve">                    $container.remov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internal functions</w:t>
            </w:r>
          </w:p>
          <w:p w:rsidR="00156FB3" w:rsidRDefault="00156FB3" w:rsidP="00156FB3"/>
          <w:p w:rsidR="00156FB3" w:rsidRDefault="00156FB3" w:rsidP="00156FB3">
            <w:r>
              <w:t xml:space="preserve">            function clearContainer (options) {</w:t>
            </w:r>
          </w:p>
          <w:p w:rsidR="00156FB3" w:rsidRDefault="00156FB3" w:rsidP="00156FB3">
            <w:r>
              <w:t xml:space="preserve">                var toastsToClear = $container.children();</w:t>
            </w:r>
          </w:p>
          <w:p w:rsidR="00156FB3" w:rsidRDefault="00156FB3" w:rsidP="00156FB3">
            <w:r>
              <w:t xml:space="preserve">                for (var i = toastsToClear.length - 1; i &gt;= 0; i--) {</w:t>
            </w:r>
          </w:p>
          <w:p w:rsidR="00156FB3" w:rsidRDefault="00156FB3" w:rsidP="00156FB3">
            <w:r>
              <w:t xml:space="preserve">                    clearToast($(toastsToClear[i]), option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clearToast ($toastElement, options, clearOptions) {</w:t>
            </w:r>
          </w:p>
          <w:p w:rsidR="00156FB3" w:rsidRDefault="00156FB3" w:rsidP="00156FB3">
            <w:r>
              <w:t xml:space="preserve">                var force = clearOptions &amp;&amp; clearOptions.force ? clearOptions.force : false;</w:t>
            </w:r>
          </w:p>
          <w:p w:rsidR="00156FB3" w:rsidRDefault="00156FB3" w:rsidP="00156FB3">
            <w:r>
              <w:t xml:space="preserve">                if ($toastElement &amp;&amp; (force || $(':focus', $toastElement).length === 0)) {</w:t>
            </w:r>
          </w:p>
          <w:p w:rsidR="00156FB3" w:rsidRDefault="00156FB3" w:rsidP="00156FB3">
            <w:r>
              <w:t xml:space="preserve">                    $toastElement[options.hideMethod]({</w:t>
            </w:r>
          </w:p>
          <w:p w:rsidR="00156FB3" w:rsidRDefault="00156FB3" w:rsidP="00156FB3">
            <w:r>
              <w:t xml:space="preserve">                        duration: options.hideDuration,</w:t>
            </w:r>
          </w:p>
          <w:p w:rsidR="00156FB3" w:rsidRDefault="00156FB3" w:rsidP="00156FB3">
            <w:r>
              <w:t xml:space="preserve">                        easing: options.hideEasing,</w:t>
            </w:r>
          </w:p>
          <w:p w:rsidR="00156FB3" w:rsidRDefault="00156FB3" w:rsidP="00156FB3">
            <w:r>
              <w:t xml:space="preserve">                        complete: function () { removeToast($toastElement); }</w:t>
            </w:r>
          </w:p>
          <w:p w:rsidR="00156FB3" w:rsidRDefault="00156FB3" w:rsidP="00156FB3">
            <w:r>
              <w:t xml:space="preserve">                    });</w:t>
            </w:r>
          </w:p>
          <w:p w:rsidR="00156FB3" w:rsidRDefault="00156FB3" w:rsidP="00156FB3">
            <w:r>
              <w:t xml:space="preserve">                    return true;</w:t>
            </w:r>
          </w:p>
          <w:p w:rsidR="00156FB3" w:rsidRDefault="00156FB3" w:rsidP="00156FB3">
            <w:r>
              <w:lastRenderedPageBreak/>
              <w:t xml:space="preserve">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function createContainer(options) {</w:t>
            </w:r>
          </w:p>
          <w:p w:rsidR="00156FB3" w:rsidRDefault="00156FB3" w:rsidP="00156FB3">
            <w:r>
              <w:t xml:space="preserve">                $container = $('&lt;div/&gt;')</w:t>
            </w:r>
          </w:p>
          <w:p w:rsidR="00156FB3" w:rsidRDefault="00156FB3" w:rsidP="00156FB3">
            <w:r>
              <w:t xml:space="preserve">                    .attr('id', options.containerId)</w:t>
            </w:r>
          </w:p>
          <w:p w:rsidR="00156FB3" w:rsidRDefault="00156FB3" w:rsidP="00156FB3">
            <w:r>
              <w:t xml:space="preserve">                    .addClass(options.containerId)</w:t>
            </w:r>
          </w:p>
          <w:p w:rsidR="00156FB3" w:rsidRDefault="00156FB3" w:rsidP="00156FB3">
            <w:r>
              <w:t xml:space="preserve">                    .addClass(options.positionClass);</w:t>
            </w:r>
          </w:p>
          <w:p w:rsidR="00156FB3" w:rsidRDefault="00156FB3" w:rsidP="00156FB3"/>
          <w:p w:rsidR="00156FB3" w:rsidRDefault="00156FB3" w:rsidP="00156FB3">
            <w:r>
              <w:t xml:space="preserve">                $container.appendTo($(options.target));</w:t>
            </w:r>
          </w:p>
          <w:p w:rsidR="00156FB3" w:rsidRDefault="00156FB3" w:rsidP="00156FB3">
            <w:r>
              <w:t xml:space="preserve">                return $container;</w:t>
            </w:r>
          </w:p>
          <w:p w:rsidR="00156FB3" w:rsidRDefault="00156FB3" w:rsidP="00156FB3">
            <w:r>
              <w:t xml:space="preserve">            }</w:t>
            </w:r>
          </w:p>
          <w:p w:rsidR="00156FB3" w:rsidRDefault="00156FB3" w:rsidP="00156FB3"/>
          <w:p w:rsidR="00156FB3" w:rsidRDefault="00156FB3" w:rsidP="00156FB3">
            <w:r>
              <w:t xml:space="preserve">            function getDefaults() {</w:t>
            </w:r>
          </w:p>
          <w:p w:rsidR="00156FB3" w:rsidRDefault="00156FB3" w:rsidP="00156FB3">
            <w:r>
              <w:t xml:space="preserve">                return {</w:t>
            </w:r>
          </w:p>
          <w:p w:rsidR="00156FB3" w:rsidRDefault="00156FB3" w:rsidP="00156FB3">
            <w:r>
              <w:t xml:space="preserve">                    tapToDismiss: true,</w:t>
            </w:r>
          </w:p>
          <w:p w:rsidR="00156FB3" w:rsidRDefault="00156FB3" w:rsidP="00156FB3">
            <w:r>
              <w:t xml:space="preserve">                    toastClass: 'toast',</w:t>
            </w:r>
          </w:p>
          <w:p w:rsidR="00156FB3" w:rsidRDefault="00156FB3" w:rsidP="00156FB3">
            <w:r>
              <w:t xml:space="preserve">                    containerId: 'toast-container',</w:t>
            </w:r>
          </w:p>
          <w:p w:rsidR="00156FB3" w:rsidRDefault="00156FB3" w:rsidP="00156FB3">
            <w:r>
              <w:t xml:space="preserve">                    debug: false,</w:t>
            </w:r>
          </w:p>
          <w:p w:rsidR="00156FB3" w:rsidRDefault="00156FB3" w:rsidP="00156FB3"/>
          <w:p w:rsidR="00156FB3" w:rsidRDefault="00156FB3" w:rsidP="00156FB3">
            <w:r>
              <w:t xml:space="preserve">                    showMethod: 'fadeIn', //fadeIn, slideDown, and show are built into jQuery</w:t>
            </w:r>
          </w:p>
          <w:p w:rsidR="00156FB3" w:rsidRDefault="00156FB3" w:rsidP="00156FB3">
            <w:r>
              <w:t xml:space="preserve">                    showDuration: 300,</w:t>
            </w:r>
          </w:p>
          <w:p w:rsidR="00156FB3" w:rsidRDefault="00156FB3" w:rsidP="00156FB3">
            <w:r>
              <w:t xml:space="preserve">                    showEasing: 'swing', //swing and linear are built into jQuery</w:t>
            </w:r>
          </w:p>
          <w:p w:rsidR="00156FB3" w:rsidRDefault="00156FB3" w:rsidP="00156FB3">
            <w:r>
              <w:t xml:space="preserve">                    onShown: undefined,</w:t>
            </w:r>
          </w:p>
          <w:p w:rsidR="00156FB3" w:rsidRDefault="00156FB3" w:rsidP="00156FB3">
            <w:r>
              <w:t xml:space="preserve">                    hideMethod: 'fadeOut',</w:t>
            </w:r>
          </w:p>
          <w:p w:rsidR="00156FB3" w:rsidRDefault="00156FB3" w:rsidP="00156FB3">
            <w:r>
              <w:t xml:space="preserve">                    hideDuration: 1000,</w:t>
            </w:r>
          </w:p>
          <w:p w:rsidR="00156FB3" w:rsidRDefault="00156FB3" w:rsidP="00156FB3">
            <w:r>
              <w:t xml:space="preserve">                    hideEasing: 'swing',</w:t>
            </w:r>
          </w:p>
          <w:p w:rsidR="00156FB3" w:rsidRDefault="00156FB3" w:rsidP="00156FB3">
            <w:r>
              <w:t xml:space="preserve">                    onHidden: undefined,</w:t>
            </w:r>
          </w:p>
          <w:p w:rsidR="00156FB3" w:rsidRDefault="00156FB3" w:rsidP="00156FB3">
            <w:r>
              <w:t xml:space="preserve">                    closeMethod: false,</w:t>
            </w:r>
          </w:p>
          <w:p w:rsidR="00156FB3" w:rsidRDefault="00156FB3" w:rsidP="00156FB3">
            <w:r>
              <w:t xml:space="preserve">                    closeDuration: false,</w:t>
            </w:r>
          </w:p>
          <w:p w:rsidR="00156FB3" w:rsidRDefault="00156FB3" w:rsidP="00156FB3">
            <w:r>
              <w:t xml:space="preserve">                    closeEasing: false,</w:t>
            </w:r>
          </w:p>
          <w:p w:rsidR="00156FB3" w:rsidRDefault="00156FB3" w:rsidP="00156FB3">
            <w:r>
              <w:t xml:space="preserve">                    closeOnHover: false,</w:t>
            </w:r>
          </w:p>
          <w:p w:rsidR="00156FB3" w:rsidRDefault="00156FB3" w:rsidP="00156FB3"/>
          <w:p w:rsidR="00156FB3" w:rsidRDefault="00156FB3" w:rsidP="00156FB3">
            <w:r>
              <w:t xml:space="preserve">                    extendedTimeOut: 1000,</w:t>
            </w:r>
          </w:p>
          <w:p w:rsidR="00156FB3" w:rsidRDefault="00156FB3" w:rsidP="00156FB3">
            <w:r>
              <w:t xml:space="preserve">                    iconClasses: {</w:t>
            </w:r>
          </w:p>
          <w:p w:rsidR="00156FB3" w:rsidRDefault="00156FB3" w:rsidP="00156FB3">
            <w:r>
              <w:t xml:space="preserve">                        error: 'toast-error',</w:t>
            </w:r>
          </w:p>
          <w:p w:rsidR="00156FB3" w:rsidRDefault="00156FB3" w:rsidP="00156FB3">
            <w:r>
              <w:t xml:space="preserve">                        info: 'toast-info',</w:t>
            </w:r>
          </w:p>
          <w:p w:rsidR="00156FB3" w:rsidRDefault="00156FB3" w:rsidP="00156FB3">
            <w:r>
              <w:t xml:space="preserve">                        success: 'toast-success',</w:t>
            </w:r>
          </w:p>
          <w:p w:rsidR="00156FB3" w:rsidRDefault="00156FB3" w:rsidP="00156FB3">
            <w:r>
              <w:t xml:space="preserve">                        warning: 'toast-warning'</w:t>
            </w:r>
          </w:p>
          <w:p w:rsidR="00156FB3" w:rsidRDefault="00156FB3" w:rsidP="00156FB3">
            <w:r>
              <w:t xml:space="preserve">                    },</w:t>
            </w:r>
          </w:p>
          <w:p w:rsidR="00156FB3" w:rsidRDefault="00156FB3" w:rsidP="00156FB3">
            <w:r>
              <w:t xml:space="preserve">                    iconClass: 'toast-info',</w:t>
            </w:r>
          </w:p>
          <w:p w:rsidR="00156FB3" w:rsidRDefault="00156FB3" w:rsidP="00156FB3">
            <w:r>
              <w:t xml:space="preserve">                    positionClass: 'toast-top-right',</w:t>
            </w:r>
          </w:p>
          <w:p w:rsidR="00156FB3" w:rsidRDefault="00156FB3" w:rsidP="00156FB3">
            <w:r>
              <w:t xml:space="preserve">                    timeOut: 5000, // Set timeOut and extendedTimeOut to 0 to make it sticky</w:t>
            </w:r>
          </w:p>
          <w:p w:rsidR="00156FB3" w:rsidRDefault="00156FB3" w:rsidP="00156FB3">
            <w:r>
              <w:t xml:space="preserve">                    titleClass: 'toast-title',</w:t>
            </w:r>
          </w:p>
          <w:p w:rsidR="00156FB3" w:rsidRDefault="00156FB3" w:rsidP="00156FB3">
            <w:r>
              <w:t xml:space="preserve">                    messageClass: 'toast-message',</w:t>
            </w:r>
          </w:p>
          <w:p w:rsidR="00156FB3" w:rsidRDefault="00156FB3" w:rsidP="00156FB3">
            <w:r>
              <w:t xml:space="preserve">                    escapeHtml: false,</w:t>
            </w:r>
          </w:p>
          <w:p w:rsidR="00156FB3" w:rsidRDefault="00156FB3" w:rsidP="00156FB3">
            <w:r>
              <w:t xml:space="preserve">                    target: 'body',</w:t>
            </w:r>
          </w:p>
          <w:p w:rsidR="00156FB3" w:rsidRDefault="00156FB3" w:rsidP="00156FB3">
            <w:r>
              <w:lastRenderedPageBreak/>
              <w:t xml:space="preserve">                    closeHtml: '&lt;button type="button"&gt;&amp;times;&lt;/button&gt;',</w:t>
            </w:r>
          </w:p>
          <w:p w:rsidR="00156FB3" w:rsidRDefault="00156FB3" w:rsidP="00156FB3">
            <w:r>
              <w:t xml:space="preserve">                    closeClass: 'toast-close-button',</w:t>
            </w:r>
          </w:p>
          <w:p w:rsidR="00156FB3" w:rsidRDefault="00156FB3" w:rsidP="00156FB3">
            <w:r>
              <w:t xml:space="preserve">                    closeButton: true,</w:t>
            </w:r>
          </w:p>
          <w:p w:rsidR="00156FB3" w:rsidRDefault="00156FB3" w:rsidP="00156FB3">
            <w:r>
              <w:t xml:space="preserve">                    newestOnTop: true,</w:t>
            </w:r>
          </w:p>
          <w:p w:rsidR="00156FB3" w:rsidRDefault="00156FB3" w:rsidP="00156FB3">
            <w:r>
              <w:t xml:space="preserve">                    preventDuplicates: true,</w:t>
            </w:r>
          </w:p>
          <w:p w:rsidR="00156FB3" w:rsidRDefault="00156FB3" w:rsidP="00156FB3">
            <w:r>
              <w:t xml:space="preserve">                    progressBar: true,</w:t>
            </w:r>
          </w:p>
          <w:p w:rsidR="00156FB3" w:rsidRDefault="00156FB3" w:rsidP="00156FB3">
            <w:r>
              <w:t xml:space="preserve">                    progressClass: 'toast-progress',</w:t>
            </w:r>
          </w:p>
          <w:p w:rsidR="00156FB3" w:rsidRDefault="00156FB3" w:rsidP="00156FB3">
            <w:r>
              <w:t xml:space="preserve">                    rtl: fals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publish(args) {</w:t>
            </w:r>
          </w:p>
          <w:p w:rsidR="00156FB3" w:rsidRDefault="00156FB3" w:rsidP="00156FB3">
            <w:r>
              <w:t xml:space="preserve">                if (!listener) { return; }</w:t>
            </w:r>
          </w:p>
          <w:p w:rsidR="00156FB3" w:rsidRDefault="00156FB3" w:rsidP="00156FB3">
            <w:r>
              <w:t xml:space="preserve">                listener(args);</w:t>
            </w:r>
          </w:p>
          <w:p w:rsidR="00156FB3" w:rsidRDefault="00156FB3" w:rsidP="00156FB3">
            <w:r>
              <w:t xml:space="preserve">            }</w:t>
            </w:r>
          </w:p>
          <w:p w:rsidR="00156FB3" w:rsidRDefault="00156FB3" w:rsidP="00156FB3"/>
          <w:p w:rsidR="00156FB3" w:rsidRDefault="00156FB3" w:rsidP="00156FB3">
            <w:r>
              <w:t xml:space="preserve">            function notify(map) {</w:t>
            </w:r>
          </w:p>
          <w:p w:rsidR="00156FB3" w:rsidRDefault="00156FB3" w:rsidP="00156FB3">
            <w:r>
              <w:t xml:space="preserve">                var options = getOptions();</w:t>
            </w:r>
          </w:p>
          <w:p w:rsidR="00156FB3" w:rsidRDefault="00156FB3" w:rsidP="00156FB3">
            <w:r>
              <w:t xml:space="preserve">                var iconClass = map.iconClass || options.iconClass;</w:t>
            </w:r>
          </w:p>
          <w:p w:rsidR="00156FB3" w:rsidRDefault="00156FB3" w:rsidP="00156FB3"/>
          <w:p w:rsidR="00156FB3" w:rsidRDefault="00156FB3" w:rsidP="00156FB3">
            <w:r>
              <w:t xml:space="preserve">                if (typeof (map.optionsOverride) !== 'undefined') {</w:t>
            </w:r>
          </w:p>
          <w:p w:rsidR="00156FB3" w:rsidRDefault="00156FB3" w:rsidP="00156FB3">
            <w:r>
              <w:t xml:space="preserve">                    options = $.extend(options, map.optionsOverride);</w:t>
            </w:r>
          </w:p>
          <w:p w:rsidR="00156FB3" w:rsidRDefault="00156FB3" w:rsidP="00156FB3">
            <w:r>
              <w:t xml:space="preserve">                    iconClass = map.optionsOverride.iconClass || iconClass;</w:t>
            </w:r>
          </w:p>
          <w:p w:rsidR="00156FB3" w:rsidRDefault="00156FB3" w:rsidP="00156FB3">
            <w:r>
              <w:t xml:space="preserve">                }</w:t>
            </w:r>
          </w:p>
          <w:p w:rsidR="00156FB3" w:rsidRDefault="00156FB3" w:rsidP="00156FB3"/>
          <w:p w:rsidR="00156FB3" w:rsidRDefault="00156FB3" w:rsidP="00156FB3">
            <w:r>
              <w:t xml:space="preserve">                if (shouldExit(options, map)) { return; }</w:t>
            </w:r>
          </w:p>
          <w:p w:rsidR="00156FB3" w:rsidRDefault="00156FB3" w:rsidP="00156FB3"/>
          <w:p w:rsidR="00156FB3" w:rsidRDefault="00156FB3" w:rsidP="00156FB3">
            <w:r>
              <w:t xml:space="preserve">                toastId++;</w:t>
            </w:r>
          </w:p>
          <w:p w:rsidR="00156FB3" w:rsidRDefault="00156FB3" w:rsidP="00156FB3"/>
          <w:p w:rsidR="00156FB3" w:rsidRDefault="00156FB3" w:rsidP="00156FB3">
            <w:r>
              <w:t xml:space="preserve">                $container = getContainer(options, true);</w:t>
            </w:r>
          </w:p>
          <w:p w:rsidR="00156FB3" w:rsidRDefault="00156FB3" w:rsidP="00156FB3"/>
          <w:p w:rsidR="00156FB3" w:rsidRDefault="00156FB3" w:rsidP="00156FB3">
            <w:r>
              <w:t xml:space="preserve">                var intervalId = null;</w:t>
            </w:r>
          </w:p>
          <w:p w:rsidR="00156FB3" w:rsidRDefault="00156FB3" w:rsidP="00156FB3">
            <w:r>
              <w:t xml:space="preserve">                var $toastElement = $('&lt;div/&gt;');</w:t>
            </w:r>
          </w:p>
          <w:p w:rsidR="00156FB3" w:rsidRDefault="00156FB3" w:rsidP="00156FB3">
            <w:r>
              <w:t xml:space="preserve">                var $titleElement = $('&lt;div/&gt;');</w:t>
            </w:r>
          </w:p>
          <w:p w:rsidR="00156FB3" w:rsidRDefault="00156FB3" w:rsidP="00156FB3">
            <w:r>
              <w:t xml:space="preserve">                var $messageElement = $('&lt;div/&gt;');</w:t>
            </w:r>
          </w:p>
          <w:p w:rsidR="00156FB3" w:rsidRDefault="00156FB3" w:rsidP="00156FB3">
            <w:r>
              <w:t xml:space="preserve">                var $progressElement = $('&lt;div/&gt;');</w:t>
            </w:r>
          </w:p>
          <w:p w:rsidR="00156FB3" w:rsidRDefault="00156FB3" w:rsidP="00156FB3">
            <w:r>
              <w:t xml:space="preserve">                var $closeElement = $(options.closeHtml);</w:t>
            </w:r>
          </w:p>
          <w:p w:rsidR="00156FB3" w:rsidRDefault="00156FB3" w:rsidP="00156FB3">
            <w:r>
              <w:t xml:space="preserve">                var progressBar = {</w:t>
            </w:r>
          </w:p>
          <w:p w:rsidR="00156FB3" w:rsidRDefault="00156FB3" w:rsidP="00156FB3">
            <w:r>
              <w:t xml:space="preserve">                    intervalId: null,</w:t>
            </w:r>
          </w:p>
          <w:p w:rsidR="00156FB3" w:rsidRDefault="00156FB3" w:rsidP="00156FB3">
            <w:r>
              <w:t xml:space="preserve">                    hideEta: null,</w:t>
            </w:r>
          </w:p>
          <w:p w:rsidR="00156FB3" w:rsidRDefault="00156FB3" w:rsidP="00156FB3">
            <w:r>
              <w:t xml:space="preserve">                    maxHideTime: null</w:t>
            </w:r>
          </w:p>
          <w:p w:rsidR="00156FB3" w:rsidRDefault="00156FB3" w:rsidP="00156FB3">
            <w:r>
              <w:t xml:space="preserve">                };</w:t>
            </w:r>
          </w:p>
          <w:p w:rsidR="00156FB3" w:rsidRDefault="00156FB3" w:rsidP="00156FB3">
            <w:r>
              <w:t xml:space="preserve">                var response = {</w:t>
            </w:r>
          </w:p>
          <w:p w:rsidR="00156FB3" w:rsidRDefault="00156FB3" w:rsidP="00156FB3">
            <w:r>
              <w:t xml:space="preserve">                    toastId: toastId,</w:t>
            </w:r>
          </w:p>
          <w:p w:rsidR="00156FB3" w:rsidRDefault="00156FB3" w:rsidP="00156FB3">
            <w:r>
              <w:t xml:space="preserve">                    state: 'visible',</w:t>
            </w:r>
          </w:p>
          <w:p w:rsidR="00156FB3" w:rsidRDefault="00156FB3" w:rsidP="00156FB3">
            <w:r>
              <w:t xml:space="preserve">                    startTime: new Date(),</w:t>
            </w:r>
          </w:p>
          <w:p w:rsidR="00156FB3" w:rsidRDefault="00156FB3" w:rsidP="00156FB3">
            <w:r>
              <w:t xml:space="preserve">                    options: options,</w:t>
            </w:r>
          </w:p>
          <w:p w:rsidR="00156FB3" w:rsidRDefault="00156FB3" w:rsidP="00156FB3">
            <w:r>
              <w:t xml:space="preserve">                    map: map</w:t>
            </w:r>
          </w:p>
          <w:p w:rsidR="00156FB3" w:rsidRDefault="00156FB3" w:rsidP="00156FB3">
            <w:r>
              <w:lastRenderedPageBreak/>
              <w:t xml:space="preserve">                };</w:t>
            </w:r>
          </w:p>
          <w:p w:rsidR="00156FB3" w:rsidRDefault="00156FB3" w:rsidP="00156FB3"/>
          <w:p w:rsidR="00156FB3" w:rsidRDefault="00156FB3" w:rsidP="00156FB3">
            <w:r>
              <w:t xml:space="preserve">                personalizeToast();</w:t>
            </w:r>
          </w:p>
          <w:p w:rsidR="00156FB3" w:rsidRDefault="00156FB3" w:rsidP="00156FB3"/>
          <w:p w:rsidR="00156FB3" w:rsidRDefault="00156FB3" w:rsidP="00156FB3">
            <w:r>
              <w:t xml:space="preserve">                displayToast();</w:t>
            </w:r>
          </w:p>
          <w:p w:rsidR="00156FB3" w:rsidRDefault="00156FB3" w:rsidP="00156FB3"/>
          <w:p w:rsidR="00156FB3" w:rsidRDefault="00156FB3" w:rsidP="00156FB3">
            <w:r>
              <w:t xml:space="preserve">                handleEvents();</w:t>
            </w:r>
          </w:p>
          <w:p w:rsidR="00156FB3" w:rsidRDefault="00156FB3" w:rsidP="00156FB3"/>
          <w:p w:rsidR="00156FB3" w:rsidRDefault="00156FB3" w:rsidP="00156FB3">
            <w:r>
              <w:t xml:space="preserve">                publish(response);</w:t>
            </w:r>
          </w:p>
          <w:p w:rsidR="00156FB3" w:rsidRDefault="00156FB3" w:rsidP="00156FB3"/>
          <w:p w:rsidR="00156FB3" w:rsidRDefault="00156FB3" w:rsidP="00156FB3">
            <w:r>
              <w:t xml:space="preserve">                if (options.debug &amp;&amp; console) {</w:t>
            </w:r>
          </w:p>
          <w:p w:rsidR="00156FB3" w:rsidRDefault="00156FB3" w:rsidP="00156FB3">
            <w:r>
              <w:t xml:space="preserve">                    console.log(response);</w:t>
            </w:r>
          </w:p>
          <w:p w:rsidR="00156FB3" w:rsidRDefault="00156FB3" w:rsidP="00156FB3">
            <w:r>
              <w:t xml:space="preserve">                }</w:t>
            </w:r>
          </w:p>
          <w:p w:rsidR="00156FB3" w:rsidRDefault="00156FB3" w:rsidP="00156FB3"/>
          <w:p w:rsidR="00156FB3" w:rsidRDefault="00156FB3" w:rsidP="00156FB3">
            <w:r>
              <w:t xml:space="preserve">                return $toastElement;</w:t>
            </w:r>
          </w:p>
          <w:p w:rsidR="00156FB3" w:rsidRDefault="00156FB3" w:rsidP="00156FB3"/>
          <w:p w:rsidR="00156FB3" w:rsidRDefault="00156FB3" w:rsidP="00156FB3">
            <w:r>
              <w:t xml:space="preserve">                function escapeHtml(source) {</w:t>
            </w:r>
          </w:p>
          <w:p w:rsidR="00156FB3" w:rsidRDefault="00156FB3" w:rsidP="00156FB3">
            <w:r>
              <w:t xml:space="preserve">                    if (source == null) {</w:t>
            </w:r>
          </w:p>
          <w:p w:rsidR="00156FB3" w:rsidRDefault="00156FB3" w:rsidP="00156FB3">
            <w:r>
              <w:t xml:space="preserve">                        source = '';</w:t>
            </w:r>
          </w:p>
          <w:p w:rsidR="00156FB3" w:rsidRDefault="00156FB3" w:rsidP="00156FB3">
            <w:r>
              <w:t xml:space="preserve">                    }</w:t>
            </w:r>
          </w:p>
          <w:p w:rsidR="00156FB3" w:rsidRDefault="00156FB3" w:rsidP="00156FB3"/>
          <w:p w:rsidR="00156FB3" w:rsidRDefault="00156FB3" w:rsidP="00156FB3">
            <w:r>
              <w:t xml:space="preserve">                    return source</w:t>
            </w:r>
          </w:p>
          <w:p w:rsidR="00156FB3" w:rsidRDefault="00156FB3" w:rsidP="00156FB3">
            <w:r>
              <w:t xml:space="preserve">                        .replace(/&amp;/g, '&amp;amp;')</w:t>
            </w:r>
          </w:p>
          <w:p w:rsidR="00156FB3" w:rsidRDefault="00156FB3" w:rsidP="00156FB3">
            <w:r>
              <w:t xml:space="preserve">                        .replace(/"/g, '&amp;quot;')</w:t>
            </w:r>
          </w:p>
          <w:p w:rsidR="00156FB3" w:rsidRDefault="00156FB3" w:rsidP="00156FB3">
            <w:r>
              <w:t xml:space="preserve">                        .replace(/'/g, '&amp;#39;')</w:t>
            </w:r>
          </w:p>
          <w:p w:rsidR="00156FB3" w:rsidRDefault="00156FB3" w:rsidP="00156FB3">
            <w:r>
              <w:t xml:space="preserve">                        .replace(/&lt;/g, '&amp;lt;')</w:t>
            </w:r>
          </w:p>
          <w:p w:rsidR="00156FB3" w:rsidRDefault="00156FB3" w:rsidP="00156FB3">
            <w:r>
              <w:t xml:space="preserve">                        .replace(/&gt;/g, '&amp;gt;');</w:t>
            </w:r>
          </w:p>
          <w:p w:rsidR="00156FB3" w:rsidRDefault="00156FB3" w:rsidP="00156FB3">
            <w:r>
              <w:t xml:space="preserve">                }</w:t>
            </w:r>
          </w:p>
          <w:p w:rsidR="00156FB3" w:rsidRDefault="00156FB3" w:rsidP="00156FB3"/>
          <w:p w:rsidR="00156FB3" w:rsidRDefault="00156FB3" w:rsidP="00156FB3">
            <w:r>
              <w:t xml:space="preserve">                function personalizeToast() {</w:t>
            </w:r>
          </w:p>
          <w:p w:rsidR="00156FB3" w:rsidRDefault="00156FB3" w:rsidP="00156FB3">
            <w:r>
              <w:t xml:space="preserve">                    setIcon();</w:t>
            </w:r>
          </w:p>
          <w:p w:rsidR="00156FB3" w:rsidRDefault="00156FB3" w:rsidP="00156FB3">
            <w:r>
              <w:t xml:space="preserve">                    setTitle();</w:t>
            </w:r>
          </w:p>
          <w:p w:rsidR="00156FB3" w:rsidRDefault="00156FB3" w:rsidP="00156FB3">
            <w:r>
              <w:t xml:space="preserve">                    setMessage();</w:t>
            </w:r>
          </w:p>
          <w:p w:rsidR="00156FB3" w:rsidRDefault="00156FB3" w:rsidP="00156FB3">
            <w:r>
              <w:t xml:space="preserve">                    setCloseButton();</w:t>
            </w:r>
          </w:p>
          <w:p w:rsidR="00156FB3" w:rsidRDefault="00156FB3" w:rsidP="00156FB3">
            <w:r>
              <w:t xml:space="preserve">                    setProgressBar();</w:t>
            </w:r>
          </w:p>
          <w:p w:rsidR="00156FB3" w:rsidRDefault="00156FB3" w:rsidP="00156FB3">
            <w:r>
              <w:t xml:space="preserve">                    setRTL();</w:t>
            </w:r>
          </w:p>
          <w:p w:rsidR="00156FB3" w:rsidRDefault="00156FB3" w:rsidP="00156FB3">
            <w:r>
              <w:t xml:space="preserve">                    setSequence();</w:t>
            </w:r>
          </w:p>
          <w:p w:rsidR="00156FB3" w:rsidRDefault="00156FB3" w:rsidP="00156FB3">
            <w:r>
              <w:t xml:space="preserve">                    setAria();</w:t>
            </w:r>
          </w:p>
          <w:p w:rsidR="00156FB3" w:rsidRDefault="00156FB3" w:rsidP="00156FB3">
            <w:r>
              <w:t xml:space="preserve">                }</w:t>
            </w:r>
          </w:p>
          <w:p w:rsidR="00156FB3" w:rsidRDefault="00156FB3" w:rsidP="00156FB3"/>
          <w:p w:rsidR="00156FB3" w:rsidRDefault="00156FB3" w:rsidP="00156FB3">
            <w:r>
              <w:t xml:space="preserve">                function setAria() {</w:t>
            </w:r>
          </w:p>
          <w:p w:rsidR="00156FB3" w:rsidRDefault="00156FB3" w:rsidP="00156FB3">
            <w:r>
              <w:t xml:space="preserve">                    var ariaValue = '';</w:t>
            </w:r>
          </w:p>
          <w:p w:rsidR="00156FB3" w:rsidRDefault="00156FB3" w:rsidP="00156FB3">
            <w:r>
              <w:t xml:space="preserve">                    switch (map.iconClass) {</w:t>
            </w:r>
          </w:p>
          <w:p w:rsidR="00156FB3" w:rsidRDefault="00156FB3" w:rsidP="00156FB3">
            <w:r>
              <w:t xml:space="preserve">                        case 'toast-success':</w:t>
            </w:r>
          </w:p>
          <w:p w:rsidR="00156FB3" w:rsidRDefault="00156FB3" w:rsidP="00156FB3">
            <w:r>
              <w:t xml:space="preserve">                        case 'toast-info':</w:t>
            </w:r>
          </w:p>
          <w:p w:rsidR="00156FB3" w:rsidRDefault="00156FB3" w:rsidP="00156FB3">
            <w:r>
              <w:t xml:space="preserve">                            ariaValue =  'polite';</w:t>
            </w:r>
          </w:p>
          <w:p w:rsidR="00156FB3" w:rsidRDefault="00156FB3" w:rsidP="00156FB3">
            <w:r>
              <w:t xml:space="preserve">                            break;</w:t>
            </w:r>
          </w:p>
          <w:p w:rsidR="00156FB3" w:rsidRDefault="00156FB3" w:rsidP="00156FB3">
            <w:r>
              <w:t xml:space="preserve">                        default:</w:t>
            </w:r>
          </w:p>
          <w:p w:rsidR="00156FB3" w:rsidRDefault="00156FB3" w:rsidP="00156FB3">
            <w:r>
              <w:lastRenderedPageBreak/>
              <w:t xml:space="preserve">                            ariaValue = 'assertive';</w:t>
            </w:r>
          </w:p>
          <w:p w:rsidR="00156FB3" w:rsidRDefault="00156FB3" w:rsidP="00156FB3">
            <w:r>
              <w:t xml:space="preserve">                    }</w:t>
            </w:r>
          </w:p>
          <w:p w:rsidR="00156FB3" w:rsidRDefault="00156FB3" w:rsidP="00156FB3">
            <w:r>
              <w:t xml:space="preserve">                    $toastElement.attr('aria-live', ariaValue);</w:t>
            </w:r>
          </w:p>
          <w:p w:rsidR="00156FB3" w:rsidRDefault="00156FB3" w:rsidP="00156FB3">
            <w:r>
              <w:t xml:space="preserve">                }</w:t>
            </w:r>
          </w:p>
          <w:p w:rsidR="00156FB3" w:rsidRDefault="00156FB3" w:rsidP="00156FB3"/>
          <w:p w:rsidR="00156FB3" w:rsidRDefault="00156FB3" w:rsidP="00156FB3">
            <w:r>
              <w:t xml:space="preserve">                function handleEvents() {</w:t>
            </w:r>
          </w:p>
          <w:p w:rsidR="00156FB3" w:rsidRDefault="00156FB3" w:rsidP="00156FB3">
            <w:r>
              <w:t xml:space="preserve">                    if (options.closeOnHover) {</w:t>
            </w:r>
          </w:p>
          <w:p w:rsidR="00156FB3" w:rsidRDefault="00156FB3" w:rsidP="00156FB3">
            <w:r>
              <w:t xml:space="preserve">                        $toastElement.hover(stickAround, delayedHideToast);</w:t>
            </w:r>
          </w:p>
          <w:p w:rsidR="00156FB3" w:rsidRDefault="00156FB3" w:rsidP="00156FB3">
            <w:r>
              <w:t xml:space="preserve">                    }</w:t>
            </w:r>
          </w:p>
          <w:p w:rsidR="00156FB3" w:rsidRDefault="00156FB3" w:rsidP="00156FB3"/>
          <w:p w:rsidR="00156FB3" w:rsidRDefault="00156FB3" w:rsidP="00156FB3">
            <w:r>
              <w:t xml:space="preserve">                    if (!options.onclick &amp;&amp; options.tapToDismiss) {</w:t>
            </w:r>
          </w:p>
          <w:p w:rsidR="00156FB3" w:rsidRDefault="00156FB3" w:rsidP="00156FB3">
            <w:r>
              <w:t xml:space="preserve">                        $toastElement.click(hideToast);</w:t>
            </w:r>
          </w:p>
          <w:p w:rsidR="00156FB3" w:rsidRDefault="00156FB3" w:rsidP="00156FB3">
            <w:r>
              <w:t xml:space="preserve">                    }</w:t>
            </w:r>
          </w:p>
          <w:p w:rsidR="00156FB3" w:rsidRDefault="00156FB3" w:rsidP="00156FB3"/>
          <w:p w:rsidR="00156FB3" w:rsidRDefault="00156FB3" w:rsidP="00156FB3">
            <w:r>
              <w:t xml:space="preserve">                    if (options.closeButton &amp;&amp; $closeElement) {</w:t>
            </w:r>
          </w:p>
          <w:p w:rsidR="00156FB3" w:rsidRDefault="00156FB3" w:rsidP="00156FB3">
            <w:r>
              <w:t xml:space="preserve">                        $closeElement.click(function (event) {</w:t>
            </w:r>
          </w:p>
          <w:p w:rsidR="00156FB3" w:rsidRDefault="00156FB3" w:rsidP="00156FB3">
            <w:r>
              <w:t xml:space="preserve">                            if (event.stopPropagation) {</w:t>
            </w:r>
          </w:p>
          <w:p w:rsidR="00156FB3" w:rsidRDefault="00156FB3" w:rsidP="00156FB3">
            <w:r>
              <w:t xml:space="preserve">                                event.stopPropagation();</w:t>
            </w:r>
          </w:p>
          <w:p w:rsidR="00156FB3" w:rsidRDefault="00156FB3" w:rsidP="00156FB3">
            <w:r>
              <w:t xml:space="preserve">                            } else if (event.cancelBubble !== undefined &amp;&amp; event.cancelBubble !== true) {</w:t>
            </w:r>
          </w:p>
          <w:p w:rsidR="00156FB3" w:rsidRDefault="00156FB3" w:rsidP="00156FB3">
            <w:r>
              <w:t xml:space="preserve">                                event.cancelBubble = true;</w:t>
            </w:r>
          </w:p>
          <w:p w:rsidR="00156FB3" w:rsidRDefault="00156FB3" w:rsidP="00156FB3">
            <w:r>
              <w:t xml:space="preserve">                            }</w:t>
            </w:r>
          </w:p>
          <w:p w:rsidR="00156FB3" w:rsidRDefault="00156FB3" w:rsidP="00156FB3"/>
          <w:p w:rsidR="00156FB3" w:rsidRDefault="00156FB3" w:rsidP="00156FB3">
            <w:r>
              <w:t xml:space="preserve">                            if (options.onCloseClick) {</w:t>
            </w:r>
          </w:p>
          <w:p w:rsidR="00156FB3" w:rsidRDefault="00156FB3" w:rsidP="00156FB3">
            <w:r>
              <w:t xml:space="preserve">                                options.onCloseClick(event);</w:t>
            </w:r>
          </w:p>
          <w:p w:rsidR="00156FB3" w:rsidRDefault="00156FB3" w:rsidP="00156FB3">
            <w:r>
              <w:t xml:space="preserve">                            }</w:t>
            </w:r>
          </w:p>
          <w:p w:rsidR="00156FB3" w:rsidRDefault="00156FB3" w:rsidP="00156FB3"/>
          <w:p w:rsidR="00156FB3" w:rsidRDefault="00156FB3" w:rsidP="00156FB3">
            <w:r>
              <w:t xml:space="preserve">                            hideToast(tr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if (options.onclick) {</w:t>
            </w:r>
          </w:p>
          <w:p w:rsidR="00156FB3" w:rsidRDefault="00156FB3" w:rsidP="00156FB3">
            <w:r>
              <w:t xml:space="preserve">                        $toastElement.click(function (event) {</w:t>
            </w:r>
          </w:p>
          <w:p w:rsidR="00156FB3" w:rsidRDefault="00156FB3" w:rsidP="00156FB3">
            <w:r>
              <w:t xml:space="preserve">                            options.onclick(event);</w:t>
            </w:r>
          </w:p>
          <w:p w:rsidR="00156FB3" w:rsidRDefault="00156FB3" w:rsidP="00156FB3">
            <w:r>
              <w:t xml:space="preserve">                            hideToast();</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displayToast() {</w:t>
            </w:r>
          </w:p>
          <w:p w:rsidR="00156FB3" w:rsidRDefault="00156FB3" w:rsidP="00156FB3">
            <w:r>
              <w:t xml:space="preserve">                    $toastElement.hide();</w:t>
            </w:r>
          </w:p>
          <w:p w:rsidR="00156FB3" w:rsidRDefault="00156FB3" w:rsidP="00156FB3"/>
          <w:p w:rsidR="00156FB3" w:rsidRDefault="00156FB3" w:rsidP="00156FB3">
            <w:r>
              <w:t xml:space="preserve">                    $toastElement[options.showMethod](</w:t>
            </w:r>
          </w:p>
          <w:p w:rsidR="00156FB3" w:rsidRDefault="00156FB3" w:rsidP="00156FB3">
            <w:r>
              <w:t xml:space="preserve">                        {duration: options.showDuration, easing: options.showEasing, complete: options.onShown}</w:t>
            </w:r>
          </w:p>
          <w:p w:rsidR="00156FB3" w:rsidRDefault="00156FB3" w:rsidP="00156FB3">
            <w:r>
              <w:t xml:space="preserve">                    );</w:t>
            </w:r>
          </w:p>
          <w:p w:rsidR="00156FB3" w:rsidRDefault="00156FB3" w:rsidP="00156FB3"/>
          <w:p w:rsidR="00156FB3" w:rsidRDefault="00156FB3" w:rsidP="00156FB3">
            <w:r>
              <w:t xml:space="preserve">                    if (options.timeOut &gt; 0) {</w:t>
            </w:r>
          </w:p>
          <w:p w:rsidR="00156FB3" w:rsidRDefault="00156FB3" w:rsidP="00156FB3">
            <w:r>
              <w:t xml:space="preserve">                        intervalId = setTimeout(hideToast, options.timeOut);</w:t>
            </w:r>
          </w:p>
          <w:p w:rsidR="00156FB3" w:rsidRDefault="00156FB3" w:rsidP="00156FB3">
            <w:r>
              <w:lastRenderedPageBreak/>
              <w:t xml:space="preserve">                        progressBar.maxHideTime = parseFloat(options.timeOut);</w:t>
            </w:r>
          </w:p>
          <w:p w:rsidR="00156FB3" w:rsidRDefault="00156FB3" w:rsidP="00156FB3">
            <w:r>
              <w:t xml:space="preserve">                        progressBar.hideEta = new Date().getTime() + progressBar.maxHideTime;</w:t>
            </w:r>
          </w:p>
          <w:p w:rsidR="00156FB3" w:rsidRDefault="00156FB3" w:rsidP="00156FB3">
            <w:r>
              <w:t xml:space="preserve">                        if (options.progressBar) {</w:t>
            </w:r>
          </w:p>
          <w:p w:rsidR="00156FB3" w:rsidRDefault="00156FB3" w:rsidP="00156FB3">
            <w:r>
              <w:t xml:space="preserve">                            progressBar.intervalId = setInterval(updateProgress, 10);</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setIcon() {</w:t>
            </w:r>
          </w:p>
          <w:p w:rsidR="00156FB3" w:rsidRDefault="00156FB3" w:rsidP="00156FB3">
            <w:r>
              <w:t xml:space="preserve">                    if (map.iconClass) {</w:t>
            </w:r>
          </w:p>
          <w:p w:rsidR="00156FB3" w:rsidRDefault="00156FB3" w:rsidP="00156FB3">
            <w:r>
              <w:t xml:space="preserve">                        $toastElement.addClass(options.toastClass).addClass(iconClas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setSequence() {</w:t>
            </w:r>
          </w:p>
          <w:p w:rsidR="00156FB3" w:rsidRDefault="00156FB3" w:rsidP="00156FB3">
            <w:r>
              <w:t xml:space="preserve">                    if (options.newestOnTop) {</w:t>
            </w:r>
          </w:p>
          <w:p w:rsidR="00156FB3" w:rsidRDefault="00156FB3" w:rsidP="00156FB3">
            <w:r>
              <w:t xml:space="preserve">                        $container.prepend($toastElement);</w:t>
            </w:r>
          </w:p>
          <w:p w:rsidR="00156FB3" w:rsidRDefault="00156FB3" w:rsidP="00156FB3">
            <w:r>
              <w:t xml:space="preserve">                    } else {</w:t>
            </w:r>
          </w:p>
          <w:p w:rsidR="00156FB3" w:rsidRDefault="00156FB3" w:rsidP="00156FB3">
            <w:r>
              <w:t xml:space="preserve">                        $container.append($toastElemen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setTitle() {</w:t>
            </w:r>
          </w:p>
          <w:p w:rsidR="00156FB3" w:rsidRDefault="00156FB3" w:rsidP="00156FB3">
            <w:r>
              <w:t xml:space="preserve">                    if (map.title) {</w:t>
            </w:r>
          </w:p>
          <w:p w:rsidR="00156FB3" w:rsidRDefault="00156FB3" w:rsidP="00156FB3">
            <w:r>
              <w:t xml:space="preserve">                        var suffix = map.title;</w:t>
            </w:r>
          </w:p>
          <w:p w:rsidR="00156FB3" w:rsidRDefault="00156FB3" w:rsidP="00156FB3">
            <w:r>
              <w:t xml:space="preserve">                        if (options.escapeHtml) {</w:t>
            </w:r>
          </w:p>
          <w:p w:rsidR="00156FB3" w:rsidRDefault="00156FB3" w:rsidP="00156FB3">
            <w:r>
              <w:t xml:space="preserve">                            suffix = escapeHtml(map.title);</w:t>
            </w:r>
          </w:p>
          <w:p w:rsidR="00156FB3" w:rsidRDefault="00156FB3" w:rsidP="00156FB3">
            <w:r>
              <w:t xml:space="preserve">                        }</w:t>
            </w:r>
          </w:p>
          <w:p w:rsidR="00156FB3" w:rsidRDefault="00156FB3" w:rsidP="00156FB3">
            <w:r>
              <w:t xml:space="preserve">                        $titleElement.append(suffix).addClass(options.titleClass);</w:t>
            </w:r>
          </w:p>
          <w:p w:rsidR="00156FB3" w:rsidRDefault="00156FB3" w:rsidP="00156FB3">
            <w:r>
              <w:t xml:space="preserve">                        $toastElement.append($titleElemen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setMessage() {</w:t>
            </w:r>
          </w:p>
          <w:p w:rsidR="00156FB3" w:rsidRDefault="00156FB3" w:rsidP="00156FB3">
            <w:r>
              <w:t xml:space="preserve">                    if (map.message) {</w:t>
            </w:r>
          </w:p>
          <w:p w:rsidR="00156FB3" w:rsidRDefault="00156FB3" w:rsidP="00156FB3">
            <w:r>
              <w:t xml:space="preserve">                        var suffix = map.message;</w:t>
            </w:r>
          </w:p>
          <w:p w:rsidR="00156FB3" w:rsidRDefault="00156FB3" w:rsidP="00156FB3">
            <w:r>
              <w:t xml:space="preserve">                        if (options.escapeHtml) {</w:t>
            </w:r>
          </w:p>
          <w:p w:rsidR="00156FB3" w:rsidRDefault="00156FB3" w:rsidP="00156FB3">
            <w:r>
              <w:t xml:space="preserve">                            suffix = escapeHtml(map.message);</w:t>
            </w:r>
          </w:p>
          <w:p w:rsidR="00156FB3" w:rsidRDefault="00156FB3" w:rsidP="00156FB3">
            <w:r>
              <w:t xml:space="preserve">                        }</w:t>
            </w:r>
          </w:p>
          <w:p w:rsidR="00156FB3" w:rsidRDefault="00156FB3" w:rsidP="00156FB3">
            <w:r>
              <w:t xml:space="preserve">                        $messageElement.append(suffix).addClass(options.messageClass);</w:t>
            </w:r>
          </w:p>
          <w:p w:rsidR="00156FB3" w:rsidRDefault="00156FB3" w:rsidP="00156FB3">
            <w:r>
              <w:t xml:space="preserve">                        $toastElement.append($messageElemen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setCloseButton() {</w:t>
            </w:r>
          </w:p>
          <w:p w:rsidR="00156FB3" w:rsidRDefault="00156FB3" w:rsidP="00156FB3">
            <w:r>
              <w:t xml:space="preserve">                    if (options.closeButton) {</w:t>
            </w:r>
          </w:p>
          <w:p w:rsidR="00156FB3" w:rsidRDefault="00156FB3" w:rsidP="00156FB3">
            <w:r>
              <w:t xml:space="preserve">                        $closeElement.addClass(options.closeClass).attr('role', 'button');</w:t>
            </w:r>
          </w:p>
          <w:p w:rsidR="00156FB3" w:rsidRDefault="00156FB3" w:rsidP="00156FB3">
            <w:r>
              <w:t xml:space="preserve">                        $toastElement.prepend($closeElement);</w:t>
            </w:r>
          </w:p>
          <w:p w:rsidR="00156FB3" w:rsidRDefault="00156FB3" w:rsidP="00156FB3">
            <w:r>
              <w:lastRenderedPageBreak/>
              <w:t xml:space="preserve">                    }</w:t>
            </w:r>
          </w:p>
          <w:p w:rsidR="00156FB3" w:rsidRDefault="00156FB3" w:rsidP="00156FB3">
            <w:r>
              <w:t xml:space="preserve">                }</w:t>
            </w:r>
          </w:p>
          <w:p w:rsidR="00156FB3" w:rsidRDefault="00156FB3" w:rsidP="00156FB3"/>
          <w:p w:rsidR="00156FB3" w:rsidRDefault="00156FB3" w:rsidP="00156FB3">
            <w:r>
              <w:t xml:space="preserve">                function setProgressBar() {</w:t>
            </w:r>
          </w:p>
          <w:p w:rsidR="00156FB3" w:rsidRDefault="00156FB3" w:rsidP="00156FB3">
            <w:r>
              <w:t xml:space="preserve">                    if (options.progressBar) {</w:t>
            </w:r>
          </w:p>
          <w:p w:rsidR="00156FB3" w:rsidRDefault="00156FB3" w:rsidP="00156FB3">
            <w:r>
              <w:t xml:space="preserve">                        $progressElement.addClass(options.progressClass);</w:t>
            </w:r>
          </w:p>
          <w:p w:rsidR="00156FB3" w:rsidRDefault="00156FB3" w:rsidP="00156FB3">
            <w:r>
              <w:t xml:space="preserve">                        $toastElement.prepend($progressElemen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setRTL() {</w:t>
            </w:r>
          </w:p>
          <w:p w:rsidR="00156FB3" w:rsidRDefault="00156FB3" w:rsidP="00156FB3">
            <w:r>
              <w:t xml:space="preserve">                    if (options.rtl) {</w:t>
            </w:r>
          </w:p>
          <w:p w:rsidR="00156FB3" w:rsidRDefault="00156FB3" w:rsidP="00156FB3">
            <w:r>
              <w:t xml:space="preserve">                        $toastElement.addClass('rtl');</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shouldExit(options, map) {</w:t>
            </w:r>
          </w:p>
          <w:p w:rsidR="00156FB3" w:rsidRDefault="00156FB3" w:rsidP="00156FB3">
            <w:r>
              <w:t xml:space="preserve">                    if (options.preventDuplicates) {</w:t>
            </w:r>
          </w:p>
          <w:p w:rsidR="00156FB3" w:rsidRDefault="00156FB3" w:rsidP="00156FB3">
            <w:r>
              <w:t xml:space="preserve">                        if (map.message === previousToast) {</w:t>
            </w:r>
          </w:p>
          <w:p w:rsidR="00156FB3" w:rsidRDefault="00156FB3" w:rsidP="00156FB3">
            <w:r>
              <w:t xml:space="preserve">                            return true;</w:t>
            </w:r>
          </w:p>
          <w:p w:rsidR="00156FB3" w:rsidRDefault="00156FB3" w:rsidP="00156FB3">
            <w:r>
              <w:t xml:space="preserve">                        } else {</w:t>
            </w:r>
          </w:p>
          <w:p w:rsidR="00156FB3" w:rsidRDefault="00156FB3" w:rsidP="00156FB3">
            <w:r>
              <w:t xml:space="preserve">                            previousToast = map.message;</w:t>
            </w:r>
          </w:p>
          <w:p w:rsidR="00156FB3" w:rsidRDefault="00156FB3" w:rsidP="00156FB3">
            <w:r>
              <w:t xml:space="preserve">                        }</w:t>
            </w:r>
          </w:p>
          <w:p w:rsidR="00156FB3" w:rsidRDefault="00156FB3" w:rsidP="00156FB3">
            <w:r>
              <w:t xml:space="preserve">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function hideToast(override) {</w:t>
            </w:r>
          </w:p>
          <w:p w:rsidR="00156FB3" w:rsidRDefault="00156FB3" w:rsidP="00156FB3">
            <w:r>
              <w:t xml:space="preserve">                    var method = override &amp;&amp; options.closeMethod !== false ? options.closeMethod : options.hideMethod;</w:t>
            </w:r>
          </w:p>
          <w:p w:rsidR="00156FB3" w:rsidRDefault="00156FB3" w:rsidP="00156FB3">
            <w:r>
              <w:t xml:space="preserve">                    var duration = override &amp;&amp; options.closeDuration !== false ?</w:t>
            </w:r>
          </w:p>
          <w:p w:rsidR="00156FB3" w:rsidRDefault="00156FB3" w:rsidP="00156FB3">
            <w:r>
              <w:t xml:space="preserve">                        options.closeDuration : options.hideDuration;</w:t>
            </w:r>
          </w:p>
          <w:p w:rsidR="00156FB3" w:rsidRDefault="00156FB3" w:rsidP="00156FB3">
            <w:r>
              <w:t xml:space="preserve">                    var easing = override &amp;&amp; options.closeEasing !== false ? options.closeEasing : options.hideEasing;</w:t>
            </w:r>
          </w:p>
          <w:p w:rsidR="00156FB3" w:rsidRDefault="00156FB3" w:rsidP="00156FB3">
            <w:r>
              <w:t xml:space="preserve">                    if ($(':focus', $toastElement).length &amp;&amp; !override) {</w:t>
            </w:r>
          </w:p>
          <w:p w:rsidR="00156FB3" w:rsidRDefault="00156FB3" w:rsidP="00156FB3">
            <w:r>
              <w:t xml:space="preserve">                        return;</w:t>
            </w:r>
          </w:p>
          <w:p w:rsidR="00156FB3" w:rsidRDefault="00156FB3" w:rsidP="00156FB3">
            <w:r>
              <w:t xml:space="preserve">                    }</w:t>
            </w:r>
          </w:p>
          <w:p w:rsidR="00156FB3" w:rsidRDefault="00156FB3" w:rsidP="00156FB3">
            <w:r>
              <w:t xml:space="preserve">                    clearTimeout(progressBar.intervalId);</w:t>
            </w:r>
          </w:p>
          <w:p w:rsidR="00156FB3" w:rsidRDefault="00156FB3" w:rsidP="00156FB3">
            <w:r>
              <w:t xml:space="preserve">                    return $toastElement[method]({</w:t>
            </w:r>
          </w:p>
          <w:p w:rsidR="00156FB3" w:rsidRDefault="00156FB3" w:rsidP="00156FB3">
            <w:r>
              <w:t xml:space="preserve">                        duration: duration,</w:t>
            </w:r>
          </w:p>
          <w:p w:rsidR="00156FB3" w:rsidRDefault="00156FB3" w:rsidP="00156FB3">
            <w:r>
              <w:t xml:space="preserve">                        easing: easing,</w:t>
            </w:r>
          </w:p>
          <w:p w:rsidR="00156FB3" w:rsidRDefault="00156FB3" w:rsidP="00156FB3">
            <w:r>
              <w:t xml:space="preserve">                        complete: function () {</w:t>
            </w:r>
          </w:p>
          <w:p w:rsidR="00156FB3" w:rsidRDefault="00156FB3" w:rsidP="00156FB3">
            <w:r>
              <w:t xml:space="preserve">                            removeToast($toastElement);</w:t>
            </w:r>
          </w:p>
          <w:p w:rsidR="00156FB3" w:rsidRDefault="00156FB3" w:rsidP="00156FB3">
            <w:r>
              <w:t xml:space="preserve">                            clearTimeout(intervalId);</w:t>
            </w:r>
          </w:p>
          <w:p w:rsidR="00156FB3" w:rsidRDefault="00156FB3" w:rsidP="00156FB3">
            <w:r>
              <w:t xml:space="preserve">                            if (options.onHidden &amp;&amp; response.state !== 'hidden') {</w:t>
            </w:r>
          </w:p>
          <w:p w:rsidR="00156FB3" w:rsidRDefault="00156FB3" w:rsidP="00156FB3">
            <w:r>
              <w:t xml:space="preserve">                                options.onHidden();</w:t>
            </w:r>
          </w:p>
          <w:p w:rsidR="00156FB3" w:rsidRDefault="00156FB3" w:rsidP="00156FB3">
            <w:r>
              <w:t xml:space="preserve">                            }</w:t>
            </w:r>
          </w:p>
          <w:p w:rsidR="00156FB3" w:rsidRDefault="00156FB3" w:rsidP="00156FB3">
            <w:r>
              <w:t xml:space="preserve">                            response.state = 'hidden';</w:t>
            </w:r>
          </w:p>
          <w:p w:rsidR="00156FB3" w:rsidRDefault="00156FB3" w:rsidP="00156FB3">
            <w:r>
              <w:lastRenderedPageBreak/>
              <w:t xml:space="preserve">                            response.endTime = new Date();</w:t>
            </w:r>
          </w:p>
          <w:p w:rsidR="00156FB3" w:rsidRDefault="00156FB3" w:rsidP="00156FB3">
            <w:r>
              <w:t xml:space="preserve">                            publish(response);</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delayedHideToast() {</w:t>
            </w:r>
          </w:p>
          <w:p w:rsidR="00156FB3" w:rsidRDefault="00156FB3" w:rsidP="00156FB3">
            <w:r>
              <w:t xml:space="preserve">                    if (options.timeOut &gt; 0 || options.extendedTimeOut &gt; 0) {</w:t>
            </w:r>
          </w:p>
          <w:p w:rsidR="00156FB3" w:rsidRDefault="00156FB3" w:rsidP="00156FB3">
            <w:r>
              <w:t xml:space="preserve">                        intervalId = setTimeout(hideToast, options.extendedTimeOut);</w:t>
            </w:r>
          </w:p>
          <w:p w:rsidR="00156FB3" w:rsidRDefault="00156FB3" w:rsidP="00156FB3">
            <w:r>
              <w:t xml:space="preserve">                        progressBar.maxHideTime = parseFloat(options.extendedTimeOut);</w:t>
            </w:r>
          </w:p>
          <w:p w:rsidR="00156FB3" w:rsidRDefault="00156FB3" w:rsidP="00156FB3">
            <w:r>
              <w:t xml:space="preserve">                        progressBar.hideEta = new Date().getTime() + progressBar.maxHideTim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stickAround() {</w:t>
            </w:r>
          </w:p>
          <w:p w:rsidR="00156FB3" w:rsidRDefault="00156FB3" w:rsidP="00156FB3">
            <w:r>
              <w:t xml:space="preserve">                    clearTimeout(intervalId);</w:t>
            </w:r>
          </w:p>
          <w:p w:rsidR="00156FB3" w:rsidRDefault="00156FB3" w:rsidP="00156FB3">
            <w:r>
              <w:t xml:space="preserve">                    progressBar.hideEta = 0;</w:t>
            </w:r>
          </w:p>
          <w:p w:rsidR="00156FB3" w:rsidRDefault="00156FB3" w:rsidP="00156FB3">
            <w:r>
              <w:t xml:space="preserve">                    $toastElement.stop(true, true)[options.showMethod](</w:t>
            </w:r>
          </w:p>
          <w:p w:rsidR="00156FB3" w:rsidRDefault="00156FB3" w:rsidP="00156FB3">
            <w:r>
              <w:t xml:space="preserve">                        {duration: options.showDuration, easing: options.showEasing}</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updateProgress() {</w:t>
            </w:r>
          </w:p>
          <w:p w:rsidR="00156FB3" w:rsidRDefault="00156FB3" w:rsidP="00156FB3">
            <w:r>
              <w:t xml:space="preserve">                    var percentage = ((progressBar.hideEta - (new Date().getTime())) / progressBar.maxHideTime) * 100;</w:t>
            </w:r>
          </w:p>
          <w:p w:rsidR="00156FB3" w:rsidRDefault="00156FB3" w:rsidP="00156FB3">
            <w:r>
              <w:t xml:space="preserve">                    $progressElement.width(percentage +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getOptions() {</w:t>
            </w:r>
          </w:p>
          <w:p w:rsidR="00156FB3" w:rsidRDefault="00156FB3" w:rsidP="00156FB3">
            <w:r>
              <w:t xml:space="preserve">                return $.extend({}, getDefaults(), toastr.options);</w:t>
            </w:r>
          </w:p>
          <w:p w:rsidR="00156FB3" w:rsidRDefault="00156FB3" w:rsidP="00156FB3">
            <w:r>
              <w:t xml:space="preserve">            }</w:t>
            </w:r>
          </w:p>
          <w:p w:rsidR="00156FB3" w:rsidRDefault="00156FB3" w:rsidP="00156FB3"/>
          <w:p w:rsidR="00156FB3" w:rsidRDefault="00156FB3" w:rsidP="00156FB3">
            <w:r>
              <w:t xml:space="preserve">            function removeToast($toastElement) {</w:t>
            </w:r>
          </w:p>
          <w:p w:rsidR="00156FB3" w:rsidRDefault="00156FB3" w:rsidP="00156FB3">
            <w:r>
              <w:t xml:space="preserve">                if (!$container) { $container = getContainer(); }</w:t>
            </w:r>
          </w:p>
          <w:p w:rsidR="00156FB3" w:rsidRDefault="00156FB3" w:rsidP="00156FB3">
            <w:r>
              <w:t xml:space="preserve">                if ($toastElement.is(':visible')) {</w:t>
            </w:r>
          </w:p>
          <w:p w:rsidR="00156FB3" w:rsidRDefault="00156FB3" w:rsidP="00156FB3">
            <w:r>
              <w:t xml:space="preserve">                    return;</w:t>
            </w:r>
          </w:p>
          <w:p w:rsidR="00156FB3" w:rsidRDefault="00156FB3" w:rsidP="00156FB3">
            <w:r>
              <w:t xml:space="preserve">                }</w:t>
            </w:r>
          </w:p>
          <w:p w:rsidR="00156FB3" w:rsidRDefault="00156FB3" w:rsidP="00156FB3">
            <w:r>
              <w:t xml:space="preserve">                $toastElement.remove();</w:t>
            </w:r>
          </w:p>
          <w:p w:rsidR="00156FB3" w:rsidRDefault="00156FB3" w:rsidP="00156FB3">
            <w:r>
              <w:t xml:space="preserve">                $toastElement = null;</w:t>
            </w:r>
          </w:p>
          <w:p w:rsidR="00156FB3" w:rsidRDefault="00156FB3" w:rsidP="00156FB3">
            <w:r>
              <w:t xml:space="preserve">                if ($container.children().length === 0) {</w:t>
            </w:r>
          </w:p>
          <w:p w:rsidR="00156FB3" w:rsidRDefault="00156FB3" w:rsidP="00156FB3">
            <w:r>
              <w:t xml:space="preserve">                    $container.remove();</w:t>
            </w:r>
          </w:p>
          <w:p w:rsidR="00156FB3" w:rsidRDefault="00156FB3" w:rsidP="00156FB3">
            <w:r>
              <w:t xml:space="preserve">                    previousToast = undefined;</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w:t>
            </w:r>
          </w:p>
          <w:p w:rsidR="00156FB3" w:rsidRDefault="00156FB3" w:rsidP="00156FB3">
            <w:r>
              <w:lastRenderedPageBreak/>
              <w:t>}(typeof define === 'function' &amp;&amp; define.amd ? define : function (deps, factory) {</w:t>
            </w:r>
          </w:p>
          <w:p w:rsidR="00156FB3" w:rsidRDefault="00156FB3" w:rsidP="00156FB3">
            <w:r>
              <w:t xml:space="preserve">    if (typeof module !== 'undefined' &amp;&amp; module.exports) { //Node</w:t>
            </w:r>
          </w:p>
          <w:p w:rsidR="00156FB3" w:rsidRDefault="00156FB3" w:rsidP="00156FB3">
            <w:r>
              <w:t xml:space="preserve">        module.exports = factory(require('jquery'));</w:t>
            </w:r>
          </w:p>
          <w:p w:rsidR="00156FB3" w:rsidRDefault="00156FB3" w:rsidP="00156FB3">
            <w:r>
              <w:t xml:space="preserve">    } else {</w:t>
            </w:r>
          </w:p>
          <w:p w:rsidR="00156FB3" w:rsidRDefault="00156FB3" w:rsidP="00156FB3">
            <w:r>
              <w:t xml:space="preserve">        window.toastr = factory(window.jQuery);</w:t>
            </w:r>
          </w:p>
          <w:p w:rsidR="00156FB3" w:rsidRDefault="00156FB3" w:rsidP="00156FB3">
            <w:r>
              <w:t xml:space="preserve">    }</w:t>
            </w:r>
          </w:p>
          <w:p w:rsidR="00156FB3" w:rsidRDefault="00156FB3" w:rsidP="00156FB3">
            <w:r>
              <w:t>}));</w:t>
            </w:r>
          </w:p>
          <w:p w:rsidR="00156FB3" w:rsidRDefault="00156FB3" w:rsidP="00156FB3"/>
          <w:p w:rsidR="00156FB3" w:rsidRDefault="00156FB3" w:rsidP="00156FB3">
            <w:r>
              <w:t>/*!</w:t>
            </w:r>
          </w:p>
          <w:p w:rsidR="00156FB3" w:rsidRDefault="00156FB3" w:rsidP="00156FB3">
            <w:r>
              <w:t>* sweetalert2 v9.4.3</w:t>
            </w:r>
          </w:p>
          <w:p w:rsidR="00156FB3" w:rsidRDefault="00156FB3" w:rsidP="00156FB3">
            <w:r>
              <w:t>* Released under the MIT License.</w:t>
            </w:r>
          </w:p>
          <w:p w:rsidR="00156FB3" w:rsidRDefault="00156FB3" w:rsidP="00156FB3">
            <w:r>
              <w:t>*/</w:t>
            </w:r>
          </w:p>
          <w:p w:rsidR="00156FB3" w:rsidRDefault="00156FB3" w:rsidP="00156FB3">
            <w:r>
              <w:t>(function (global, factory) {</w:t>
            </w:r>
          </w:p>
          <w:p w:rsidR="00156FB3" w:rsidRDefault="00156FB3" w:rsidP="00156FB3">
            <w:r>
              <w:t xml:space="preserve">    typeof exports === 'object' &amp;&amp; typeof module !== 'undefined' ? module.exports = factory() :</w:t>
            </w:r>
          </w:p>
          <w:p w:rsidR="00156FB3" w:rsidRDefault="00156FB3" w:rsidP="00156FB3">
            <w:r>
              <w:t xml:space="preserve">        typeof define === 'function' &amp;&amp; define.amd ? define(factory) :</w:t>
            </w:r>
          </w:p>
          <w:p w:rsidR="00156FB3" w:rsidRDefault="00156FB3" w:rsidP="00156FB3">
            <w:r>
              <w:t xml:space="preserve">            (global.Sweetalert2 = factory());</w:t>
            </w:r>
          </w:p>
          <w:p w:rsidR="00156FB3" w:rsidRDefault="00156FB3" w:rsidP="00156FB3">
            <w:r>
              <w:t>}(this, (function () { 'use strict';</w:t>
            </w:r>
          </w:p>
          <w:p w:rsidR="00156FB3" w:rsidRDefault="00156FB3" w:rsidP="00156FB3"/>
          <w:p w:rsidR="00156FB3" w:rsidRDefault="00156FB3" w:rsidP="00156FB3">
            <w:r>
              <w:t xml:space="preserve">    function _typeof(obj) {</w:t>
            </w:r>
          </w:p>
          <w:p w:rsidR="00156FB3" w:rsidRDefault="00156FB3" w:rsidP="00156FB3">
            <w:r>
              <w:t xml:space="preserve">        if (typeof Symbol === "function" &amp;&amp; typeof Symbol.iterator === "symbol") {</w:t>
            </w:r>
          </w:p>
          <w:p w:rsidR="00156FB3" w:rsidRDefault="00156FB3" w:rsidP="00156FB3">
            <w:r>
              <w:t xml:space="preserve">            _typeof = function (obj) {</w:t>
            </w:r>
          </w:p>
          <w:p w:rsidR="00156FB3" w:rsidRDefault="00156FB3" w:rsidP="00156FB3">
            <w:r>
              <w:t xml:space="preserve">                return typeof obj;</w:t>
            </w:r>
          </w:p>
          <w:p w:rsidR="00156FB3" w:rsidRDefault="00156FB3" w:rsidP="00156FB3">
            <w:r>
              <w:t xml:space="preserve">            };</w:t>
            </w:r>
          </w:p>
          <w:p w:rsidR="00156FB3" w:rsidRDefault="00156FB3" w:rsidP="00156FB3">
            <w:r>
              <w:t xml:space="preserve">        } else {</w:t>
            </w:r>
          </w:p>
          <w:p w:rsidR="00156FB3" w:rsidRDefault="00156FB3" w:rsidP="00156FB3">
            <w:r>
              <w:t xml:space="preserve">            _typeof = function (obj) {</w:t>
            </w:r>
          </w:p>
          <w:p w:rsidR="00156FB3" w:rsidRDefault="00156FB3" w:rsidP="00156FB3">
            <w:r>
              <w:t xml:space="preserve">                return obj &amp;&amp; typeof Symbol === "function" &amp;&amp; obj.constructor === Symbol &amp;&amp; obj !== Symbol.prototype ? "symbol" : typeof obj;</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_typeof(obj);</w:t>
            </w:r>
          </w:p>
          <w:p w:rsidR="00156FB3" w:rsidRDefault="00156FB3" w:rsidP="00156FB3">
            <w:r>
              <w:t xml:space="preserve">    }</w:t>
            </w:r>
          </w:p>
          <w:p w:rsidR="00156FB3" w:rsidRDefault="00156FB3" w:rsidP="00156FB3"/>
          <w:p w:rsidR="00156FB3" w:rsidRDefault="00156FB3" w:rsidP="00156FB3">
            <w:r>
              <w:t xml:space="preserve">    function _classCallCheck(instance, Constructor) {</w:t>
            </w:r>
          </w:p>
          <w:p w:rsidR="00156FB3" w:rsidRDefault="00156FB3" w:rsidP="00156FB3">
            <w:r>
              <w:t xml:space="preserve">        if (!(instance instanceof Constructor)) {</w:t>
            </w:r>
          </w:p>
          <w:p w:rsidR="00156FB3" w:rsidRDefault="00156FB3" w:rsidP="00156FB3">
            <w:r>
              <w:t xml:space="preserve">            throw new TypeError("Cannot call a class as a function");</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_defineProperties(target, props) {</w:t>
            </w:r>
          </w:p>
          <w:p w:rsidR="00156FB3" w:rsidRDefault="00156FB3" w:rsidP="00156FB3">
            <w:r>
              <w:t xml:space="preserve">        for (var i = 0; i &lt; props.length; i++) {</w:t>
            </w:r>
          </w:p>
          <w:p w:rsidR="00156FB3" w:rsidRDefault="00156FB3" w:rsidP="00156FB3">
            <w:r>
              <w:t xml:space="preserve">            var descriptor = props[i];</w:t>
            </w:r>
          </w:p>
          <w:p w:rsidR="00156FB3" w:rsidRDefault="00156FB3" w:rsidP="00156FB3">
            <w:r>
              <w:t xml:space="preserve">            descriptor.enumerable = descriptor.enumerable || false;</w:t>
            </w:r>
          </w:p>
          <w:p w:rsidR="00156FB3" w:rsidRDefault="00156FB3" w:rsidP="00156FB3">
            <w:r>
              <w:t xml:space="preserve">            descriptor.configurable = true;</w:t>
            </w:r>
          </w:p>
          <w:p w:rsidR="00156FB3" w:rsidRDefault="00156FB3" w:rsidP="00156FB3">
            <w:r>
              <w:t xml:space="preserve">            if ("value" in descriptor) descriptor.writable = true;</w:t>
            </w:r>
          </w:p>
          <w:p w:rsidR="00156FB3" w:rsidRDefault="00156FB3" w:rsidP="00156FB3">
            <w:r>
              <w:t xml:space="preserve">            Object.defineProperty(target, descriptor.key, descriptor);</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_createClass(Constructor, protoProps, staticProps) {</w:t>
            </w:r>
          </w:p>
          <w:p w:rsidR="00156FB3" w:rsidRDefault="00156FB3" w:rsidP="00156FB3">
            <w:r>
              <w:t xml:space="preserve">        if (protoProps) _defineProperties(Constructor.prototype, protoProps);</w:t>
            </w:r>
          </w:p>
          <w:p w:rsidR="00156FB3" w:rsidRDefault="00156FB3" w:rsidP="00156FB3">
            <w:r>
              <w:t xml:space="preserve">        if (staticProps) _defineProperties(Constructor, staticProps);</w:t>
            </w:r>
          </w:p>
          <w:p w:rsidR="00156FB3" w:rsidRDefault="00156FB3" w:rsidP="00156FB3">
            <w:r>
              <w:t xml:space="preserve">        return Constructor;</w:t>
            </w:r>
          </w:p>
          <w:p w:rsidR="00156FB3" w:rsidRDefault="00156FB3" w:rsidP="00156FB3">
            <w:r>
              <w:t xml:space="preserve">    }</w:t>
            </w:r>
          </w:p>
          <w:p w:rsidR="00156FB3" w:rsidRDefault="00156FB3" w:rsidP="00156FB3"/>
          <w:p w:rsidR="00156FB3" w:rsidRDefault="00156FB3" w:rsidP="00156FB3">
            <w:r>
              <w:t xml:space="preserve">    function _extends() {</w:t>
            </w:r>
          </w:p>
          <w:p w:rsidR="00156FB3" w:rsidRDefault="00156FB3" w:rsidP="00156FB3">
            <w:r>
              <w:t xml:space="preserve">        _extends = Object.assign || function (target) {</w:t>
            </w:r>
          </w:p>
          <w:p w:rsidR="00156FB3" w:rsidRDefault="00156FB3" w:rsidP="00156FB3">
            <w:r>
              <w:t xml:space="preserve">            for (var i = 1; i &lt; arguments.length; i++) {</w:t>
            </w:r>
          </w:p>
          <w:p w:rsidR="00156FB3" w:rsidRDefault="00156FB3" w:rsidP="00156FB3">
            <w:r>
              <w:t xml:space="preserve">                var source = arguments[i];</w:t>
            </w:r>
          </w:p>
          <w:p w:rsidR="00156FB3" w:rsidRDefault="00156FB3" w:rsidP="00156FB3"/>
          <w:p w:rsidR="00156FB3" w:rsidRDefault="00156FB3" w:rsidP="00156FB3">
            <w:r>
              <w:t xml:space="preserve">                for (var key in source) {</w:t>
            </w:r>
          </w:p>
          <w:p w:rsidR="00156FB3" w:rsidRDefault="00156FB3" w:rsidP="00156FB3">
            <w:r>
              <w:t xml:space="preserve">                    if (Object.prototype.hasOwnProperty.call(source, key)) {</w:t>
            </w:r>
          </w:p>
          <w:p w:rsidR="00156FB3" w:rsidRDefault="00156FB3" w:rsidP="00156FB3">
            <w:r>
              <w:t xml:space="preserve">                        target[key] = source[key];</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target;</w:t>
            </w:r>
          </w:p>
          <w:p w:rsidR="00156FB3" w:rsidRDefault="00156FB3" w:rsidP="00156FB3">
            <w:r>
              <w:t xml:space="preserve">        };</w:t>
            </w:r>
          </w:p>
          <w:p w:rsidR="00156FB3" w:rsidRDefault="00156FB3" w:rsidP="00156FB3"/>
          <w:p w:rsidR="00156FB3" w:rsidRDefault="00156FB3" w:rsidP="00156FB3">
            <w:r>
              <w:t xml:space="preserve">        return _extends.apply(this, arguments);</w:t>
            </w:r>
          </w:p>
          <w:p w:rsidR="00156FB3" w:rsidRDefault="00156FB3" w:rsidP="00156FB3">
            <w:r>
              <w:t xml:space="preserve">    }</w:t>
            </w:r>
          </w:p>
          <w:p w:rsidR="00156FB3" w:rsidRDefault="00156FB3" w:rsidP="00156FB3"/>
          <w:p w:rsidR="00156FB3" w:rsidRDefault="00156FB3" w:rsidP="00156FB3">
            <w:r>
              <w:t xml:space="preserve">    function _inherits(subClass, superClass) {</w:t>
            </w:r>
          </w:p>
          <w:p w:rsidR="00156FB3" w:rsidRDefault="00156FB3" w:rsidP="00156FB3">
            <w:r>
              <w:t xml:space="preserve">        if (typeof superClass !== "function" &amp;&amp; superClass !== null) {</w:t>
            </w:r>
          </w:p>
          <w:p w:rsidR="00156FB3" w:rsidRDefault="00156FB3" w:rsidP="00156FB3">
            <w:r>
              <w:t xml:space="preserve">            throw new TypeError("Super expression must either be null or a function");</w:t>
            </w:r>
          </w:p>
          <w:p w:rsidR="00156FB3" w:rsidRDefault="00156FB3" w:rsidP="00156FB3">
            <w:r>
              <w:t xml:space="preserve">        }</w:t>
            </w:r>
          </w:p>
          <w:p w:rsidR="00156FB3" w:rsidRDefault="00156FB3" w:rsidP="00156FB3"/>
          <w:p w:rsidR="00156FB3" w:rsidRDefault="00156FB3" w:rsidP="00156FB3">
            <w:r>
              <w:t xml:space="preserve">        subClass.prototype = Object.create(superClass &amp;&amp; superClass.prototype, {</w:t>
            </w:r>
          </w:p>
          <w:p w:rsidR="00156FB3" w:rsidRDefault="00156FB3" w:rsidP="00156FB3">
            <w:r>
              <w:t xml:space="preserve">            constructor: {</w:t>
            </w:r>
          </w:p>
          <w:p w:rsidR="00156FB3" w:rsidRDefault="00156FB3" w:rsidP="00156FB3">
            <w:r>
              <w:t xml:space="preserve">                value: subClass,</w:t>
            </w:r>
          </w:p>
          <w:p w:rsidR="00156FB3" w:rsidRDefault="00156FB3" w:rsidP="00156FB3">
            <w:r>
              <w:t xml:space="preserve">                writable: true,</w:t>
            </w:r>
          </w:p>
          <w:p w:rsidR="00156FB3" w:rsidRDefault="00156FB3" w:rsidP="00156FB3">
            <w:r>
              <w:t xml:space="preserve">                configurable: true</w:t>
            </w:r>
          </w:p>
          <w:p w:rsidR="00156FB3" w:rsidRDefault="00156FB3" w:rsidP="00156FB3">
            <w:r>
              <w:t xml:space="preserve">            }</w:t>
            </w:r>
          </w:p>
          <w:p w:rsidR="00156FB3" w:rsidRDefault="00156FB3" w:rsidP="00156FB3">
            <w:r>
              <w:t xml:space="preserve">        });</w:t>
            </w:r>
          </w:p>
          <w:p w:rsidR="00156FB3" w:rsidRDefault="00156FB3" w:rsidP="00156FB3">
            <w:r>
              <w:t xml:space="preserve">        if (superClass) _setPrototypeOf(subClass, superClass);</w:t>
            </w:r>
          </w:p>
          <w:p w:rsidR="00156FB3" w:rsidRDefault="00156FB3" w:rsidP="00156FB3">
            <w:r>
              <w:t xml:space="preserve">    }</w:t>
            </w:r>
          </w:p>
          <w:p w:rsidR="00156FB3" w:rsidRDefault="00156FB3" w:rsidP="00156FB3"/>
          <w:p w:rsidR="00156FB3" w:rsidRDefault="00156FB3" w:rsidP="00156FB3">
            <w:r>
              <w:t xml:space="preserve">    function _getPrototypeOf(o) {</w:t>
            </w:r>
          </w:p>
          <w:p w:rsidR="00156FB3" w:rsidRDefault="00156FB3" w:rsidP="00156FB3">
            <w:r>
              <w:t xml:space="preserve">        _getPrototypeOf = Object.setPrototypeOf ? Object.getPrototypeOf : function _getPrototypeOf(o) {</w:t>
            </w:r>
          </w:p>
          <w:p w:rsidR="00156FB3" w:rsidRDefault="00156FB3" w:rsidP="00156FB3">
            <w:r>
              <w:t xml:space="preserve">            return o.__proto__ || Object.getPrototypeOf(o);</w:t>
            </w:r>
          </w:p>
          <w:p w:rsidR="00156FB3" w:rsidRDefault="00156FB3" w:rsidP="00156FB3">
            <w:r>
              <w:t xml:space="preserve">        };</w:t>
            </w:r>
          </w:p>
          <w:p w:rsidR="00156FB3" w:rsidRDefault="00156FB3" w:rsidP="00156FB3">
            <w:r>
              <w:t xml:space="preserve">        return _getPrototypeOf(o);</w:t>
            </w:r>
          </w:p>
          <w:p w:rsidR="00156FB3" w:rsidRDefault="00156FB3" w:rsidP="00156FB3">
            <w:r>
              <w:t xml:space="preserve">    }</w:t>
            </w:r>
          </w:p>
          <w:p w:rsidR="00156FB3" w:rsidRDefault="00156FB3" w:rsidP="00156FB3"/>
          <w:p w:rsidR="00156FB3" w:rsidRDefault="00156FB3" w:rsidP="00156FB3">
            <w:r>
              <w:t xml:space="preserve">    function _setPrototypeOf(o, p) {</w:t>
            </w:r>
          </w:p>
          <w:p w:rsidR="00156FB3" w:rsidRDefault="00156FB3" w:rsidP="00156FB3">
            <w:r>
              <w:lastRenderedPageBreak/>
              <w:t xml:space="preserve">        _setPrototypeOf = Object.setPrototypeOf || function _setPrototypeOf(o, p) {</w:t>
            </w:r>
          </w:p>
          <w:p w:rsidR="00156FB3" w:rsidRDefault="00156FB3" w:rsidP="00156FB3">
            <w:r>
              <w:t xml:space="preserve">            o.__proto__ = p;</w:t>
            </w:r>
          </w:p>
          <w:p w:rsidR="00156FB3" w:rsidRDefault="00156FB3" w:rsidP="00156FB3">
            <w:r>
              <w:t xml:space="preserve">            return o;</w:t>
            </w:r>
          </w:p>
          <w:p w:rsidR="00156FB3" w:rsidRDefault="00156FB3" w:rsidP="00156FB3">
            <w:r>
              <w:t xml:space="preserve">        };</w:t>
            </w:r>
          </w:p>
          <w:p w:rsidR="00156FB3" w:rsidRDefault="00156FB3" w:rsidP="00156FB3"/>
          <w:p w:rsidR="00156FB3" w:rsidRDefault="00156FB3" w:rsidP="00156FB3">
            <w:r>
              <w:t xml:space="preserve">        return _setPrototypeOf(o, p);</w:t>
            </w:r>
          </w:p>
          <w:p w:rsidR="00156FB3" w:rsidRDefault="00156FB3" w:rsidP="00156FB3">
            <w:r>
              <w:t xml:space="preserve">    }</w:t>
            </w:r>
          </w:p>
          <w:p w:rsidR="00156FB3" w:rsidRDefault="00156FB3" w:rsidP="00156FB3"/>
          <w:p w:rsidR="00156FB3" w:rsidRDefault="00156FB3" w:rsidP="00156FB3">
            <w:r>
              <w:t xml:space="preserve">    function isNativeReflectConstruct() {</w:t>
            </w:r>
          </w:p>
          <w:p w:rsidR="00156FB3" w:rsidRDefault="00156FB3" w:rsidP="00156FB3">
            <w:r>
              <w:t xml:space="preserve">        if (typeof Reflect === "undefined" || !Reflect.construct) return false;</w:t>
            </w:r>
          </w:p>
          <w:p w:rsidR="00156FB3" w:rsidRDefault="00156FB3" w:rsidP="00156FB3">
            <w:r>
              <w:t xml:space="preserve">        if (Reflect.construct.sham) return false;</w:t>
            </w:r>
          </w:p>
          <w:p w:rsidR="00156FB3" w:rsidRDefault="00156FB3" w:rsidP="00156FB3">
            <w:r>
              <w:t xml:space="preserve">        if (typeof Proxy === "function") return true;</w:t>
            </w:r>
          </w:p>
          <w:p w:rsidR="00156FB3" w:rsidRDefault="00156FB3" w:rsidP="00156FB3"/>
          <w:p w:rsidR="00156FB3" w:rsidRDefault="00156FB3" w:rsidP="00156FB3">
            <w:r>
              <w:t xml:space="preserve">        try {</w:t>
            </w:r>
          </w:p>
          <w:p w:rsidR="00156FB3" w:rsidRDefault="00156FB3" w:rsidP="00156FB3">
            <w:r>
              <w:t xml:space="preserve">            Date.prototype.toString.call(Reflect.construct(Date, [], function () {}));</w:t>
            </w:r>
          </w:p>
          <w:p w:rsidR="00156FB3" w:rsidRDefault="00156FB3" w:rsidP="00156FB3">
            <w:r>
              <w:t xml:space="preserve">            return true;</w:t>
            </w:r>
          </w:p>
          <w:p w:rsidR="00156FB3" w:rsidRDefault="00156FB3" w:rsidP="00156FB3">
            <w:r>
              <w:t xml:space="preserve">        } catch (e) {</w:t>
            </w:r>
          </w:p>
          <w:p w:rsidR="00156FB3" w:rsidRDefault="00156FB3" w:rsidP="00156FB3">
            <w:r>
              <w:t xml:space="preserve">            return fals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_construct(Parent, args, Class) {</w:t>
            </w:r>
          </w:p>
          <w:p w:rsidR="00156FB3" w:rsidRDefault="00156FB3" w:rsidP="00156FB3">
            <w:r>
              <w:t xml:space="preserve">        if (isNativeReflectConstruct()) {</w:t>
            </w:r>
          </w:p>
          <w:p w:rsidR="00156FB3" w:rsidRDefault="00156FB3" w:rsidP="00156FB3">
            <w:r>
              <w:t xml:space="preserve">            _construct = Reflect.construct;</w:t>
            </w:r>
          </w:p>
          <w:p w:rsidR="00156FB3" w:rsidRDefault="00156FB3" w:rsidP="00156FB3">
            <w:r>
              <w:t xml:space="preserve">        } else {</w:t>
            </w:r>
          </w:p>
          <w:p w:rsidR="00156FB3" w:rsidRDefault="00156FB3" w:rsidP="00156FB3">
            <w:r>
              <w:t xml:space="preserve">            _construct = function _construct(Parent, args, Class) {</w:t>
            </w:r>
          </w:p>
          <w:p w:rsidR="00156FB3" w:rsidRDefault="00156FB3" w:rsidP="00156FB3">
            <w:r>
              <w:t xml:space="preserve">                var a = [null];</w:t>
            </w:r>
          </w:p>
          <w:p w:rsidR="00156FB3" w:rsidRDefault="00156FB3" w:rsidP="00156FB3">
            <w:r>
              <w:t xml:space="preserve">                a.push.apply(a, args);</w:t>
            </w:r>
          </w:p>
          <w:p w:rsidR="00156FB3" w:rsidRDefault="00156FB3" w:rsidP="00156FB3">
            <w:r>
              <w:t xml:space="preserve">                var Constructor = Function.bind.apply(Parent, a);</w:t>
            </w:r>
          </w:p>
          <w:p w:rsidR="00156FB3" w:rsidRDefault="00156FB3" w:rsidP="00156FB3">
            <w:r>
              <w:t xml:space="preserve">                var instance = new Constructor();</w:t>
            </w:r>
          </w:p>
          <w:p w:rsidR="00156FB3" w:rsidRDefault="00156FB3" w:rsidP="00156FB3">
            <w:r>
              <w:t xml:space="preserve">                if (Class) _setPrototypeOf(instance, Class.prototype);</w:t>
            </w:r>
          </w:p>
          <w:p w:rsidR="00156FB3" w:rsidRDefault="00156FB3" w:rsidP="00156FB3">
            <w:r>
              <w:t xml:space="preserve">                return instanc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_construct.apply(null, arguments);</w:t>
            </w:r>
          </w:p>
          <w:p w:rsidR="00156FB3" w:rsidRDefault="00156FB3" w:rsidP="00156FB3">
            <w:r>
              <w:t xml:space="preserve">    }</w:t>
            </w:r>
          </w:p>
          <w:p w:rsidR="00156FB3" w:rsidRDefault="00156FB3" w:rsidP="00156FB3"/>
          <w:p w:rsidR="00156FB3" w:rsidRDefault="00156FB3" w:rsidP="00156FB3">
            <w:r>
              <w:t xml:space="preserve">    function _assertThisInitialized(self) {</w:t>
            </w:r>
          </w:p>
          <w:p w:rsidR="00156FB3" w:rsidRDefault="00156FB3" w:rsidP="00156FB3">
            <w:r>
              <w:t xml:space="preserve">        if (self === void 0) {</w:t>
            </w:r>
          </w:p>
          <w:p w:rsidR="00156FB3" w:rsidRDefault="00156FB3" w:rsidP="00156FB3">
            <w:r>
              <w:t xml:space="preserve">            throw new ReferenceError("this hasn't been initialised - super() hasn't been called");</w:t>
            </w:r>
          </w:p>
          <w:p w:rsidR="00156FB3" w:rsidRDefault="00156FB3" w:rsidP="00156FB3">
            <w:r>
              <w:t xml:space="preserve">        }</w:t>
            </w:r>
          </w:p>
          <w:p w:rsidR="00156FB3" w:rsidRDefault="00156FB3" w:rsidP="00156FB3"/>
          <w:p w:rsidR="00156FB3" w:rsidRDefault="00156FB3" w:rsidP="00156FB3">
            <w:r>
              <w:t xml:space="preserve">        return self;</w:t>
            </w:r>
          </w:p>
          <w:p w:rsidR="00156FB3" w:rsidRDefault="00156FB3" w:rsidP="00156FB3">
            <w:r>
              <w:t xml:space="preserve">    }</w:t>
            </w:r>
          </w:p>
          <w:p w:rsidR="00156FB3" w:rsidRDefault="00156FB3" w:rsidP="00156FB3"/>
          <w:p w:rsidR="00156FB3" w:rsidRDefault="00156FB3" w:rsidP="00156FB3">
            <w:r>
              <w:t xml:space="preserve">    function _possibleConstructorReturn(self, call) {</w:t>
            </w:r>
          </w:p>
          <w:p w:rsidR="00156FB3" w:rsidRDefault="00156FB3" w:rsidP="00156FB3">
            <w:r>
              <w:t xml:space="preserve">        if (call &amp;&amp; (typeof call === "object" || typeof call === "function")) {</w:t>
            </w:r>
          </w:p>
          <w:p w:rsidR="00156FB3" w:rsidRDefault="00156FB3" w:rsidP="00156FB3">
            <w:r>
              <w:lastRenderedPageBreak/>
              <w:t xml:space="preserve">            return call;</w:t>
            </w:r>
          </w:p>
          <w:p w:rsidR="00156FB3" w:rsidRDefault="00156FB3" w:rsidP="00156FB3">
            <w:r>
              <w:t xml:space="preserve">        }</w:t>
            </w:r>
          </w:p>
          <w:p w:rsidR="00156FB3" w:rsidRDefault="00156FB3" w:rsidP="00156FB3"/>
          <w:p w:rsidR="00156FB3" w:rsidRDefault="00156FB3" w:rsidP="00156FB3">
            <w:r>
              <w:t xml:space="preserve">        return _assertThisInitialized(self);</w:t>
            </w:r>
          </w:p>
          <w:p w:rsidR="00156FB3" w:rsidRDefault="00156FB3" w:rsidP="00156FB3">
            <w:r>
              <w:t xml:space="preserve">    }</w:t>
            </w:r>
          </w:p>
          <w:p w:rsidR="00156FB3" w:rsidRDefault="00156FB3" w:rsidP="00156FB3"/>
          <w:p w:rsidR="00156FB3" w:rsidRDefault="00156FB3" w:rsidP="00156FB3">
            <w:r>
              <w:t xml:space="preserve">    function _superPropBase(object, property) {</w:t>
            </w:r>
          </w:p>
          <w:p w:rsidR="00156FB3" w:rsidRDefault="00156FB3" w:rsidP="00156FB3">
            <w:r>
              <w:t xml:space="preserve">        while (!Object.prototype.hasOwnProperty.call(object, property)) {</w:t>
            </w:r>
          </w:p>
          <w:p w:rsidR="00156FB3" w:rsidRDefault="00156FB3" w:rsidP="00156FB3">
            <w:r>
              <w:t xml:space="preserve">            object = _getPrototypeOf(object);</w:t>
            </w:r>
          </w:p>
          <w:p w:rsidR="00156FB3" w:rsidRDefault="00156FB3" w:rsidP="00156FB3">
            <w:r>
              <w:t xml:space="preserve">            if (object === null) break;</w:t>
            </w:r>
          </w:p>
          <w:p w:rsidR="00156FB3" w:rsidRDefault="00156FB3" w:rsidP="00156FB3">
            <w:r>
              <w:t xml:space="preserve">        }</w:t>
            </w:r>
          </w:p>
          <w:p w:rsidR="00156FB3" w:rsidRDefault="00156FB3" w:rsidP="00156FB3"/>
          <w:p w:rsidR="00156FB3" w:rsidRDefault="00156FB3" w:rsidP="00156FB3">
            <w:r>
              <w:t xml:space="preserve">        return object;</w:t>
            </w:r>
          </w:p>
          <w:p w:rsidR="00156FB3" w:rsidRDefault="00156FB3" w:rsidP="00156FB3">
            <w:r>
              <w:t xml:space="preserve">    }</w:t>
            </w:r>
          </w:p>
          <w:p w:rsidR="00156FB3" w:rsidRDefault="00156FB3" w:rsidP="00156FB3"/>
          <w:p w:rsidR="00156FB3" w:rsidRDefault="00156FB3" w:rsidP="00156FB3">
            <w:r>
              <w:t xml:space="preserve">    function _get(target, property, receiver) {</w:t>
            </w:r>
          </w:p>
          <w:p w:rsidR="00156FB3" w:rsidRDefault="00156FB3" w:rsidP="00156FB3">
            <w:r>
              <w:t xml:space="preserve">        if (typeof Reflect !== "undefined" &amp;&amp; Reflect.get) {</w:t>
            </w:r>
          </w:p>
          <w:p w:rsidR="00156FB3" w:rsidRDefault="00156FB3" w:rsidP="00156FB3">
            <w:r>
              <w:t xml:space="preserve">            _get = Reflect.get;</w:t>
            </w:r>
          </w:p>
          <w:p w:rsidR="00156FB3" w:rsidRDefault="00156FB3" w:rsidP="00156FB3">
            <w:r>
              <w:t xml:space="preserve">        } else {</w:t>
            </w:r>
          </w:p>
          <w:p w:rsidR="00156FB3" w:rsidRDefault="00156FB3" w:rsidP="00156FB3">
            <w:r>
              <w:t xml:space="preserve">            _get = function _get(target, property, receiver) {</w:t>
            </w:r>
          </w:p>
          <w:p w:rsidR="00156FB3" w:rsidRDefault="00156FB3" w:rsidP="00156FB3">
            <w:r>
              <w:t xml:space="preserve">                var base = _superPropBase(target, property);</w:t>
            </w:r>
          </w:p>
          <w:p w:rsidR="00156FB3" w:rsidRDefault="00156FB3" w:rsidP="00156FB3"/>
          <w:p w:rsidR="00156FB3" w:rsidRDefault="00156FB3" w:rsidP="00156FB3">
            <w:r>
              <w:t xml:space="preserve">                if (!base) return;</w:t>
            </w:r>
          </w:p>
          <w:p w:rsidR="00156FB3" w:rsidRDefault="00156FB3" w:rsidP="00156FB3">
            <w:r>
              <w:t xml:space="preserve">                var desc = Object.getOwnPropertyDescriptor(base, property);</w:t>
            </w:r>
          </w:p>
          <w:p w:rsidR="00156FB3" w:rsidRDefault="00156FB3" w:rsidP="00156FB3"/>
          <w:p w:rsidR="00156FB3" w:rsidRDefault="00156FB3" w:rsidP="00156FB3">
            <w:r>
              <w:t xml:space="preserve">                if (desc.get) {</w:t>
            </w:r>
          </w:p>
          <w:p w:rsidR="00156FB3" w:rsidRDefault="00156FB3" w:rsidP="00156FB3">
            <w:r>
              <w:t xml:space="preserve">                    return desc.get.call(receiver);</w:t>
            </w:r>
          </w:p>
          <w:p w:rsidR="00156FB3" w:rsidRDefault="00156FB3" w:rsidP="00156FB3">
            <w:r>
              <w:t xml:space="preserve">                }</w:t>
            </w:r>
          </w:p>
          <w:p w:rsidR="00156FB3" w:rsidRDefault="00156FB3" w:rsidP="00156FB3"/>
          <w:p w:rsidR="00156FB3" w:rsidRDefault="00156FB3" w:rsidP="00156FB3">
            <w:r>
              <w:t xml:space="preserve">                return desc.val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_get(target, property, receiver || target);</w:t>
            </w:r>
          </w:p>
          <w:p w:rsidR="00156FB3" w:rsidRDefault="00156FB3" w:rsidP="00156FB3">
            <w:r>
              <w:t xml:space="preserve">    }</w:t>
            </w:r>
          </w:p>
          <w:p w:rsidR="00156FB3" w:rsidRDefault="00156FB3" w:rsidP="00156FB3"/>
          <w:p w:rsidR="00156FB3" w:rsidRDefault="00156FB3" w:rsidP="00156FB3">
            <w:r>
              <w:t xml:space="preserve">    var consolePrefix = 'SweetAlert2:';</w:t>
            </w:r>
          </w:p>
          <w:p w:rsidR="00156FB3" w:rsidRDefault="00156FB3" w:rsidP="00156FB3">
            <w:r>
              <w:t xml:space="preserve">    /**</w:t>
            </w:r>
          </w:p>
          <w:p w:rsidR="00156FB3" w:rsidRDefault="00156FB3" w:rsidP="00156FB3">
            <w:r>
              <w:t xml:space="preserve">     * Filter the unique values into a new array</w:t>
            </w:r>
          </w:p>
          <w:p w:rsidR="00156FB3" w:rsidRDefault="00156FB3" w:rsidP="00156FB3">
            <w:r>
              <w:t xml:space="preserve">     * @param arr</w:t>
            </w:r>
          </w:p>
          <w:p w:rsidR="00156FB3" w:rsidRDefault="00156FB3" w:rsidP="00156FB3">
            <w:r>
              <w:t xml:space="preserve">     */</w:t>
            </w:r>
          </w:p>
          <w:p w:rsidR="00156FB3" w:rsidRDefault="00156FB3" w:rsidP="00156FB3"/>
          <w:p w:rsidR="00156FB3" w:rsidRDefault="00156FB3" w:rsidP="00156FB3">
            <w:r>
              <w:t xml:space="preserve">    var uniqueArray = function uniqueArray(arr) {</w:t>
            </w:r>
          </w:p>
          <w:p w:rsidR="00156FB3" w:rsidRDefault="00156FB3" w:rsidP="00156FB3">
            <w:r>
              <w:t xml:space="preserve">        var result = [];</w:t>
            </w:r>
          </w:p>
          <w:p w:rsidR="00156FB3" w:rsidRDefault="00156FB3" w:rsidP="00156FB3"/>
          <w:p w:rsidR="00156FB3" w:rsidRDefault="00156FB3" w:rsidP="00156FB3">
            <w:r>
              <w:t xml:space="preserve">        for (var i = 0; i &lt; arr.length; i++) {</w:t>
            </w:r>
          </w:p>
          <w:p w:rsidR="00156FB3" w:rsidRDefault="00156FB3" w:rsidP="00156FB3">
            <w:r>
              <w:t xml:space="preserve">            if (result.indexOf(arr[i]) === -1) {</w:t>
            </w:r>
          </w:p>
          <w:p w:rsidR="00156FB3" w:rsidRDefault="00156FB3" w:rsidP="00156FB3">
            <w:r>
              <w:t xml:space="preserve">                result.push(arr[i]);</w:t>
            </w:r>
          </w:p>
          <w:p w:rsidR="00156FB3" w:rsidRDefault="00156FB3" w:rsidP="00156FB3">
            <w:r>
              <w:lastRenderedPageBreak/>
              <w:t xml:space="preserve">            }</w:t>
            </w:r>
          </w:p>
          <w:p w:rsidR="00156FB3" w:rsidRDefault="00156FB3" w:rsidP="00156FB3">
            <w:r>
              <w:t xml:space="preserve">        }</w:t>
            </w:r>
          </w:p>
          <w:p w:rsidR="00156FB3" w:rsidRDefault="00156FB3" w:rsidP="00156FB3"/>
          <w:p w:rsidR="00156FB3" w:rsidRDefault="00156FB3" w:rsidP="00156FB3">
            <w:r>
              <w:t xml:space="preserve">        return result;</w:t>
            </w:r>
          </w:p>
          <w:p w:rsidR="00156FB3" w:rsidRDefault="00156FB3" w:rsidP="00156FB3">
            <w:r>
              <w:t xml:space="preserve">    };</w:t>
            </w:r>
          </w:p>
          <w:p w:rsidR="00156FB3" w:rsidRDefault="00156FB3" w:rsidP="00156FB3">
            <w:r>
              <w:t xml:space="preserve">    /**</w:t>
            </w:r>
          </w:p>
          <w:p w:rsidR="00156FB3" w:rsidRDefault="00156FB3" w:rsidP="00156FB3">
            <w:r>
              <w:t xml:space="preserve">     * Capitalize the first letter of a string</w:t>
            </w:r>
          </w:p>
          <w:p w:rsidR="00156FB3" w:rsidRDefault="00156FB3" w:rsidP="00156FB3">
            <w:r>
              <w:t xml:space="preserve">     * @param str</w:t>
            </w:r>
          </w:p>
          <w:p w:rsidR="00156FB3" w:rsidRDefault="00156FB3" w:rsidP="00156FB3">
            <w:r>
              <w:t xml:space="preserve">     */</w:t>
            </w:r>
          </w:p>
          <w:p w:rsidR="00156FB3" w:rsidRDefault="00156FB3" w:rsidP="00156FB3"/>
          <w:p w:rsidR="00156FB3" w:rsidRDefault="00156FB3" w:rsidP="00156FB3">
            <w:r>
              <w:t xml:space="preserve">    var capitalizeFirstLetter = function capitalizeFirstLetter(str) {</w:t>
            </w:r>
          </w:p>
          <w:p w:rsidR="00156FB3" w:rsidRDefault="00156FB3" w:rsidP="00156FB3">
            <w:r>
              <w:t xml:space="preserve">        return str.charAt(0).toUpperCase() + str.slice(1);</w:t>
            </w:r>
          </w:p>
          <w:p w:rsidR="00156FB3" w:rsidRDefault="00156FB3" w:rsidP="00156FB3">
            <w:r>
              <w:t xml:space="preserve">    };</w:t>
            </w:r>
          </w:p>
          <w:p w:rsidR="00156FB3" w:rsidRDefault="00156FB3" w:rsidP="00156FB3">
            <w:r>
              <w:t xml:space="preserve">    /**</w:t>
            </w:r>
          </w:p>
          <w:p w:rsidR="00156FB3" w:rsidRDefault="00156FB3" w:rsidP="00156FB3">
            <w:r>
              <w:t xml:space="preserve">     * Returns the array ob object values (Object.values isn't supported in IE11)</w:t>
            </w:r>
          </w:p>
          <w:p w:rsidR="00156FB3" w:rsidRDefault="00156FB3" w:rsidP="00156FB3">
            <w:r>
              <w:t xml:space="preserve">     * @param obj</w:t>
            </w:r>
          </w:p>
          <w:p w:rsidR="00156FB3" w:rsidRDefault="00156FB3" w:rsidP="00156FB3">
            <w:r>
              <w:t xml:space="preserve">     */</w:t>
            </w:r>
          </w:p>
          <w:p w:rsidR="00156FB3" w:rsidRDefault="00156FB3" w:rsidP="00156FB3"/>
          <w:p w:rsidR="00156FB3" w:rsidRDefault="00156FB3" w:rsidP="00156FB3">
            <w:r>
              <w:t xml:space="preserve">    var objectValues = function objectValues(obj) {</w:t>
            </w:r>
          </w:p>
          <w:p w:rsidR="00156FB3" w:rsidRDefault="00156FB3" w:rsidP="00156FB3">
            <w:r>
              <w:t xml:space="preserve">        return Object.keys(obj).map(function (key) {</w:t>
            </w:r>
          </w:p>
          <w:p w:rsidR="00156FB3" w:rsidRDefault="00156FB3" w:rsidP="00156FB3">
            <w:r>
              <w:t xml:space="preserve">            return obj[key];</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 Convert NodeList to Array</w:t>
            </w:r>
          </w:p>
          <w:p w:rsidR="00156FB3" w:rsidRDefault="00156FB3" w:rsidP="00156FB3">
            <w:r>
              <w:t xml:space="preserve">     * @param nodeList</w:t>
            </w:r>
          </w:p>
          <w:p w:rsidR="00156FB3" w:rsidRDefault="00156FB3" w:rsidP="00156FB3">
            <w:r>
              <w:t xml:space="preserve">     */</w:t>
            </w:r>
          </w:p>
          <w:p w:rsidR="00156FB3" w:rsidRDefault="00156FB3" w:rsidP="00156FB3"/>
          <w:p w:rsidR="00156FB3" w:rsidRDefault="00156FB3" w:rsidP="00156FB3">
            <w:r>
              <w:t xml:space="preserve">    var toArray = function toArray(nodeList) {</w:t>
            </w:r>
          </w:p>
          <w:p w:rsidR="00156FB3" w:rsidRDefault="00156FB3" w:rsidP="00156FB3">
            <w:r>
              <w:t xml:space="preserve">        return Array.prototype.slice.call(nodeList);</w:t>
            </w:r>
          </w:p>
          <w:p w:rsidR="00156FB3" w:rsidRDefault="00156FB3" w:rsidP="00156FB3">
            <w:r>
              <w:t xml:space="preserve">    };</w:t>
            </w:r>
          </w:p>
          <w:p w:rsidR="00156FB3" w:rsidRDefault="00156FB3" w:rsidP="00156FB3">
            <w:r>
              <w:t xml:space="preserve">    /**</w:t>
            </w:r>
          </w:p>
          <w:p w:rsidR="00156FB3" w:rsidRDefault="00156FB3" w:rsidP="00156FB3">
            <w:r>
              <w:t xml:space="preserve">     * Standardise console warnings</w:t>
            </w:r>
          </w:p>
          <w:p w:rsidR="00156FB3" w:rsidRDefault="00156FB3" w:rsidP="00156FB3">
            <w:r>
              <w:t xml:space="preserve">     * @param message</w:t>
            </w:r>
          </w:p>
          <w:p w:rsidR="00156FB3" w:rsidRDefault="00156FB3" w:rsidP="00156FB3">
            <w:r>
              <w:t xml:space="preserve">     */</w:t>
            </w:r>
          </w:p>
          <w:p w:rsidR="00156FB3" w:rsidRDefault="00156FB3" w:rsidP="00156FB3"/>
          <w:p w:rsidR="00156FB3" w:rsidRDefault="00156FB3" w:rsidP="00156FB3">
            <w:r>
              <w:t xml:space="preserve">    var warn = function warn(message) {</w:t>
            </w:r>
          </w:p>
          <w:p w:rsidR="00156FB3" w:rsidRDefault="00156FB3" w:rsidP="00156FB3">
            <w:r>
              <w:t xml:space="preserve">        console.warn("".concat(consolePrefix, " ").concat(message));</w:t>
            </w:r>
          </w:p>
          <w:p w:rsidR="00156FB3" w:rsidRDefault="00156FB3" w:rsidP="00156FB3">
            <w:r>
              <w:t xml:space="preserve">    };</w:t>
            </w:r>
          </w:p>
          <w:p w:rsidR="00156FB3" w:rsidRDefault="00156FB3" w:rsidP="00156FB3">
            <w:r>
              <w:t xml:space="preserve">    /**</w:t>
            </w:r>
          </w:p>
          <w:p w:rsidR="00156FB3" w:rsidRDefault="00156FB3" w:rsidP="00156FB3">
            <w:r>
              <w:t xml:space="preserve">     * Standardise console errors</w:t>
            </w:r>
          </w:p>
          <w:p w:rsidR="00156FB3" w:rsidRDefault="00156FB3" w:rsidP="00156FB3">
            <w:r>
              <w:t xml:space="preserve">     * @param message</w:t>
            </w:r>
          </w:p>
          <w:p w:rsidR="00156FB3" w:rsidRDefault="00156FB3" w:rsidP="00156FB3">
            <w:r>
              <w:t xml:space="preserve">     */</w:t>
            </w:r>
          </w:p>
          <w:p w:rsidR="00156FB3" w:rsidRDefault="00156FB3" w:rsidP="00156FB3"/>
          <w:p w:rsidR="00156FB3" w:rsidRDefault="00156FB3" w:rsidP="00156FB3">
            <w:r>
              <w:t xml:space="preserve">    var error = function error(message) {</w:t>
            </w:r>
          </w:p>
          <w:p w:rsidR="00156FB3" w:rsidRDefault="00156FB3" w:rsidP="00156FB3">
            <w:r>
              <w:t xml:space="preserve">        console.error("".concat(consolePrefix, " ").concat(message));</w:t>
            </w:r>
          </w:p>
          <w:p w:rsidR="00156FB3" w:rsidRDefault="00156FB3" w:rsidP="00156FB3">
            <w:r>
              <w:t xml:space="preserve">    };</w:t>
            </w:r>
          </w:p>
          <w:p w:rsidR="00156FB3" w:rsidRDefault="00156FB3" w:rsidP="00156FB3">
            <w:r>
              <w:t xml:space="preserve">    /**</w:t>
            </w:r>
          </w:p>
          <w:p w:rsidR="00156FB3" w:rsidRDefault="00156FB3" w:rsidP="00156FB3">
            <w:r>
              <w:lastRenderedPageBreak/>
              <w:t xml:space="preserve">     * Private global state for `warnOnce`</w:t>
            </w:r>
          </w:p>
          <w:p w:rsidR="00156FB3" w:rsidRDefault="00156FB3" w:rsidP="00156FB3">
            <w:r>
              <w:t xml:space="preserve">     * @type {Array}</w:t>
            </w:r>
          </w:p>
          <w:p w:rsidR="00156FB3" w:rsidRDefault="00156FB3" w:rsidP="00156FB3">
            <w:r>
              <w:t xml:space="preserve">     * @private</w:t>
            </w:r>
          </w:p>
          <w:p w:rsidR="00156FB3" w:rsidRDefault="00156FB3" w:rsidP="00156FB3">
            <w:r>
              <w:t xml:space="preserve">     */</w:t>
            </w:r>
          </w:p>
          <w:p w:rsidR="00156FB3" w:rsidRDefault="00156FB3" w:rsidP="00156FB3"/>
          <w:p w:rsidR="00156FB3" w:rsidRDefault="00156FB3" w:rsidP="00156FB3">
            <w:r>
              <w:t xml:space="preserve">    var previousWarnOnceMessages = [];</w:t>
            </w:r>
          </w:p>
          <w:p w:rsidR="00156FB3" w:rsidRDefault="00156FB3" w:rsidP="00156FB3">
            <w:r>
              <w:t xml:space="preserve">    /**</w:t>
            </w:r>
          </w:p>
          <w:p w:rsidR="00156FB3" w:rsidRDefault="00156FB3" w:rsidP="00156FB3">
            <w:r>
              <w:t xml:space="preserve">     * Show a console warning, but only if it hasn't already been shown</w:t>
            </w:r>
          </w:p>
          <w:p w:rsidR="00156FB3" w:rsidRDefault="00156FB3" w:rsidP="00156FB3">
            <w:r>
              <w:t xml:space="preserve">     * @param message</w:t>
            </w:r>
          </w:p>
          <w:p w:rsidR="00156FB3" w:rsidRDefault="00156FB3" w:rsidP="00156FB3">
            <w:r>
              <w:t xml:space="preserve">     */</w:t>
            </w:r>
          </w:p>
          <w:p w:rsidR="00156FB3" w:rsidRDefault="00156FB3" w:rsidP="00156FB3"/>
          <w:p w:rsidR="00156FB3" w:rsidRDefault="00156FB3" w:rsidP="00156FB3">
            <w:r>
              <w:t xml:space="preserve">    var warnOnce = function warnOnce(message) {</w:t>
            </w:r>
          </w:p>
          <w:p w:rsidR="00156FB3" w:rsidRDefault="00156FB3" w:rsidP="00156FB3">
            <w:r>
              <w:t xml:space="preserve">        if (!(previousWarnOnceMessages.indexOf(message) !== -1)) {</w:t>
            </w:r>
          </w:p>
          <w:p w:rsidR="00156FB3" w:rsidRDefault="00156FB3" w:rsidP="00156FB3">
            <w:r>
              <w:t xml:space="preserve">            previousWarnOnceMessages.push(message);</w:t>
            </w:r>
          </w:p>
          <w:p w:rsidR="00156FB3" w:rsidRDefault="00156FB3" w:rsidP="00156FB3">
            <w:r>
              <w:t xml:space="preserve">            warn(message);</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 Show a one-time console warning about deprecated params/methods</w:t>
            </w:r>
          </w:p>
          <w:p w:rsidR="00156FB3" w:rsidRDefault="00156FB3" w:rsidP="00156FB3">
            <w:r>
              <w:t xml:space="preserve">     */</w:t>
            </w:r>
          </w:p>
          <w:p w:rsidR="00156FB3" w:rsidRDefault="00156FB3" w:rsidP="00156FB3"/>
          <w:p w:rsidR="00156FB3" w:rsidRDefault="00156FB3" w:rsidP="00156FB3">
            <w:r>
              <w:t xml:space="preserve">    var warnAboutDepreation = function warnAboutDepreation(deprecatedParam, useInstead) {</w:t>
            </w:r>
          </w:p>
          <w:p w:rsidR="00156FB3" w:rsidRDefault="00156FB3" w:rsidP="00156FB3">
            <w:r>
              <w:t xml:space="preserve">        warnOnce("\"".concat(deprecatedParam, "\" is deprecated and will be removed in the next major release. Please use \"").concat(useInstead, "\" instead."));</w:t>
            </w:r>
          </w:p>
          <w:p w:rsidR="00156FB3" w:rsidRDefault="00156FB3" w:rsidP="00156FB3">
            <w:r>
              <w:t xml:space="preserve">    };</w:t>
            </w:r>
          </w:p>
          <w:p w:rsidR="00156FB3" w:rsidRDefault="00156FB3" w:rsidP="00156FB3">
            <w:r>
              <w:t xml:space="preserve">    /**</w:t>
            </w:r>
          </w:p>
          <w:p w:rsidR="00156FB3" w:rsidRDefault="00156FB3" w:rsidP="00156FB3">
            <w:r>
              <w:t xml:space="preserve">     * If `arg` is a function, call it (with no arguments or context) and return the result.</w:t>
            </w:r>
          </w:p>
          <w:p w:rsidR="00156FB3" w:rsidRDefault="00156FB3" w:rsidP="00156FB3">
            <w:r>
              <w:t xml:space="preserve">     * Otherwise, just pass the value through</w:t>
            </w:r>
          </w:p>
          <w:p w:rsidR="00156FB3" w:rsidRDefault="00156FB3" w:rsidP="00156FB3">
            <w:r>
              <w:t xml:space="preserve">     * @param arg</w:t>
            </w:r>
          </w:p>
          <w:p w:rsidR="00156FB3" w:rsidRDefault="00156FB3" w:rsidP="00156FB3">
            <w:r>
              <w:t xml:space="preserve">     */</w:t>
            </w:r>
          </w:p>
          <w:p w:rsidR="00156FB3" w:rsidRDefault="00156FB3" w:rsidP="00156FB3"/>
          <w:p w:rsidR="00156FB3" w:rsidRDefault="00156FB3" w:rsidP="00156FB3">
            <w:r>
              <w:t xml:space="preserve">    var callIfFunction = function callIfFunction(arg) {</w:t>
            </w:r>
          </w:p>
          <w:p w:rsidR="00156FB3" w:rsidRDefault="00156FB3" w:rsidP="00156FB3">
            <w:r>
              <w:t xml:space="preserve">        return typeof arg === 'function' ? arg() : arg;</w:t>
            </w:r>
          </w:p>
          <w:p w:rsidR="00156FB3" w:rsidRDefault="00156FB3" w:rsidP="00156FB3">
            <w:r>
              <w:t xml:space="preserve">    };</w:t>
            </w:r>
          </w:p>
          <w:p w:rsidR="00156FB3" w:rsidRDefault="00156FB3" w:rsidP="00156FB3">
            <w:r>
              <w:t xml:space="preserve">    var isPromise = function isPromise(arg) {</w:t>
            </w:r>
          </w:p>
          <w:p w:rsidR="00156FB3" w:rsidRDefault="00156FB3" w:rsidP="00156FB3">
            <w:r>
              <w:t xml:space="preserve">        return arg &amp;&amp; Promise.resolve(arg) === arg;</w:t>
            </w:r>
          </w:p>
          <w:p w:rsidR="00156FB3" w:rsidRDefault="00156FB3" w:rsidP="00156FB3">
            <w:r>
              <w:t xml:space="preserve">    };</w:t>
            </w:r>
          </w:p>
          <w:p w:rsidR="00156FB3" w:rsidRDefault="00156FB3" w:rsidP="00156FB3"/>
          <w:p w:rsidR="00156FB3" w:rsidRDefault="00156FB3" w:rsidP="00156FB3">
            <w:r>
              <w:t xml:space="preserve">    var DismissReason = Object.freeze({</w:t>
            </w:r>
          </w:p>
          <w:p w:rsidR="00156FB3" w:rsidRDefault="00156FB3" w:rsidP="00156FB3">
            <w:r>
              <w:t xml:space="preserve">        cancel: 'cancel',</w:t>
            </w:r>
          </w:p>
          <w:p w:rsidR="00156FB3" w:rsidRDefault="00156FB3" w:rsidP="00156FB3">
            <w:r>
              <w:t xml:space="preserve">        backdrop: 'backdrop',</w:t>
            </w:r>
          </w:p>
          <w:p w:rsidR="00156FB3" w:rsidRDefault="00156FB3" w:rsidP="00156FB3">
            <w:r>
              <w:t xml:space="preserve">        close: 'close',</w:t>
            </w:r>
          </w:p>
          <w:p w:rsidR="00156FB3" w:rsidRDefault="00156FB3" w:rsidP="00156FB3">
            <w:r>
              <w:t xml:space="preserve">        esc: 'esc',</w:t>
            </w:r>
          </w:p>
          <w:p w:rsidR="00156FB3" w:rsidRDefault="00156FB3" w:rsidP="00156FB3">
            <w:r>
              <w:t xml:space="preserve">        timer: 'timer'</w:t>
            </w:r>
          </w:p>
          <w:p w:rsidR="00156FB3" w:rsidRDefault="00156FB3" w:rsidP="00156FB3">
            <w:r>
              <w:t xml:space="preserve">    });</w:t>
            </w:r>
          </w:p>
          <w:p w:rsidR="00156FB3" w:rsidRDefault="00156FB3" w:rsidP="00156FB3"/>
          <w:p w:rsidR="00156FB3" w:rsidRDefault="00156FB3" w:rsidP="00156FB3">
            <w:r>
              <w:t xml:space="preserve">    var isJqueryElement = function isJqueryElement(elem) {</w:t>
            </w:r>
          </w:p>
          <w:p w:rsidR="00156FB3" w:rsidRDefault="00156FB3" w:rsidP="00156FB3">
            <w:r>
              <w:t xml:space="preserve">        return _typeof(elem) === 'object' &amp;&amp; elem.jquery;</w:t>
            </w:r>
          </w:p>
          <w:p w:rsidR="00156FB3" w:rsidRDefault="00156FB3" w:rsidP="00156FB3">
            <w:r>
              <w:lastRenderedPageBreak/>
              <w:t xml:space="preserve">    };</w:t>
            </w:r>
          </w:p>
          <w:p w:rsidR="00156FB3" w:rsidRDefault="00156FB3" w:rsidP="00156FB3"/>
          <w:p w:rsidR="00156FB3" w:rsidRDefault="00156FB3" w:rsidP="00156FB3">
            <w:r>
              <w:t xml:space="preserve">    var isElement = function isElement(elem) {</w:t>
            </w:r>
          </w:p>
          <w:p w:rsidR="00156FB3" w:rsidRDefault="00156FB3" w:rsidP="00156FB3">
            <w:r>
              <w:t xml:space="preserve">        return elem instanceof Element || isJqueryElement(elem);</w:t>
            </w:r>
          </w:p>
          <w:p w:rsidR="00156FB3" w:rsidRDefault="00156FB3" w:rsidP="00156FB3">
            <w:r>
              <w:t xml:space="preserve">    };</w:t>
            </w:r>
          </w:p>
          <w:p w:rsidR="00156FB3" w:rsidRDefault="00156FB3" w:rsidP="00156FB3"/>
          <w:p w:rsidR="00156FB3" w:rsidRDefault="00156FB3" w:rsidP="00156FB3">
            <w:r>
              <w:t xml:space="preserve">    var argsToParams = function argsToParams(args) {</w:t>
            </w:r>
          </w:p>
          <w:p w:rsidR="00156FB3" w:rsidRDefault="00156FB3" w:rsidP="00156FB3">
            <w:r>
              <w:t xml:space="preserve">        var params = {};</w:t>
            </w:r>
          </w:p>
          <w:p w:rsidR="00156FB3" w:rsidRDefault="00156FB3" w:rsidP="00156FB3"/>
          <w:p w:rsidR="00156FB3" w:rsidRDefault="00156FB3" w:rsidP="00156FB3">
            <w:r>
              <w:t xml:space="preserve">        if (_typeof(args[0]) === 'object' &amp;&amp; !isElement(args[0])) {</w:t>
            </w:r>
          </w:p>
          <w:p w:rsidR="00156FB3" w:rsidRDefault="00156FB3" w:rsidP="00156FB3">
            <w:r>
              <w:t xml:space="preserve">            _extends(params, args[0]);</w:t>
            </w:r>
          </w:p>
          <w:p w:rsidR="00156FB3" w:rsidRDefault="00156FB3" w:rsidP="00156FB3">
            <w:r>
              <w:t xml:space="preserve">        } else {</w:t>
            </w:r>
          </w:p>
          <w:p w:rsidR="00156FB3" w:rsidRDefault="00156FB3" w:rsidP="00156FB3">
            <w:r>
              <w:t xml:space="preserve">            ['title', 'html', 'icon'].forEach(function (name, index) {</w:t>
            </w:r>
          </w:p>
          <w:p w:rsidR="00156FB3" w:rsidRDefault="00156FB3" w:rsidP="00156FB3">
            <w:r>
              <w:t xml:space="preserve">                var arg = args[index];</w:t>
            </w:r>
          </w:p>
          <w:p w:rsidR="00156FB3" w:rsidRDefault="00156FB3" w:rsidP="00156FB3"/>
          <w:p w:rsidR="00156FB3" w:rsidRDefault="00156FB3" w:rsidP="00156FB3">
            <w:r>
              <w:t xml:space="preserve">                if (typeof arg === 'string' || isElement(arg)) {</w:t>
            </w:r>
          </w:p>
          <w:p w:rsidR="00156FB3" w:rsidRDefault="00156FB3" w:rsidP="00156FB3">
            <w:r>
              <w:t xml:space="preserve">                    params[name] = arg;</w:t>
            </w:r>
          </w:p>
          <w:p w:rsidR="00156FB3" w:rsidRDefault="00156FB3" w:rsidP="00156FB3">
            <w:r>
              <w:t xml:space="preserve">                } else if (arg !== undefined) {</w:t>
            </w:r>
          </w:p>
          <w:p w:rsidR="00156FB3" w:rsidRDefault="00156FB3" w:rsidP="00156FB3">
            <w:r>
              <w:t xml:space="preserve">                    error("Unexpected type of ".concat(name, "! Expected \"string\" or \"Element\", got ").concat(_typeof(arg)));</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params;</w:t>
            </w:r>
          </w:p>
          <w:p w:rsidR="00156FB3" w:rsidRDefault="00156FB3" w:rsidP="00156FB3">
            <w:r>
              <w:t xml:space="preserve">    };</w:t>
            </w:r>
          </w:p>
          <w:p w:rsidR="00156FB3" w:rsidRDefault="00156FB3" w:rsidP="00156FB3"/>
          <w:p w:rsidR="00156FB3" w:rsidRDefault="00156FB3" w:rsidP="00156FB3">
            <w:r>
              <w:t xml:space="preserve">    var swalPrefix = 'swal2-';</w:t>
            </w:r>
          </w:p>
          <w:p w:rsidR="00156FB3" w:rsidRDefault="00156FB3" w:rsidP="00156FB3">
            <w:r>
              <w:t xml:space="preserve">    var prefix = function prefix(items) {</w:t>
            </w:r>
          </w:p>
          <w:p w:rsidR="00156FB3" w:rsidRDefault="00156FB3" w:rsidP="00156FB3">
            <w:r>
              <w:t xml:space="preserve">        var result = {};</w:t>
            </w:r>
          </w:p>
          <w:p w:rsidR="00156FB3" w:rsidRDefault="00156FB3" w:rsidP="00156FB3"/>
          <w:p w:rsidR="00156FB3" w:rsidRDefault="00156FB3" w:rsidP="00156FB3">
            <w:r>
              <w:t xml:space="preserve">        for (var i in items) {</w:t>
            </w:r>
          </w:p>
          <w:p w:rsidR="00156FB3" w:rsidRDefault="00156FB3" w:rsidP="00156FB3">
            <w:r>
              <w:t xml:space="preserve">            result[items[i]] = swalPrefix + items[i];</w:t>
            </w:r>
          </w:p>
          <w:p w:rsidR="00156FB3" w:rsidRDefault="00156FB3" w:rsidP="00156FB3">
            <w:r>
              <w:t xml:space="preserve">        }</w:t>
            </w:r>
          </w:p>
          <w:p w:rsidR="00156FB3" w:rsidRDefault="00156FB3" w:rsidP="00156FB3"/>
          <w:p w:rsidR="00156FB3" w:rsidRDefault="00156FB3" w:rsidP="00156FB3">
            <w:r>
              <w:t xml:space="preserve">        return result;</w:t>
            </w:r>
          </w:p>
          <w:p w:rsidR="00156FB3" w:rsidRDefault="00156FB3" w:rsidP="00156FB3">
            <w:r>
              <w:t xml:space="preserve">    };</w:t>
            </w:r>
          </w:p>
          <w:p w:rsidR="00156FB3" w:rsidRDefault="00156FB3" w:rsidP="00156FB3">
            <w:r>
              <w:t xml:space="preserve">    var swalClasses = prefix(['container', 'shown', 'height-auto', 'iosfix', 'popup', 'modal', 'no-backdrop', 'toast', 'toast-shown', 'toast-column', 'show', 'hide', 'close', 'title', 'header', 'content', 'html-container', 'actions', 'confirm', 'cancel', 'footer', 'icon', 'icon-content', 'image', 'input', 'file', 'range', 'select', 'radio', 'checkbox', 'label', 'textarea', 'inputerror', 'validation-message', 'progress-steps', 'active-progress-step', 'progress-step', 'progress-step-line', 'loading', 'styled', 'top', 'top-start', 'top-end', 'top-left', 'top-right', 'center', 'center-start', 'center-end', 'center-left', 'center-right', 'bottom', 'bottom-start', 'bottom-end', 'bottom-left', 'bottom-right', 'grow-row', 'grow-column', 'grow-fullscreen', 'rtl', 'timer-progress-bar', 'scrollbar-measure']);</w:t>
            </w:r>
          </w:p>
          <w:p w:rsidR="00156FB3" w:rsidRDefault="00156FB3" w:rsidP="00156FB3">
            <w:r>
              <w:t xml:space="preserve">    var iconTypes = prefix(['success', 'warning', 'info', 'question', 'error']);</w:t>
            </w:r>
          </w:p>
          <w:p w:rsidR="00156FB3" w:rsidRDefault="00156FB3" w:rsidP="00156FB3"/>
          <w:p w:rsidR="00156FB3" w:rsidRDefault="00156FB3" w:rsidP="00156FB3">
            <w:r>
              <w:t xml:space="preserve">    var getContainer = function getContainer() {</w:t>
            </w:r>
          </w:p>
          <w:p w:rsidR="00156FB3" w:rsidRDefault="00156FB3" w:rsidP="00156FB3">
            <w:r>
              <w:lastRenderedPageBreak/>
              <w:t xml:space="preserve">        return document.body.querySelector(".".concat(swalClasses.container));</w:t>
            </w:r>
          </w:p>
          <w:p w:rsidR="00156FB3" w:rsidRDefault="00156FB3" w:rsidP="00156FB3">
            <w:r>
              <w:t xml:space="preserve">    };</w:t>
            </w:r>
          </w:p>
          <w:p w:rsidR="00156FB3" w:rsidRDefault="00156FB3" w:rsidP="00156FB3">
            <w:r>
              <w:t xml:space="preserve">    var elementBySelector = function elementBySelector(selectorString) {</w:t>
            </w:r>
          </w:p>
          <w:p w:rsidR="00156FB3" w:rsidRDefault="00156FB3" w:rsidP="00156FB3">
            <w:r>
              <w:t xml:space="preserve">        var container = getContainer();</w:t>
            </w:r>
          </w:p>
          <w:p w:rsidR="00156FB3" w:rsidRDefault="00156FB3" w:rsidP="00156FB3">
            <w:r>
              <w:t xml:space="preserve">        return container ? container.querySelector(selectorString) : null;</w:t>
            </w:r>
          </w:p>
          <w:p w:rsidR="00156FB3" w:rsidRDefault="00156FB3" w:rsidP="00156FB3">
            <w:r>
              <w:t xml:space="preserve">    };</w:t>
            </w:r>
          </w:p>
          <w:p w:rsidR="00156FB3" w:rsidRDefault="00156FB3" w:rsidP="00156FB3"/>
          <w:p w:rsidR="00156FB3" w:rsidRDefault="00156FB3" w:rsidP="00156FB3">
            <w:r>
              <w:t xml:space="preserve">    var elementByClass = function elementByClass(className) {</w:t>
            </w:r>
          </w:p>
          <w:p w:rsidR="00156FB3" w:rsidRDefault="00156FB3" w:rsidP="00156FB3">
            <w:r>
              <w:t xml:space="preserve">        return elementBySelector(".".concat(className));</w:t>
            </w:r>
          </w:p>
          <w:p w:rsidR="00156FB3" w:rsidRDefault="00156FB3" w:rsidP="00156FB3">
            <w:r>
              <w:t xml:space="preserve">    };</w:t>
            </w:r>
          </w:p>
          <w:p w:rsidR="00156FB3" w:rsidRDefault="00156FB3" w:rsidP="00156FB3"/>
          <w:p w:rsidR="00156FB3" w:rsidRDefault="00156FB3" w:rsidP="00156FB3">
            <w:r>
              <w:t xml:space="preserve">    var getPopup = function getPopup() {</w:t>
            </w:r>
          </w:p>
          <w:p w:rsidR="00156FB3" w:rsidRDefault="00156FB3" w:rsidP="00156FB3">
            <w:r>
              <w:t xml:space="preserve">        return elementByClass(swalClasses.popup);</w:t>
            </w:r>
          </w:p>
          <w:p w:rsidR="00156FB3" w:rsidRDefault="00156FB3" w:rsidP="00156FB3">
            <w:r>
              <w:t xml:space="preserve">    };</w:t>
            </w:r>
          </w:p>
          <w:p w:rsidR="00156FB3" w:rsidRDefault="00156FB3" w:rsidP="00156FB3">
            <w:r>
              <w:t xml:space="preserve">    var getIcons = function getIcons() {</w:t>
            </w:r>
          </w:p>
          <w:p w:rsidR="00156FB3" w:rsidRDefault="00156FB3" w:rsidP="00156FB3">
            <w:r>
              <w:t xml:space="preserve">        var popup = getPopup();</w:t>
            </w:r>
          </w:p>
          <w:p w:rsidR="00156FB3" w:rsidRDefault="00156FB3" w:rsidP="00156FB3">
            <w:r>
              <w:t xml:space="preserve">        return toArray(popup.querySelectorAll(".".concat(swalClasses.icon)));</w:t>
            </w:r>
          </w:p>
          <w:p w:rsidR="00156FB3" w:rsidRDefault="00156FB3" w:rsidP="00156FB3">
            <w:r>
              <w:t xml:space="preserve">    };</w:t>
            </w:r>
          </w:p>
          <w:p w:rsidR="00156FB3" w:rsidRDefault="00156FB3" w:rsidP="00156FB3">
            <w:r>
              <w:t xml:space="preserve">    var getIcon = function getIcon() {</w:t>
            </w:r>
          </w:p>
          <w:p w:rsidR="00156FB3" w:rsidRDefault="00156FB3" w:rsidP="00156FB3">
            <w:r>
              <w:t xml:space="preserve">        var visibleIcon = getIcons().filter(function (icon) {</w:t>
            </w:r>
          </w:p>
          <w:p w:rsidR="00156FB3" w:rsidRDefault="00156FB3" w:rsidP="00156FB3">
            <w:r>
              <w:t xml:space="preserve">            return isVisible(icon);</w:t>
            </w:r>
          </w:p>
          <w:p w:rsidR="00156FB3" w:rsidRDefault="00156FB3" w:rsidP="00156FB3">
            <w:r>
              <w:t xml:space="preserve">        });</w:t>
            </w:r>
          </w:p>
          <w:p w:rsidR="00156FB3" w:rsidRDefault="00156FB3" w:rsidP="00156FB3">
            <w:r>
              <w:t xml:space="preserve">        return visibleIcon.length ? visibleIcon[0] : null;</w:t>
            </w:r>
          </w:p>
          <w:p w:rsidR="00156FB3" w:rsidRDefault="00156FB3" w:rsidP="00156FB3">
            <w:r>
              <w:t xml:space="preserve">    };</w:t>
            </w:r>
          </w:p>
          <w:p w:rsidR="00156FB3" w:rsidRDefault="00156FB3" w:rsidP="00156FB3">
            <w:r>
              <w:t xml:space="preserve">    var getTitle = function getTitle() {</w:t>
            </w:r>
          </w:p>
          <w:p w:rsidR="00156FB3" w:rsidRDefault="00156FB3" w:rsidP="00156FB3">
            <w:r>
              <w:t xml:space="preserve">        return elementByClass(swalClasses.title);</w:t>
            </w:r>
          </w:p>
          <w:p w:rsidR="00156FB3" w:rsidRDefault="00156FB3" w:rsidP="00156FB3">
            <w:r>
              <w:t xml:space="preserve">    };</w:t>
            </w:r>
          </w:p>
          <w:p w:rsidR="00156FB3" w:rsidRDefault="00156FB3" w:rsidP="00156FB3">
            <w:r>
              <w:t xml:space="preserve">    var getContent = function getContent() {</w:t>
            </w:r>
          </w:p>
          <w:p w:rsidR="00156FB3" w:rsidRDefault="00156FB3" w:rsidP="00156FB3">
            <w:r>
              <w:t xml:space="preserve">        return elementByClass(swalClasses.content);</w:t>
            </w:r>
          </w:p>
          <w:p w:rsidR="00156FB3" w:rsidRDefault="00156FB3" w:rsidP="00156FB3">
            <w:r>
              <w:t xml:space="preserve">    };</w:t>
            </w:r>
          </w:p>
          <w:p w:rsidR="00156FB3" w:rsidRDefault="00156FB3" w:rsidP="00156FB3">
            <w:r>
              <w:t xml:space="preserve">    var getHtmlContainer = function getHtmlContainer() {</w:t>
            </w:r>
          </w:p>
          <w:p w:rsidR="00156FB3" w:rsidRDefault="00156FB3" w:rsidP="00156FB3">
            <w:r>
              <w:t xml:space="preserve">        return elementByClass(swalClasses['html-container']);</w:t>
            </w:r>
          </w:p>
          <w:p w:rsidR="00156FB3" w:rsidRDefault="00156FB3" w:rsidP="00156FB3">
            <w:r>
              <w:t xml:space="preserve">    };</w:t>
            </w:r>
          </w:p>
          <w:p w:rsidR="00156FB3" w:rsidRDefault="00156FB3" w:rsidP="00156FB3">
            <w:r>
              <w:t xml:space="preserve">    var getImage = function getImage() {</w:t>
            </w:r>
          </w:p>
          <w:p w:rsidR="00156FB3" w:rsidRDefault="00156FB3" w:rsidP="00156FB3">
            <w:r>
              <w:t xml:space="preserve">        return elementByClass(swalClasses.image);</w:t>
            </w:r>
          </w:p>
          <w:p w:rsidR="00156FB3" w:rsidRDefault="00156FB3" w:rsidP="00156FB3">
            <w:r>
              <w:t xml:space="preserve">    };</w:t>
            </w:r>
          </w:p>
          <w:p w:rsidR="00156FB3" w:rsidRDefault="00156FB3" w:rsidP="00156FB3">
            <w:r>
              <w:t xml:space="preserve">    var getProgressSteps = function getProgressSteps() {</w:t>
            </w:r>
          </w:p>
          <w:p w:rsidR="00156FB3" w:rsidRDefault="00156FB3" w:rsidP="00156FB3">
            <w:r>
              <w:t xml:space="preserve">        return elementByClass(swalClasses['progress-steps']);</w:t>
            </w:r>
          </w:p>
          <w:p w:rsidR="00156FB3" w:rsidRDefault="00156FB3" w:rsidP="00156FB3">
            <w:r>
              <w:t xml:space="preserve">    };</w:t>
            </w:r>
          </w:p>
          <w:p w:rsidR="00156FB3" w:rsidRDefault="00156FB3" w:rsidP="00156FB3">
            <w:r>
              <w:t xml:space="preserve">    var getValidationMessage = function getValidationMessage() {</w:t>
            </w:r>
          </w:p>
          <w:p w:rsidR="00156FB3" w:rsidRDefault="00156FB3" w:rsidP="00156FB3">
            <w:r>
              <w:t xml:space="preserve">        return elementByClass(swalClasses['validation-message']);</w:t>
            </w:r>
          </w:p>
          <w:p w:rsidR="00156FB3" w:rsidRDefault="00156FB3" w:rsidP="00156FB3">
            <w:r>
              <w:t xml:space="preserve">    };</w:t>
            </w:r>
          </w:p>
          <w:p w:rsidR="00156FB3" w:rsidRDefault="00156FB3" w:rsidP="00156FB3">
            <w:r>
              <w:t xml:space="preserve">    var getConfirmButton = function getConfirmButton() {</w:t>
            </w:r>
          </w:p>
          <w:p w:rsidR="00156FB3" w:rsidRDefault="00156FB3" w:rsidP="00156FB3">
            <w:r>
              <w:t xml:space="preserve">        return elementBySelector(".".concat(swalClasses.actions, " .").concat(swalClasses.confirm));</w:t>
            </w:r>
          </w:p>
          <w:p w:rsidR="00156FB3" w:rsidRDefault="00156FB3" w:rsidP="00156FB3">
            <w:r>
              <w:t xml:space="preserve">    };</w:t>
            </w:r>
          </w:p>
          <w:p w:rsidR="00156FB3" w:rsidRDefault="00156FB3" w:rsidP="00156FB3">
            <w:r>
              <w:t xml:space="preserve">    var getCancelButton = function getCancelButton() {</w:t>
            </w:r>
          </w:p>
          <w:p w:rsidR="00156FB3" w:rsidRDefault="00156FB3" w:rsidP="00156FB3">
            <w:r>
              <w:t xml:space="preserve">        return elementBySelector(".".concat(swalClasses.actions, " .").concat(swalClasses.cancel));</w:t>
            </w:r>
          </w:p>
          <w:p w:rsidR="00156FB3" w:rsidRDefault="00156FB3" w:rsidP="00156FB3">
            <w:r>
              <w:t xml:space="preserve">    };</w:t>
            </w:r>
          </w:p>
          <w:p w:rsidR="00156FB3" w:rsidRDefault="00156FB3" w:rsidP="00156FB3">
            <w:r>
              <w:lastRenderedPageBreak/>
              <w:t xml:space="preserve">    var getActions = function getActions() {</w:t>
            </w:r>
          </w:p>
          <w:p w:rsidR="00156FB3" w:rsidRDefault="00156FB3" w:rsidP="00156FB3">
            <w:r>
              <w:t xml:space="preserve">        return elementByClass(swalClasses.actions);</w:t>
            </w:r>
          </w:p>
          <w:p w:rsidR="00156FB3" w:rsidRDefault="00156FB3" w:rsidP="00156FB3">
            <w:r>
              <w:t xml:space="preserve">    };</w:t>
            </w:r>
          </w:p>
          <w:p w:rsidR="00156FB3" w:rsidRDefault="00156FB3" w:rsidP="00156FB3">
            <w:r>
              <w:t xml:space="preserve">    var getHeader = function getHeader() {</w:t>
            </w:r>
          </w:p>
          <w:p w:rsidR="00156FB3" w:rsidRDefault="00156FB3" w:rsidP="00156FB3">
            <w:r>
              <w:t xml:space="preserve">        return elementByClass(swalClasses.header);</w:t>
            </w:r>
          </w:p>
          <w:p w:rsidR="00156FB3" w:rsidRDefault="00156FB3" w:rsidP="00156FB3">
            <w:r>
              <w:t xml:space="preserve">    };</w:t>
            </w:r>
          </w:p>
          <w:p w:rsidR="00156FB3" w:rsidRDefault="00156FB3" w:rsidP="00156FB3">
            <w:r>
              <w:t xml:space="preserve">    var getFooter = function getFooter() {</w:t>
            </w:r>
          </w:p>
          <w:p w:rsidR="00156FB3" w:rsidRDefault="00156FB3" w:rsidP="00156FB3">
            <w:r>
              <w:t xml:space="preserve">        return elementByClass(swalClasses.footer);</w:t>
            </w:r>
          </w:p>
          <w:p w:rsidR="00156FB3" w:rsidRDefault="00156FB3" w:rsidP="00156FB3">
            <w:r>
              <w:t xml:space="preserve">    };</w:t>
            </w:r>
          </w:p>
          <w:p w:rsidR="00156FB3" w:rsidRDefault="00156FB3" w:rsidP="00156FB3">
            <w:r>
              <w:t xml:space="preserve">    var getTimerProgressBar = function getTimerProgressBar() {</w:t>
            </w:r>
          </w:p>
          <w:p w:rsidR="00156FB3" w:rsidRDefault="00156FB3" w:rsidP="00156FB3">
            <w:r>
              <w:t xml:space="preserve">        return elementByClass(swalClasses['timer-progress-bar']);</w:t>
            </w:r>
          </w:p>
          <w:p w:rsidR="00156FB3" w:rsidRDefault="00156FB3" w:rsidP="00156FB3">
            <w:r>
              <w:t xml:space="preserve">    };</w:t>
            </w:r>
          </w:p>
          <w:p w:rsidR="00156FB3" w:rsidRDefault="00156FB3" w:rsidP="00156FB3">
            <w:r>
              <w:t xml:space="preserve">    var getCloseButton = function getCloseButton() {</w:t>
            </w:r>
          </w:p>
          <w:p w:rsidR="00156FB3" w:rsidRDefault="00156FB3" w:rsidP="00156FB3">
            <w:r>
              <w:t xml:space="preserve">        return elementByClass(swalClasses.close);</w:t>
            </w:r>
          </w:p>
          <w:p w:rsidR="00156FB3" w:rsidRDefault="00156FB3" w:rsidP="00156FB3">
            <w:r>
              <w:t xml:space="preserve">    }; // https://github.com/jkup/focusable/blob/master/index.js</w:t>
            </w:r>
          </w:p>
          <w:p w:rsidR="00156FB3" w:rsidRDefault="00156FB3" w:rsidP="00156FB3"/>
          <w:p w:rsidR="00156FB3" w:rsidRDefault="00156FB3" w:rsidP="00156FB3">
            <w:r>
              <w:t xml:space="preserve">    var focusable = "\n  a[href],\n  area[href],\n  input:not([disabled]),\n  select:not([disabled]),\n  textarea:not([disabled]),\n  button:not([disabled]),\n  iframe,\n  object,\n  embed,\n  [tabindex=\"0\"],\n  [contenteditable],\n  audio[controls],\n  video[controls],\n  summary\n";</w:t>
            </w:r>
          </w:p>
          <w:p w:rsidR="00156FB3" w:rsidRDefault="00156FB3" w:rsidP="00156FB3">
            <w:r>
              <w:t xml:space="preserve">    var getFocusableElements = function getFocusableElements() {</w:t>
            </w:r>
          </w:p>
          <w:p w:rsidR="00156FB3" w:rsidRDefault="00156FB3" w:rsidP="00156FB3">
            <w:r>
              <w:t xml:space="preserve">        var focusableElementsWithTabindex = toArray(getPopup().querySelectorAll('[tabindex]:not([tabindex="-1"]):not([tabindex="0"])')) // sort according to tabindex</w:t>
            </w:r>
          </w:p>
          <w:p w:rsidR="00156FB3" w:rsidRDefault="00156FB3" w:rsidP="00156FB3">
            <w:r>
              <w:t xml:space="preserve">            .sort(function (a, b) {</w:t>
            </w:r>
          </w:p>
          <w:p w:rsidR="00156FB3" w:rsidRDefault="00156FB3" w:rsidP="00156FB3">
            <w:r>
              <w:t xml:space="preserve">                a = parseInt(a.getAttribute('tabindex'));</w:t>
            </w:r>
          </w:p>
          <w:p w:rsidR="00156FB3" w:rsidRDefault="00156FB3" w:rsidP="00156FB3">
            <w:r>
              <w:t xml:space="preserve">                b = parseInt(b.getAttribute('tabindex'));</w:t>
            </w:r>
          </w:p>
          <w:p w:rsidR="00156FB3" w:rsidRDefault="00156FB3" w:rsidP="00156FB3"/>
          <w:p w:rsidR="00156FB3" w:rsidRDefault="00156FB3" w:rsidP="00156FB3">
            <w:r>
              <w:t xml:space="preserve">                if (a &gt; b) {</w:t>
            </w:r>
          </w:p>
          <w:p w:rsidR="00156FB3" w:rsidRDefault="00156FB3" w:rsidP="00156FB3">
            <w:r>
              <w:t xml:space="preserve">                    return 1;</w:t>
            </w:r>
          </w:p>
          <w:p w:rsidR="00156FB3" w:rsidRDefault="00156FB3" w:rsidP="00156FB3">
            <w:r>
              <w:t xml:space="preserve">                } else if (a &lt; b) {</w:t>
            </w:r>
          </w:p>
          <w:p w:rsidR="00156FB3" w:rsidRDefault="00156FB3" w:rsidP="00156FB3">
            <w:r>
              <w:t xml:space="preserve">                    return -1;</w:t>
            </w:r>
          </w:p>
          <w:p w:rsidR="00156FB3" w:rsidRDefault="00156FB3" w:rsidP="00156FB3">
            <w:r>
              <w:t xml:space="preserve">                }</w:t>
            </w:r>
          </w:p>
          <w:p w:rsidR="00156FB3" w:rsidRDefault="00156FB3" w:rsidP="00156FB3"/>
          <w:p w:rsidR="00156FB3" w:rsidRDefault="00156FB3" w:rsidP="00156FB3">
            <w:r>
              <w:t xml:space="preserve">                return 0;</w:t>
            </w:r>
          </w:p>
          <w:p w:rsidR="00156FB3" w:rsidRDefault="00156FB3" w:rsidP="00156FB3">
            <w:r>
              <w:t xml:space="preserve">            });</w:t>
            </w:r>
          </w:p>
          <w:p w:rsidR="00156FB3" w:rsidRDefault="00156FB3" w:rsidP="00156FB3">
            <w:r>
              <w:t xml:space="preserve">        var otherFocusableElements = toArray(getPopup().querySelectorAll(focusable)).filter(function (el) {</w:t>
            </w:r>
          </w:p>
          <w:p w:rsidR="00156FB3" w:rsidRDefault="00156FB3" w:rsidP="00156FB3">
            <w:r>
              <w:t xml:space="preserve">            return el.getAttribute('tabindex') !== '-1';</w:t>
            </w:r>
          </w:p>
          <w:p w:rsidR="00156FB3" w:rsidRDefault="00156FB3" w:rsidP="00156FB3">
            <w:r>
              <w:t xml:space="preserve">        });</w:t>
            </w:r>
          </w:p>
          <w:p w:rsidR="00156FB3" w:rsidRDefault="00156FB3" w:rsidP="00156FB3">
            <w:r>
              <w:t xml:space="preserve">        return uniqueArray(focusableElementsWithTabindex.concat(otherFocusableElements)).filter(function (el) {</w:t>
            </w:r>
          </w:p>
          <w:p w:rsidR="00156FB3" w:rsidRDefault="00156FB3" w:rsidP="00156FB3">
            <w:r>
              <w:t xml:space="preserve">            return isVisible(el);</w:t>
            </w:r>
          </w:p>
          <w:p w:rsidR="00156FB3" w:rsidRDefault="00156FB3" w:rsidP="00156FB3">
            <w:r>
              <w:t xml:space="preserve">        });</w:t>
            </w:r>
          </w:p>
          <w:p w:rsidR="00156FB3" w:rsidRDefault="00156FB3" w:rsidP="00156FB3">
            <w:r>
              <w:t xml:space="preserve">    };</w:t>
            </w:r>
          </w:p>
          <w:p w:rsidR="00156FB3" w:rsidRDefault="00156FB3" w:rsidP="00156FB3">
            <w:r>
              <w:t xml:space="preserve">    var isModal = function isModal() {</w:t>
            </w:r>
          </w:p>
          <w:p w:rsidR="00156FB3" w:rsidRDefault="00156FB3" w:rsidP="00156FB3">
            <w:r>
              <w:t xml:space="preserve">        return !isToast() &amp;&amp; !document.body.classList.contains(swalClasses['no-backdrop']);</w:t>
            </w:r>
          </w:p>
          <w:p w:rsidR="00156FB3" w:rsidRDefault="00156FB3" w:rsidP="00156FB3">
            <w:r>
              <w:t xml:space="preserve">    };</w:t>
            </w:r>
          </w:p>
          <w:p w:rsidR="00156FB3" w:rsidRDefault="00156FB3" w:rsidP="00156FB3">
            <w:r>
              <w:t xml:space="preserve">    var isToast = function isToast() {</w:t>
            </w:r>
          </w:p>
          <w:p w:rsidR="00156FB3" w:rsidRDefault="00156FB3" w:rsidP="00156FB3">
            <w:r>
              <w:t xml:space="preserve">        return document.body.classList.contains(swalClasses['toast-shown']);</w:t>
            </w:r>
          </w:p>
          <w:p w:rsidR="00156FB3" w:rsidRDefault="00156FB3" w:rsidP="00156FB3">
            <w:r>
              <w:lastRenderedPageBreak/>
              <w:t xml:space="preserve">    };</w:t>
            </w:r>
          </w:p>
          <w:p w:rsidR="00156FB3" w:rsidRDefault="00156FB3" w:rsidP="00156FB3">
            <w:r>
              <w:t xml:space="preserve">    var isLoading = function isLoading() {</w:t>
            </w:r>
          </w:p>
          <w:p w:rsidR="00156FB3" w:rsidRDefault="00156FB3" w:rsidP="00156FB3">
            <w:r>
              <w:t xml:space="preserve">        return getPopup().hasAttribute('data-loading');</w:t>
            </w:r>
          </w:p>
          <w:p w:rsidR="00156FB3" w:rsidRDefault="00156FB3" w:rsidP="00156FB3">
            <w:r>
              <w:t xml:space="preserve">    };</w:t>
            </w:r>
          </w:p>
          <w:p w:rsidR="00156FB3" w:rsidRDefault="00156FB3" w:rsidP="00156FB3"/>
          <w:p w:rsidR="00156FB3" w:rsidRDefault="00156FB3" w:rsidP="00156FB3">
            <w:r>
              <w:t xml:space="preserve">    var states = {</w:t>
            </w:r>
          </w:p>
          <w:p w:rsidR="00156FB3" w:rsidRDefault="00156FB3" w:rsidP="00156FB3">
            <w:r>
              <w:t xml:space="preserve">        previousBodyPadding: null</w:t>
            </w:r>
          </w:p>
          <w:p w:rsidR="00156FB3" w:rsidRDefault="00156FB3" w:rsidP="00156FB3">
            <w:r>
              <w:t xml:space="preserve">    };</w:t>
            </w:r>
          </w:p>
          <w:p w:rsidR="00156FB3" w:rsidRDefault="00156FB3" w:rsidP="00156FB3">
            <w:r>
              <w:t xml:space="preserve">    var hasClass = function hasClass(elem, className) {</w:t>
            </w:r>
          </w:p>
          <w:p w:rsidR="00156FB3" w:rsidRDefault="00156FB3" w:rsidP="00156FB3">
            <w:r>
              <w:t xml:space="preserve">        if (!className)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var classList = className.split(/\s+/);</w:t>
            </w:r>
          </w:p>
          <w:p w:rsidR="00156FB3" w:rsidRDefault="00156FB3" w:rsidP="00156FB3"/>
          <w:p w:rsidR="00156FB3" w:rsidRDefault="00156FB3" w:rsidP="00156FB3">
            <w:r>
              <w:t xml:space="preserve">        for (var i = 0; i &lt; classList.length; i++) {</w:t>
            </w:r>
          </w:p>
          <w:p w:rsidR="00156FB3" w:rsidRDefault="00156FB3" w:rsidP="00156FB3">
            <w:r>
              <w:t xml:space="preserve">            if (!elem.classList.contains(classList[i])) {</w:t>
            </w:r>
          </w:p>
          <w:p w:rsidR="00156FB3" w:rsidRDefault="00156FB3" w:rsidP="00156FB3">
            <w:r>
              <w:t xml:space="preserve">                return fals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true;</w:t>
            </w:r>
          </w:p>
          <w:p w:rsidR="00156FB3" w:rsidRDefault="00156FB3" w:rsidP="00156FB3">
            <w:r>
              <w:t xml:space="preserve">    };</w:t>
            </w:r>
          </w:p>
          <w:p w:rsidR="00156FB3" w:rsidRDefault="00156FB3" w:rsidP="00156FB3"/>
          <w:p w:rsidR="00156FB3" w:rsidRDefault="00156FB3" w:rsidP="00156FB3">
            <w:r>
              <w:t xml:space="preserve">    var removeCustomClasses = function removeCustomClasses(elem, params) {</w:t>
            </w:r>
          </w:p>
          <w:p w:rsidR="00156FB3" w:rsidRDefault="00156FB3" w:rsidP="00156FB3">
            <w:r>
              <w:t xml:space="preserve">        toArray(elem.classList).forEach(function (className) {</w:t>
            </w:r>
          </w:p>
          <w:p w:rsidR="00156FB3" w:rsidRDefault="00156FB3" w:rsidP="00156FB3">
            <w:r>
              <w:t xml:space="preserve">            if (!(objectValues(swalClasses).indexOf(className) !== -1) &amp;&amp; !(objectValues(iconTypes).indexOf(className) !== -1) &amp;&amp; !(objectValues(params.showClass).indexOf(className) !== -1)) {</w:t>
            </w:r>
          </w:p>
          <w:p w:rsidR="00156FB3" w:rsidRDefault="00156FB3" w:rsidP="00156FB3">
            <w:r>
              <w:t xml:space="preserve">                elem.classList.remove(className);</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applyCustomClass = function applyCustomClass(elem, params, className) {</w:t>
            </w:r>
          </w:p>
          <w:p w:rsidR="00156FB3" w:rsidRDefault="00156FB3" w:rsidP="00156FB3">
            <w:r>
              <w:t xml:space="preserve">        removeCustomClasses(elem, params);</w:t>
            </w:r>
          </w:p>
          <w:p w:rsidR="00156FB3" w:rsidRDefault="00156FB3" w:rsidP="00156FB3"/>
          <w:p w:rsidR="00156FB3" w:rsidRDefault="00156FB3" w:rsidP="00156FB3">
            <w:r>
              <w:t xml:space="preserve">        if (params.customClass &amp;&amp; params.customClass[className]) {</w:t>
            </w:r>
          </w:p>
          <w:p w:rsidR="00156FB3" w:rsidRDefault="00156FB3" w:rsidP="00156FB3">
            <w:r>
              <w:t xml:space="preserve">            if (typeof params.customClass[className] !== 'string' &amp;&amp; !params.customClass[className].forEach) {</w:t>
            </w:r>
          </w:p>
          <w:p w:rsidR="00156FB3" w:rsidRDefault="00156FB3" w:rsidP="00156FB3">
            <w:r>
              <w:t xml:space="preserve">                return warn("Invalid type of customClass.".concat(className, "! Expected string or iterable object, got \"").concat(_typeof(params.customClass[className]), "\""));</w:t>
            </w:r>
          </w:p>
          <w:p w:rsidR="00156FB3" w:rsidRDefault="00156FB3" w:rsidP="00156FB3">
            <w:r>
              <w:t xml:space="preserve">            }</w:t>
            </w:r>
          </w:p>
          <w:p w:rsidR="00156FB3" w:rsidRDefault="00156FB3" w:rsidP="00156FB3"/>
          <w:p w:rsidR="00156FB3" w:rsidRDefault="00156FB3" w:rsidP="00156FB3">
            <w:r>
              <w:t xml:space="preserve">            addClass(elem, params.customClass[className]);</w:t>
            </w:r>
          </w:p>
          <w:p w:rsidR="00156FB3" w:rsidRDefault="00156FB3" w:rsidP="00156FB3">
            <w:r>
              <w:t xml:space="preserve">        }</w:t>
            </w:r>
          </w:p>
          <w:p w:rsidR="00156FB3" w:rsidRDefault="00156FB3" w:rsidP="00156FB3">
            <w:r>
              <w:t xml:space="preserve">    };</w:t>
            </w:r>
          </w:p>
          <w:p w:rsidR="00156FB3" w:rsidRDefault="00156FB3" w:rsidP="00156FB3">
            <w:r>
              <w:t xml:space="preserve">    function getInput(content, inputType) {</w:t>
            </w:r>
          </w:p>
          <w:p w:rsidR="00156FB3" w:rsidRDefault="00156FB3" w:rsidP="00156FB3">
            <w:r>
              <w:lastRenderedPageBreak/>
              <w:t xml:space="preserve">        if (!inputType) {</w:t>
            </w:r>
          </w:p>
          <w:p w:rsidR="00156FB3" w:rsidRDefault="00156FB3" w:rsidP="00156FB3">
            <w:r>
              <w:t xml:space="preserve">            return null;</w:t>
            </w:r>
          </w:p>
          <w:p w:rsidR="00156FB3" w:rsidRDefault="00156FB3" w:rsidP="00156FB3">
            <w:r>
              <w:t xml:space="preserve">        }</w:t>
            </w:r>
          </w:p>
          <w:p w:rsidR="00156FB3" w:rsidRDefault="00156FB3" w:rsidP="00156FB3"/>
          <w:p w:rsidR="00156FB3" w:rsidRDefault="00156FB3" w:rsidP="00156FB3">
            <w:r>
              <w:t xml:space="preserve">        switch (inputType) {</w:t>
            </w:r>
          </w:p>
          <w:p w:rsidR="00156FB3" w:rsidRDefault="00156FB3" w:rsidP="00156FB3">
            <w:r>
              <w:t xml:space="preserve">            case 'select':</w:t>
            </w:r>
          </w:p>
          <w:p w:rsidR="00156FB3" w:rsidRDefault="00156FB3" w:rsidP="00156FB3">
            <w:r>
              <w:t xml:space="preserve">            case 'textarea':</w:t>
            </w:r>
          </w:p>
          <w:p w:rsidR="00156FB3" w:rsidRDefault="00156FB3" w:rsidP="00156FB3">
            <w:r>
              <w:t xml:space="preserve">            case 'file':</w:t>
            </w:r>
          </w:p>
          <w:p w:rsidR="00156FB3" w:rsidRDefault="00156FB3" w:rsidP="00156FB3">
            <w:r>
              <w:t xml:space="preserve">                return getChildByClass(content, swalClasses[inputType]);</w:t>
            </w:r>
          </w:p>
          <w:p w:rsidR="00156FB3" w:rsidRDefault="00156FB3" w:rsidP="00156FB3"/>
          <w:p w:rsidR="00156FB3" w:rsidRDefault="00156FB3" w:rsidP="00156FB3">
            <w:r>
              <w:t xml:space="preserve">            case 'checkbox':</w:t>
            </w:r>
          </w:p>
          <w:p w:rsidR="00156FB3" w:rsidRDefault="00156FB3" w:rsidP="00156FB3">
            <w:r>
              <w:t xml:space="preserve">                return content.querySelector(".".concat(swalClasses.checkbox, " input"));</w:t>
            </w:r>
          </w:p>
          <w:p w:rsidR="00156FB3" w:rsidRDefault="00156FB3" w:rsidP="00156FB3"/>
          <w:p w:rsidR="00156FB3" w:rsidRDefault="00156FB3" w:rsidP="00156FB3">
            <w:r>
              <w:t xml:space="preserve">            case 'radio':</w:t>
            </w:r>
          </w:p>
          <w:p w:rsidR="00156FB3" w:rsidRDefault="00156FB3" w:rsidP="00156FB3">
            <w:r>
              <w:t xml:space="preserve">                return content.querySelector(".".concat(swalClasses.radio, " input:checked")) || content.querySelector(".".concat(swalClasses.radio, " input:first-child"));</w:t>
            </w:r>
          </w:p>
          <w:p w:rsidR="00156FB3" w:rsidRDefault="00156FB3" w:rsidP="00156FB3"/>
          <w:p w:rsidR="00156FB3" w:rsidRDefault="00156FB3" w:rsidP="00156FB3">
            <w:r>
              <w:t xml:space="preserve">            case 'range':</w:t>
            </w:r>
          </w:p>
          <w:p w:rsidR="00156FB3" w:rsidRDefault="00156FB3" w:rsidP="00156FB3">
            <w:r>
              <w:t xml:space="preserve">                return content.querySelector(".".concat(swalClasses.range, " input"));</w:t>
            </w:r>
          </w:p>
          <w:p w:rsidR="00156FB3" w:rsidRDefault="00156FB3" w:rsidP="00156FB3"/>
          <w:p w:rsidR="00156FB3" w:rsidRDefault="00156FB3" w:rsidP="00156FB3">
            <w:r>
              <w:t xml:space="preserve">            default:</w:t>
            </w:r>
          </w:p>
          <w:p w:rsidR="00156FB3" w:rsidRDefault="00156FB3" w:rsidP="00156FB3">
            <w:r>
              <w:t xml:space="preserve">                return getChildByClass(content, swalClasses.input);</w:t>
            </w:r>
          </w:p>
          <w:p w:rsidR="00156FB3" w:rsidRDefault="00156FB3" w:rsidP="00156FB3">
            <w:r>
              <w:t xml:space="preserve">        }</w:t>
            </w:r>
          </w:p>
          <w:p w:rsidR="00156FB3" w:rsidRDefault="00156FB3" w:rsidP="00156FB3">
            <w:r>
              <w:t xml:space="preserve">    }</w:t>
            </w:r>
          </w:p>
          <w:p w:rsidR="00156FB3" w:rsidRDefault="00156FB3" w:rsidP="00156FB3">
            <w:r>
              <w:t xml:space="preserve">    var focusInput = function focusInput(input) {</w:t>
            </w:r>
          </w:p>
          <w:p w:rsidR="00156FB3" w:rsidRDefault="00156FB3" w:rsidP="00156FB3">
            <w:r>
              <w:t xml:space="preserve">        input.focus(); // place cursor at end of text in text input</w:t>
            </w:r>
          </w:p>
          <w:p w:rsidR="00156FB3" w:rsidRDefault="00156FB3" w:rsidP="00156FB3"/>
          <w:p w:rsidR="00156FB3" w:rsidRDefault="00156FB3" w:rsidP="00156FB3">
            <w:r>
              <w:t xml:space="preserve">        if (input.type !== 'file') {</w:t>
            </w:r>
          </w:p>
          <w:p w:rsidR="00156FB3" w:rsidRDefault="00156FB3" w:rsidP="00156FB3">
            <w:r>
              <w:t xml:space="preserve">            // http://stackoverflow.com/a/2345915</w:t>
            </w:r>
          </w:p>
          <w:p w:rsidR="00156FB3" w:rsidRDefault="00156FB3" w:rsidP="00156FB3">
            <w:r>
              <w:t xml:space="preserve">            var val = input.value;</w:t>
            </w:r>
          </w:p>
          <w:p w:rsidR="00156FB3" w:rsidRDefault="00156FB3" w:rsidP="00156FB3">
            <w:r>
              <w:t xml:space="preserve">            input.value = '';</w:t>
            </w:r>
          </w:p>
          <w:p w:rsidR="00156FB3" w:rsidRDefault="00156FB3" w:rsidP="00156FB3">
            <w:r>
              <w:t xml:space="preserve">            input.value = val;</w:t>
            </w:r>
          </w:p>
          <w:p w:rsidR="00156FB3" w:rsidRDefault="00156FB3" w:rsidP="00156FB3">
            <w:r>
              <w:t xml:space="preserve">        }</w:t>
            </w:r>
          </w:p>
          <w:p w:rsidR="00156FB3" w:rsidRDefault="00156FB3" w:rsidP="00156FB3">
            <w:r>
              <w:t xml:space="preserve">    };</w:t>
            </w:r>
          </w:p>
          <w:p w:rsidR="00156FB3" w:rsidRDefault="00156FB3" w:rsidP="00156FB3">
            <w:r>
              <w:t xml:space="preserve">    var toggleClass = function toggleClass(target, classList, condition) {</w:t>
            </w:r>
          </w:p>
          <w:p w:rsidR="00156FB3" w:rsidRDefault="00156FB3" w:rsidP="00156FB3">
            <w:r>
              <w:t xml:space="preserve">        if (!target || !classList)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if (typeof classList === 'string') {</w:t>
            </w:r>
          </w:p>
          <w:p w:rsidR="00156FB3" w:rsidRDefault="00156FB3" w:rsidP="00156FB3">
            <w:r>
              <w:t xml:space="preserve">            classList = classList.split(/\s+/).filter(Boolean);</w:t>
            </w:r>
          </w:p>
          <w:p w:rsidR="00156FB3" w:rsidRDefault="00156FB3" w:rsidP="00156FB3">
            <w:r>
              <w:t xml:space="preserve">        }</w:t>
            </w:r>
          </w:p>
          <w:p w:rsidR="00156FB3" w:rsidRDefault="00156FB3" w:rsidP="00156FB3"/>
          <w:p w:rsidR="00156FB3" w:rsidRDefault="00156FB3" w:rsidP="00156FB3">
            <w:r>
              <w:t xml:space="preserve">        classList.forEach(function (className) {</w:t>
            </w:r>
          </w:p>
          <w:p w:rsidR="00156FB3" w:rsidRDefault="00156FB3" w:rsidP="00156FB3">
            <w:r>
              <w:t xml:space="preserve">            if (target.forEach) {</w:t>
            </w:r>
          </w:p>
          <w:p w:rsidR="00156FB3" w:rsidRDefault="00156FB3" w:rsidP="00156FB3">
            <w:r>
              <w:t xml:space="preserve">                target.forEach(function (elem) {</w:t>
            </w:r>
          </w:p>
          <w:p w:rsidR="00156FB3" w:rsidRDefault="00156FB3" w:rsidP="00156FB3">
            <w:r>
              <w:t xml:space="preserve">                    condition ? elem.classList.add(className) : elem.classList.remove(className);</w:t>
            </w:r>
          </w:p>
          <w:p w:rsidR="00156FB3" w:rsidRDefault="00156FB3" w:rsidP="00156FB3">
            <w:r>
              <w:t xml:space="preserve">                });</w:t>
            </w:r>
          </w:p>
          <w:p w:rsidR="00156FB3" w:rsidRDefault="00156FB3" w:rsidP="00156FB3">
            <w:r>
              <w:lastRenderedPageBreak/>
              <w:t xml:space="preserve">            } else {</w:t>
            </w:r>
          </w:p>
          <w:p w:rsidR="00156FB3" w:rsidRDefault="00156FB3" w:rsidP="00156FB3">
            <w:r>
              <w:t xml:space="preserve">                condition ? target.classList.add(className) : target.classList.remove(className);</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var addClass = function addClass(target, classList) {</w:t>
            </w:r>
          </w:p>
          <w:p w:rsidR="00156FB3" w:rsidRDefault="00156FB3" w:rsidP="00156FB3">
            <w:r>
              <w:t xml:space="preserve">        toggleClass(target, classList, true);</w:t>
            </w:r>
          </w:p>
          <w:p w:rsidR="00156FB3" w:rsidRDefault="00156FB3" w:rsidP="00156FB3">
            <w:r>
              <w:t xml:space="preserve">    };</w:t>
            </w:r>
          </w:p>
          <w:p w:rsidR="00156FB3" w:rsidRDefault="00156FB3" w:rsidP="00156FB3">
            <w:r>
              <w:t xml:space="preserve">    var removeClass = function removeClass(target, classList) {</w:t>
            </w:r>
          </w:p>
          <w:p w:rsidR="00156FB3" w:rsidRDefault="00156FB3" w:rsidP="00156FB3">
            <w:r>
              <w:t xml:space="preserve">        toggleClass(target, classList, false);</w:t>
            </w:r>
          </w:p>
          <w:p w:rsidR="00156FB3" w:rsidRDefault="00156FB3" w:rsidP="00156FB3">
            <w:r>
              <w:t xml:space="preserve">    };</w:t>
            </w:r>
          </w:p>
          <w:p w:rsidR="00156FB3" w:rsidRDefault="00156FB3" w:rsidP="00156FB3">
            <w:r>
              <w:t xml:space="preserve">    var getChildByClass = function getChildByClass(elem, className) {</w:t>
            </w:r>
          </w:p>
          <w:p w:rsidR="00156FB3" w:rsidRDefault="00156FB3" w:rsidP="00156FB3">
            <w:r>
              <w:t xml:space="preserve">        for (var i = 0; i &lt; elem.childNodes.length; i++) {</w:t>
            </w:r>
          </w:p>
          <w:p w:rsidR="00156FB3" w:rsidRDefault="00156FB3" w:rsidP="00156FB3">
            <w:r>
              <w:t xml:space="preserve">            if (hasClass(elem.childNodes[i], className)) {</w:t>
            </w:r>
          </w:p>
          <w:p w:rsidR="00156FB3" w:rsidRDefault="00156FB3" w:rsidP="00156FB3">
            <w:r>
              <w:t xml:space="preserve">                return elem.childNodes[i];</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var applyNumericalStyle = function applyNumericalStyle(elem, property, value) {</w:t>
            </w:r>
          </w:p>
          <w:p w:rsidR="00156FB3" w:rsidRDefault="00156FB3" w:rsidP="00156FB3">
            <w:r>
              <w:t xml:space="preserve">        if (value || parseInt(value) === 0) {</w:t>
            </w:r>
          </w:p>
          <w:p w:rsidR="00156FB3" w:rsidRDefault="00156FB3" w:rsidP="00156FB3">
            <w:r>
              <w:t xml:space="preserve">            elem.style[property] = typeof value === 'number' ? "".concat(value, "px") : value;</w:t>
            </w:r>
          </w:p>
          <w:p w:rsidR="00156FB3" w:rsidRDefault="00156FB3" w:rsidP="00156FB3">
            <w:r>
              <w:t xml:space="preserve">        } else {</w:t>
            </w:r>
          </w:p>
          <w:p w:rsidR="00156FB3" w:rsidRDefault="00156FB3" w:rsidP="00156FB3">
            <w:r>
              <w:t xml:space="preserve">            elem.style.removeProperty(property);</w:t>
            </w:r>
          </w:p>
          <w:p w:rsidR="00156FB3" w:rsidRDefault="00156FB3" w:rsidP="00156FB3">
            <w:r>
              <w:t xml:space="preserve">        }</w:t>
            </w:r>
          </w:p>
          <w:p w:rsidR="00156FB3" w:rsidRDefault="00156FB3" w:rsidP="00156FB3">
            <w:r>
              <w:t xml:space="preserve">    };</w:t>
            </w:r>
          </w:p>
          <w:p w:rsidR="00156FB3" w:rsidRDefault="00156FB3" w:rsidP="00156FB3">
            <w:r>
              <w:t xml:space="preserve">    var show = function show(elem) {</w:t>
            </w:r>
          </w:p>
          <w:p w:rsidR="00156FB3" w:rsidRDefault="00156FB3" w:rsidP="00156FB3">
            <w:r>
              <w:t xml:space="preserve">        var display = arguments.length &gt; 1 &amp;&amp; arguments[1] !== undefined ? arguments[1] : 'flex';</w:t>
            </w:r>
          </w:p>
          <w:p w:rsidR="00156FB3" w:rsidRDefault="00156FB3" w:rsidP="00156FB3">
            <w:r>
              <w:t xml:space="preserve">        elem.style.opacity = '';</w:t>
            </w:r>
          </w:p>
          <w:p w:rsidR="00156FB3" w:rsidRDefault="00156FB3" w:rsidP="00156FB3">
            <w:r>
              <w:t xml:space="preserve">        elem.style.display = display;</w:t>
            </w:r>
          </w:p>
          <w:p w:rsidR="00156FB3" w:rsidRDefault="00156FB3" w:rsidP="00156FB3">
            <w:r>
              <w:t xml:space="preserve">    };</w:t>
            </w:r>
          </w:p>
          <w:p w:rsidR="00156FB3" w:rsidRDefault="00156FB3" w:rsidP="00156FB3">
            <w:r>
              <w:t xml:space="preserve">    var hide = function hide(elem) {</w:t>
            </w:r>
          </w:p>
          <w:p w:rsidR="00156FB3" w:rsidRDefault="00156FB3" w:rsidP="00156FB3">
            <w:r>
              <w:t xml:space="preserve">        elem.style.opacity = '';</w:t>
            </w:r>
          </w:p>
          <w:p w:rsidR="00156FB3" w:rsidRDefault="00156FB3" w:rsidP="00156FB3">
            <w:r>
              <w:t xml:space="preserve">        elem.style.display = 'none';</w:t>
            </w:r>
          </w:p>
          <w:p w:rsidR="00156FB3" w:rsidRDefault="00156FB3" w:rsidP="00156FB3">
            <w:r>
              <w:t xml:space="preserve">    };</w:t>
            </w:r>
          </w:p>
          <w:p w:rsidR="00156FB3" w:rsidRDefault="00156FB3" w:rsidP="00156FB3">
            <w:r>
              <w:t xml:space="preserve">    var toggle = function toggle(elem, condition, display) {</w:t>
            </w:r>
          </w:p>
          <w:p w:rsidR="00156FB3" w:rsidRDefault="00156FB3" w:rsidP="00156FB3">
            <w:r>
              <w:t xml:space="preserve">        condition ? show(elem, display) : hide(elem);</w:t>
            </w:r>
          </w:p>
          <w:p w:rsidR="00156FB3" w:rsidRDefault="00156FB3" w:rsidP="00156FB3">
            <w:r>
              <w:t xml:space="preserve">    }; // borrowed from jquery $(elem).is(':visible') implementation</w:t>
            </w:r>
          </w:p>
          <w:p w:rsidR="00156FB3" w:rsidRDefault="00156FB3" w:rsidP="00156FB3"/>
          <w:p w:rsidR="00156FB3" w:rsidRDefault="00156FB3" w:rsidP="00156FB3">
            <w:r>
              <w:t xml:space="preserve">    var isVisible = function isVisible(elem) {</w:t>
            </w:r>
          </w:p>
          <w:p w:rsidR="00156FB3" w:rsidRDefault="00156FB3" w:rsidP="00156FB3">
            <w:r>
              <w:t xml:space="preserve">        return !!(elem &amp;&amp; (elem.offsetWidth || elem.offsetHeight || elem.getClientRects().length));</w:t>
            </w:r>
          </w:p>
          <w:p w:rsidR="00156FB3" w:rsidRDefault="00156FB3" w:rsidP="00156FB3">
            <w:r>
              <w:t xml:space="preserve">    };</w:t>
            </w:r>
          </w:p>
          <w:p w:rsidR="00156FB3" w:rsidRDefault="00156FB3" w:rsidP="00156FB3">
            <w:r>
              <w:t xml:space="preserve">    /* istanbul ignore next */</w:t>
            </w:r>
          </w:p>
          <w:p w:rsidR="00156FB3" w:rsidRDefault="00156FB3" w:rsidP="00156FB3"/>
          <w:p w:rsidR="00156FB3" w:rsidRDefault="00156FB3" w:rsidP="00156FB3">
            <w:r>
              <w:t xml:space="preserve">    var isScrollable = function isScrollable(elem) {</w:t>
            </w:r>
          </w:p>
          <w:p w:rsidR="00156FB3" w:rsidRDefault="00156FB3" w:rsidP="00156FB3">
            <w:r>
              <w:t xml:space="preserve">        return !!(elem.scrollHeight &gt; elem.clientHeight);</w:t>
            </w:r>
          </w:p>
          <w:p w:rsidR="00156FB3" w:rsidRDefault="00156FB3" w:rsidP="00156FB3">
            <w:r>
              <w:t xml:space="preserve">    }; // borrowed from https://stackoverflow.com/a/46352119</w:t>
            </w:r>
          </w:p>
          <w:p w:rsidR="00156FB3" w:rsidRDefault="00156FB3" w:rsidP="00156FB3"/>
          <w:p w:rsidR="00156FB3" w:rsidRDefault="00156FB3" w:rsidP="00156FB3">
            <w:r>
              <w:t xml:space="preserve">    var hasCssAnimation = function hasCssAnimation(elem) {</w:t>
            </w:r>
          </w:p>
          <w:p w:rsidR="00156FB3" w:rsidRDefault="00156FB3" w:rsidP="00156FB3">
            <w:r>
              <w:lastRenderedPageBreak/>
              <w:t xml:space="preserve">        var style = window.getComputedStyle(elem);</w:t>
            </w:r>
          </w:p>
          <w:p w:rsidR="00156FB3" w:rsidRDefault="00156FB3" w:rsidP="00156FB3">
            <w:r>
              <w:t xml:space="preserve">        var animDuration = parseFloat(style.getPropertyValue('animation-duration') || '0');</w:t>
            </w:r>
          </w:p>
          <w:p w:rsidR="00156FB3" w:rsidRDefault="00156FB3" w:rsidP="00156FB3">
            <w:r>
              <w:t xml:space="preserve">        var transDuration = parseFloat(style.getPropertyValue('transition-duration') || '0');</w:t>
            </w:r>
          </w:p>
          <w:p w:rsidR="00156FB3" w:rsidRDefault="00156FB3" w:rsidP="00156FB3">
            <w:r>
              <w:t xml:space="preserve">        return animDuration &gt; 0 || transDuration &gt; 0;</w:t>
            </w:r>
          </w:p>
          <w:p w:rsidR="00156FB3" w:rsidRDefault="00156FB3" w:rsidP="00156FB3">
            <w:r>
              <w:t xml:space="preserve">    };</w:t>
            </w:r>
          </w:p>
          <w:p w:rsidR="00156FB3" w:rsidRDefault="00156FB3" w:rsidP="00156FB3">
            <w:r>
              <w:t xml:space="preserve">    var contains = function contains(haystack, needle) {</w:t>
            </w:r>
          </w:p>
          <w:p w:rsidR="00156FB3" w:rsidRDefault="00156FB3" w:rsidP="00156FB3">
            <w:r>
              <w:t xml:space="preserve">        if (typeof haystack.contains === 'function') {</w:t>
            </w:r>
          </w:p>
          <w:p w:rsidR="00156FB3" w:rsidRDefault="00156FB3" w:rsidP="00156FB3">
            <w:r>
              <w:t xml:space="preserve">            return haystack.contains(needle);</w:t>
            </w:r>
          </w:p>
          <w:p w:rsidR="00156FB3" w:rsidRDefault="00156FB3" w:rsidP="00156FB3">
            <w:r>
              <w:t xml:space="preserve">        }</w:t>
            </w:r>
          </w:p>
          <w:p w:rsidR="00156FB3" w:rsidRDefault="00156FB3" w:rsidP="00156FB3">
            <w:r>
              <w:t xml:space="preserve">    };</w:t>
            </w:r>
          </w:p>
          <w:p w:rsidR="00156FB3" w:rsidRDefault="00156FB3" w:rsidP="00156FB3">
            <w:r>
              <w:t xml:space="preserve">    var animateTimerProgressBar = function animateTimerProgressBar(timer) {</w:t>
            </w:r>
          </w:p>
          <w:p w:rsidR="00156FB3" w:rsidRDefault="00156FB3" w:rsidP="00156FB3">
            <w:r>
              <w:t xml:space="preserve">        var reset = arguments.length &gt; 1 &amp;&amp; arguments[1] !== undefined ? arguments[1] : false;</w:t>
            </w:r>
          </w:p>
          <w:p w:rsidR="00156FB3" w:rsidRDefault="00156FB3" w:rsidP="00156FB3">
            <w:r>
              <w:t xml:space="preserve">        var timerProgressBar = getTimerProgressBar();</w:t>
            </w:r>
          </w:p>
          <w:p w:rsidR="00156FB3" w:rsidRDefault="00156FB3" w:rsidP="00156FB3"/>
          <w:p w:rsidR="00156FB3" w:rsidRDefault="00156FB3" w:rsidP="00156FB3">
            <w:r>
              <w:t xml:space="preserve">        if (isVisible(timerProgressBar)) {</w:t>
            </w:r>
          </w:p>
          <w:p w:rsidR="00156FB3" w:rsidRDefault="00156FB3" w:rsidP="00156FB3">
            <w:r>
              <w:t xml:space="preserve">            if (reset) {</w:t>
            </w:r>
          </w:p>
          <w:p w:rsidR="00156FB3" w:rsidRDefault="00156FB3" w:rsidP="00156FB3">
            <w:r>
              <w:t xml:space="preserve">                timerProgressBar.style.transition = 'none';</w:t>
            </w:r>
          </w:p>
          <w:p w:rsidR="00156FB3" w:rsidRDefault="00156FB3" w:rsidP="00156FB3">
            <w:r>
              <w:t xml:space="preserve">                timerProgressBar.style.width = '100%';</w:t>
            </w:r>
          </w:p>
          <w:p w:rsidR="00156FB3" w:rsidRDefault="00156FB3" w:rsidP="00156FB3">
            <w:r>
              <w:t xml:space="preserve">            }</w:t>
            </w:r>
          </w:p>
          <w:p w:rsidR="00156FB3" w:rsidRDefault="00156FB3" w:rsidP="00156FB3"/>
          <w:p w:rsidR="00156FB3" w:rsidRDefault="00156FB3" w:rsidP="00156FB3">
            <w:r>
              <w:t xml:space="preserve">            setTimeout(function () {</w:t>
            </w:r>
          </w:p>
          <w:p w:rsidR="00156FB3" w:rsidRDefault="00156FB3" w:rsidP="00156FB3">
            <w:r>
              <w:t xml:space="preserve">                timerProgressBar.style.transition = "width ".concat(timer / 1000, "s linear");</w:t>
            </w:r>
          </w:p>
          <w:p w:rsidR="00156FB3" w:rsidRDefault="00156FB3" w:rsidP="00156FB3">
            <w:r>
              <w:t xml:space="preserve">                timerProgressBar.style.width = '0%';</w:t>
            </w:r>
          </w:p>
          <w:p w:rsidR="00156FB3" w:rsidRDefault="00156FB3" w:rsidP="00156FB3">
            <w:r>
              <w:t xml:space="preserve">            }, 10);</w:t>
            </w:r>
          </w:p>
          <w:p w:rsidR="00156FB3" w:rsidRDefault="00156FB3" w:rsidP="00156FB3">
            <w:r>
              <w:t xml:space="preserve">        }</w:t>
            </w:r>
          </w:p>
          <w:p w:rsidR="00156FB3" w:rsidRDefault="00156FB3" w:rsidP="00156FB3">
            <w:r>
              <w:t xml:space="preserve">    };</w:t>
            </w:r>
          </w:p>
          <w:p w:rsidR="00156FB3" w:rsidRDefault="00156FB3" w:rsidP="00156FB3">
            <w:r>
              <w:t xml:space="preserve">    var stopTimerProgressBar = function stopTimerProgressBar() {</w:t>
            </w:r>
          </w:p>
          <w:p w:rsidR="00156FB3" w:rsidRDefault="00156FB3" w:rsidP="00156FB3">
            <w:r>
              <w:t xml:space="preserve">        var timerProgressBar = getTimerProgressBar();</w:t>
            </w:r>
          </w:p>
          <w:p w:rsidR="00156FB3" w:rsidRDefault="00156FB3" w:rsidP="00156FB3">
            <w:r>
              <w:t xml:space="preserve">        var timerProgressBarWidth = parseInt(window.getComputedStyle(timerProgressBar).width);</w:t>
            </w:r>
          </w:p>
          <w:p w:rsidR="00156FB3" w:rsidRDefault="00156FB3" w:rsidP="00156FB3">
            <w:r>
              <w:t xml:space="preserve">        timerProgressBar.style.removeProperty('transition');</w:t>
            </w:r>
          </w:p>
          <w:p w:rsidR="00156FB3" w:rsidRDefault="00156FB3" w:rsidP="00156FB3">
            <w:r>
              <w:t xml:space="preserve">        timerProgressBar.style.width = '100%';</w:t>
            </w:r>
          </w:p>
          <w:p w:rsidR="00156FB3" w:rsidRDefault="00156FB3" w:rsidP="00156FB3">
            <w:r>
              <w:t xml:space="preserve">        var timerProgressBarFullWidth = parseInt(window.getComputedStyle(timerProgressBar).width);</w:t>
            </w:r>
          </w:p>
          <w:p w:rsidR="00156FB3" w:rsidRDefault="00156FB3" w:rsidP="00156FB3">
            <w:r>
              <w:t xml:space="preserve">        var timerProgressBarPercent = parseInt(timerProgressBarWidth / timerProgressBarFullWidth * 100);</w:t>
            </w:r>
          </w:p>
          <w:p w:rsidR="00156FB3" w:rsidRDefault="00156FB3" w:rsidP="00156FB3">
            <w:r>
              <w:t xml:space="preserve">        timerProgressBar.style.removeProperty('transition');</w:t>
            </w:r>
          </w:p>
          <w:p w:rsidR="00156FB3" w:rsidRDefault="00156FB3" w:rsidP="00156FB3">
            <w:r>
              <w:t xml:space="preserve">        timerProgressBar.style.width = "".concat(timerProgressBarPercent, "%");</w:t>
            </w:r>
          </w:p>
          <w:p w:rsidR="00156FB3" w:rsidRDefault="00156FB3" w:rsidP="00156FB3">
            <w:r>
              <w:t xml:space="preserve">    };</w:t>
            </w:r>
          </w:p>
          <w:p w:rsidR="00156FB3" w:rsidRDefault="00156FB3" w:rsidP="00156FB3"/>
          <w:p w:rsidR="00156FB3" w:rsidRDefault="00156FB3" w:rsidP="00156FB3">
            <w:r>
              <w:t>// Detect Node env</w:t>
            </w:r>
          </w:p>
          <w:p w:rsidR="00156FB3" w:rsidRDefault="00156FB3" w:rsidP="00156FB3">
            <w:r>
              <w:t xml:space="preserve">    var isNodeEnv = function isNodeEnv() {</w:t>
            </w:r>
          </w:p>
          <w:p w:rsidR="00156FB3" w:rsidRDefault="00156FB3" w:rsidP="00156FB3">
            <w:r>
              <w:t xml:space="preserve">        return typeof window === 'undefined' || typeof document === 'undefined';</w:t>
            </w:r>
          </w:p>
          <w:p w:rsidR="00156FB3" w:rsidRDefault="00156FB3" w:rsidP="00156FB3">
            <w:r>
              <w:t xml:space="preserve">    };</w:t>
            </w:r>
          </w:p>
          <w:p w:rsidR="00156FB3" w:rsidRDefault="00156FB3" w:rsidP="00156FB3"/>
          <w:p w:rsidR="00156FB3" w:rsidRDefault="00156FB3" w:rsidP="00156FB3">
            <w:r>
              <w:t xml:space="preserve">    var sweetHTML = "\n &lt;div aria-labelledby=\"".concat(swalClasses.title, "\" aria-describedby=\"").concat(swalClasses.content, "\" class=\"").concat(swalClasses.popup, "\" tabindex=\"-1\"&gt;\n   &lt;div class=\"").concat(swalClasses.header, "\"&gt;\n     &lt;ul class=\"").concat(swalClasses['progress-steps'], "\"&gt;&lt;/ul&gt;\n     &lt;div class=\"").concat(swalClasses.icon, " ").concat(iconTypes.error, "\"&gt;&lt;/div&gt;\n     &lt;div class=\"").concat(swalClasses.icon, " ").concat(iconTypes.question, "\"&gt;&lt;/div&gt;\n     &lt;div </w:t>
            </w:r>
            <w:r>
              <w:lastRenderedPageBreak/>
              <w:t>class=\"").concat(swalClasses.icon, " ").concat(iconTypes.warning, "\"&gt;&lt;/div&gt;\n     &lt;div class=\"").concat(swalClasses.icon, " ").concat(iconTypes.info, "\"&gt;&lt;/div&gt;\n     &lt;div class=\"").concat(swalClasses.icon, " ").concat(iconTypes.success, "\"&gt;&lt;/div&gt;\n     &lt;img class=\"").concat(swalClasses.image, "\" /&gt;\n     &lt;h2 class=\"").concat(swalClasses.title, "\" id=\"").concat(swalClasses.title, "\"&gt;&lt;/h2&gt;\n     &lt;button type=\"button\" class=\"").concat(swalClasses.close, "\"&gt;&lt;/button&gt;\n   &lt;/div&gt;\n   &lt;div class=\"").concat(swalClasses.content, "\"&gt;\n     &lt;div id=\"").concat(swalClasses.content, "\" class=\"").concat(swalClasses['html-container'], "\"&gt;&lt;/div&gt;\n     &lt;input class=\"").concat(swalClasses.input, "\" /&gt;\n     &lt;input type=\"file\" class=\"").concat(swalClasses.file, "\" /&gt;\n     &lt;div class=\"").concat(swalClasses.range, "\"&gt;\n       &lt;input type=\"range\" /&gt;\n       &lt;output&gt;&lt;/output&gt;\n     &lt;/div&gt;\n     &lt;select class=\"").concat(swalClasses.select, "\"&gt;&lt;/select&gt;\n     &lt;div class=\"").concat(swalClasses.radio, "\"&gt;&lt;/div&gt;\n     &lt;label for=\"").concat(swalClasses.checkbox, "\" class=\"").concat(swalClasses.checkbox, "\"&gt;\n       &lt;input type=\"checkbox\" /&gt;\n       &lt;span class=\"").concat(swalClasses.label, "\"&gt;&lt;/span&gt;\n     &lt;/label&gt;\n     &lt;textarea class=\"").concat(swalClasses.textarea, "\"&gt;&lt;/textarea&gt;\n     &lt;div class=\"").concat(swalClasses['validation-message'], "\" id=\"").concat(swalClasses['validation-message'], "\"&gt;&lt;/div&gt;\n   &lt;/div&gt;\n   &lt;div class=\"").concat(swalClasses.actions, "\"&gt;\n     &lt;button type=\"button\" class=\"").concat(swalClasses.confirm, "\"&gt;OK&lt;/button&gt;\n     &lt;button type=\"button\" class=\"").concat(swalClasses.cancel, "\"&gt;Cancel&lt;/button&gt;\n   &lt;/div&gt;\n   &lt;div class=\"").concat(swalClasses.footer, "\"&gt;&lt;/div&gt;\n   &lt;div class=\"").concat(swalClasses['timer-progress-bar'], "\"&gt;&lt;/div&gt;\n &lt;/div&gt;\n").replace(/(^|\n)\s*/g, '');</w:t>
            </w:r>
          </w:p>
          <w:p w:rsidR="00156FB3" w:rsidRDefault="00156FB3" w:rsidP="00156FB3"/>
          <w:p w:rsidR="00156FB3" w:rsidRDefault="00156FB3" w:rsidP="00156FB3">
            <w:r>
              <w:t xml:space="preserve">    var resetOldContainer = function resetOldContainer() {</w:t>
            </w:r>
          </w:p>
          <w:p w:rsidR="00156FB3" w:rsidRDefault="00156FB3" w:rsidP="00156FB3">
            <w:r>
              <w:t xml:space="preserve">        var oldContainer = getContainer();</w:t>
            </w:r>
          </w:p>
          <w:p w:rsidR="00156FB3" w:rsidRDefault="00156FB3" w:rsidP="00156FB3"/>
          <w:p w:rsidR="00156FB3" w:rsidRDefault="00156FB3" w:rsidP="00156FB3">
            <w:r>
              <w:t xml:space="preserve">        if (!oldContainer)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oldContainer.parentNode.removeChild(oldContainer);</w:t>
            </w:r>
          </w:p>
          <w:p w:rsidR="00156FB3" w:rsidRDefault="00156FB3" w:rsidP="00156FB3">
            <w:r>
              <w:t xml:space="preserve">        removeClass([document.documentElement, document.body], [swalClasses['no-backdrop'], swalClasses['toast-shown'], swalClasses['has-column']]);</w:t>
            </w:r>
          </w:p>
          <w:p w:rsidR="00156FB3" w:rsidRDefault="00156FB3" w:rsidP="00156FB3">
            <w:r>
              <w:t xml:space="preserve">    };</w:t>
            </w:r>
          </w:p>
          <w:p w:rsidR="00156FB3" w:rsidRDefault="00156FB3" w:rsidP="00156FB3"/>
          <w:p w:rsidR="00156FB3" w:rsidRDefault="00156FB3" w:rsidP="00156FB3">
            <w:r>
              <w:t xml:space="preserve">    var oldInputVal; // IE11 workaround, see #1109 for details</w:t>
            </w:r>
          </w:p>
          <w:p w:rsidR="00156FB3" w:rsidRDefault="00156FB3" w:rsidP="00156FB3"/>
          <w:p w:rsidR="00156FB3" w:rsidRDefault="00156FB3" w:rsidP="00156FB3">
            <w:r>
              <w:t xml:space="preserve">    var resetValidationMessage = function resetValidationMessage(e) {</w:t>
            </w:r>
          </w:p>
          <w:p w:rsidR="00156FB3" w:rsidRDefault="00156FB3" w:rsidP="00156FB3">
            <w:r>
              <w:t xml:space="preserve">        if (Swal.isVisible() &amp;&amp; oldInputVal !== e.target.value) {</w:t>
            </w:r>
          </w:p>
          <w:p w:rsidR="00156FB3" w:rsidRDefault="00156FB3" w:rsidP="00156FB3">
            <w:r>
              <w:t xml:space="preserve">            Swal.resetValidationMessage();</w:t>
            </w:r>
          </w:p>
          <w:p w:rsidR="00156FB3" w:rsidRDefault="00156FB3" w:rsidP="00156FB3">
            <w:r>
              <w:t xml:space="preserve">        }</w:t>
            </w:r>
          </w:p>
          <w:p w:rsidR="00156FB3" w:rsidRDefault="00156FB3" w:rsidP="00156FB3"/>
          <w:p w:rsidR="00156FB3" w:rsidRDefault="00156FB3" w:rsidP="00156FB3">
            <w:r>
              <w:t xml:space="preserve">        oldInputVal = e.target.value;</w:t>
            </w:r>
          </w:p>
          <w:p w:rsidR="00156FB3" w:rsidRDefault="00156FB3" w:rsidP="00156FB3">
            <w:r>
              <w:t xml:space="preserve">    };</w:t>
            </w:r>
          </w:p>
          <w:p w:rsidR="00156FB3" w:rsidRDefault="00156FB3" w:rsidP="00156FB3"/>
          <w:p w:rsidR="00156FB3" w:rsidRDefault="00156FB3" w:rsidP="00156FB3">
            <w:r>
              <w:t xml:space="preserve">    var addInputChangeListeners = function addInputChangeListeners() {</w:t>
            </w:r>
          </w:p>
          <w:p w:rsidR="00156FB3" w:rsidRDefault="00156FB3" w:rsidP="00156FB3">
            <w:r>
              <w:t xml:space="preserve">        var content = getContent();</w:t>
            </w:r>
          </w:p>
          <w:p w:rsidR="00156FB3" w:rsidRDefault="00156FB3" w:rsidP="00156FB3">
            <w:r>
              <w:t xml:space="preserve">        var input = getChildByClass(content, swalClasses.input);</w:t>
            </w:r>
          </w:p>
          <w:p w:rsidR="00156FB3" w:rsidRDefault="00156FB3" w:rsidP="00156FB3">
            <w:r>
              <w:t xml:space="preserve">        var file = getChildByClass(content, swalClasses.file);</w:t>
            </w:r>
          </w:p>
          <w:p w:rsidR="00156FB3" w:rsidRDefault="00156FB3" w:rsidP="00156FB3">
            <w:r>
              <w:lastRenderedPageBreak/>
              <w:t xml:space="preserve">        var range = content.querySelector(".".concat(swalClasses.range, " input"));</w:t>
            </w:r>
          </w:p>
          <w:p w:rsidR="00156FB3" w:rsidRDefault="00156FB3" w:rsidP="00156FB3">
            <w:r>
              <w:t xml:space="preserve">        var rangeOutput = content.querySelector(".".concat(swalClasses.range, " output"));</w:t>
            </w:r>
          </w:p>
          <w:p w:rsidR="00156FB3" w:rsidRDefault="00156FB3" w:rsidP="00156FB3">
            <w:r>
              <w:t xml:space="preserve">        var select = getChildByClass(content, swalClasses.select);</w:t>
            </w:r>
          </w:p>
          <w:p w:rsidR="00156FB3" w:rsidRDefault="00156FB3" w:rsidP="00156FB3">
            <w:r>
              <w:t xml:space="preserve">        var checkbox = content.querySelector(".".concat(swalClasses.checkbox, " input"));</w:t>
            </w:r>
          </w:p>
          <w:p w:rsidR="00156FB3" w:rsidRDefault="00156FB3" w:rsidP="00156FB3">
            <w:r>
              <w:t xml:space="preserve">        var textarea = getChildByClass(content, swalClasses.textarea);</w:t>
            </w:r>
          </w:p>
          <w:p w:rsidR="00156FB3" w:rsidRDefault="00156FB3" w:rsidP="00156FB3">
            <w:r>
              <w:t xml:space="preserve">        input.oninput = resetValidationMessage;</w:t>
            </w:r>
          </w:p>
          <w:p w:rsidR="00156FB3" w:rsidRDefault="00156FB3" w:rsidP="00156FB3">
            <w:r>
              <w:t xml:space="preserve">        file.onchange = resetValidationMessage;</w:t>
            </w:r>
          </w:p>
          <w:p w:rsidR="00156FB3" w:rsidRDefault="00156FB3" w:rsidP="00156FB3">
            <w:r>
              <w:t xml:space="preserve">        select.onchange = resetValidationMessage;</w:t>
            </w:r>
          </w:p>
          <w:p w:rsidR="00156FB3" w:rsidRDefault="00156FB3" w:rsidP="00156FB3">
            <w:r>
              <w:t xml:space="preserve">        checkbox.onchange = resetValidationMessage;</w:t>
            </w:r>
          </w:p>
          <w:p w:rsidR="00156FB3" w:rsidRDefault="00156FB3" w:rsidP="00156FB3">
            <w:r>
              <w:t xml:space="preserve">        textarea.oninput = resetValidationMessage;</w:t>
            </w:r>
          </w:p>
          <w:p w:rsidR="00156FB3" w:rsidRDefault="00156FB3" w:rsidP="00156FB3"/>
          <w:p w:rsidR="00156FB3" w:rsidRDefault="00156FB3" w:rsidP="00156FB3">
            <w:r>
              <w:t xml:space="preserve">        range.oninput = function (e) {</w:t>
            </w:r>
          </w:p>
          <w:p w:rsidR="00156FB3" w:rsidRDefault="00156FB3" w:rsidP="00156FB3">
            <w:r>
              <w:t xml:space="preserve">            resetValidationMessage(e);</w:t>
            </w:r>
          </w:p>
          <w:p w:rsidR="00156FB3" w:rsidRDefault="00156FB3" w:rsidP="00156FB3">
            <w:r>
              <w:t xml:space="preserve">            rangeOutput.value = range.value;</w:t>
            </w:r>
          </w:p>
          <w:p w:rsidR="00156FB3" w:rsidRDefault="00156FB3" w:rsidP="00156FB3">
            <w:r>
              <w:t xml:space="preserve">        };</w:t>
            </w:r>
          </w:p>
          <w:p w:rsidR="00156FB3" w:rsidRDefault="00156FB3" w:rsidP="00156FB3"/>
          <w:p w:rsidR="00156FB3" w:rsidRDefault="00156FB3" w:rsidP="00156FB3">
            <w:r>
              <w:t xml:space="preserve">        range.onchange = function (e) {</w:t>
            </w:r>
          </w:p>
          <w:p w:rsidR="00156FB3" w:rsidRDefault="00156FB3" w:rsidP="00156FB3">
            <w:r>
              <w:t xml:space="preserve">            resetValidationMessage(e);</w:t>
            </w:r>
          </w:p>
          <w:p w:rsidR="00156FB3" w:rsidRDefault="00156FB3" w:rsidP="00156FB3">
            <w:r>
              <w:t xml:space="preserve">            range.nextSibling.value = range.val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getTarget = function getTarget(target) {</w:t>
            </w:r>
          </w:p>
          <w:p w:rsidR="00156FB3" w:rsidRDefault="00156FB3" w:rsidP="00156FB3">
            <w:r>
              <w:t xml:space="preserve">        return typeof target === 'string' ? document.querySelector(target) : target;</w:t>
            </w:r>
          </w:p>
          <w:p w:rsidR="00156FB3" w:rsidRDefault="00156FB3" w:rsidP="00156FB3">
            <w:r>
              <w:t xml:space="preserve">    };</w:t>
            </w:r>
          </w:p>
          <w:p w:rsidR="00156FB3" w:rsidRDefault="00156FB3" w:rsidP="00156FB3"/>
          <w:p w:rsidR="00156FB3" w:rsidRDefault="00156FB3" w:rsidP="00156FB3">
            <w:r>
              <w:t xml:space="preserve">    var setupAccessibility = function setupAccessibility(params) {</w:t>
            </w:r>
          </w:p>
          <w:p w:rsidR="00156FB3" w:rsidRDefault="00156FB3" w:rsidP="00156FB3">
            <w:r>
              <w:t xml:space="preserve">        var popup = getPopup();</w:t>
            </w:r>
          </w:p>
          <w:p w:rsidR="00156FB3" w:rsidRDefault="00156FB3" w:rsidP="00156FB3">
            <w:r>
              <w:t xml:space="preserve">        popup.setAttribute('role', params.toast ? 'alert' : 'dialog');</w:t>
            </w:r>
          </w:p>
          <w:p w:rsidR="00156FB3" w:rsidRDefault="00156FB3" w:rsidP="00156FB3">
            <w:r>
              <w:t xml:space="preserve">        popup.setAttribute('aria-live', params.toast ? 'polite' : 'assertive');</w:t>
            </w:r>
          </w:p>
          <w:p w:rsidR="00156FB3" w:rsidRDefault="00156FB3" w:rsidP="00156FB3"/>
          <w:p w:rsidR="00156FB3" w:rsidRDefault="00156FB3" w:rsidP="00156FB3">
            <w:r>
              <w:t xml:space="preserve">        if (!params.toast) {</w:t>
            </w:r>
          </w:p>
          <w:p w:rsidR="00156FB3" w:rsidRDefault="00156FB3" w:rsidP="00156FB3">
            <w:r>
              <w:t xml:space="preserve">            popup.setAttribute('aria-modal', 'tr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setupRTL = function setupRTL(targetElement) {</w:t>
            </w:r>
          </w:p>
          <w:p w:rsidR="00156FB3" w:rsidRDefault="00156FB3" w:rsidP="00156FB3">
            <w:r>
              <w:t xml:space="preserve">        if (window.getComputedStyle(targetElement).direction === 'rtl') {</w:t>
            </w:r>
          </w:p>
          <w:p w:rsidR="00156FB3" w:rsidRDefault="00156FB3" w:rsidP="00156FB3">
            <w:r>
              <w:t xml:space="preserve">            addClass(getContainer(), swalClasses.rtl);</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 Add modal + backdrop to DOM</w:t>
            </w:r>
          </w:p>
          <w:p w:rsidR="00156FB3" w:rsidRDefault="00156FB3" w:rsidP="00156FB3">
            <w:r>
              <w:t xml:space="preserve">     */</w:t>
            </w:r>
          </w:p>
          <w:p w:rsidR="00156FB3" w:rsidRDefault="00156FB3" w:rsidP="00156FB3"/>
          <w:p w:rsidR="00156FB3" w:rsidRDefault="00156FB3" w:rsidP="00156FB3"/>
          <w:p w:rsidR="00156FB3" w:rsidRDefault="00156FB3" w:rsidP="00156FB3">
            <w:r>
              <w:t xml:space="preserve">    var init = function init(params) {</w:t>
            </w:r>
          </w:p>
          <w:p w:rsidR="00156FB3" w:rsidRDefault="00156FB3" w:rsidP="00156FB3">
            <w:r>
              <w:t xml:space="preserve">        // Clean up the old popup container if it exists</w:t>
            </w:r>
          </w:p>
          <w:p w:rsidR="00156FB3" w:rsidRDefault="00156FB3" w:rsidP="00156FB3">
            <w:r>
              <w:lastRenderedPageBreak/>
              <w:t xml:space="preserve">        resetOldContainer();</w:t>
            </w:r>
          </w:p>
          <w:p w:rsidR="00156FB3" w:rsidRDefault="00156FB3" w:rsidP="00156FB3">
            <w:r>
              <w:t xml:space="preserve">        /* istanbul ignore if */</w:t>
            </w:r>
          </w:p>
          <w:p w:rsidR="00156FB3" w:rsidRDefault="00156FB3" w:rsidP="00156FB3"/>
          <w:p w:rsidR="00156FB3" w:rsidRDefault="00156FB3" w:rsidP="00156FB3">
            <w:r>
              <w:t xml:space="preserve">        if (isNodeEnv()) {</w:t>
            </w:r>
          </w:p>
          <w:p w:rsidR="00156FB3" w:rsidRDefault="00156FB3" w:rsidP="00156FB3">
            <w:r>
              <w:t xml:space="preserve">            error('SweetAlert2 requires document to initialize');</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var container = document.createElement('div');</w:t>
            </w:r>
          </w:p>
          <w:p w:rsidR="00156FB3" w:rsidRDefault="00156FB3" w:rsidP="00156FB3">
            <w:r>
              <w:t xml:space="preserve">        container.className = swalClasses.container;</w:t>
            </w:r>
          </w:p>
          <w:p w:rsidR="00156FB3" w:rsidRDefault="00156FB3" w:rsidP="00156FB3">
            <w:r>
              <w:t xml:space="preserve">        container.innerHTML = sweetHTML;</w:t>
            </w:r>
          </w:p>
          <w:p w:rsidR="00156FB3" w:rsidRDefault="00156FB3" w:rsidP="00156FB3">
            <w:r>
              <w:t xml:space="preserve">        var targetElement = getTarget(params.target);</w:t>
            </w:r>
          </w:p>
          <w:p w:rsidR="00156FB3" w:rsidRDefault="00156FB3" w:rsidP="00156FB3">
            <w:r>
              <w:t xml:space="preserve">        targetElement.appendChild(container);</w:t>
            </w:r>
          </w:p>
          <w:p w:rsidR="00156FB3" w:rsidRDefault="00156FB3" w:rsidP="00156FB3">
            <w:r>
              <w:t xml:space="preserve">        setupAccessibility(params);</w:t>
            </w:r>
          </w:p>
          <w:p w:rsidR="00156FB3" w:rsidRDefault="00156FB3" w:rsidP="00156FB3">
            <w:r>
              <w:t xml:space="preserve">        setupRTL(targetElement);</w:t>
            </w:r>
          </w:p>
          <w:p w:rsidR="00156FB3" w:rsidRDefault="00156FB3" w:rsidP="00156FB3">
            <w:r>
              <w:t xml:space="preserve">        addInputChangeListeners();</w:t>
            </w:r>
          </w:p>
          <w:p w:rsidR="00156FB3" w:rsidRDefault="00156FB3" w:rsidP="00156FB3">
            <w:r>
              <w:t xml:space="preserve">    };</w:t>
            </w:r>
          </w:p>
          <w:p w:rsidR="00156FB3" w:rsidRDefault="00156FB3" w:rsidP="00156FB3"/>
          <w:p w:rsidR="00156FB3" w:rsidRDefault="00156FB3" w:rsidP="00156FB3">
            <w:r>
              <w:t xml:space="preserve">    var parseHtmlToContainer = function parseHtmlToContainer(param, target) {</w:t>
            </w:r>
          </w:p>
          <w:p w:rsidR="00156FB3" w:rsidRDefault="00156FB3" w:rsidP="00156FB3">
            <w:r>
              <w:t xml:space="preserve">        // DOM element</w:t>
            </w:r>
          </w:p>
          <w:p w:rsidR="00156FB3" w:rsidRDefault="00156FB3" w:rsidP="00156FB3">
            <w:r>
              <w:t xml:space="preserve">        if (param instanceof HTMLElement) {</w:t>
            </w:r>
          </w:p>
          <w:p w:rsidR="00156FB3" w:rsidRDefault="00156FB3" w:rsidP="00156FB3">
            <w:r>
              <w:t xml:space="preserve">            target.appendChild(param); // JQuery element(s)</w:t>
            </w:r>
          </w:p>
          <w:p w:rsidR="00156FB3" w:rsidRDefault="00156FB3" w:rsidP="00156FB3">
            <w:r>
              <w:t xml:space="preserve">        } else if (_typeof(param) === 'object') {</w:t>
            </w:r>
          </w:p>
          <w:p w:rsidR="00156FB3" w:rsidRDefault="00156FB3" w:rsidP="00156FB3">
            <w:r>
              <w:t xml:space="preserve">            handleJqueryElem(target, param); // Plain string</w:t>
            </w:r>
          </w:p>
          <w:p w:rsidR="00156FB3" w:rsidRDefault="00156FB3" w:rsidP="00156FB3">
            <w:r>
              <w:t xml:space="preserve">        } else if (param) {</w:t>
            </w:r>
          </w:p>
          <w:p w:rsidR="00156FB3" w:rsidRDefault="00156FB3" w:rsidP="00156FB3">
            <w:r>
              <w:t xml:space="preserve">            target.innerHTML = param;</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handleJqueryElem = function handleJqueryElem(target, elem) {</w:t>
            </w:r>
          </w:p>
          <w:p w:rsidR="00156FB3" w:rsidRDefault="00156FB3" w:rsidP="00156FB3">
            <w:r>
              <w:t xml:space="preserve">        target.innerHTML = '';</w:t>
            </w:r>
          </w:p>
          <w:p w:rsidR="00156FB3" w:rsidRDefault="00156FB3" w:rsidP="00156FB3"/>
          <w:p w:rsidR="00156FB3" w:rsidRDefault="00156FB3" w:rsidP="00156FB3">
            <w:r>
              <w:t xml:space="preserve">        if (0 in elem) {</w:t>
            </w:r>
          </w:p>
          <w:p w:rsidR="00156FB3" w:rsidRDefault="00156FB3" w:rsidP="00156FB3">
            <w:r>
              <w:t xml:space="preserve">            for (var i = 0; i in elem; i++) {</w:t>
            </w:r>
          </w:p>
          <w:p w:rsidR="00156FB3" w:rsidRDefault="00156FB3" w:rsidP="00156FB3">
            <w:r>
              <w:t xml:space="preserve">                target.appendChild(elem[i].cloneNode(true));</w:t>
            </w:r>
          </w:p>
          <w:p w:rsidR="00156FB3" w:rsidRDefault="00156FB3" w:rsidP="00156FB3">
            <w:r>
              <w:t xml:space="preserve">            }</w:t>
            </w:r>
          </w:p>
          <w:p w:rsidR="00156FB3" w:rsidRDefault="00156FB3" w:rsidP="00156FB3">
            <w:r>
              <w:t xml:space="preserve">        } else {</w:t>
            </w:r>
          </w:p>
          <w:p w:rsidR="00156FB3" w:rsidRDefault="00156FB3" w:rsidP="00156FB3">
            <w:r>
              <w:t xml:space="preserve">            target.appendChild(elem.cloneNode(tr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animationEndEvent = function () {</w:t>
            </w:r>
          </w:p>
          <w:p w:rsidR="00156FB3" w:rsidRDefault="00156FB3" w:rsidP="00156FB3">
            <w:r>
              <w:t xml:space="preserve">        // Prevent run in Node env</w:t>
            </w:r>
          </w:p>
          <w:p w:rsidR="00156FB3" w:rsidRDefault="00156FB3" w:rsidP="00156FB3"/>
          <w:p w:rsidR="00156FB3" w:rsidRDefault="00156FB3" w:rsidP="00156FB3">
            <w:r>
              <w:t xml:space="preserve">        /* istanbul ignore if */</w:t>
            </w:r>
          </w:p>
          <w:p w:rsidR="00156FB3" w:rsidRDefault="00156FB3" w:rsidP="00156FB3">
            <w:r>
              <w:t xml:space="preserve">        if (isNodeEnv())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var testEl = document.createElement('div');</w:t>
            </w:r>
          </w:p>
          <w:p w:rsidR="00156FB3" w:rsidRDefault="00156FB3" w:rsidP="00156FB3">
            <w:r>
              <w:t xml:space="preserve">        var transEndEventNames = {</w:t>
            </w:r>
          </w:p>
          <w:p w:rsidR="00156FB3" w:rsidRDefault="00156FB3" w:rsidP="00156FB3">
            <w:r>
              <w:t xml:space="preserve">            WebkitAnimation: 'webkitAnimationEnd',</w:t>
            </w:r>
          </w:p>
          <w:p w:rsidR="00156FB3" w:rsidRDefault="00156FB3" w:rsidP="00156FB3">
            <w:r>
              <w:t xml:space="preserve">            OAnimation: 'oAnimationEnd oanimationend',</w:t>
            </w:r>
          </w:p>
          <w:p w:rsidR="00156FB3" w:rsidRDefault="00156FB3" w:rsidP="00156FB3">
            <w:r>
              <w:t xml:space="preserve">            animation: 'animationend'</w:t>
            </w:r>
          </w:p>
          <w:p w:rsidR="00156FB3" w:rsidRDefault="00156FB3" w:rsidP="00156FB3">
            <w:r>
              <w:t xml:space="preserve">        };</w:t>
            </w:r>
          </w:p>
          <w:p w:rsidR="00156FB3" w:rsidRDefault="00156FB3" w:rsidP="00156FB3"/>
          <w:p w:rsidR="00156FB3" w:rsidRDefault="00156FB3" w:rsidP="00156FB3">
            <w:r>
              <w:t xml:space="preserve">        for (var i in transEndEventNames) {</w:t>
            </w:r>
          </w:p>
          <w:p w:rsidR="00156FB3" w:rsidRDefault="00156FB3" w:rsidP="00156FB3">
            <w:r>
              <w:t xml:space="preserve">            if (Object.prototype.hasOwnProperty.call(transEndEventNames, i) &amp;&amp; typeof testEl.style[i] !== 'undefined') {</w:t>
            </w:r>
          </w:p>
          <w:p w:rsidR="00156FB3" w:rsidRDefault="00156FB3" w:rsidP="00156FB3">
            <w:r>
              <w:t xml:space="preserve">                return transEndEventNames[i];</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https://github.com/twbs/bootstrap/blob/master/js/src/modal.js</w:t>
            </w:r>
          </w:p>
          <w:p w:rsidR="00156FB3" w:rsidRDefault="00156FB3" w:rsidP="00156FB3"/>
          <w:p w:rsidR="00156FB3" w:rsidRDefault="00156FB3" w:rsidP="00156FB3">
            <w:r>
              <w:t xml:space="preserve">    var measureScrollbar = function measureScrollbar() {</w:t>
            </w:r>
          </w:p>
          <w:p w:rsidR="00156FB3" w:rsidRDefault="00156FB3" w:rsidP="00156FB3">
            <w:r>
              <w:t xml:space="preserve">        var scrollDiv = document.createElement('div');</w:t>
            </w:r>
          </w:p>
          <w:p w:rsidR="00156FB3" w:rsidRDefault="00156FB3" w:rsidP="00156FB3">
            <w:r>
              <w:t xml:space="preserve">        scrollDiv.className = swalClasses['scrollbar-measure'];</w:t>
            </w:r>
          </w:p>
          <w:p w:rsidR="00156FB3" w:rsidRDefault="00156FB3" w:rsidP="00156FB3">
            <w:r>
              <w:t xml:space="preserve">        document.body.appendChild(scrollDiv);</w:t>
            </w:r>
          </w:p>
          <w:p w:rsidR="00156FB3" w:rsidRDefault="00156FB3" w:rsidP="00156FB3">
            <w:r>
              <w:t xml:space="preserve">        var scrollbarWidth = scrollDiv.getBoundingClientRect().width - scrollDiv.clientWidth;</w:t>
            </w:r>
          </w:p>
          <w:p w:rsidR="00156FB3" w:rsidRDefault="00156FB3" w:rsidP="00156FB3">
            <w:r>
              <w:t xml:space="preserve">        document.body.removeChild(scrollDiv);</w:t>
            </w:r>
          </w:p>
          <w:p w:rsidR="00156FB3" w:rsidRDefault="00156FB3" w:rsidP="00156FB3">
            <w:r>
              <w:t xml:space="preserve">        return scrollbarWidth;</w:t>
            </w:r>
          </w:p>
          <w:p w:rsidR="00156FB3" w:rsidRDefault="00156FB3" w:rsidP="00156FB3">
            <w:r>
              <w:t xml:space="preserve">    };</w:t>
            </w:r>
          </w:p>
          <w:p w:rsidR="00156FB3" w:rsidRDefault="00156FB3" w:rsidP="00156FB3"/>
          <w:p w:rsidR="00156FB3" w:rsidRDefault="00156FB3" w:rsidP="00156FB3">
            <w:r>
              <w:t xml:space="preserve">    var renderActions = function renderActions(instance, params) {</w:t>
            </w:r>
          </w:p>
          <w:p w:rsidR="00156FB3" w:rsidRDefault="00156FB3" w:rsidP="00156FB3">
            <w:r>
              <w:t xml:space="preserve">        var actions = getActions();</w:t>
            </w:r>
          </w:p>
          <w:p w:rsidR="00156FB3" w:rsidRDefault="00156FB3" w:rsidP="00156FB3">
            <w:r>
              <w:t xml:space="preserve">        var confirmButton = getConfirmButton();</w:t>
            </w:r>
          </w:p>
          <w:p w:rsidR="00156FB3" w:rsidRDefault="00156FB3" w:rsidP="00156FB3">
            <w:r>
              <w:t xml:space="preserve">        var cancelButton = getCancelButton(); // Actions (buttons) wrapper</w:t>
            </w:r>
          </w:p>
          <w:p w:rsidR="00156FB3" w:rsidRDefault="00156FB3" w:rsidP="00156FB3"/>
          <w:p w:rsidR="00156FB3" w:rsidRDefault="00156FB3" w:rsidP="00156FB3">
            <w:r>
              <w:t xml:space="preserve">        if (!params.showConfirmButton &amp;&amp; !params.showCancelButton) {</w:t>
            </w:r>
          </w:p>
          <w:p w:rsidR="00156FB3" w:rsidRDefault="00156FB3" w:rsidP="00156FB3">
            <w:r>
              <w:t xml:space="preserve">            hide(actions);</w:t>
            </w:r>
          </w:p>
          <w:p w:rsidR="00156FB3" w:rsidRDefault="00156FB3" w:rsidP="00156FB3">
            <w:r>
              <w:t xml:space="preserve">        } // Custom class</w:t>
            </w:r>
          </w:p>
          <w:p w:rsidR="00156FB3" w:rsidRDefault="00156FB3" w:rsidP="00156FB3"/>
          <w:p w:rsidR="00156FB3" w:rsidRDefault="00156FB3" w:rsidP="00156FB3"/>
          <w:p w:rsidR="00156FB3" w:rsidRDefault="00156FB3" w:rsidP="00156FB3">
            <w:r>
              <w:t xml:space="preserve">        applyCustomClass(actions, params, 'actions'); // Render confirm button</w:t>
            </w:r>
          </w:p>
          <w:p w:rsidR="00156FB3" w:rsidRDefault="00156FB3" w:rsidP="00156FB3"/>
          <w:p w:rsidR="00156FB3" w:rsidRDefault="00156FB3" w:rsidP="00156FB3">
            <w:r>
              <w:t xml:space="preserve">        renderButton(confirmButton, 'confirm', params); // render Cancel Button</w:t>
            </w:r>
          </w:p>
          <w:p w:rsidR="00156FB3" w:rsidRDefault="00156FB3" w:rsidP="00156FB3"/>
          <w:p w:rsidR="00156FB3" w:rsidRDefault="00156FB3" w:rsidP="00156FB3">
            <w:r>
              <w:t xml:space="preserve">        renderButton(cancelButton, 'cancel', params);</w:t>
            </w:r>
          </w:p>
          <w:p w:rsidR="00156FB3" w:rsidRDefault="00156FB3" w:rsidP="00156FB3"/>
          <w:p w:rsidR="00156FB3" w:rsidRDefault="00156FB3" w:rsidP="00156FB3">
            <w:r>
              <w:t xml:space="preserve">        if (params.buttonsStyling) {</w:t>
            </w:r>
          </w:p>
          <w:p w:rsidR="00156FB3" w:rsidRDefault="00156FB3" w:rsidP="00156FB3">
            <w:r>
              <w:t xml:space="preserve">            handleButtonsStyling(confirmButton, cancelButton, params);</w:t>
            </w:r>
          </w:p>
          <w:p w:rsidR="00156FB3" w:rsidRDefault="00156FB3" w:rsidP="00156FB3">
            <w:r>
              <w:t xml:space="preserve">        } else {</w:t>
            </w:r>
          </w:p>
          <w:p w:rsidR="00156FB3" w:rsidRDefault="00156FB3" w:rsidP="00156FB3">
            <w:r>
              <w:lastRenderedPageBreak/>
              <w:t xml:space="preserve">            removeClass([confirmButton, cancelButton], swalClasses.styled);</w:t>
            </w:r>
          </w:p>
          <w:p w:rsidR="00156FB3" w:rsidRDefault="00156FB3" w:rsidP="00156FB3">
            <w:r>
              <w:t xml:space="preserve">            confirmButton.style.backgroundColor = confirmButton.style.borderLeftColor = confirmButton.style.borderRightColor = '';</w:t>
            </w:r>
          </w:p>
          <w:p w:rsidR="00156FB3" w:rsidRDefault="00156FB3" w:rsidP="00156FB3">
            <w:r>
              <w:t xml:space="preserve">            cancelButton.style.backgroundColor = cancelButton.style.borderLeftColor = cancelButton.style.borderRightColor = '';</w:t>
            </w:r>
          </w:p>
          <w:p w:rsidR="00156FB3" w:rsidRDefault="00156FB3" w:rsidP="00156FB3">
            <w:r>
              <w:t xml:space="preserve">        }</w:t>
            </w:r>
          </w:p>
          <w:p w:rsidR="00156FB3" w:rsidRDefault="00156FB3" w:rsidP="00156FB3"/>
          <w:p w:rsidR="00156FB3" w:rsidRDefault="00156FB3" w:rsidP="00156FB3">
            <w:r>
              <w:t xml:space="preserve">        if (params.reverseButtons) {</w:t>
            </w:r>
          </w:p>
          <w:p w:rsidR="00156FB3" w:rsidRDefault="00156FB3" w:rsidP="00156FB3">
            <w:r>
              <w:t xml:space="preserve">            confirmButton.parentNode.insertBefore(cancelButton, confirmButton);</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handleButtonsStyling(confirmButton, cancelButton, params) {</w:t>
            </w:r>
          </w:p>
          <w:p w:rsidR="00156FB3" w:rsidRDefault="00156FB3" w:rsidP="00156FB3">
            <w:r>
              <w:t xml:space="preserve">        addClass([confirmButton, cancelButton], swalClasses.styled); // Buttons background colors</w:t>
            </w:r>
          </w:p>
          <w:p w:rsidR="00156FB3" w:rsidRDefault="00156FB3" w:rsidP="00156FB3"/>
          <w:p w:rsidR="00156FB3" w:rsidRDefault="00156FB3" w:rsidP="00156FB3">
            <w:r>
              <w:t xml:space="preserve">        if (params.confirmButtonColor) {</w:t>
            </w:r>
          </w:p>
          <w:p w:rsidR="00156FB3" w:rsidRDefault="00156FB3" w:rsidP="00156FB3">
            <w:r>
              <w:t xml:space="preserve">            confirmButton.style.backgroundColor = params.confirmButtonColor;</w:t>
            </w:r>
          </w:p>
          <w:p w:rsidR="00156FB3" w:rsidRDefault="00156FB3" w:rsidP="00156FB3">
            <w:r>
              <w:t xml:space="preserve">        }</w:t>
            </w:r>
          </w:p>
          <w:p w:rsidR="00156FB3" w:rsidRDefault="00156FB3" w:rsidP="00156FB3"/>
          <w:p w:rsidR="00156FB3" w:rsidRDefault="00156FB3" w:rsidP="00156FB3">
            <w:r>
              <w:t xml:space="preserve">        if (params.cancelButtonColor) {</w:t>
            </w:r>
          </w:p>
          <w:p w:rsidR="00156FB3" w:rsidRDefault="00156FB3" w:rsidP="00156FB3">
            <w:r>
              <w:t xml:space="preserve">            cancelButton.style.backgroundColor = params.cancelButtonColor;</w:t>
            </w:r>
          </w:p>
          <w:p w:rsidR="00156FB3" w:rsidRDefault="00156FB3" w:rsidP="00156FB3">
            <w:r>
              <w:t xml:space="preserve">        } // Loading state</w:t>
            </w:r>
          </w:p>
          <w:p w:rsidR="00156FB3" w:rsidRDefault="00156FB3" w:rsidP="00156FB3"/>
          <w:p w:rsidR="00156FB3" w:rsidRDefault="00156FB3" w:rsidP="00156FB3"/>
          <w:p w:rsidR="00156FB3" w:rsidRDefault="00156FB3" w:rsidP="00156FB3">
            <w:r>
              <w:t xml:space="preserve">        var confirmButtonBackgroundColor = window.getComputedStyle(confirmButton).getPropertyValue('background-color');</w:t>
            </w:r>
          </w:p>
          <w:p w:rsidR="00156FB3" w:rsidRDefault="00156FB3" w:rsidP="00156FB3">
            <w:r>
              <w:t xml:space="preserve">        confirmButton.style.borderLeftColor = confirmButtonBackgroundColor;</w:t>
            </w:r>
          </w:p>
          <w:p w:rsidR="00156FB3" w:rsidRDefault="00156FB3" w:rsidP="00156FB3">
            <w:r>
              <w:t xml:space="preserve">        confirmButton.style.borderRightColor = confirmButtonBackgroundColor;</w:t>
            </w:r>
          </w:p>
          <w:p w:rsidR="00156FB3" w:rsidRDefault="00156FB3" w:rsidP="00156FB3">
            <w:r>
              <w:t xml:space="preserve">    }</w:t>
            </w:r>
          </w:p>
          <w:p w:rsidR="00156FB3" w:rsidRDefault="00156FB3" w:rsidP="00156FB3"/>
          <w:p w:rsidR="00156FB3" w:rsidRDefault="00156FB3" w:rsidP="00156FB3">
            <w:r>
              <w:t xml:space="preserve">    function renderButton(button, buttonType, params) {</w:t>
            </w:r>
          </w:p>
          <w:p w:rsidR="00156FB3" w:rsidRDefault="00156FB3" w:rsidP="00156FB3">
            <w:r>
              <w:t xml:space="preserve">        toggle(button, params["show".concat(capitalizeFirstLetter(buttonType), "Button")], 'inline-block');</w:t>
            </w:r>
          </w:p>
          <w:p w:rsidR="00156FB3" w:rsidRDefault="00156FB3" w:rsidP="00156FB3">
            <w:r>
              <w:t xml:space="preserve">        button.innerHTML = params["".concat(buttonType, "ButtonText")]; // Set caption text</w:t>
            </w:r>
          </w:p>
          <w:p w:rsidR="00156FB3" w:rsidRDefault="00156FB3" w:rsidP="00156FB3"/>
          <w:p w:rsidR="00156FB3" w:rsidRDefault="00156FB3" w:rsidP="00156FB3">
            <w:r>
              <w:t xml:space="preserve">        button.setAttribute('aria-label', params["".concat(buttonType, "ButtonAriaLabel")]); // ARIA label</w:t>
            </w:r>
          </w:p>
          <w:p w:rsidR="00156FB3" w:rsidRDefault="00156FB3" w:rsidP="00156FB3">
            <w:r>
              <w:t xml:space="preserve">        // Add buttons custom classes</w:t>
            </w:r>
          </w:p>
          <w:p w:rsidR="00156FB3" w:rsidRDefault="00156FB3" w:rsidP="00156FB3"/>
          <w:p w:rsidR="00156FB3" w:rsidRDefault="00156FB3" w:rsidP="00156FB3">
            <w:r>
              <w:t xml:space="preserve">        button.className = swalClasses[buttonType];</w:t>
            </w:r>
          </w:p>
          <w:p w:rsidR="00156FB3" w:rsidRDefault="00156FB3" w:rsidP="00156FB3">
            <w:r>
              <w:t xml:space="preserve">        applyCustomClass(button, params, "".concat(buttonType, "Button"));</w:t>
            </w:r>
          </w:p>
          <w:p w:rsidR="00156FB3" w:rsidRDefault="00156FB3" w:rsidP="00156FB3">
            <w:r>
              <w:t xml:space="preserve">        addClass(button, params["".concat(buttonType, "ButtonClass")]);</w:t>
            </w:r>
          </w:p>
          <w:p w:rsidR="00156FB3" w:rsidRDefault="00156FB3" w:rsidP="00156FB3">
            <w:r>
              <w:t xml:space="preserve">    }</w:t>
            </w:r>
          </w:p>
          <w:p w:rsidR="00156FB3" w:rsidRDefault="00156FB3" w:rsidP="00156FB3"/>
          <w:p w:rsidR="00156FB3" w:rsidRDefault="00156FB3" w:rsidP="00156FB3">
            <w:r>
              <w:t xml:space="preserve">    function handleBackdropParam(container, backdrop) {</w:t>
            </w:r>
          </w:p>
          <w:p w:rsidR="00156FB3" w:rsidRDefault="00156FB3" w:rsidP="00156FB3">
            <w:r>
              <w:t xml:space="preserve">        if (typeof backdrop === 'string') {</w:t>
            </w:r>
          </w:p>
          <w:p w:rsidR="00156FB3" w:rsidRDefault="00156FB3" w:rsidP="00156FB3">
            <w:r>
              <w:t xml:space="preserve">            container.style.background = backdrop;</w:t>
            </w:r>
          </w:p>
          <w:p w:rsidR="00156FB3" w:rsidRDefault="00156FB3" w:rsidP="00156FB3">
            <w:r>
              <w:t xml:space="preserve">        } else if (!backdrop) {</w:t>
            </w:r>
          </w:p>
          <w:p w:rsidR="00156FB3" w:rsidRDefault="00156FB3" w:rsidP="00156FB3">
            <w:r>
              <w:t xml:space="preserve">            addClass([document.documentElement, document.body], swalClasses['no-backdrop']);</w:t>
            </w:r>
          </w:p>
          <w:p w:rsidR="00156FB3" w:rsidRDefault="00156FB3" w:rsidP="00156FB3">
            <w:r>
              <w:t xml:space="preserve">        }</w:t>
            </w:r>
          </w:p>
          <w:p w:rsidR="00156FB3" w:rsidRDefault="00156FB3" w:rsidP="00156FB3">
            <w:r>
              <w:lastRenderedPageBreak/>
              <w:t xml:space="preserve">    }</w:t>
            </w:r>
          </w:p>
          <w:p w:rsidR="00156FB3" w:rsidRDefault="00156FB3" w:rsidP="00156FB3"/>
          <w:p w:rsidR="00156FB3" w:rsidRDefault="00156FB3" w:rsidP="00156FB3">
            <w:r>
              <w:t xml:space="preserve">    function handlePositionParam(container, position) {</w:t>
            </w:r>
          </w:p>
          <w:p w:rsidR="00156FB3" w:rsidRDefault="00156FB3" w:rsidP="00156FB3">
            <w:r>
              <w:t xml:space="preserve">        if (position in swalClasses) {</w:t>
            </w:r>
          </w:p>
          <w:p w:rsidR="00156FB3" w:rsidRDefault="00156FB3" w:rsidP="00156FB3">
            <w:r>
              <w:t xml:space="preserve">            addClass(container, swalClasses[position]);</w:t>
            </w:r>
          </w:p>
          <w:p w:rsidR="00156FB3" w:rsidRDefault="00156FB3" w:rsidP="00156FB3">
            <w:r>
              <w:t xml:space="preserve">        } else {</w:t>
            </w:r>
          </w:p>
          <w:p w:rsidR="00156FB3" w:rsidRDefault="00156FB3" w:rsidP="00156FB3">
            <w:r>
              <w:t xml:space="preserve">            warn('The "position" parameter is not valid, defaulting to "center"');</w:t>
            </w:r>
          </w:p>
          <w:p w:rsidR="00156FB3" w:rsidRDefault="00156FB3" w:rsidP="00156FB3">
            <w:r>
              <w:t xml:space="preserve">            addClass(container, swalClasses.center);</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handleGrowParam(container, grow) {</w:t>
            </w:r>
          </w:p>
          <w:p w:rsidR="00156FB3" w:rsidRDefault="00156FB3" w:rsidP="00156FB3">
            <w:r>
              <w:t xml:space="preserve">        if (grow &amp;&amp; typeof grow === 'string') {</w:t>
            </w:r>
          </w:p>
          <w:p w:rsidR="00156FB3" w:rsidRDefault="00156FB3" w:rsidP="00156FB3">
            <w:r>
              <w:t xml:space="preserve">            var growClass = "grow-".concat(grow);</w:t>
            </w:r>
          </w:p>
          <w:p w:rsidR="00156FB3" w:rsidRDefault="00156FB3" w:rsidP="00156FB3"/>
          <w:p w:rsidR="00156FB3" w:rsidRDefault="00156FB3" w:rsidP="00156FB3">
            <w:r>
              <w:t xml:space="preserve">            if (growClass in swalClasses) {</w:t>
            </w:r>
          </w:p>
          <w:p w:rsidR="00156FB3" w:rsidRDefault="00156FB3" w:rsidP="00156FB3">
            <w:r>
              <w:t xml:space="preserve">                addClass(container, swalClasses[growClass]);</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renderContainer = function renderContainer(instance, params) {</w:t>
            </w:r>
          </w:p>
          <w:p w:rsidR="00156FB3" w:rsidRDefault="00156FB3" w:rsidP="00156FB3">
            <w:r>
              <w:t xml:space="preserve">        var container = getContainer();</w:t>
            </w:r>
          </w:p>
          <w:p w:rsidR="00156FB3" w:rsidRDefault="00156FB3" w:rsidP="00156FB3"/>
          <w:p w:rsidR="00156FB3" w:rsidRDefault="00156FB3" w:rsidP="00156FB3">
            <w:r>
              <w:t xml:space="preserve">        if (!container)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handleBackdropParam(container, params.backdrop);</w:t>
            </w:r>
          </w:p>
          <w:p w:rsidR="00156FB3" w:rsidRDefault="00156FB3" w:rsidP="00156FB3"/>
          <w:p w:rsidR="00156FB3" w:rsidRDefault="00156FB3" w:rsidP="00156FB3">
            <w:r>
              <w:t xml:space="preserve">        if (!params.backdrop &amp;&amp; params.allowOutsideClick) {</w:t>
            </w:r>
          </w:p>
          <w:p w:rsidR="00156FB3" w:rsidRDefault="00156FB3" w:rsidP="00156FB3">
            <w:r>
              <w:t xml:space="preserve">            warn('"allowOutsideClick" parameter requires `backdrop` parameter to be set to `true`');</w:t>
            </w:r>
          </w:p>
          <w:p w:rsidR="00156FB3" w:rsidRDefault="00156FB3" w:rsidP="00156FB3">
            <w:r>
              <w:t xml:space="preserve">        }</w:t>
            </w:r>
          </w:p>
          <w:p w:rsidR="00156FB3" w:rsidRDefault="00156FB3" w:rsidP="00156FB3"/>
          <w:p w:rsidR="00156FB3" w:rsidRDefault="00156FB3" w:rsidP="00156FB3">
            <w:r>
              <w:t xml:space="preserve">        handlePositionParam(container, params.position);</w:t>
            </w:r>
          </w:p>
          <w:p w:rsidR="00156FB3" w:rsidRDefault="00156FB3" w:rsidP="00156FB3">
            <w:r>
              <w:t xml:space="preserve">        handleGrowParam(container, params.grow); // Custom class</w:t>
            </w:r>
          </w:p>
          <w:p w:rsidR="00156FB3" w:rsidRDefault="00156FB3" w:rsidP="00156FB3"/>
          <w:p w:rsidR="00156FB3" w:rsidRDefault="00156FB3" w:rsidP="00156FB3">
            <w:r>
              <w:t xml:space="preserve">        applyCustomClass(container, params, 'container'); // Set queue step attribute for getQueueStep() method</w:t>
            </w:r>
          </w:p>
          <w:p w:rsidR="00156FB3" w:rsidRDefault="00156FB3" w:rsidP="00156FB3"/>
          <w:p w:rsidR="00156FB3" w:rsidRDefault="00156FB3" w:rsidP="00156FB3">
            <w:r>
              <w:t xml:space="preserve">        var queueStep = document.body.getAttribute('data-swal2-queue-step');</w:t>
            </w:r>
          </w:p>
          <w:p w:rsidR="00156FB3" w:rsidRDefault="00156FB3" w:rsidP="00156FB3"/>
          <w:p w:rsidR="00156FB3" w:rsidRDefault="00156FB3" w:rsidP="00156FB3">
            <w:r>
              <w:t xml:space="preserve">        if (queueStep) {</w:t>
            </w:r>
          </w:p>
          <w:p w:rsidR="00156FB3" w:rsidRDefault="00156FB3" w:rsidP="00156FB3">
            <w:r>
              <w:t xml:space="preserve">            container.setAttribute('data-queue-step', queueStep);</w:t>
            </w:r>
          </w:p>
          <w:p w:rsidR="00156FB3" w:rsidRDefault="00156FB3" w:rsidP="00156FB3">
            <w:r>
              <w:t xml:space="preserve">            document.body.removeAttribute('data-swal2-queue-step');</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lastRenderedPageBreak/>
              <w:t xml:space="preserve">    /**</w:t>
            </w:r>
          </w:p>
          <w:p w:rsidR="00156FB3" w:rsidRDefault="00156FB3" w:rsidP="00156FB3">
            <w:r>
              <w:t xml:space="preserve">     * This module containts `WeakMap`s for each effectively-"private  property" that a `Swal` has.</w:t>
            </w:r>
          </w:p>
          <w:p w:rsidR="00156FB3" w:rsidRDefault="00156FB3" w:rsidP="00156FB3">
            <w:r>
              <w:t xml:space="preserve">     * For example, to set the private property "foo" of `this` to "bar", you can `privateProps.foo.set(this, 'bar')`</w:t>
            </w:r>
          </w:p>
          <w:p w:rsidR="00156FB3" w:rsidRDefault="00156FB3" w:rsidP="00156FB3">
            <w:r>
              <w:t xml:space="preserve">     * This is the approach that Babel will probably take to implement private methods/fields</w:t>
            </w:r>
          </w:p>
          <w:p w:rsidR="00156FB3" w:rsidRDefault="00156FB3" w:rsidP="00156FB3">
            <w:r>
              <w:t xml:space="preserve">     *   https://github.com/tc39/proposal-private-methods</w:t>
            </w:r>
          </w:p>
          <w:p w:rsidR="00156FB3" w:rsidRDefault="00156FB3" w:rsidP="00156FB3">
            <w:r>
              <w:t xml:space="preserve">     *   https://github.com/babel/babel/pull/7555</w:t>
            </w:r>
          </w:p>
          <w:p w:rsidR="00156FB3" w:rsidRDefault="00156FB3" w:rsidP="00156FB3">
            <w:r>
              <w:t xml:space="preserve">     * Once we have the changes from that PR in Babel, and our core class fits reasonable in *one module*</w:t>
            </w:r>
          </w:p>
          <w:p w:rsidR="00156FB3" w:rsidRDefault="00156FB3" w:rsidP="00156FB3">
            <w:r>
              <w:t xml:space="preserve">     *   then we can use that language feature.</w:t>
            </w:r>
          </w:p>
          <w:p w:rsidR="00156FB3" w:rsidRDefault="00156FB3" w:rsidP="00156FB3">
            <w:r>
              <w:t xml:space="preserve">     */</w:t>
            </w:r>
          </w:p>
          <w:p w:rsidR="00156FB3" w:rsidRDefault="00156FB3" w:rsidP="00156FB3">
            <w:r>
              <w:t xml:space="preserve">    var privateProps = {</w:t>
            </w:r>
          </w:p>
          <w:p w:rsidR="00156FB3" w:rsidRDefault="00156FB3" w:rsidP="00156FB3">
            <w:r>
              <w:t xml:space="preserve">        promise: new WeakMap(),</w:t>
            </w:r>
          </w:p>
          <w:p w:rsidR="00156FB3" w:rsidRDefault="00156FB3" w:rsidP="00156FB3">
            <w:r>
              <w:t xml:space="preserve">        innerParams: new WeakMap(),</w:t>
            </w:r>
          </w:p>
          <w:p w:rsidR="00156FB3" w:rsidRDefault="00156FB3" w:rsidP="00156FB3">
            <w:r>
              <w:t xml:space="preserve">        domCache: new WeakMap()</w:t>
            </w:r>
          </w:p>
          <w:p w:rsidR="00156FB3" w:rsidRDefault="00156FB3" w:rsidP="00156FB3">
            <w:r>
              <w:t xml:space="preserve">    };</w:t>
            </w:r>
          </w:p>
          <w:p w:rsidR="00156FB3" w:rsidRDefault="00156FB3" w:rsidP="00156FB3"/>
          <w:p w:rsidR="00156FB3" w:rsidRDefault="00156FB3" w:rsidP="00156FB3">
            <w:r>
              <w:t xml:space="preserve">    var inputTypes = ['input', 'file', 'range', 'select', 'radio', 'checkbox', 'textarea'];</w:t>
            </w:r>
          </w:p>
          <w:p w:rsidR="00156FB3" w:rsidRDefault="00156FB3" w:rsidP="00156FB3">
            <w:r>
              <w:t xml:space="preserve">    var renderInput = function renderInput(instance, params) {</w:t>
            </w:r>
          </w:p>
          <w:p w:rsidR="00156FB3" w:rsidRDefault="00156FB3" w:rsidP="00156FB3">
            <w:r>
              <w:t xml:space="preserve">        var content = getContent();</w:t>
            </w:r>
          </w:p>
          <w:p w:rsidR="00156FB3" w:rsidRDefault="00156FB3" w:rsidP="00156FB3">
            <w:r>
              <w:t xml:space="preserve">        var innerParams = privateProps.innerParams.get(instance);</w:t>
            </w:r>
          </w:p>
          <w:p w:rsidR="00156FB3" w:rsidRDefault="00156FB3" w:rsidP="00156FB3">
            <w:r>
              <w:t xml:space="preserve">        var rerender = !innerParams || params.input !== innerParams.input;</w:t>
            </w:r>
          </w:p>
          <w:p w:rsidR="00156FB3" w:rsidRDefault="00156FB3" w:rsidP="00156FB3">
            <w:r>
              <w:t xml:space="preserve">        inputTypes.forEach(function (inputType) {</w:t>
            </w:r>
          </w:p>
          <w:p w:rsidR="00156FB3" w:rsidRDefault="00156FB3" w:rsidP="00156FB3">
            <w:r>
              <w:t xml:space="preserve">            var inputClass = swalClasses[inputType];</w:t>
            </w:r>
          </w:p>
          <w:p w:rsidR="00156FB3" w:rsidRDefault="00156FB3" w:rsidP="00156FB3">
            <w:r>
              <w:t xml:space="preserve">            var inputContainer = getChildByClass(content, inputClass); // set attributes</w:t>
            </w:r>
          </w:p>
          <w:p w:rsidR="00156FB3" w:rsidRDefault="00156FB3" w:rsidP="00156FB3"/>
          <w:p w:rsidR="00156FB3" w:rsidRDefault="00156FB3" w:rsidP="00156FB3">
            <w:r>
              <w:t xml:space="preserve">            setAttributes(inputType, params.inputAttributes); // set class</w:t>
            </w:r>
          </w:p>
          <w:p w:rsidR="00156FB3" w:rsidRDefault="00156FB3" w:rsidP="00156FB3"/>
          <w:p w:rsidR="00156FB3" w:rsidRDefault="00156FB3" w:rsidP="00156FB3">
            <w:r>
              <w:t xml:space="preserve">            inputContainer.className = inputClass;</w:t>
            </w:r>
          </w:p>
          <w:p w:rsidR="00156FB3" w:rsidRDefault="00156FB3" w:rsidP="00156FB3"/>
          <w:p w:rsidR="00156FB3" w:rsidRDefault="00156FB3" w:rsidP="00156FB3">
            <w:r>
              <w:t xml:space="preserve">            if (rerender) {</w:t>
            </w:r>
          </w:p>
          <w:p w:rsidR="00156FB3" w:rsidRDefault="00156FB3" w:rsidP="00156FB3">
            <w:r>
              <w:t xml:space="preserve">                hide(inputContainer);</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if (params.input) {</w:t>
            </w:r>
          </w:p>
          <w:p w:rsidR="00156FB3" w:rsidRDefault="00156FB3" w:rsidP="00156FB3">
            <w:r>
              <w:t xml:space="preserve">            if (rerender) {</w:t>
            </w:r>
          </w:p>
          <w:p w:rsidR="00156FB3" w:rsidRDefault="00156FB3" w:rsidP="00156FB3">
            <w:r>
              <w:t xml:space="preserve">                showInput(params);</w:t>
            </w:r>
          </w:p>
          <w:p w:rsidR="00156FB3" w:rsidRDefault="00156FB3" w:rsidP="00156FB3">
            <w:r>
              <w:t xml:space="preserve">            } // set custom class</w:t>
            </w:r>
          </w:p>
          <w:p w:rsidR="00156FB3" w:rsidRDefault="00156FB3" w:rsidP="00156FB3"/>
          <w:p w:rsidR="00156FB3" w:rsidRDefault="00156FB3" w:rsidP="00156FB3"/>
          <w:p w:rsidR="00156FB3" w:rsidRDefault="00156FB3" w:rsidP="00156FB3">
            <w:r>
              <w:t xml:space="preserve">            setCustomClass(param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showInput = function showInput(params) {</w:t>
            </w:r>
          </w:p>
          <w:p w:rsidR="00156FB3" w:rsidRDefault="00156FB3" w:rsidP="00156FB3">
            <w:r>
              <w:t xml:space="preserve">        if (!renderInputType[params.input]) {</w:t>
            </w:r>
          </w:p>
          <w:p w:rsidR="00156FB3" w:rsidRDefault="00156FB3" w:rsidP="00156FB3">
            <w:r>
              <w:t xml:space="preserve">            return error("Unexpected type of input! Expected \"text\", \"email\", \"password\", \"number\", </w:t>
            </w:r>
            <w:r>
              <w:lastRenderedPageBreak/>
              <w:t>\"tel\", \"select\", \"radio\", \"checkbox\", \"textarea\", \"file\" or \"url\", got \"".concat(params.input, "\""));</w:t>
            </w:r>
          </w:p>
          <w:p w:rsidR="00156FB3" w:rsidRDefault="00156FB3" w:rsidP="00156FB3">
            <w:r>
              <w:t xml:space="preserve">        }</w:t>
            </w:r>
          </w:p>
          <w:p w:rsidR="00156FB3" w:rsidRDefault="00156FB3" w:rsidP="00156FB3"/>
          <w:p w:rsidR="00156FB3" w:rsidRDefault="00156FB3" w:rsidP="00156FB3">
            <w:r>
              <w:t xml:space="preserve">        var inputContainer = getInputContainer(params.input);</w:t>
            </w:r>
          </w:p>
          <w:p w:rsidR="00156FB3" w:rsidRDefault="00156FB3" w:rsidP="00156FB3">
            <w:r>
              <w:t xml:space="preserve">        var input = renderInputType[params.input](inputContainer, params);</w:t>
            </w:r>
          </w:p>
          <w:p w:rsidR="00156FB3" w:rsidRDefault="00156FB3" w:rsidP="00156FB3">
            <w:r>
              <w:t xml:space="preserve">        show(input); // input autofocus</w:t>
            </w:r>
          </w:p>
          <w:p w:rsidR="00156FB3" w:rsidRDefault="00156FB3" w:rsidP="00156FB3"/>
          <w:p w:rsidR="00156FB3" w:rsidRDefault="00156FB3" w:rsidP="00156FB3">
            <w:r>
              <w:t xml:space="preserve">        setTimeout(function () {</w:t>
            </w:r>
          </w:p>
          <w:p w:rsidR="00156FB3" w:rsidRDefault="00156FB3" w:rsidP="00156FB3">
            <w:r>
              <w:t xml:space="preserve">            focusInput(inpu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removeAttributes = function removeAttributes(input) {</w:t>
            </w:r>
          </w:p>
          <w:p w:rsidR="00156FB3" w:rsidRDefault="00156FB3" w:rsidP="00156FB3">
            <w:r>
              <w:t xml:space="preserve">        for (var i = 0; i &lt; input.attributes.length; i++) {</w:t>
            </w:r>
          </w:p>
          <w:p w:rsidR="00156FB3" w:rsidRDefault="00156FB3" w:rsidP="00156FB3">
            <w:r>
              <w:t xml:space="preserve">            var attrName = input.attributes[i].name;</w:t>
            </w:r>
          </w:p>
          <w:p w:rsidR="00156FB3" w:rsidRDefault="00156FB3" w:rsidP="00156FB3"/>
          <w:p w:rsidR="00156FB3" w:rsidRDefault="00156FB3" w:rsidP="00156FB3">
            <w:r>
              <w:t xml:space="preserve">            if (!(['type', 'value', 'style'].indexOf(attrName) !== -1)) {</w:t>
            </w:r>
          </w:p>
          <w:p w:rsidR="00156FB3" w:rsidRDefault="00156FB3" w:rsidP="00156FB3">
            <w:r>
              <w:t xml:space="preserve">                input.removeAttribute(attrName);</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setAttributes = function setAttributes(inputType, inputAttributes) {</w:t>
            </w:r>
          </w:p>
          <w:p w:rsidR="00156FB3" w:rsidRDefault="00156FB3" w:rsidP="00156FB3">
            <w:r>
              <w:t xml:space="preserve">        var input = getInput(getContent(), inputType);</w:t>
            </w:r>
          </w:p>
          <w:p w:rsidR="00156FB3" w:rsidRDefault="00156FB3" w:rsidP="00156FB3"/>
          <w:p w:rsidR="00156FB3" w:rsidRDefault="00156FB3" w:rsidP="00156FB3">
            <w:r>
              <w:t xml:space="preserve">        if (!input)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removeAttributes(input);</w:t>
            </w:r>
          </w:p>
          <w:p w:rsidR="00156FB3" w:rsidRDefault="00156FB3" w:rsidP="00156FB3"/>
          <w:p w:rsidR="00156FB3" w:rsidRDefault="00156FB3" w:rsidP="00156FB3">
            <w:r>
              <w:t xml:space="preserve">        for (var attr in inputAttributes) {</w:t>
            </w:r>
          </w:p>
          <w:p w:rsidR="00156FB3" w:rsidRDefault="00156FB3" w:rsidP="00156FB3">
            <w:r>
              <w:t xml:space="preserve">            // Do not set a placeholder for &lt;input type="range"&gt;</w:t>
            </w:r>
          </w:p>
          <w:p w:rsidR="00156FB3" w:rsidRDefault="00156FB3" w:rsidP="00156FB3">
            <w:r>
              <w:t xml:space="preserve">            // it'll crash Edge, #1298</w:t>
            </w:r>
          </w:p>
          <w:p w:rsidR="00156FB3" w:rsidRDefault="00156FB3" w:rsidP="00156FB3">
            <w:r>
              <w:t xml:space="preserve">            if (inputType === 'range' &amp;&amp; attr === 'placeholder') {</w:t>
            </w:r>
          </w:p>
          <w:p w:rsidR="00156FB3" w:rsidRDefault="00156FB3" w:rsidP="00156FB3">
            <w:r>
              <w:t xml:space="preserve">                continue;</w:t>
            </w:r>
          </w:p>
          <w:p w:rsidR="00156FB3" w:rsidRDefault="00156FB3" w:rsidP="00156FB3">
            <w:r>
              <w:t xml:space="preserve">            }</w:t>
            </w:r>
          </w:p>
          <w:p w:rsidR="00156FB3" w:rsidRDefault="00156FB3" w:rsidP="00156FB3"/>
          <w:p w:rsidR="00156FB3" w:rsidRDefault="00156FB3" w:rsidP="00156FB3">
            <w:r>
              <w:t xml:space="preserve">            input.setAttribute(attr, inputAttributes[attr]);</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setCustomClass = function setCustomClass(params) {</w:t>
            </w:r>
          </w:p>
          <w:p w:rsidR="00156FB3" w:rsidRDefault="00156FB3" w:rsidP="00156FB3">
            <w:r>
              <w:t xml:space="preserve">        var inputContainer = getInputContainer(params.input);</w:t>
            </w:r>
          </w:p>
          <w:p w:rsidR="00156FB3" w:rsidRDefault="00156FB3" w:rsidP="00156FB3"/>
          <w:p w:rsidR="00156FB3" w:rsidRDefault="00156FB3" w:rsidP="00156FB3">
            <w:r>
              <w:t xml:space="preserve">        if (params.customClass) {</w:t>
            </w:r>
          </w:p>
          <w:p w:rsidR="00156FB3" w:rsidRDefault="00156FB3" w:rsidP="00156FB3">
            <w:r>
              <w:t xml:space="preserve">            addClass(inputContainer, params.customClass.input);</w:t>
            </w:r>
          </w:p>
          <w:p w:rsidR="00156FB3" w:rsidRDefault="00156FB3" w:rsidP="00156FB3">
            <w:r>
              <w:lastRenderedPageBreak/>
              <w:t xml:space="preserve">        }</w:t>
            </w:r>
          </w:p>
          <w:p w:rsidR="00156FB3" w:rsidRDefault="00156FB3" w:rsidP="00156FB3">
            <w:r>
              <w:t xml:space="preserve">    };</w:t>
            </w:r>
          </w:p>
          <w:p w:rsidR="00156FB3" w:rsidRDefault="00156FB3" w:rsidP="00156FB3"/>
          <w:p w:rsidR="00156FB3" w:rsidRDefault="00156FB3" w:rsidP="00156FB3">
            <w:r>
              <w:t xml:space="preserve">    var setInputPlaceholder = function setInputPlaceholder(input, params) {</w:t>
            </w:r>
          </w:p>
          <w:p w:rsidR="00156FB3" w:rsidRDefault="00156FB3" w:rsidP="00156FB3">
            <w:r>
              <w:t xml:space="preserve">        if (!input.placeholder || params.inputPlaceholder) {</w:t>
            </w:r>
          </w:p>
          <w:p w:rsidR="00156FB3" w:rsidRDefault="00156FB3" w:rsidP="00156FB3">
            <w:r>
              <w:t xml:space="preserve">            input.placeholder = params.inputPlaceholder;</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getInputContainer = function getInputContainer(inputType) {</w:t>
            </w:r>
          </w:p>
          <w:p w:rsidR="00156FB3" w:rsidRDefault="00156FB3" w:rsidP="00156FB3">
            <w:r>
              <w:t xml:space="preserve">        var inputClass = swalClasses[inputType] ? swalClasses[inputType] : swalClasses.input;</w:t>
            </w:r>
          </w:p>
          <w:p w:rsidR="00156FB3" w:rsidRDefault="00156FB3" w:rsidP="00156FB3">
            <w:r>
              <w:t xml:space="preserve">        return getChildByClass(getContent(), inputClass);</w:t>
            </w:r>
          </w:p>
          <w:p w:rsidR="00156FB3" w:rsidRDefault="00156FB3" w:rsidP="00156FB3">
            <w:r>
              <w:t xml:space="preserve">    };</w:t>
            </w:r>
          </w:p>
          <w:p w:rsidR="00156FB3" w:rsidRDefault="00156FB3" w:rsidP="00156FB3"/>
          <w:p w:rsidR="00156FB3" w:rsidRDefault="00156FB3" w:rsidP="00156FB3">
            <w:r>
              <w:t xml:space="preserve">    var renderInputType = {};</w:t>
            </w:r>
          </w:p>
          <w:p w:rsidR="00156FB3" w:rsidRDefault="00156FB3" w:rsidP="00156FB3"/>
          <w:p w:rsidR="00156FB3" w:rsidRDefault="00156FB3" w:rsidP="00156FB3">
            <w:r>
              <w:t xml:space="preserve">    renderInputType.text = renderInputType.email = renderInputType.password = renderInputType.number = renderInputType.tel = renderInputType.url = function (input, params) {</w:t>
            </w:r>
          </w:p>
          <w:p w:rsidR="00156FB3" w:rsidRDefault="00156FB3" w:rsidP="00156FB3">
            <w:r>
              <w:t xml:space="preserve">        if (typeof params.inputValue === 'string' || typeof params.inputValue === 'number') {</w:t>
            </w:r>
          </w:p>
          <w:p w:rsidR="00156FB3" w:rsidRDefault="00156FB3" w:rsidP="00156FB3">
            <w:r>
              <w:t xml:space="preserve">            input.value = params.inputValue;</w:t>
            </w:r>
          </w:p>
          <w:p w:rsidR="00156FB3" w:rsidRDefault="00156FB3" w:rsidP="00156FB3">
            <w:r>
              <w:t xml:space="preserve">        } else if (!isPromise(params.inputValue)) {</w:t>
            </w:r>
          </w:p>
          <w:p w:rsidR="00156FB3" w:rsidRDefault="00156FB3" w:rsidP="00156FB3">
            <w:r>
              <w:t xml:space="preserve">            warn("Unexpected type of inputValue! Expected \"string\", \"number\" or \"Promise\", got \"".concat(_typeof(params.inputValue), "\""));</w:t>
            </w:r>
          </w:p>
          <w:p w:rsidR="00156FB3" w:rsidRDefault="00156FB3" w:rsidP="00156FB3">
            <w:r>
              <w:t xml:space="preserve">        }</w:t>
            </w:r>
          </w:p>
          <w:p w:rsidR="00156FB3" w:rsidRDefault="00156FB3" w:rsidP="00156FB3"/>
          <w:p w:rsidR="00156FB3" w:rsidRDefault="00156FB3" w:rsidP="00156FB3">
            <w:r>
              <w:t xml:space="preserve">        setInputPlaceholder(input, params);</w:t>
            </w:r>
          </w:p>
          <w:p w:rsidR="00156FB3" w:rsidRDefault="00156FB3" w:rsidP="00156FB3">
            <w:r>
              <w:t xml:space="preserve">        input.type = params.input;</w:t>
            </w:r>
          </w:p>
          <w:p w:rsidR="00156FB3" w:rsidRDefault="00156FB3" w:rsidP="00156FB3">
            <w:r>
              <w:t xml:space="preserve">        return input;</w:t>
            </w:r>
          </w:p>
          <w:p w:rsidR="00156FB3" w:rsidRDefault="00156FB3" w:rsidP="00156FB3">
            <w:r>
              <w:t xml:space="preserve">    };</w:t>
            </w:r>
          </w:p>
          <w:p w:rsidR="00156FB3" w:rsidRDefault="00156FB3" w:rsidP="00156FB3"/>
          <w:p w:rsidR="00156FB3" w:rsidRDefault="00156FB3" w:rsidP="00156FB3">
            <w:r>
              <w:t xml:space="preserve">    renderInputType.file = function (input, params) {</w:t>
            </w:r>
          </w:p>
          <w:p w:rsidR="00156FB3" w:rsidRDefault="00156FB3" w:rsidP="00156FB3">
            <w:r>
              <w:t xml:space="preserve">        setInputPlaceholder(input, params);</w:t>
            </w:r>
          </w:p>
          <w:p w:rsidR="00156FB3" w:rsidRDefault="00156FB3" w:rsidP="00156FB3">
            <w:r>
              <w:t xml:space="preserve">        return input;</w:t>
            </w:r>
          </w:p>
          <w:p w:rsidR="00156FB3" w:rsidRDefault="00156FB3" w:rsidP="00156FB3">
            <w:r>
              <w:t xml:space="preserve">    };</w:t>
            </w:r>
          </w:p>
          <w:p w:rsidR="00156FB3" w:rsidRDefault="00156FB3" w:rsidP="00156FB3"/>
          <w:p w:rsidR="00156FB3" w:rsidRDefault="00156FB3" w:rsidP="00156FB3">
            <w:r>
              <w:t xml:space="preserve">    renderInputType.range = function (range, params) {</w:t>
            </w:r>
          </w:p>
          <w:p w:rsidR="00156FB3" w:rsidRDefault="00156FB3" w:rsidP="00156FB3">
            <w:r>
              <w:t xml:space="preserve">        var rangeInput = range.querySelector('input');</w:t>
            </w:r>
          </w:p>
          <w:p w:rsidR="00156FB3" w:rsidRDefault="00156FB3" w:rsidP="00156FB3">
            <w:r>
              <w:t xml:space="preserve">        var rangeOutput = range.querySelector('output');</w:t>
            </w:r>
          </w:p>
          <w:p w:rsidR="00156FB3" w:rsidRDefault="00156FB3" w:rsidP="00156FB3">
            <w:r>
              <w:t xml:space="preserve">        rangeInput.value = params.inputValue;</w:t>
            </w:r>
          </w:p>
          <w:p w:rsidR="00156FB3" w:rsidRDefault="00156FB3" w:rsidP="00156FB3">
            <w:r>
              <w:t xml:space="preserve">        rangeInput.type = params.input;</w:t>
            </w:r>
          </w:p>
          <w:p w:rsidR="00156FB3" w:rsidRDefault="00156FB3" w:rsidP="00156FB3">
            <w:r>
              <w:t xml:space="preserve">        rangeOutput.value = params.inputValue;</w:t>
            </w:r>
          </w:p>
          <w:p w:rsidR="00156FB3" w:rsidRDefault="00156FB3" w:rsidP="00156FB3">
            <w:r>
              <w:t xml:space="preserve">        return range;</w:t>
            </w:r>
          </w:p>
          <w:p w:rsidR="00156FB3" w:rsidRDefault="00156FB3" w:rsidP="00156FB3">
            <w:r>
              <w:t xml:space="preserve">    };</w:t>
            </w:r>
          </w:p>
          <w:p w:rsidR="00156FB3" w:rsidRDefault="00156FB3" w:rsidP="00156FB3"/>
          <w:p w:rsidR="00156FB3" w:rsidRDefault="00156FB3" w:rsidP="00156FB3">
            <w:r>
              <w:t xml:space="preserve">    renderInputType.select = function (select, params) {</w:t>
            </w:r>
          </w:p>
          <w:p w:rsidR="00156FB3" w:rsidRDefault="00156FB3" w:rsidP="00156FB3">
            <w:r>
              <w:t xml:space="preserve">        select.innerHTML = '';</w:t>
            </w:r>
          </w:p>
          <w:p w:rsidR="00156FB3" w:rsidRDefault="00156FB3" w:rsidP="00156FB3"/>
          <w:p w:rsidR="00156FB3" w:rsidRDefault="00156FB3" w:rsidP="00156FB3">
            <w:r>
              <w:t xml:space="preserve">        if (params.inputPlaceholder) {</w:t>
            </w:r>
          </w:p>
          <w:p w:rsidR="00156FB3" w:rsidRDefault="00156FB3" w:rsidP="00156FB3">
            <w:r>
              <w:lastRenderedPageBreak/>
              <w:t xml:space="preserve">            var placeholder = document.createElement('option');</w:t>
            </w:r>
          </w:p>
          <w:p w:rsidR="00156FB3" w:rsidRDefault="00156FB3" w:rsidP="00156FB3">
            <w:r>
              <w:t xml:space="preserve">            placeholder.innerHTML = params.inputPlaceholder;</w:t>
            </w:r>
          </w:p>
          <w:p w:rsidR="00156FB3" w:rsidRDefault="00156FB3" w:rsidP="00156FB3">
            <w:r>
              <w:t xml:space="preserve">            placeholder.value = '';</w:t>
            </w:r>
          </w:p>
          <w:p w:rsidR="00156FB3" w:rsidRDefault="00156FB3" w:rsidP="00156FB3">
            <w:r>
              <w:t xml:space="preserve">            placeholder.disabled = true;</w:t>
            </w:r>
          </w:p>
          <w:p w:rsidR="00156FB3" w:rsidRDefault="00156FB3" w:rsidP="00156FB3">
            <w:r>
              <w:t xml:space="preserve">            placeholder.selected = true;</w:t>
            </w:r>
          </w:p>
          <w:p w:rsidR="00156FB3" w:rsidRDefault="00156FB3" w:rsidP="00156FB3">
            <w:r>
              <w:t xml:space="preserve">            select.appendChild(placeholder);</w:t>
            </w:r>
          </w:p>
          <w:p w:rsidR="00156FB3" w:rsidRDefault="00156FB3" w:rsidP="00156FB3">
            <w:r>
              <w:t xml:space="preserve">        }</w:t>
            </w:r>
          </w:p>
          <w:p w:rsidR="00156FB3" w:rsidRDefault="00156FB3" w:rsidP="00156FB3"/>
          <w:p w:rsidR="00156FB3" w:rsidRDefault="00156FB3" w:rsidP="00156FB3">
            <w:r>
              <w:t xml:space="preserve">        return select;</w:t>
            </w:r>
          </w:p>
          <w:p w:rsidR="00156FB3" w:rsidRDefault="00156FB3" w:rsidP="00156FB3">
            <w:r>
              <w:t xml:space="preserve">    };</w:t>
            </w:r>
          </w:p>
          <w:p w:rsidR="00156FB3" w:rsidRDefault="00156FB3" w:rsidP="00156FB3"/>
          <w:p w:rsidR="00156FB3" w:rsidRDefault="00156FB3" w:rsidP="00156FB3">
            <w:r>
              <w:t xml:space="preserve">    renderInputType.radio = function (radio) {</w:t>
            </w:r>
          </w:p>
          <w:p w:rsidR="00156FB3" w:rsidRDefault="00156FB3" w:rsidP="00156FB3">
            <w:r>
              <w:t xml:space="preserve">        radio.innerHTML = '';</w:t>
            </w:r>
          </w:p>
          <w:p w:rsidR="00156FB3" w:rsidRDefault="00156FB3" w:rsidP="00156FB3">
            <w:r>
              <w:t xml:space="preserve">        return radio;</w:t>
            </w:r>
          </w:p>
          <w:p w:rsidR="00156FB3" w:rsidRDefault="00156FB3" w:rsidP="00156FB3">
            <w:r>
              <w:t xml:space="preserve">    };</w:t>
            </w:r>
          </w:p>
          <w:p w:rsidR="00156FB3" w:rsidRDefault="00156FB3" w:rsidP="00156FB3"/>
          <w:p w:rsidR="00156FB3" w:rsidRDefault="00156FB3" w:rsidP="00156FB3">
            <w:r>
              <w:t xml:space="preserve">    renderInputType.checkbox = function (checkboxContainer, params) {</w:t>
            </w:r>
          </w:p>
          <w:p w:rsidR="00156FB3" w:rsidRDefault="00156FB3" w:rsidP="00156FB3">
            <w:r>
              <w:t xml:space="preserve">        var checkbox = getInput(getContent(), 'checkbox');</w:t>
            </w:r>
          </w:p>
          <w:p w:rsidR="00156FB3" w:rsidRDefault="00156FB3" w:rsidP="00156FB3">
            <w:r>
              <w:t xml:space="preserve">        checkbox.value = 1;</w:t>
            </w:r>
          </w:p>
          <w:p w:rsidR="00156FB3" w:rsidRDefault="00156FB3" w:rsidP="00156FB3">
            <w:r>
              <w:t xml:space="preserve">        checkbox.id = swalClasses.checkbox;</w:t>
            </w:r>
          </w:p>
          <w:p w:rsidR="00156FB3" w:rsidRDefault="00156FB3" w:rsidP="00156FB3">
            <w:r>
              <w:t xml:space="preserve">        checkbox.checked = Boolean(params.inputValue);</w:t>
            </w:r>
          </w:p>
          <w:p w:rsidR="00156FB3" w:rsidRDefault="00156FB3" w:rsidP="00156FB3">
            <w:r>
              <w:t xml:space="preserve">        var label = checkboxContainer.querySelector('span');</w:t>
            </w:r>
          </w:p>
          <w:p w:rsidR="00156FB3" w:rsidRDefault="00156FB3" w:rsidP="00156FB3">
            <w:r>
              <w:t xml:space="preserve">        label.innerHTML = params.inputPlaceholder;</w:t>
            </w:r>
          </w:p>
          <w:p w:rsidR="00156FB3" w:rsidRDefault="00156FB3" w:rsidP="00156FB3">
            <w:r>
              <w:t xml:space="preserve">        return checkboxContainer;</w:t>
            </w:r>
          </w:p>
          <w:p w:rsidR="00156FB3" w:rsidRDefault="00156FB3" w:rsidP="00156FB3">
            <w:r>
              <w:t xml:space="preserve">    };</w:t>
            </w:r>
          </w:p>
          <w:p w:rsidR="00156FB3" w:rsidRDefault="00156FB3" w:rsidP="00156FB3"/>
          <w:p w:rsidR="00156FB3" w:rsidRDefault="00156FB3" w:rsidP="00156FB3">
            <w:r>
              <w:t xml:space="preserve">    renderInputType.textarea = function (textarea, params) {</w:t>
            </w:r>
          </w:p>
          <w:p w:rsidR="00156FB3" w:rsidRDefault="00156FB3" w:rsidP="00156FB3">
            <w:r>
              <w:t xml:space="preserve">        textarea.value = params.inputValue;</w:t>
            </w:r>
          </w:p>
          <w:p w:rsidR="00156FB3" w:rsidRDefault="00156FB3" w:rsidP="00156FB3">
            <w:r>
              <w:t xml:space="preserve">        setInputPlaceholder(textarea, params);</w:t>
            </w:r>
          </w:p>
          <w:p w:rsidR="00156FB3" w:rsidRDefault="00156FB3" w:rsidP="00156FB3"/>
          <w:p w:rsidR="00156FB3" w:rsidRDefault="00156FB3" w:rsidP="00156FB3">
            <w:r>
              <w:t xml:space="preserve">        if ('MutationObserver' in window) {</w:t>
            </w:r>
          </w:p>
          <w:p w:rsidR="00156FB3" w:rsidRDefault="00156FB3" w:rsidP="00156FB3">
            <w:r>
              <w:t xml:space="preserve">            // #1699</w:t>
            </w:r>
          </w:p>
          <w:p w:rsidR="00156FB3" w:rsidRDefault="00156FB3" w:rsidP="00156FB3">
            <w:r>
              <w:t xml:space="preserve">            var initialPopupWidth = parseInt(window.getComputedStyle(getPopup()).width);</w:t>
            </w:r>
          </w:p>
          <w:p w:rsidR="00156FB3" w:rsidRDefault="00156FB3" w:rsidP="00156FB3">
            <w:r>
              <w:t xml:space="preserve">            var popupPadding = parseInt(window.getComputedStyle(getPopup()).paddingLeft) + parseInt(window.getComputedStyle(getPopup()).paddingRight);</w:t>
            </w:r>
          </w:p>
          <w:p w:rsidR="00156FB3" w:rsidRDefault="00156FB3" w:rsidP="00156FB3"/>
          <w:p w:rsidR="00156FB3" w:rsidRDefault="00156FB3" w:rsidP="00156FB3">
            <w:r>
              <w:t xml:space="preserve">            var outputsize = function outputsize() {</w:t>
            </w:r>
          </w:p>
          <w:p w:rsidR="00156FB3" w:rsidRDefault="00156FB3" w:rsidP="00156FB3">
            <w:r>
              <w:t xml:space="preserve">                var contentWidth = textarea.offsetWidth + popupPadding;</w:t>
            </w:r>
          </w:p>
          <w:p w:rsidR="00156FB3" w:rsidRDefault="00156FB3" w:rsidP="00156FB3"/>
          <w:p w:rsidR="00156FB3" w:rsidRDefault="00156FB3" w:rsidP="00156FB3">
            <w:r>
              <w:t xml:space="preserve">                if (contentWidth &gt; initialPopupWidth) {</w:t>
            </w:r>
          </w:p>
          <w:p w:rsidR="00156FB3" w:rsidRDefault="00156FB3" w:rsidP="00156FB3">
            <w:r>
              <w:t xml:space="preserve">                    getPopup().style.width = "".concat(contentWidth, "px");</w:t>
            </w:r>
          </w:p>
          <w:p w:rsidR="00156FB3" w:rsidRDefault="00156FB3" w:rsidP="00156FB3">
            <w:r>
              <w:t xml:space="preserve">                } else {</w:t>
            </w:r>
          </w:p>
          <w:p w:rsidR="00156FB3" w:rsidRDefault="00156FB3" w:rsidP="00156FB3">
            <w:r>
              <w:t xml:space="preserve">                    getPopup().style.width = null;</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new MutationObserver(outputsize).observe(textarea, {</w:t>
            </w:r>
          </w:p>
          <w:p w:rsidR="00156FB3" w:rsidRDefault="00156FB3" w:rsidP="00156FB3">
            <w:r>
              <w:t xml:space="preserve">                attributes: true,</w:t>
            </w:r>
          </w:p>
          <w:p w:rsidR="00156FB3" w:rsidRDefault="00156FB3" w:rsidP="00156FB3">
            <w:r>
              <w:lastRenderedPageBreak/>
              <w:t xml:space="preserve">                attributeFilter: ['styl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textarea;</w:t>
            </w:r>
          </w:p>
          <w:p w:rsidR="00156FB3" w:rsidRDefault="00156FB3" w:rsidP="00156FB3">
            <w:r>
              <w:t xml:space="preserve">    };</w:t>
            </w:r>
          </w:p>
          <w:p w:rsidR="00156FB3" w:rsidRDefault="00156FB3" w:rsidP="00156FB3"/>
          <w:p w:rsidR="00156FB3" w:rsidRDefault="00156FB3" w:rsidP="00156FB3">
            <w:r>
              <w:t xml:space="preserve">    var renderContent = function renderContent(instance, params) {</w:t>
            </w:r>
          </w:p>
          <w:p w:rsidR="00156FB3" w:rsidRDefault="00156FB3" w:rsidP="00156FB3">
            <w:r>
              <w:t xml:space="preserve">        var content = getContent().querySelector("#".concat(swalClasses.content)); // Content as HTML</w:t>
            </w:r>
          </w:p>
          <w:p w:rsidR="00156FB3" w:rsidRDefault="00156FB3" w:rsidP="00156FB3"/>
          <w:p w:rsidR="00156FB3" w:rsidRDefault="00156FB3" w:rsidP="00156FB3">
            <w:r>
              <w:t xml:space="preserve">        if (params.html) {</w:t>
            </w:r>
          </w:p>
          <w:p w:rsidR="00156FB3" w:rsidRDefault="00156FB3" w:rsidP="00156FB3">
            <w:r>
              <w:t xml:space="preserve">            parseHtmlToContainer(params.html, content);</w:t>
            </w:r>
          </w:p>
          <w:p w:rsidR="00156FB3" w:rsidRDefault="00156FB3" w:rsidP="00156FB3">
            <w:r>
              <w:t xml:space="preserve">            show(content, 'block'); // Content as plain text</w:t>
            </w:r>
          </w:p>
          <w:p w:rsidR="00156FB3" w:rsidRDefault="00156FB3" w:rsidP="00156FB3">
            <w:r>
              <w:t xml:space="preserve">        } else if (params.text) {</w:t>
            </w:r>
          </w:p>
          <w:p w:rsidR="00156FB3" w:rsidRDefault="00156FB3" w:rsidP="00156FB3">
            <w:r>
              <w:t xml:space="preserve">            content.textContent = params.text;</w:t>
            </w:r>
          </w:p>
          <w:p w:rsidR="00156FB3" w:rsidRDefault="00156FB3" w:rsidP="00156FB3">
            <w:r>
              <w:t xml:space="preserve">            show(content, 'block'); // No content</w:t>
            </w:r>
          </w:p>
          <w:p w:rsidR="00156FB3" w:rsidRDefault="00156FB3" w:rsidP="00156FB3">
            <w:r>
              <w:t xml:space="preserve">        } else {</w:t>
            </w:r>
          </w:p>
          <w:p w:rsidR="00156FB3" w:rsidRDefault="00156FB3" w:rsidP="00156FB3">
            <w:r>
              <w:t xml:space="preserve">            hide(content);</w:t>
            </w:r>
          </w:p>
          <w:p w:rsidR="00156FB3" w:rsidRDefault="00156FB3" w:rsidP="00156FB3">
            <w:r>
              <w:t xml:space="preserve">        }</w:t>
            </w:r>
          </w:p>
          <w:p w:rsidR="00156FB3" w:rsidRDefault="00156FB3" w:rsidP="00156FB3"/>
          <w:p w:rsidR="00156FB3" w:rsidRDefault="00156FB3" w:rsidP="00156FB3">
            <w:r>
              <w:t xml:space="preserve">        renderInput(instance, params); // Custom class</w:t>
            </w:r>
          </w:p>
          <w:p w:rsidR="00156FB3" w:rsidRDefault="00156FB3" w:rsidP="00156FB3"/>
          <w:p w:rsidR="00156FB3" w:rsidRDefault="00156FB3" w:rsidP="00156FB3">
            <w:r>
              <w:t xml:space="preserve">        applyCustomClass(getContent(), params, 'content');</w:t>
            </w:r>
          </w:p>
          <w:p w:rsidR="00156FB3" w:rsidRDefault="00156FB3" w:rsidP="00156FB3">
            <w:r>
              <w:t xml:space="preserve">    };</w:t>
            </w:r>
          </w:p>
          <w:p w:rsidR="00156FB3" w:rsidRDefault="00156FB3" w:rsidP="00156FB3"/>
          <w:p w:rsidR="00156FB3" w:rsidRDefault="00156FB3" w:rsidP="00156FB3">
            <w:r>
              <w:t xml:space="preserve">    var renderFooter = function renderFooter(instance, params) {</w:t>
            </w:r>
          </w:p>
          <w:p w:rsidR="00156FB3" w:rsidRDefault="00156FB3" w:rsidP="00156FB3">
            <w:r>
              <w:t xml:space="preserve">        var footer = getFooter();</w:t>
            </w:r>
          </w:p>
          <w:p w:rsidR="00156FB3" w:rsidRDefault="00156FB3" w:rsidP="00156FB3">
            <w:r>
              <w:t xml:space="preserve">        toggle(footer, params.footer);</w:t>
            </w:r>
          </w:p>
          <w:p w:rsidR="00156FB3" w:rsidRDefault="00156FB3" w:rsidP="00156FB3"/>
          <w:p w:rsidR="00156FB3" w:rsidRDefault="00156FB3" w:rsidP="00156FB3">
            <w:r>
              <w:t xml:space="preserve">        if (params.footer) {</w:t>
            </w:r>
          </w:p>
          <w:p w:rsidR="00156FB3" w:rsidRDefault="00156FB3" w:rsidP="00156FB3">
            <w:r>
              <w:t xml:space="preserve">            parseHtmlToContainer(params.footer, footer);</w:t>
            </w:r>
          </w:p>
          <w:p w:rsidR="00156FB3" w:rsidRDefault="00156FB3" w:rsidP="00156FB3">
            <w:r>
              <w:t xml:space="preserve">        } // Custom class</w:t>
            </w:r>
          </w:p>
          <w:p w:rsidR="00156FB3" w:rsidRDefault="00156FB3" w:rsidP="00156FB3"/>
          <w:p w:rsidR="00156FB3" w:rsidRDefault="00156FB3" w:rsidP="00156FB3"/>
          <w:p w:rsidR="00156FB3" w:rsidRDefault="00156FB3" w:rsidP="00156FB3">
            <w:r>
              <w:t xml:space="preserve">        applyCustomClass(footer, params, 'footer');</w:t>
            </w:r>
          </w:p>
          <w:p w:rsidR="00156FB3" w:rsidRDefault="00156FB3" w:rsidP="00156FB3">
            <w:r>
              <w:t xml:space="preserve">    };</w:t>
            </w:r>
          </w:p>
          <w:p w:rsidR="00156FB3" w:rsidRDefault="00156FB3" w:rsidP="00156FB3"/>
          <w:p w:rsidR="00156FB3" w:rsidRDefault="00156FB3" w:rsidP="00156FB3">
            <w:r>
              <w:t xml:space="preserve">    var renderCloseButton = function renderCloseButton(instance, params) {</w:t>
            </w:r>
          </w:p>
          <w:p w:rsidR="00156FB3" w:rsidRDefault="00156FB3" w:rsidP="00156FB3">
            <w:r>
              <w:t xml:space="preserve">        var closeButton = getCloseButton();</w:t>
            </w:r>
          </w:p>
          <w:p w:rsidR="00156FB3" w:rsidRDefault="00156FB3" w:rsidP="00156FB3">
            <w:r>
              <w:t xml:space="preserve">        closeButton.innerHTML = params.closeButtonHtml; // Custom class</w:t>
            </w:r>
          </w:p>
          <w:p w:rsidR="00156FB3" w:rsidRDefault="00156FB3" w:rsidP="00156FB3"/>
          <w:p w:rsidR="00156FB3" w:rsidRDefault="00156FB3" w:rsidP="00156FB3">
            <w:r>
              <w:t xml:space="preserve">        applyCustomClass(closeButton, params, 'closeButton');</w:t>
            </w:r>
          </w:p>
          <w:p w:rsidR="00156FB3" w:rsidRDefault="00156FB3" w:rsidP="00156FB3">
            <w:r>
              <w:t xml:space="preserve">        toggle(closeButton, params.showCloseButton);</w:t>
            </w:r>
          </w:p>
          <w:p w:rsidR="00156FB3" w:rsidRDefault="00156FB3" w:rsidP="00156FB3">
            <w:r>
              <w:t xml:space="preserve">        closeButton.setAttribute('aria-label', params.closeButtonAriaLabel);</w:t>
            </w:r>
          </w:p>
          <w:p w:rsidR="00156FB3" w:rsidRDefault="00156FB3" w:rsidP="00156FB3">
            <w:r>
              <w:t xml:space="preserve">    };</w:t>
            </w:r>
          </w:p>
          <w:p w:rsidR="00156FB3" w:rsidRDefault="00156FB3" w:rsidP="00156FB3"/>
          <w:p w:rsidR="00156FB3" w:rsidRDefault="00156FB3" w:rsidP="00156FB3">
            <w:r>
              <w:t xml:space="preserve">    var renderIcon = function renderIcon(instance, params) {</w:t>
            </w:r>
          </w:p>
          <w:p w:rsidR="00156FB3" w:rsidRDefault="00156FB3" w:rsidP="00156FB3">
            <w:r>
              <w:t xml:space="preserve">        var innerParams = privateProps.innerParams.get(instance); // if the give icon already rendered, </w:t>
            </w:r>
            <w:r>
              <w:lastRenderedPageBreak/>
              <w:t>apply the custom class without re-rendering the icon</w:t>
            </w:r>
          </w:p>
          <w:p w:rsidR="00156FB3" w:rsidRDefault="00156FB3" w:rsidP="00156FB3"/>
          <w:p w:rsidR="00156FB3" w:rsidRDefault="00156FB3" w:rsidP="00156FB3">
            <w:r>
              <w:t xml:space="preserve">        if (innerParams &amp;&amp; params.icon === innerParams.icon &amp;&amp; getIcon()) {</w:t>
            </w:r>
          </w:p>
          <w:p w:rsidR="00156FB3" w:rsidRDefault="00156FB3" w:rsidP="00156FB3">
            <w:r>
              <w:t xml:space="preserve">            applyCustomClass(getIcon(), params, 'icon');</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hideAllIcons();</w:t>
            </w:r>
          </w:p>
          <w:p w:rsidR="00156FB3" w:rsidRDefault="00156FB3" w:rsidP="00156FB3"/>
          <w:p w:rsidR="00156FB3" w:rsidRDefault="00156FB3" w:rsidP="00156FB3">
            <w:r>
              <w:t xml:space="preserve">        if (!params.icon)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if (Object.keys(iconTypes).indexOf(params.icon) !== -1) {</w:t>
            </w:r>
          </w:p>
          <w:p w:rsidR="00156FB3" w:rsidRDefault="00156FB3" w:rsidP="00156FB3">
            <w:r>
              <w:t xml:space="preserve">            var icon = elementBySelector(".".concat(swalClasses.icon, ".").concat(iconTypes[params.icon]));</w:t>
            </w:r>
          </w:p>
          <w:p w:rsidR="00156FB3" w:rsidRDefault="00156FB3" w:rsidP="00156FB3">
            <w:r>
              <w:t xml:space="preserve">            show(icon); // Custom or default content</w:t>
            </w:r>
          </w:p>
          <w:p w:rsidR="00156FB3" w:rsidRDefault="00156FB3" w:rsidP="00156FB3"/>
          <w:p w:rsidR="00156FB3" w:rsidRDefault="00156FB3" w:rsidP="00156FB3">
            <w:r>
              <w:t xml:space="preserve">            setContent(icon, params);</w:t>
            </w:r>
          </w:p>
          <w:p w:rsidR="00156FB3" w:rsidRDefault="00156FB3" w:rsidP="00156FB3">
            <w:r>
              <w:t xml:space="preserve">            adjustSuccessIconBackgoundColor(); // Custom class</w:t>
            </w:r>
          </w:p>
          <w:p w:rsidR="00156FB3" w:rsidRDefault="00156FB3" w:rsidP="00156FB3"/>
          <w:p w:rsidR="00156FB3" w:rsidRDefault="00156FB3" w:rsidP="00156FB3">
            <w:r>
              <w:t xml:space="preserve">            applyCustomClass(icon, params, 'icon'); // Animate icon</w:t>
            </w:r>
          </w:p>
          <w:p w:rsidR="00156FB3" w:rsidRDefault="00156FB3" w:rsidP="00156FB3"/>
          <w:p w:rsidR="00156FB3" w:rsidRDefault="00156FB3" w:rsidP="00156FB3">
            <w:r>
              <w:t xml:space="preserve">            addClass(icon, params.showClass.icon);</w:t>
            </w:r>
          </w:p>
          <w:p w:rsidR="00156FB3" w:rsidRDefault="00156FB3" w:rsidP="00156FB3">
            <w:r>
              <w:t xml:space="preserve">        } else {</w:t>
            </w:r>
          </w:p>
          <w:p w:rsidR="00156FB3" w:rsidRDefault="00156FB3" w:rsidP="00156FB3">
            <w:r>
              <w:t xml:space="preserve">            error("Unknown icon! Expected \"success\", \"error\", \"warning\", \"info\" or \"question\", got \"".concat(params.icon,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hideAllIcons = function hideAllIcons() {</w:t>
            </w:r>
          </w:p>
          <w:p w:rsidR="00156FB3" w:rsidRDefault="00156FB3" w:rsidP="00156FB3">
            <w:r>
              <w:t xml:space="preserve">        var icons = getIcons();</w:t>
            </w:r>
          </w:p>
          <w:p w:rsidR="00156FB3" w:rsidRDefault="00156FB3" w:rsidP="00156FB3"/>
          <w:p w:rsidR="00156FB3" w:rsidRDefault="00156FB3" w:rsidP="00156FB3">
            <w:r>
              <w:t xml:space="preserve">        for (var i = 0; i &lt; icons.length; i++) {</w:t>
            </w:r>
          </w:p>
          <w:p w:rsidR="00156FB3" w:rsidRDefault="00156FB3" w:rsidP="00156FB3">
            <w:r>
              <w:t xml:space="preserve">            hide(icons[i]);</w:t>
            </w:r>
          </w:p>
          <w:p w:rsidR="00156FB3" w:rsidRDefault="00156FB3" w:rsidP="00156FB3">
            <w:r>
              <w:t xml:space="preserve">        }</w:t>
            </w:r>
          </w:p>
          <w:p w:rsidR="00156FB3" w:rsidRDefault="00156FB3" w:rsidP="00156FB3">
            <w:r>
              <w:t xml:space="preserve">    }; // Adjust success icon background color to match the popup background color</w:t>
            </w:r>
          </w:p>
          <w:p w:rsidR="00156FB3" w:rsidRDefault="00156FB3" w:rsidP="00156FB3"/>
          <w:p w:rsidR="00156FB3" w:rsidRDefault="00156FB3" w:rsidP="00156FB3"/>
          <w:p w:rsidR="00156FB3" w:rsidRDefault="00156FB3" w:rsidP="00156FB3">
            <w:r>
              <w:t xml:space="preserve">    var adjustSuccessIconBackgoundColor = function adjustSuccessIconBackgoundColor() {</w:t>
            </w:r>
          </w:p>
          <w:p w:rsidR="00156FB3" w:rsidRDefault="00156FB3" w:rsidP="00156FB3">
            <w:r>
              <w:t xml:space="preserve">        var popup = getPopup();</w:t>
            </w:r>
          </w:p>
          <w:p w:rsidR="00156FB3" w:rsidRDefault="00156FB3" w:rsidP="00156FB3">
            <w:r>
              <w:t xml:space="preserve">        var popupBackgroundColor = window.getComputedStyle(popup).getPropertyValue('background-color');</w:t>
            </w:r>
          </w:p>
          <w:p w:rsidR="00156FB3" w:rsidRDefault="00156FB3" w:rsidP="00156FB3">
            <w:r>
              <w:t xml:space="preserve">        var successIconParts = popup.querySelectorAll('[class^=swal2-success-circular-line], .swal2-success-fix');</w:t>
            </w:r>
          </w:p>
          <w:p w:rsidR="00156FB3" w:rsidRDefault="00156FB3" w:rsidP="00156FB3"/>
          <w:p w:rsidR="00156FB3" w:rsidRDefault="00156FB3" w:rsidP="00156FB3">
            <w:r>
              <w:t xml:space="preserve">        for (var i = 0; i &lt; successIconParts.length; i++) {</w:t>
            </w:r>
          </w:p>
          <w:p w:rsidR="00156FB3" w:rsidRDefault="00156FB3" w:rsidP="00156FB3">
            <w:r>
              <w:t xml:space="preserve">            successIconParts[i].style.backgroundColor = popupBackgroundColor;</w:t>
            </w:r>
          </w:p>
          <w:p w:rsidR="00156FB3" w:rsidRDefault="00156FB3" w:rsidP="00156FB3">
            <w:r>
              <w:t xml:space="preserve">        }</w:t>
            </w:r>
          </w:p>
          <w:p w:rsidR="00156FB3" w:rsidRDefault="00156FB3" w:rsidP="00156FB3">
            <w:r>
              <w:lastRenderedPageBreak/>
              <w:t xml:space="preserve">    };</w:t>
            </w:r>
          </w:p>
          <w:p w:rsidR="00156FB3" w:rsidRDefault="00156FB3" w:rsidP="00156FB3"/>
          <w:p w:rsidR="00156FB3" w:rsidRDefault="00156FB3" w:rsidP="00156FB3">
            <w:r>
              <w:t xml:space="preserve">    var setContent = function setContent(icon, params) {</w:t>
            </w:r>
          </w:p>
          <w:p w:rsidR="00156FB3" w:rsidRDefault="00156FB3" w:rsidP="00156FB3">
            <w:r>
              <w:t xml:space="preserve">        icon.innerHTML = '';</w:t>
            </w:r>
          </w:p>
          <w:p w:rsidR="00156FB3" w:rsidRDefault="00156FB3" w:rsidP="00156FB3"/>
          <w:p w:rsidR="00156FB3" w:rsidRDefault="00156FB3" w:rsidP="00156FB3">
            <w:r>
              <w:t xml:space="preserve">        if (params.iconHtml) {</w:t>
            </w:r>
          </w:p>
          <w:p w:rsidR="00156FB3" w:rsidRDefault="00156FB3" w:rsidP="00156FB3">
            <w:r>
              <w:t xml:space="preserve">            icon.innerHTML = iconContent(params.iconHtml);</w:t>
            </w:r>
          </w:p>
          <w:p w:rsidR="00156FB3" w:rsidRDefault="00156FB3" w:rsidP="00156FB3">
            <w:r>
              <w:t xml:space="preserve">        } else if (params.icon === 'success') {</w:t>
            </w:r>
          </w:p>
          <w:p w:rsidR="00156FB3" w:rsidRDefault="00156FB3" w:rsidP="00156FB3">
            <w:r>
              <w:t xml:space="preserve">            icon.innerHTML = "\n      &lt;div class=\"swal2-success-circular-line-left\"&gt;&lt;/div&gt;\n      &lt;span class=\"swal2-success-line-tip\"&gt;&lt;/span&gt; &lt;span class=\"swal2-success-line-long\"&gt;&lt;/span&gt;\n      &lt;div class=\"swal2-success-ring\"&gt;&lt;/div&gt; &lt;div class=\"swal2-success-fix\"&gt;&lt;/div&gt;\n      &lt;div class=\"swal2-success-circular-line-right\"&gt;&lt;/div&gt;\n    ";</w:t>
            </w:r>
          </w:p>
          <w:p w:rsidR="00156FB3" w:rsidRDefault="00156FB3" w:rsidP="00156FB3">
            <w:r>
              <w:t xml:space="preserve">        } else if (params.icon === 'error') {</w:t>
            </w:r>
          </w:p>
          <w:p w:rsidR="00156FB3" w:rsidRDefault="00156FB3" w:rsidP="00156FB3">
            <w:r>
              <w:t xml:space="preserve">            icon.innerHTML = "\n      &lt;span class=\"swal2-x-mark\"&gt;\n        &lt;span class=\"swal2-x-mark-line-left\"&gt;&lt;/span&gt;\n        &lt;span class=\"swal2-x-mark-line-right\"&gt;&lt;/span&gt;\n      &lt;/span&gt;\n    ";</w:t>
            </w:r>
          </w:p>
          <w:p w:rsidR="00156FB3" w:rsidRDefault="00156FB3" w:rsidP="00156FB3">
            <w:r>
              <w:t xml:space="preserve">        } else {</w:t>
            </w:r>
          </w:p>
          <w:p w:rsidR="00156FB3" w:rsidRDefault="00156FB3" w:rsidP="00156FB3">
            <w:r>
              <w:t xml:space="preserve">            var defaultIconHtml = {</w:t>
            </w:r>
          </w:p>
          <w:p w:rsidR="00156FB3" w:rsidRDefault="00156FB3" w:rsidP="00156FB3">
            <w:r>
              <w:t xml:space="preserve">                question: '?',</w:t>
            </w:r>
          </w:p>
          <w:p w:rsidR="00156FB3" w:rsidRDefault="00156FB3" w:rsidP="00156FB3">
            <w:r>
              <w:t xml:space="preserve">                warning: '!',</w:t>
            </w:r>
          </w:p>
          <w:p w:rsidR="00156FB3" w:rsidRDefault="00156FB3" w:rsidP="00156FB3">
            <w:r>
              <w:t xml:space="preserve">                info: 'i'</w:t>
            </w:r>
          </w:p>
          <w:p w:rsidR="00156FB3" w:rsidRDefault="00156FB3" w:rsidP="00156FB3">
            <w:r>
              <w:t xml:space="preserve">            };</w:t>
            </w:r>
          </w:p>
          <w:p w:rsidR="00156FB3" w:rsidRDefault="00156FB3" w:rsidP="00156FB3">
            <w:r>
              <w:t xml:space="preserve">            icon.innerHTML = iconContent(defaultIconHtml[params.icon]);</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iconContent = function iconContent(content) {</w:t>
            </w:r>
          </w:p>
          <w:p w:rsidR="00156FB3" w:rsidRDefault="00156FB3" w:rsidP="00156FB3">
            <w:r>
              <w:t xml:space="preserve">        return "&lt;div class=\"".concat(swalClasses['icon-content'], "\"&gt;").concat(content, "&lt;/div&gt;");</w:t>
            </w:r>
          </w:p>
          <w:p w:rsidR="00156FB3" w:rsidRDefault="00156FB3" w:rsidP="00156FB3">
            <w:r>
              <w:t xml:space="preserve">    };</w:t>
            </w:r>
          </w:p>
          <w:p w:rsidR="00156FB3" w:rsidRDefault="00156FB3" w:rsidP="00156FB3"/>
          <w:p w:rsidR="00156FB3" w:rsidRDefault="00156FB3" w:rsidP="00156FB3">
            <w:r>
              <w:t xml:space="preserve">    var renderImage = function renderImage(instance, params) {</w:t>
            </w:r>
          </w:p>
          <w:p w:rsidR="00156FB3" w:rsidRDefault="00156FB3" w:rsidP="00156FB3">
            <w:r>
              <w:t xml:space="preserve">        var image = getImage();</w:t>
            </w:r>
          </w:p>
          <w:p w:rsidR="00156FB3" w:rsidRDefault="00156FB3" w:rsidP="00156FB3"/>
          <w:p w:rsidR="00156FB3" w:rsidRDefault="00156FB3" w:rsidP="00156FB3">
            <w:r>
              <w:t xml:space="preserve">        if (!params.imageUrl) {</w:t>
            </w:r>
          </w:p>
          <w:p w:rsidR="00156FB3" w:rsidRDefault="00156FB3" w:rsidP="00156FB3">
            <w:r>
              <w:t xml:space="preserve">            return hide(image);</w:t>
            </w:r>
          </w:p>
          <w:p w:rsidR="00156FB3" w:rsidRDefault="00156FB3" w:rsidP="00156FB3">
            <w:r>
              <w:t xml:space="preserve">        }</w:t>
            </w:r>
          </w:p>
          <w:p w:rsidR="00156FB3" w:rsidRDefault="00156FB3" w:rsidP="00156FB3"/>
          <w:p w:rsidR="00156FB3" w:rsidRDefault="00156FB3" w:rsidP="00156FB3">
            <w:r>
              <w:t xml:space="preserve">        show(image); // Src, alt</w:t>
            </w:r>
          </w:p>
          <w:p w:rsidR="00156FB3" w:rsidRDefault="00156FB3" w:rsidP="00156FB3"/>
          <w:p w:rsidR="00156FB3" w:rsidRDefault="00156FB3" w:rsidP="00156FB3">
            <w:r>
              <w:t xml:space="preserve">        image.setAttribute('src', params.imageUrl);</w:t>
            </w:r>
          </w:p>
          <w:p w:rsidR="00156FB3" w:rsidRDefault="00156FB3" w:rsidP="00156FB3">
            <w:r>
              <w:t xml:space="preserve">        image.setAttribute('alt', params.imageAlt); // Width, height</w:t>
            </w:r>
          </w:p>
          <w:p w:rsidR="00156FB3" w:rsidRDefault="00156FB3" w:rsidP="00156FB3"/>
          <w:p w:rsidR="00156FB3" w:rsidRDefault="00156FB3" w:rsidP="00156FB3">
            <w:r>
              <w:t xml:space="preserve">        applyNumericalStyle(image, 'width', params.imageWidth);</w:t>
            </w:r>
          </w:p>
          <w:p w:rsidR="00156FB3" w:rsidRDefault="00156FB3" w:rsidP="00156FB3">
            <w:r>
              <w:t xml:space="preserve">        applyNumericalStyle(image, 'height', params.imageHeight); // Class</w:t>
            </w:r>
          </w:p>
          <w:p w:rsidR="00156FB3" w:rsidRDefault="00156FB3" w:rsidP="00156FB3"/>
          <w:p w:rsidR="00156FB3" w:rsidRDefault="00156FB3" w:rsidP="00156FB3">
            <w:r>
              <w:t xml:space="preserve">        image.className = swalClasses.image;</w:t>
            </w:r>
          </w:p>
          <w:p w:rsidR="00156FB3" w:rsidRDefault="00156FB3" w:rsidP="00156FB3">
            <w:r>
              <w:t xml:space="preserve">        applyCustomClass(image, params, 'image');</w:t>
            </w:r>
          </w:p>
          <w:p w:rsidR="00156FB3" w:rsidRDefault="00156FB3" w:rsidP="00156FB3">
            <w:r>
              <w:t xml:space="preserve">    };</w:t>
            </w:r>
          </w:p>
          <w:p w:rsidR="00156FB3" w:rsidRDefault="00156FB3" w:rsidP="00156FB3"/>
          <w:p w:rsidR="00156FB3" w:rsidRDefault="00156FB3" w:rsidP="00156FB3">
            <w:r>
              <w:lastRenderedPageBreak/>
              <w:t xml:space="preserve">    var currentSteps = [];</w:t>
            </w:r>
          </w:p>
          <w:p w:rsidR="00156FB3" w:rsidRDefault="00156FB3" w:rsidP="00156FB3">
            <w:r>
              <w:t xml:space="preserve">    /*</w:t>
            </w:r>
          </w:p>
          <w:p w:rsidR="00156FB3" w:rsidRDefault="00156FB3" w:rsidP="00156FB3">
            <w:r>
              <w:t xml:space="preserve">     * Global function for chaining sweetAlert popups</w:t>
            </w:r>
          </w:p>
          <w:p w:rsidR="00156FB3" w:rsidRDefault="00156FB3" w:rsidP="00156FB3">
            <w:r>
              <w:t xml:space="preserve">     */</w:t>
            </w:r>
          </w:p>
          <w:p w:rsidR="00156FB3" w:rsidRDefault="00156FB3" w:rsidP="00156FB3"/>
          <w:p w:rsidR="00156FB3" w:rsidRDefault="00156FB3" w:rsidP="00156FB3">
            <w:r>
              <w:t xml:space="preserve">    var queue = function queue(steps) {</w:t>
            </w:r>
          </w:p>
          <w:p w:rsidR="00156FB3" w:rsidRDefault="00156FB3" w:rsidP="00156FB3">
            <w:r>
              <w:t xml:space="preserve">        var Swal = this;</w:t>
            </w:r>
          </w:p>
          <w:p w:rsidR="00156FB3" w:rsidRDefault="00156FB3" w:rsidP="00156FB3">
            <w:r>
              <w:t xml:space="preserve">        currentSteps = steps;</w:t>
            </w:r>
          </w:p>
          <w:p w:rsidR="00156FB3" w:rsidRDefault="00156FB3" w:rsidP="00156FB3"/>
          <w:p w:rsidR="00156FB3" w:rsidRDefault="00156FB3" w:rsidP="00156FB3">
            <w:r>
              <w:t xml:space="preserve">        var resetAndResolve = function resetAndResolve(resolve, value) {</w:t>
            </w:r>
          </w:p>
          <w:p w:rsidR="00156FB3" w:rsidRDefault="00156FB3" w:rsidP="00156FB3">
            <w:r>
              <w:t xml:space="preserve">            currentSteps = [];</w:t>
            </w:r>
          </w:p>
          <w:p w:rsidR="00156FB3" w:rsidRDefault="00156FB3" w:rsidP="00156FB3">
            <w:r>
              <w:t xml:space="preserve">            resolve(value);</w:t>
            </w:r>
          </w:p>
          <w:p w:rsidR="00156FB3" w:rsidRDefault="00156FB3" w:rsidP="00156FB3">
            <w:r>
              <w:t xml:space="preserve">        };</w:t>
            </w:r>
          </w:p>
          <w:p w:rsidR="00156FB3" w:rsidRDefault="00156FB3" w:rsidP="00156FB3"/>
          <w:p w:rsidR="00156FB3" w:rsidRDefault="00156FB3" w:rsidP="00156FB3">
            <w:r>
              <w:t xml:space="preserve">        var queueResult = [];</w:t>
            </w:r>
          </w:p>
          <w:p w:rsidR="00156FB3" w:rsidRDefault="00156FB3" w:rsidP="00156FB3">
            <w:r>
              <w:t xml:space="preserve">        return new Promise(function (resolve) {</w:t>
            </w:r>
          </w:p>
          <w:p w:rsidR="00156FB3" w:rsidRDefault="00156FB3" w:rsidP="00156FB3">
            <w:r>
              <w:t xml:space="preserve">            (function step(i, callback) {</w:t>
            </w:r>
          </w:p>
          <w:p w:rsidR="00156FB3" w:rsidRDefault="00156FB3" w:rsidP="00156FB3">
            <w:r>
              <w:t xml:space="preserve">                if (i &lt; currentSteps.length) {</w:t>
            </w:r>
          </w:p>
          <w:p w:rsidR="00156FB3" w:rsidRDefault="00156FB3" w:rsidP="00156FB3">
            <w:r>
              <w:t xml:space="preserve">                    document.body.setAttribute('data-swal2-queue-step', i);</w:t>
            </w:r>
          </w:p>
          <w:p w:rsidR="00156FB3" w:rsidRDefault="00156FB3" w:rsidP="00156FB3">
            <w:r>
              <w:t xml:space="preserve">                    Swal.fire(currentSteps[i]).then(function (result) {</w:t>
            </w:r>
          </w:p>
          <w:p w:rsidR="00156FB3" w:rsidRDefault="00156FB3" w:rsidP="00156FB3">
            <w:r>
              <w:t xml:space="preserve">                        if (typeof result.value !== 'undefined') {</w:t>
            </w:r>
          </w:p>
          <w:p w:rsidR="00156FB3" w:rsidRDefault="00156FB3" w:rsidP="00156FB3">
            <w:r>
              <w:t xml:space="preserve">                            queueResult.push(result.value);</w:t>
            </w:r>
          </w:p>
          <w:p w:rsidR="00156FB3" w:rsidRDefault="00156FB3" w:rsidP="00156FB3">
            <w:r>
              <w:t xml:space="preserve">                            step(i + 1, callback);</w:t>
            </w:r>
          </w:p>
          <w:p w:rsidR="00156FB3" w:rsidRDefault="00156FB3" w:rsidP="00156FB3">
            <w:r>
              <w:t xml:space="preserve">                        } else {</w:t>
            </w:r>
          </w:p>
          <w:p w:rsidR="00156FB3" w:rsidRDefault="00156FB3" w:rsidP="00156FB3">
            <w:r>
              <w:t xml:space="preserve">                            resetAndResolve(resolve, {</w:t>
            </w:r>
          </w:p>
          <w:p w:rsidR="00156FB3" w:rsidRDefault="00156FB3" w:rsidP="00156FB3">
            <w:r>
              <w:t xml:space="preserve">                                dismiss: result.dismiss</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 else {</w:t>
            </w:r>
          </w:p>
          <w:p w:rsidR="00156FB3" w:rsidRDefault="00156FB3" w:rsidP="00156FB3">
            <w:r>
              <w:t xml:space="preserve">                    resetAndResolve(resolve, {</w:t>
            </w:r>
          </w:p>
          <w:p w:rsidR="00156FB3" w:rsidRDefault="00156FB3" w:rsidP="00156FB3">
            <w:r>
              <w:t xml:space="preserve">                        value: queueResult</w:t>
            </w:r>
          </w:p>
          <w:p w:rsidR="00156FB3" w:rsidRDefault="00156FB3" w:rsidP="00156FB3">
            <w:r>
              <w:t xml:space="preserve">                    });</w:t>
            </w:r>
          </w:p>
          <w:p w:rsidR="00156FB3" w:rsidRDefault="00156FB3" w:rsidP="00156FB3">
            <w:r>
              <w:t xml:space="preserve">                }</w:t>
            </w:r>
          </w:p>
          <w:p w:rsidR="00156FB3" w:rsidRDefault="00156FB3" w:rsidP="00156FB3">
            <w:r>
              <w:t xml:space="preserve">            })(0);</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 Global function for getting the index of current popup in queue</w:t>
            </w:r>
          </w:p>
          <w:p w:rsidR="00156FB3" w:rsidRDefault="00156FB3" w:rsidP="00156FB3">
            <w:r>
              <w:t xml:space="preserve">     */</w:t>
            </w:r>
          </w:p>
          <w:p w:rsidR="00156FB3" w:rsidRDefault="00156FB3" w:rsidP="00156FB3"/>
          <w:p w:rsidR="00156FB3" w:rsidRDefault="00156FB3" w:rsidP="00156FB3">
            <w:r>
              <w:t xml:space="preserve">    var getQueueStep = function getQueueStep() {</w:t>
            </w:r>
          </w:p>
          <w:p w:rsidR="00156FB3" w:rsidRDefault="00156FB3" w:rsidP="00156FB3">
            <w:r>
              <w:t xml:space="preserve">        return getContainer().getAttribute('data-queue-step');</w:t>
            </w:r>
          </w:p>
          <w:p w:rsidR="00156FB3" w:rsidRDefault="00156FB3" w:rsidP="00156FB3">
            <w:r>
              <w:t xml:space="preserve">    };</w:t>
            </w:r>
          </w:p>
          <w:p w:rsidR="00156FB3" w:rsidRDefault="00156FB3" w:rsidP="00156FB3">
            <w:r>
              <w:t xml:space="preserve">    /*</w:t>
            </w:r>
          </w:p>
          <w:p w:rsidR="00156FB3" w:rsidRDefault="00156FB3" w:rsidP="00156FB3">
            <w:r>
              <w:t xml:space="preserve">     * Global function for inserting a popup to the queue</w:t>
            </w:r>
          </w:p>
          <w:p w:rsidR="00156FB3" w:rsidRDefault="00156FB3" w:rsidP="00156FB3">
            <w:r>
              <w:t xml:space="preserve">     */</w:t>
            </w:r>
          </w:p>
          <w:p w:rsidR="00156FB3" w:rsidRDefault="00156FB3" w:rsidP="00156FB3"/>
          <w:p w:rsidR="00156FB3" w:rsidRDefault="00156FB3" w:rsidP="00156FB3">
            <w:r>
              <w:lastRenderedPageBreak/>
              <w:t xml:space="preserve">    var insertQueueStep = function insertQueueStep(step, index) {</w:t>
            </w:r>
          </w:p>
          <w:p w:rsidR="00156FB3" w:rsidRDefault="00156FB3" w:rsidP="00156FB3">
            <w:r>
              <w:t xml:space="preserve">        if (index &amp;&amp; index &lt; currentSteps.length) {</w:t>
            </w:r>
          </w:p>
          <w:p w:rsidR="00156FB3" w:rsidRDefault="00156FB3" w:rsidP="00156FB3">
            <w:r>
              <w:t xml:space="preserve">            return currentSteps.splice(index, 0, step);</w:t>
            </w:r>
          </w:p>
          <w:p w:rsidR="00156FB3" w:rsidRDefault="00156FB3" w:rsidP="00156FB3">
            <w:r>
              <w:t xml:space="preserve">        }</w:t>
            </w:r>
          </w:p>
          <w:p w:rsidR="00156FB3" w:rsidRDefault="00156FB3" w:rsidP="00156FB3"/>
          <w:p w:rsidR="00156FB3" w:rsidRDefault="00156FB3" w:rsidP="00156FB3">
            <w:r>
              <w:t xml:space="preserve">        return currentSteps.push(step);</w:t>
            </w:r>
          </w:p>
          <w:p w:rsidR="00156FB3" w:rsidRDefault="00156FB3" w:rsidP="00156FB3">
            <w:r>
              <w:t xml:space="preserve">    };</w:t>
            </w:r>
          </w:p>
          <w:p w:rsidR="00156FB3" w:rsidRDefault="00156FB3" w:rsidP="00156FB3">
            <w:r>
              <w:t xml:space="preserve">    /*</w:t>
            </w:r>
          </w:p>
          <w:p w:rsidR="00156FB3" w:rsidRDefault="00156FB3" w:rsidP="00156FB3">
            <w:r>
              <w:t xml:space="preserve">     * Global function for deleting a popup from the queue</w:t>
            </w:r>
          </w:p>
          <w:p w:rsidR="00156FB3" w:rsidRDefault="00156FB3" w:rsidP="00156FB3">
            <w:r>
              <w:t xml:space="preserve">     */</w:t>
            </w:r>
          </w:p>
          <w:p w:rsidR="00156FB3" w:rsidRDefault="00156FB3" w:rsidP="00156FB3"/>
          <w:p w:rsidR="00156FB3" w:rsidRDefault="00156FB3" w:rsidP="00156FB3">
            <w:r>
              <w:t xml:space="preserve">    var deleteQueueStep = function deleteQueueStep(index) {</w:t>
            </w:r>
          </w:p>
          <w:p w:rsidR="00156FB3" w:rsidRDefault="00156FB3" w:rsidP="00156FB3">
            <w:r>
              <w:t xml:space="preserve">        if (typeof currentSteps[index] !== 'undefined') {</w:t>
            </w:r>
          </w:p>
          <w:p w:rsidR="00156FB3" w:rsidRDefault="00156FB3" w:rsidP="00156FB3">
            <w:r>
              <w:t xml:space="preserve">            currentSteps.splice(index, 1);</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createStepElement = function createStepElement(step) {</w:t>
            </w:r>
          </w:p>
          <w:p w:rsidR="00156FB3" w:rsidRDefault="00156FB3" w:rsidP="00156FB3">
            <w:r>
              <w:t xml:space="preserve">        var stepEl = document.createElement('li');</w:t>
            </w:r>
          </w:p>
          <w:p w:rsidR="00156FB3" w:rsidRDefault="00156FB3" w:rsidP="00156FB3">
            <w:r>
              <w:t xml:space="preserve">        addClass(stepEl, swalClasses['progress-step']);</w:t>
            </w:r>
          </w:p>
          <w:p w:rsidR="00156FB3" w:rsidRDefault="00156FB3" w:rsidP="00156FB3">
            <w:r>
              <w:t xml:space="preserve">        stepEl.innerHTML = step;</w:t>
            </w:r>
          </w:p>
          <w:p w:rsidR="00156FB3" w:rsidRDefault="00156FB3" w:rsidP="00156FB3">
            <w:r>
              <w:t xml:space="preserve">        return stepEl;</w:t>
            </w:r>
          </w:p>
          <w:p w:rsidR="00156FB3" w:rsidRDefault="00156FB3" w:rsidP="00156FB3">
            <w:r>
              <w:t xml:space="preserve">    };</w:t>
            </w:r>
          </w:p>
          <w:p w:rsidR="00156FB3" w:rsidRDefault="00156FB3" w:rsidP="00156FB3"/>
          <w:p w:rsidR="00156FB3" w:rsidRDefault="00156FB3" w:rsidP="00156FB3">
            <w:r>
              <w:t xml:space="preserve">    var createLineElement = function createLineElement(params) {</w:t>
            </w:r>
          </w:p>
          <w:p w:rsidR="00156FB3" w:rsidRDefault="00156FB3" w:rsidP="00156FB3">
            <w:r>
              <w:t xml:space="preserve">        var lineEl = document.createElement('li');</w:t>
            </w:r>
          </w:p>
          <w:p w:rsidR="00156FB3" w:rsidRDefault="00156FB3" w:rsidP="00156FB3">
            <w:r>
              <w:t xml:space="preserve">        addClass(lineEl, swalClasses['progress-step-line']);</w:t>
            </w:r>
          </w:p>
          <w:p w:rsidR="00156FB3" w:rsidRDefault="00156FB3" w:rsidP="00156FB3"/>
          <w:p w:rsidR="00156FB3" w:rsidRDefault="00156FB3" w:rsidP="00156FB3">
            <w:r>
              <w:t xml:space="preserve">        if (params.progressStepsDistance) {</w:t>
            </w:r>
          </w:p>
          <w:p w:rsidR="00156FB3" w:rsidRDefault="00156FB3" w:rsidP="00156FB3">
            <w:r>
              <w:t xml:space="preserve">            lineEl.style.width = params.progressStepsDistance;</w:t>
            </w:r>
          </w:p>
          <w:p w:rsidR="00156FB3" w:rsidRDefault="00156FB3" w:rsidP="00156FB3">
            <w:r>
              <w:t xml:space="preserve">        }</w:t>
            </w:r>
          </w:p>
          <w:p w:rsidR="00156FB3" w:rsidRDefault="00156FB3" w:rsidP="00156FB3"/>
          <w:p w:rsidR="00156FB3" w:rsidRDefault="00156FB3" w:rsidP="00156FB3">
            <w:r>
              <w:t xml:space="preserve">        return lineEl;</w:t>
            </w:r>
          </w:p>
          <w:p w:rsidR="00156FB3" w:rsidRDefault="00156FB3" w:rsidP="00156FB3">
            <w:r>
              <w:t xml:space="preserve">    };</w:t>
            </w:r>
          </w:p>
          <w:p w:rsidR="00156FB3" w:rsidRDefault="00156FB3" w:rsidP="00156FB3"/>
          <w:p w:rsidR="00156FB3" w:rsidRDefault="00156FB3" w:rsidP="00156FB3">
            <w:r>
              <w:t xml:space="preserve">    var renderProgressSteps = function renderProgressSteps(instance, params) {</w:t>
            </w:r>
          </w:p>
          <w:p w:rsidR="00156FB3" w:rsidRDefault="00156FB3" w:rsidP="00156FB3">
            <w:r>
              <w:t xml:space="preserve">        var progressStepsContainer = getProgressSteps();</w:t>
            </w:r>
          </w:p>
          <w:p w:rsidR="00156FB3" w:rsidRDefault="00156FB3" w:rsidP="00156FB3"/>
          <w:p w:rsidR="00156FB3" w:rsidRDefault="00156FB3" w:rsidP="00156FB3">
            <w:r>
              <w:t xml:space="preserve">        if (!params.progressSteps || params.progressSteps.length === 0) {</w:t>
            </w:r>
          </w:p>
          <w:p w:rsidR="00156FB3" w:rsidRDefault="00156FB3" w:rsidP="00156FB3">
            <w:r>
              <w:t xml:space="preserve">            return hide(progressStepsContainer);</w:t>
            </w:r>
          </w:p>
          <w:p w:rsidR="00156FB3" w:rsidRDefault="00156FB3" w:rsidP="00156FB3">
            <w:r>
              <w:t xml:space="preserve">        }</w:t>
            </w:r>
          </w:p>
          <w:p w:rsidR="00156FB3" w:rsidRDefault="00156FB3" w:rsidP="00156FB3"/>
          <w:p w:rsidR="00156FB3" w:rsidRDefault="00156FB3" w:rsidP="00156FB3">
            <w:r>
              <w:t xml:space="preserve">        show(progressStepsContainer);</w:t>
            </w:r>
          </w:p>
          <w:p w:rsidR="00156FB3" w:rsidRDefault="00156FB3" w:rsidP="00156FB3">
            <w:r>
              <w:t xml:space="preserve">        progressStepsContainer.innerHTML = '';</w:t>
            </w:r>
          </w:p>
          <w:p w:rsidR="00156FB3" w:rsidRDefault="00156FB3" w:rsidP="00156FB3">
            <w:r>
              <w:t xml:space="preserve">        var currentProgressStep = parseInt(params.currentProgressStep === undefined ? getQueueStep() : params.currentProgressStep);</w:t>
            </w:r>
          </w:p>
          <w:p w:rsidR="00156FB3" w:rsidRDefault="00156FB3" w:rsidP="00156FB3"/>
          <w:p w:rsidR="00156FB3" w:rsidRDefault="00156FB3" w:rsidP="00156FB3">
            <w:r>
              <w:t xml:space="preserve">        if (currentProgressStep &gt;= params.progressSteps.length) {</w:t>
            </w:r>
          </w:p>
          <w:p w:rsidR="00156FB3" w:rsidRDefault="00156FB3" w:rsidP="00156FB3">
            <w:r>
              <w:lastRenderedPageBreak/>
              <w:t xml:space="preserve">            warn('Invalid currentProgressStep parameter, it should be less than progressSteps.length ' + '(currentProgressStep like JS arrays starts from 0)');</w:t>
            </w:r>
          </w:p>
          <w:p w:rsidR="00156FB3" w:rsidRDefault="00156FB3" w:rsidP="00156FB3">
            <w:r>
              <w:t xml:space="preserve">        }</w:t>
            </w:r>
          </w:p>
          <w:p w:rsidR="00156FB3" w:rsidRDefault="00156FB3" w:rsidP="00156FB3"/>
          <w:p w:rsidR="00156FB3" w:rsidRDefault="00156FB3" w:rsidP="00156FB3">
            <w:r>
              <w:t xml:space="preserve">        params.progressSteps.forEach(function (step, index) {</w:t>
            </w:r>
          </w:p>
          <w:p w:rsidR="00156FB3" w:rsidRDefault="00156FB3" w:rsidP="00156FB3">
            <w:r>
              <w:t xml:space="preserve">            var stepEl = createStepElement(step);</w:t>
            </w:r>
          </w:p>
          <w:p w:rsidR="00156FB3" w:rsidRDefault="00156FB3" w:rsidP="00156FB3">
            <w:r>
              <w:t xml:space="preserve">            progressStepsContainer.appendChild(stepEl);</w:t>
            </w:r>
          </w:p>
          <w:p w:rsidR="00156FB3" w:rsidRDefault="00156FB3" w:rsidP="00156FB3"/>
          <w:p w:rsidR="00156FB3" w:rsidRDefault="00156FB3" w:rsidP="00156FB3">
            <w:r>
              <w:t xml:space="preserve">            if (index === currentProgressStep) {</w:t>
            </w:r>
          </w:p>
          <w:p w:rsidR="00156FB3" w:rsidRDefault="00156FB3" w:rsidP="00156FB3">
            <w:r>
              <w:t xml:space="preserve">                addClass(stepEl, swalClasses['active-progress-step']);</w:t>
            </w:r>
          </w:p>
          <w:p w:rsidR="00156FB3" w:rsidRDefault="00156FB3" w:rsidP="00156FB3">
            <w:r>
              <w:t xml:space="preserve">            }</w:t>
            </w:r>
          </w:p>
          <w:p w:rsidR="00156FB3" w:rsidRDefault="00156FB3" w:rsidP="00156FB3"/>
          <w:p w:rsidR="00156FB3" w:rsidRDefault="00156FB3" w:rsidP="00156FB3">
            <w:r>
              <w:t xml:space="preserve">            if (index !== params.progressSteps.length - 1) {</w:t>
            </w:r>
          </w:p>
          <w:p w:rsidR="00156FB3" w:rsidRDefault="00156FB3" w:rsidP="00156FB3">
            <w:r>
              <w:t xml:space="preserve">                var lineEl = createLineElement(step);</w:t>
            </w:r>
          </w:p>
          <w:p w:rsidR="00156FB3" w:rsidRDefault="00156FB3" w:rsidP="00156FB3">
            <w:r>
              <w:t xml:space="preserve">                progressStepsContainer.appendChild(lineEl);</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renderTitle = function renderTitle(instance, params) {</w:t>
            </w:r>
          </w:p>
          <w:p w:rsidR="00156FB3" w:rsidRDefault="00156FB3" w:rsidP="00156FB3">
            <w:r>
              <w:t xml:space="preserve">        var title = getTitle();</w:t>
            </w:r>
          </w:p>
          <w:p w:rsidR="00156FB3" w:rsidRDefault="00156FB3" w:rsidP="00156FB3">
            <w:r>
              <w:t xml:space="preserve">        toggle(title, params.title || params.titleText);</w:t>
            </w:r>
          </w:p>
          <w:p w:rsidR="00156FB3" w:rsidRDefault="00156FB3" w:rsidP="00156FB3"/>
          <w:p w:rsidR="00156FB3" w:rsidRDefault="00156FB3" w:rsidP="00156FB3">
            <w:r>
              <w:t xml:space="preserve">        if (params.title) {</w:t>
            </w:r>
          </w:p>
          <w:p w:rsidR="00156FB3" w:rsidRDefault="00156FB3" w:rsidP="00156FB3">
            <w:r>
              <w:t xml:space="preserve">            parseHtmlToContainer(params.title, title);</w:t>
            </w:r>
          </w:p>
          <w:p w:rsidR="00156FB3" w:rsidRDefault="00156FB3" w:rsidP="00156FB3">
            <w:r>
              <w:t xml:space="preserve">        }</w:t>
            </w:r>
          </w:p>
          <w:p w:rsidR="00156FB3" w:rsidRDefault="00156FB3" w:rsidP="00156FB3"/>
          <w:p w:rsidR="00156FB3" w:rsidRDefault="00156FB3" w:rsidP="00156FB3">
            <w:r>
              <w:t xml:space="preserve">        if (params.titleText) {</w:t>
            </w:r>
          </w:p>
          <w:p w:rsidR="00156FB3" w:rsidRDefault="00156FB3" w:rsidP="00156FB3">
            <w:r>
              <w:t xml:space="preserve">            title.innerText = params.titleText;</w:t>
            </w:r>
          </w:p>
          <w:p w:rsidR="00156FB3" w:rsidRDefault="00156FB3" w:rsidP="00156FB3">
            <w:r>
              <w:t xml:space="preserve">        } // Custom class</w:t>
            </w:r>
          </w:p>
          <w:p w:rsidR="00156FB3" w:rsidRDefault="00156FB3" w:rsidP="00156FB3"/>
          <w:p w:rsidR="00156FB3" w:rsidRDefault="00156FB3" w:rsidP="00156FB3"/>
          <w:p w:rsidR="00156FB3" w:rsidRDefault="00156FB3" w:rsidP="00156FB3">
            <w:r>
              <w:t xml:space="preserve">        applyCustomClass(title, params, 'title');</w:t>
            </w:r>
          </w:p>
          <w:p w:rsidR="00156FB3" w:rsidRDefault="00156FB3" w:rsidP="00156FB3">
            <w:r>
              <w:t xml:space="preserve">    };</w:t>
            </w:r>
          </w:p>
          <w:p w:rsidR="00156FB3" w:rsidRDefault="00156FB3" w:rsidP="00156FB3"/>
          <w:p w:rsidR="00156FB3" w:rsidRDefault="00156FB3" w:rsidP="00156FB3">
            <w:r>
              <w:t xml:space="preserve">    var renderHeader = function renderHeader(instance, params) {</w:t>
            </w:r>
          </w:p>
          <w:p w:rsidR="00156FB3" w:rsidRDefault="00156FB3" w:rsidP="00156FB3">
            <w:r>
              <w:t xml:space="preserve">        var header = getHeader(); // Custom class</w:t>
            </w:r>
          </w:p>
          <w:p w:rsidR="00156FB3" w:rsidRDefault="00156FB3" w:rsidP="00156FB3"/>
          <w:p w:rsidR="00156FB3" w:rsidRDefault="00156FB3" w:rsidP="00156FB3">
            <w:r>
              <w:t xml:space="preserve">        applyCustomClass(header, params, 'header'); // Progress steps</w:t>
            </w:r>
          </w:p>
          <w:p w:rsidR="00156FB3" w:rsidRDefault="00156FB3" w:rsidP="00156FB3"/>
          <w:p w:rsidR="00156FB3" w:rsidRDefault="00156FB3" w:rsidP="00156FB3">
            <w:r>
              <w:t xml:space="preserve">        renderProgressSteps(instance, params); // Icon</w:t>
            </w:r>
          </w:p>
          <w:p w:rsidR="00156FB3" w:rsidRDefault="00156FB3" w:rsidP="00156FB3"/>
          <w:p w:rsidR="00156FB3" w:rsidRDefault="00156FB3" w:rsidP="00156FB3">
            <w:r>
              <w:t xml:space="preserve">        renderIcon(instance, params); // Image</w:t>
            </w:r>
          </w:p>
          <w:p w:rsidR="00156FB3" w:rsidRDefault="00156FB3" w:rsidP="00156FB3"/>
          <w:p w:rsidR="00156FB3" w:rsidRDefault="00156FB3" w:rsidP="00156FB3">
            <w:r>
              <w:t xml:space="preserve">        renderImage(instance, params); // Title</w:t>
            </w:r>
          </w:p>
          <w:p w:rsidR="00156FB3" w:rsidRDefault="00156FB3" w:rsidP="00156FB3"/>
          <w:p w:rsidR="00156FB3" w:rsidRDefault="00156FB3" w:rsidP="00156FB3">
            <w:r>
              <w:t xml:space="preserve">        renderTitle(instance, params); // Close button</w:t>
            </w:r>
          </w:p>
          <w:p w:rsidR="00156FB3" w:rsidRDefault="00156FB3" w:rsidP="00156FB3"/>
          <w:p w:rsidR="00156FB3" w:rsidRDefault="00156FB3" w:rsidP="00156FB3">
            <w:r>
              <w:lastRenderedPageBreak/>
              <w:t xml:space="preserve">        renderCloseButton(instance, params);</w:t>
            </w:r>
          </w:p>
          <w:p w:rsidR="00156FB3" w:rsidRDefault="00156FB3" w:rsidP="00156FB3">
            <w:r>
              <w:t xml:space="preserve">    };</w:t>
            </w:r>
          </w:p>
          <w:p w:rsidR="00156FB3" w:rsidRDefault="00156FB3" w:rsidP="00156FB3"/>
          <w:p w:rsidR="00156FB3" w:rsidRDefault="00156FB3" w:rsidP="00156FB3">
            <w:r>
              <w:t xml:space="preserve">    var renderPopup = function renderPopup(instance, params) {</w:t>
            </w:r>
          </w:p>
          <w:p w:rsidR="00156FB3" w:rsidRDefault="00156FB3" w:rsidP="00156FB3">
            <w:r>
              <w:t xml:space="preserve">        var popup = getPopup(); // Width</w:t>
            </w:r>
          </w:p>
          <w:p w:rsidR="00156FB3" w:rsidRDefault="00156FB3" w:rsidP="00156FB3"/>
          <w:p w:rsidR="00156FB3" w:rsidRDefault="00156FB3" w:rsidP="00156FB3">
            <w:r>
              <w:t xml:space="preserve">        applyNumericalStyle(popup, 'width', params.width); // Padding</w:t>
            </w:r>
          </w:p>
          <w:p w:rsidR="00156FB3" w:rsidRDefault="00156FB3" w:rsidP="00156FB3"/>
          <w:p w:rsidR="00156FB3" w:rsidRDefault="00156FB3" w:rsidP="00156FB3">
            <w:r>
              <w:t xml:space="preserve">        applyNumericalStyle(popup, 'padding', params.padding); // Background</w:t>
            </w:r>
          </w:p>
          <w:p w:rsidR="00156FB3" w:rsidRDefault="00156FB3" w:rsidP="00156FB3"/>
          <w:p w:rsidR="00156FB3" w:rsidRDefault="00156FB3" w:rsidP="00156FB3">
            <w:r>
              <w:t xml:space="preserve">        if (params.background) {</w:t>
            </w:r>
          </w:p>
          <w:p w:rsidR="00156FB3" w:rsidRDefault="00156FB3" w:rsidP="00156FB3">
            <w:r>
              <w:t xml:space="preserve">            popup.style.background = params.background;</w:t>
            </w:r>
          </w:p>
          <w:p w:rsidR="00156FB3" w:rsidRDefault="00156FB3" w:rsidP="00156FB3">
            <w:r>
              <w:t xml:space="preserve">        } // Default Class</w:t>
            </w:r>
          </w:p>
          <w:p w:rsidR="00156FB3" w:rsidRDefault="00156FB3" w:rsidP="00156FB3"/>
          <w:p w:rsidR="00156FB3" w:rsidRDefault="00156FB3" w:rsidP="00156FB3"/>
          <w:p w:rsidR="00156FB3" w:rsidRDefault="00156FB3" w:rsidP="00156FB3">
            <w:r>
              <w:t xml:space="preserve">        popup.className = swalClasses.popup;</w:t>
            </w:r>
          </w:p>
          <w:p w:rsidR="00156FB3" w:rsidRDefault="00156FB3" w:rsidP="00156FB3"/>
          <w:p w:rsidR="00156FB3" w:rsidRDefault="00156FB3" w:rsidP="00156FB3">
            <w:r>
              <w:t xml:space="preserve">        if (params.toast) {</w:t>
            </w:r>
          </w:p>
          <w:p w:rsidR="00156FB3" w:rsidRDefault="00156FB3" w:rsidP="00156FB3">
            <w:r>
              <w:t xml:space="preserve">            addClass([document.documentElement, document.body], swalClasses['toast-shown']);</w:t>
            </w:r>
          </w:p>
          <w:p w:rsidR="00156FB3" w:rsidRDefault="00156FB3" w:rsidP="00156FB3">
            <w:r>
              <w:t xml:space="preserve">            addClass(popup, swalClasses.toast);</w:t>
            </w:r>
          </w:p>
          <w:p w:rsidR="00156FB3" w:rsidRDefault="00156FB3" w:rsidP="00156FB3">
            <w:r>
              <w:t xml:space="preserve">        } else {</w:t>
            </w:r>
          </w:p>
          <w:p w:rsidR="00156FB3" w:rsidRDefault="00156FB3" w:rsidP="00156FB3">
            <w:r>
              <w:t xml:space="preserve">            addClass(popup, swalClasses.modal);</w:t>
            </w:r>
          </w:p>
          <w:p w:rsidR="00156FB3" w:rsidRDefault="00156FB3" w:rsidP="00156FB3">
            <w:r>
              <w:t xml:space="preserve">        } // Custom class</w:t>
            </w:r>
          </w:p>
          <w:p w:rsidR="00156FB3" w:rsidRDefault="00156FB3" w:rsidP="00156FB3"/>
          <w:p w:rsidR="00156FB3" w:rsidRDefault="00156FB3" w:rsidP="00156FB3"/>
          <w:p w:rsidR="00156FB3" w:rsidRDefault="00156FB3" w:rsidP="00156FB3">
            <w:r>
              <w:t xml:space="preserve">        applyCustomClass(popup, params, 'popup');</w:t>
            </w:r>
          </w:p>
          <w:p w:rsidR="00156FB3" w:rsidRDefault="00156FB3" w:rsidP="00156FB3"/>
          <w:p w:rsidR="00156FB3" w:rsidRDefault="00156FB3" w:rsidP="00156FB3">
            <w:r>
              <w:t xml:space="preserve">        if (typeof params.customClass === 'string') {</w:t>
            </w:r>
          </w:p>
          <w:p w:rsidR="00156FB3" w:rsidRDefault="00156FB3" w:rsidP="00156FB3">
            <w:r>
              <w:t xml:space="preserve">            addClass(popup, params.customClass);</w:t>
            </w:r>
          </w:p>
          <w:p w:rsidR="00156FB3" w:rsidRDefault="00156FB3" w:rsidP="00156FB3">
            <w:r>
              <w:t xml:space="preserve">        } // Add showClass when updating Swal.update({})</w:t>
            </w:r>
          </w:p>
          <w:p w:rsidR="00156FB3" w:rsidRDefault="00156FB3" w:rsidP="00156FB3"/>
          <w:p w:rsidR="00156FB3" w:rsidRDefault="00156FB3" w:rsidP="00156FB3"/>
          <w:p w:rsidR="00156FB3" w:rsidRDefault="00156FB3" w:rsidP="00156FB3">
            <w:r>
              <w:t xml:space="preserve">        if (isVisible(popup)) {</w:t>
            </w:r>
          </w:p>
          <w:p w:rsidR="00156FB3" w:rsidRDefault="00156FB3" w:rsidP="00156FB3">
            <w:r>
              <w:t xml:space="preserve">            addClass(popup, params.showClass.popup);</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render = function render(instance, params) {</w:t>
            </w:r>
          </w:p>
          <w:p w:rsidR="00156FB3" w:rsidRDefault="00156FB3" w:rsidP="00156FB3">
            <w:r>
              <w:t xml:space="preserve">        renderPopup(instance, params);</w:t>
            </w:r>
          </w:p>
          <w:p w:rsidR="00156FB3" w:rsidRDefault="00156FB3" w:rsidP="00156FB3">
            <w:r>
              <w:t xml:space="preserve">        renderContainer(instance, params);</w:t>
            </w:r>
          </w:p>
          <w:p w:rsidR="00156FB3" w:rsidRDefault="00156FB3" w:rsidP="00156FB3">
            <w:r>
              <w:t xml:space="preserve">        renderHeader(instance, params);</w:t>
            </w:r>
          </w:p>
          <w:p w:rsidR="00156FB3" w:rsidRDefault="00156FB3" w:rsidP="00156FB3">
            <w:r>
              <w:t xml:space="preserve">        renderContent(instance, params);</w:t>
            </w:r>
          </w:p>
          <w:p w:rsidR="00156FB3" w:rsidRDefault="00156FB3" w:rsidP="00156FB3">
            <w:r>
              <w:t xml:space="preserve">        renderActions(instance, params);</w:t>
            </w:r>
          </w:p>
          <w:p w:rsidR="00156FB3" w:rsidRDefault="00156FB3" w:rsidP="00156FB3">
            <w:r>
              <w:t xml:space="preserve">        renderFooter(instance, params);</w:t>
            </w:r>
          </w:p>
          <w:p w:rsidR="00156FB3" w:rsidRDefault="00156FB3" w:rsidP="00156FB3"/>
          <w:p w:rsidR="00156FB3" w:rsidRDefault="00156FB3" w:rsidP="00156FB3">
            <w:r>
              <w:t xml:space="preserve">        if (typeof params.onRender === 'function') {</w:t>
            </w:r>
          </w:p>
          <w:p w:rsidR="00156FB3" w:rsidRDefault="00156FB3" w:rsidP="00156FB3">
            <w:r>
              <w:t xml:space="preserve">            params.onRender(getPopup());</w:t>
            </w:r>
          </w:p>
          <w:p w:rsidR="00156FB3" w:rsidRDefault="00156FB3" w:rsidP="00156FB3">
            <w:r>
              <w:t xml:space="preserve">        }</w:t>
            </w:r>
          </w:p>
          <w:p w:rsidR="00156FB3" w:rsidRDefault="00156FB3" w:rsidP="00156FB3">
            <w:r>
              <w:lastRenderedPageBreak/>
              <w:t xml:space="preserve">    };</w:t>
            </w:r>
          </w:p>
          <w:p w:rsidR="00156FB3" w:rsidRDefault="00156FB3" w:rsidP="00156FB3"/>
          <w:p w:rsidR="00156FB3" w:rsidRDefault="00156FB3" w:rsidP="00156FB3">
            <w:r>
              <w:t xml:space="preserve">    /*</w:t>
            </w:r>
          </w:p>
          <w:p w:rsidR="00156FB3" w:rsidRDefault="00156FB3" w:rsidP="00156FB3">
            <w:r>
              <w:t xml:space="preserve">     * Global function to determine if SweetAlert2 popup is shown</w:t>
            </w:r>
          </w:p>
          <w:p w:rsidR="00156FB3" w:rsidRDefault="00156FB3" w:rsidP="00156FB3">
            <w:r>
              <w:t xml:space="preserve">     */</w:t>
            </w:r>
          </w:p>
          <w:p w:rsidR="00156FB3" w:rsidRDefault="00156FB3" w:rsidP="00156FB3"/>
          <w:p w:rsidR="00156FB3" w:rsidRDefault="00156FB3" w:rsidP="00156FB3">
            <w:r>
              <w:t xml:space="preserve">    var isVisible$1 = function isVisible$$1() {</w:t>
            </w:r>
          </w:p>
          <w:p w:rsidR="00156FB3" w:rsidRDefault="00156FB3" w:rsidP="00156FB3">
            <w:r>
              <w:t xml:space="preserve">        return isVisible(getPopup());</w:t>
            </w:r>
          </w:p>
          <w:p w:rsidR="00156FB3" w:rsidRDefault="00156FB3" w:rsidP="00156FB3">
            <w:r>
              <w:t xml:space="preserve">    };</w:t>
            </w:r>
          </w:p>
          <w:p w:rsidR="00156FB3" w:rsidRDefault="00156FB3" w:rsidP="00156FB3">
            <w:r>
              <w:t xml:space="preserve">    /*</w:t>
            </w:r>
          </w:p>
          <w:p w:rsidR="00156FB3" w:rsidRDefault="00156FB3" w:rsidP="00156FB3">
            <w:r>
              <w:t xml:space="preserve">     * Global function to click 'Confirm' button</w:t>
            </w:r>
          </w:p>
          <w:p w:rsidR="00156FB3" w:rsidRDefault="00156FB3" w:rsidP="00156FB3">
            <w:r>
              <w:t xml:space="preserve">     */</w:t>
            </w:r>
          </w:p>
          <w:p w:rsidR="00156FB3" w:rsidRDefault="00156FB3" w:rsidP="00156FB3"/>
          <w:p w:rsidR="00156FB3" w:rsidRDefault="00156FB3" w:rsidP="00156FB3">
            <w:r>
              <w:t xml:space="preserve">    var clickConfirm = function clickConfirm() {</w:t>
            </w:r>
          </w:p>
          <w:p w:rsidR="00156FB3" w:rsidRDefault="00156FB3" w:rsidP="00156FB3">
            <w:r>
              <w:t xml:space="preserve">        return getConfirmButton() &amp;&amp; getConfirmButton().click();</w:t>
            </w:r>
          </w:p>
          <w:p w:rsidR="00156FB3" w:rsidRDefault="00156FB3" w:rsidP="00156FB3">
            <w:r>
              <w:t xml:space="preserve">    };</w:t>
            </w:r>
          </w:p>
          <w:p w:rsidR="00156FB3" w:rsidRDefault="00156FB3" w:rsidP="00156FB3">
            <w:r>
              <w:t xml:space="preserve">    /*</w:t>
            </w:r>
          </w:p>
          <w:p w:rsidR="00156FB3" w:rsidRDefault="00156FB3" w:rsidP="00156FB3">
            <w:r>
              <w:t xml:space="preserve">     * Global function to click 'Cancel' button</w:t>
            </w:r>
          </w:p>
          <w:p w:rsidR="00156FB3" w:rsidRDefault="00156FB3" w:rsidP="00156FB3">
            <w:r>
              <w:t xml:space="preserve">     */</w:t>
            </w:r>
          </w:p>
          <w:p w:rsidR="00156FB3" w:rsidRDefault="00156FB3" w:rsidP="00156FB3"/>
          <w:p w:rsidR="00156FB3" w:rsidRDefault="00156FB3" w:rsidP="00156FB3">
            <w:r>
              <w:t xml:space="preserve">    var clickCancel = function clickCancel() {</w:t>
            </w:r>
          </w:p>
          <w:p w:rsidR="00156FB3" w:rsidRDefault="00156FB3" w:rsidP="00156FB3">
            <w:r>
              <w:t xml:space="preserve">        return getCancelButton() &amp;&amp; getCancelButton().click();</w:t>
            </w:r>
          </w:p>
          <w:p w:rsidR="00156FB3" w:rsidRDefault="00156FB3" w:rsidP="00156FB3">
            <w:r>
              <w:t xml:space="preserve">    };</w:t>
            </w:r>
          </w:p>
          <w:p w:rsidR="00156FB3" w:rsidRDefault="00156FB3" w:rsidP="00156FB3"/>
          <w:p w:rsidR="00156FB3" w:rsidRDefault="00156FB3" w:rsidP="00156FB3">
            <w:r>
              <w:t xml:space="preserve">    function fire() {</w:t>
            </w:r>
          </w:p>
          <w:p w:rsidR="00156FB3" w:rsidRDefault="00156FB3" w:rsidP="00156FB3">
            <w:r>
              <w:t xml:space="preserve">        var Swal = this;</w:t>
            </w:r>
          </w:p>
          <w:p w:rsidR="00156FB3" w:rsidRDefault="00156FB3" w:rsidP="00156FB3"/>
          <w:p w:rsidR="00156FB3" w:rsidRDefault="00156FB3" w:rsidP="00156FB3">
            <w:r>
              <w:t xml:space="preserve">        for (var _len = arguments.length, args = new Array(_len), _key = 0; _key &lt; _len; _key++) {</w:t>
            </w:r>
          </w:p>
          <w:p w:rsidR="00156FB3" w:rsidRDefault="00156FB3" w:rsidP="00156FB3">
            <w:r>
              <w:t xml:space="preserve">            args[_key] = arguments[_key];</w:t>
            </w:r>
          </w:p>
          <w:p w:rsidR="00156FB3" w:rsidRDefault="00156FB3" w:rsidP="00156FB3">
            <w:r>
              <w:t xml:space="preserve">        }</w:t>
            </w:r>
          </w:p>
          <w:p w:rsidR="00156FB3" w:rsidRDefault="00156FB3" w:rsidP="00156FB3"/>
          <w:p w:rsidR="00156FB3" w:rsidRDefault="00156FB3" w:rsidP="00156FB3">
            <w:r>
              <w:t xml:space="preserve">        return _construct(Swal, arg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Returns an extended version of `Swal` containing `params` as defaults.</w:t>
            </w:r>
          </w:p>
          <w:p w:rsidR="00156FB3" w:rsidRDefault="00156FB3" w:rsidP="00156FB3">
            <w:r>
              <w:t xml:space="preserve">     * Useful for reusing Swal configuration.</w:t>
            </w:r>
          </w:p>
          <w:p w:rsidR="00156FB3" w:rsidRDefault="00156FB3" w:rsidP="00156FB3">
            <w:r>
              <w:t xml:space="preserve">     *</w:t>
            </w:r>
          </w:p>
          <w:p w:rsidR="00156FB3" w:rsidRDefault="00156FB3" w:rsidP="00156FB3">
            <w:r>
              <w:t xml:space="preserve">     * For example:</w:t>
            </w:r>
          </w:p>
          <w:p w:rsidR="00156FB3" w:rsidRDefault="00156FB3" w:rsidP="00156FB3">
            <w:r>
              <w:t xml:space="preserve">     *</w:t>
            </w:r>
          </w:p>
          <w:p w:rsidR="00156FB3" w:rsidRDefault="00156FB3" w:rsidP="00156FB3">
            <w:r>
              <w:t xml:space="preserve">     * Before:</w:t>
            </w:r>
          </w:p>
          <w:p w:rsidR="00156FB3" w:rsidRDefault="00156FB3" w:rsidP="00156FB3">
            <w:r>
              <w:t xml:space="preserve">     * const textPromptOptions = { input: 'text', showCancelButton: true }</w:t>
            </w:r>
          </w:p>
          <w:p w:rsidR="00156FB3" w:rsidRDefault="00156FB3" w:rsidP="00156FB3">
            <w:r>
              <w:t xml:space="preserve">     * const {value: firstName} = await Swal.fire({ ...textPromptOptions, title: 'What is your first name?' })</w:t>
            </w:r>
          </w:p>
          <w:p w:rsidR="00156FB3" w:rsidRDefault="00156FB3" w:rsidP="00156FB3">
            <w:r>
              <w:t xml:space="preserve">     * const {value: lastName} = await Swal.fire({ ...textPromptOptions, title: 'What is your last name?' })</w:t>
            </w:r>
          </w:p>
          <w:p w:rsidR="00156FB3" w:rsidRDefault="00156FB3" w:rsidP="00156FB3">
            <w:r>
              <w:t xml:space="preserve">     *</w:t>
            </w:r>
          </w:p>
          <w:p w:rsidR="00156FB3" w:rsidRDefault="00156FB3" w:rsidP="00156FB3">
            <w:r>
              <w:t xml:space="preserve">     * After:</w:t>
            </w:r>
          </w:p>
          <w:p w:rsidR="00156FB3" w:rsidRDefault="00156FB3" w:rsidP="00156FB3">
            <w:r>
              <w:t xml:space="preserve">     * const TextPrompt = Swal.mixin({ input: 'text', showCancelButton: true })</w:t>
            </w:r>
          </w:p>
          <w:p w:rsidR="00156FB3" w:rsidRDefault="00156FB3" w:rsidP="00156FB3">
            <w:r>
              <w:t xml:space="preserve">     * const {value: firstName} = await TextPrompt('What is your first name?')</w:t>
            </w:r>
          </w:p>
          <w:p w:rsidR="00156FB3" w:rsidRDefault="00156FB3" w:rsidP="00156FB3">
            <w:r>
              <w:lastRenderedPageBreak/>
              <w:t xml:space="preserve">     * const {value: lastName} = await TextPrompt('What is your last name?')</w:t>
            </w:r>
          </w:p>
          <w:p w:rsidR="00156FB3" w:rsidRDefault="00156FB3" w:rsidP="00156FB3">
            <w:r>
              <w:t xml:space="preserve">     *</w:t>
            </w:r>
          </w:p>
          <w:p w:rsidR="00156FB3" w:rsidRDefault="00156FB3" w:rsidP="00156FB3">
            <w:r>
              <w:t xml:space="preserve">     * @param mixinParams</w:t>
            </w:r>
          </w:p>
          <w:p w:rsidR="00156FB3" w:rsidRDefault="00156FB3" w:rsidP="00156FB3">
            <w:r>
              <w:t xml:space="preserve">     */</w:t>
            </w:r>
          </w:p>
          <w:p w:rsidR="00156FB3" w:rsidRDefault="00156FB3" w:rsidP="00156FB3">
            <w:r>
              <w:t xml:space="preserve">    function mixin(mixinParams) {</w:t>
            </w:r>
          </w:p>
          <w:p w:rsidR="00156FB3" w:rsidRDefault="00156FB3" w:rsidP="00156FB3">
            <w:r>
              <w:t xml:space="preserve">        var MixinSwal =</w:t>
            </w:r>
          </w:p>
          <w:p w:rsidR="00156FB3" w:rsidRDefault="00156FB3" w:rsidP="00156FB3">
            <w:r>
              <w:t xml:space="preserve">            /*#__PURE__*/</w:t>
            </w:r>
          </w:p>
          <w:p w:rsidR="00156FB3" w:rsidRDefault="00156FB3" w:rsidP="00156FB3">
            <w:r>
              <w:t xml:space="preserve">            function (_this) {</w:t>
            </w:r>
          </w:p>
          <w:p w:rsidR="00156FB3" w:rsidRDefault="00156FB3" w:rsidP="00156FB3">
            <w:r>
              <w:t xml:space="preserve">                _inherits(MixinSwal, _this);</w:t>
            </w:r>
          </w:p>
          <w:p w:rsidR="00156FB3" w:rsidRDefault="00156FB3" w:rsidP="00156FB3"/>
          <w:p w:rsidR="00156FB3" w:rsidRDefault="00156FB3" w:rsidP="00156FB3">
            <w:r>
              <w:t xml:space="preserve">                function MixinSwal() {</w:t>
            </w:r>
          </w:p>
          <w:p w:rsidR="00156FB3" w:rsidRDefault="00156FB3" w:rsidP="00156FB3">
            <w:r>
              <w:t xml:space="preserve">                    _classCallCheck(this, MixinSwal);</w:t>
            </w:r>
          </w:p>
          <w:p w:rsidR="00156FB3" w:rsidRDefault="00156FB3" w:rsidP="00156FB3"/>
          <w:p w:rsidR="00156FB3" w:rsidRDefault="00156FB3" w:rsidP="00156FB3">
            <w:r>
              <w:t xml:space="preserve">                    return _possibleConstructorReturn(this, _getPrototypeOf(MixinSwal).apply(this, arguments));</w:t>
            </w:r>
          </w:p>
          <w:p w:rsidR="00156FB3" w:rsidRDefault="00156FB3" w:rsidP="00156FB3">
            <w:r>
              <w:t xml:space="preserve">                }</w:t>
            </w:r>
          </w:p>
          <w:p w:rsidR="00156FB3" w:rsidRDefault="00156FB3" w:rsidP="00156FB3"/>
          <w:p w:rsidR="00156FB3" w:rsidRDefault="00156FB3" w:rsidP="00156FB3">
            <w:r>
              <w:t xml:space="preserve">                _createClass(MixinSwal, [{</w:t>
            </w:r>
          </w:p>
          <w:p w:rsidR="00156FB3" w:rsidRDefault="00156FB3" w:rsidP="00156FB3">
            <w:r>
              <w:t xml:space="preserve">                    key: "_main",</w:t>
            </w:r>
          </w:p>
          <w:p w:rsidR="00156FB3" w:rsidRDefault="00156FB3" w:rsidP="00156FB3">
            <w:r>
              <w:t xml:space="preserve">                    value: function _main(params) {</w:t>
            </w:r>
          </w:p>
          <w:p w:rsidR="00156FB3" w:rsidRDefault="00156FB3" w:rsidP="00156FB3">
            <w:r>
              <w:t xml:space="preserve">                        return _get(_getPrototypeOf(MixinSwal.prototype), "_main", this).call(this, _extends({}, mixinParams, param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MixinSwal;</w:t>
            </w:r>
          </w:p>
          <w:p w:rsidR="00156FB3" w:rsidRDefault="00156FB3" w:rsidP="00156FB3">
            <w:r>
              <w:t xml:space="preserve">            }(this);</w:t>
            </w:r>
          </w:p>
          <w:p w:rsidR="00156FB3" w:rsidRDefault="00156FB3" w:rsidP="00156FB3"/>
          <w:p w:rsidR="00156FB3" w:rsidRDefault="00156FB3" w:rsidP="00156FB3">
            <w:r>
              <w:t xml:space="preserve">        return MixinSwal;</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Show spinner instead of Confirm button</w:t>
            </w:r>
          </w:p>
          <w:p w:rsidR="00156FB3" w:rsidRDefault="00156FB3" w:rsidP="00156FB3">
            <w:r>
              <w:t xml:space="preserve">     */</w:t>
            </w:r>
          </w:p>
          <w:p w:rsidR="00156FB3" w:rsidRDefault="00156FB3" w:rsidP="00156FB3"/>
          <w:p w:rsidR="00156FB3" w:rsidRDefault="00156FB3" w:rsidP="00156FB3">
            <w:r>
              <w:t xml:space="preserve">    var showLoading = function showLoading() {</w:t>
            </w:r>
          </w:p>
          <w:p w:rsidR="00156FB3" w:rsidRDefault="00156FB3" w:rsidP="00156FB3">
            <w:r>
              <w:t xml:space="preserve">        var popup = getPopup();</w:t>
            </w:r>
          </w:p>
          <w:p w:rsidR="00156FB3" w:rsidRDefault="00156FB3" w:rsidP="00156FB3"/>
          <w:p w:rsidR="00156FB3" w:rsidRDefault="00156FB3" w:rsidP="00156FB3">
            <w:r>
              <w:t xml:space="preserve">        if (!popup) {</w:t>
            </w:r>
          </w:p>
          <w:p w:rsidR="00156FB3" w:rsidRDefault="00156FB3" w:rsidP="00156FB3">
            <w:r>
              <w:t xml:space="preserve">            Swal.fire();</w:t>
            </w:r>
          </w:p>
          <w:p w:rsidR="00156FB3" w:rsidRDefault="00156FB3" w:rsidP="00156FB3">
            <w:r>
              <w:t xml:space="preserve">        }</w:t>
            </w:r>
          </w:p>
          <w:p w:rsidR="00156FB3" w:rsidRDefault="00156FB3" w:rsidP="00156FB3"/>
          <w:p w:rsidR="00156FB3" w:rsidRDefault="00156FB3" w:rsidP="00156FB3">
            <w:r>
              <w:t xml:space="preserve">        popup = getPopup();</w:t>
            </w:r>
          </w:p>
          <w:p w:rsidR="00156FB3" w:rsidRDefault="00156FB3" w:rsidP="00156FB3">
            <w:r>
              <w:t xml:space="preserve">        var actions = getActions();</w:t>
            </w:r>
          </w:p>
          <w:p w:rsidR="00156FB3" w:rsidRDefault="00156FB3" w:rsidP="00156FB3">
            <w:r>
              <w:t xml:space="preserve">        var confirmButton = getConfirmButton();</w:t>
            </w:r>
          </w:p>
          <w:p w:rsidR="00156FB3" w:rsidRDefault="00156FB3" w:rsidP="00156FB3">
            <w:r>
              <w:t xml:space="preserve">        show(actions);</w:t>
            </w:r>
          </w:p>
          <w:p w:rsidR="00156FB3" w:rsidRDefault="00156FB3" w:rsidP="00156FB3">
            <w:r>
              <w:t xml:space="preserve">        show(confirmButton, 'inline-block');</w:t>
            </w:r>
          </w:p>
          <w:p w:rsidR="00156FB3" w:rsidRDefault="00156FB3" w:rsidP="00156FB3">
            <w:r>
              <w:t xml:space="preserve">        addClass([popup, actions], swalClasses.loading);</w:t>
            </w:r>
          </w:p>
          <w:p w:rsidR="00156FB3" w:rsidRDefault="00156FB3" w:rsidP="00156FB3">
            <w:r>
              <w:lastRenderedPageBreak/>
              <w:t xml:space="preserve">        confirmButton.disabled = true;</w:t>
            </w:r>
          </w:p>
          <w:p w:rsidR="00156FB3" w:rsidRDefault="00156FB3" w:rsidP="00156FB3">
            <w:r>
              <w:t xml:space="preserve">        popup.setAttribute('data-loading', true);</w:t>
            </w:r>
          </w:p>
          <w:p w:rsidR="00156FB3" w:rsidRDefault="00156FB3" w:rsidP="00156FB3">
            <w:r>
              <w:t xml:space="preserve">        popup.setAttribute('aria-busy', true);</w:t>
            </w:r>
          </w:p>
          <w:p w:rsidR="00156FB3" w:rsidRDefault="00156FB3" w:rsidP="00156FB3">
            <w:r>
              <w:t xml:space="preserve">        popup.focus();</w:t>
            </w:r>
          </w:p>
          <w:p w:rsidR="00156FB3" w:rsidRDefault="00156FB3" w:rsidP="00156FB3">
            <w:r>
              <w:t xml:space="preserve">    };</w:t>
            </w:r>
          </w:p>
          <w:p w:rsidR="00156FB3" w:rsidRDefault="00156FB3" w:rsidP="00156FB3"/>
          <w:p w:rsidR="00156FB3" w:rsidRDefault="00156FB3" w:rsidP="00156FB3">
            <w:r>
              <w:t xml:space="preserve">    var RESTORE_FOCUS_TIMEOUT = 100;</w:t>
            </w:r>
          </w:p>
          <w:p w:rsidR="00156FB3" w:rsidRDefault="00156FB3" w:rsidP="00156FB3"/>
          <w:p w:rsidR="00156FB3" w:rsidRDefault="00156FB3" w:rsidP="00156FB3">
            <w:r>
              <w:t xml:space="preserve">    var globalState = {};</w:t>
            </w:r>
          </w:p>
          <w:p w:rsidR="00156FB3" w:rsidRDefault="00156FB3" w:rsidP="00156FB3">
            <w:r>
              <w:t xml:space="preserve">    var focusPreviousActiveElement = function focusPreviousActiveElement() {</w:t>
            </w:r>
          </w:p>
          <w:p w:rsidR="00156FB3" w:rsidRDefault="00156FB3" w:rsidP="00156FB3">
            <w:r>
              <w:t xml:space="preserve">        if (globalState.previousActiveElement &amp;&amp; globalState.previousActiveElement.focus) {</w:t>
            </w:r>
          </w:p>
          <w:p w:rsidR="00156FB3" w:rsidRDefault="00156FB3" w:rsidP="00156FB3">
            <w:r>
              <w:t xml:space="preserve">            globalState.previousActiveElement.focus();</w:t>
            </w:r>
          </w:p>
          <w:p w:rsidR="00156FB3" w:rsidRDefault="00156FB3" w:rsidP="00156FB3">
            <w:r>
              <w:t xml:space="preserve">            globalState.previousActiveElement = null;</w:t>
            </w:r>
          </w:p>
          <w:p w:rsidR="00156FB3" w:rsidRDefault="00156FB3" w:rsidP="00156FB3">
            <w:r>
              <w:t xml:space="preserve">        } else if (document.body) {</w:t>
            </w:r>
          </w:p>
          <w:p w:rsidR="00156FB3" w:rsidRDefault="00156FB3" w:rsidP="00156FB3">
            <w:r>
              <w:t xml:space="preserve">            document.body.focus();</w:t>
            </w:r>
          </w:p>
          <w:p w:rsidR="00156FB3" w:rsidRDefault="00156FB3" w:rsidP="00156FB3">
            <w:r>
              <w:t xml:space="preserve">        }</w:t>
            </w:r>
          </w:p>
          <w:p w:rsidR="00156FB3" w:rsidRDefault="00156FB3" w:rsidP="00156FB3">
            <w:r>
              <w:t xml:space="preserve">    }; // Restore previous active (focused) element</w:t>
            </w:r>
          </w:p>
          <w:p w:rsidR="00156FB3" w:rsidRDefault="00156FB3" w:rsidP="00156FB3"/>
          <w:p w:rsidR="00156FB3" w:rsidRDefault="00156FB3" w:rsidP="00156FB3"/>
          <w:p w:rsidR="00156FB3" w:rsidRDefault="00156FB3" w:rsidP="00156FB3">
            <w:r>
              <w:t xml:space="preserve">    var restoreActiveElement = function restoreActiveElement() {</w:t>
            </w:r>
          </w:p>
          <w:p w:rsidR="00156FB3" w:rsidRDefault="00156FB3" w:rsidP="00156FB3">
            <w:r>
              <w:t xml:space="preserve">        return new Promise(function (resolve) {</w:t>
            </w:r>
          </w:p>
          <w:p w:rsidR="00156FB3" w:rsidRDefault="00156FB3" w:rsidP="00156FB3">
            <w:r>
              <w:t xml:space="preserve">            var x = window.scrollX;</w:t>
            </w:r>
          </w:p>
          <w:p w:rsidR="00156FB3" w:rsidRDefault="00156FB3" w:rsidP="00156FB3">
            <w:r>
              <w:t xml:space="preserve">            var y = window.scrollY;</w:t>
            </w:r>
          </w:p>
          <w:p w:rsidR="00156FB3" w:rsidRDefault="00156FB3" w:rsidP="00156FB3">
            <w:r>
              <w:t xml:space="preserve">            globalState.restoreFocusTimeout = setTimeout(function () {</w:t>
            </w:r>
          </w:p>
          <w:p w:rsidR="00156FB3" w:rsidRDefault="00156FB3" w:rsidP="00156FB3">
            <w:r>
              <w:t xml:space="preserve">                focusPreviousActiveElement();</w:t>
            </w:r>
          </w:p>
          <w:p w:rsidR="00156FB3" w:rsidRDefault="00156FB3" w:rsidP="00156FB3">
            <w:r>
              <w:t xml:space="preserve">                resolve();</w:t>
            </w:r>
          </w:p>
          <w:p w:rsidR="00156FB3" w:rsidRDefault="00156FB3" w:rsidP="00156FB3">
            <w:r>
              <w:t xml:space="preserve">            }, RESTORE_FOCUS_TIMEOUT); // issues/900</w:t>
            </w:r>
          </w:p>
          <w:p w:rsidR="00156FB3" w:rsidRDefault="00156FB3" w:rsidP="00156FB3"/>
          <w:p w:rsidR="00156FB3" w:rsidRDefault="00156FB3" w:rsidP="00156FB3">
            <w:r>
              <w:t xml:space="preserve">            if (typeof x !== 'undefined' &amp;&amp; typeof y !== 'undefined') {</w:t>
            </w:r>
          </w:p>
          <w:p w:rsidR="00156FB3" w:rsidRDefault="00156FB3" w:rsidP="00156FB3">
            <w:r>
              <w:t xml:space="preserve">                // IE doesn't have scrollX/scrollY support</w:t>
            </w:r>
          </w:p>
          <w:p w:rsidR="00156FB3" w:rsidRDefault="00156FB3" w:rsidP="00156FB3">
            <w:r>
              <w:t xml:space="preserve">                window.scrollTo(x, y);</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If `timer` parameter is set, returns number of milliseconds of timer remained.</w:t>
            </w:r>
          </w:p>
          <w:p w:rsidR="00156FB3" w:rsidRDefault="00156FB3" w:rsidP="00156FB3">
            <w:r>
              <w:t xml:space="preserve">     * Otherwise, returns undefined.</w:t>
            </w:r>
          </w:p>
          <w:p w:rsidR="00156FB3" w:rsidRDefault="00156FB3" w:rsidP="00156FB3">
            <w:r>
              <w:t xml:space="preserve">     */</w:t>
            </w:r>
          </w:p>
          <w:p w:rsidR="00156FB3" w:rsidRDefault="00156FB3" w:rsidP="00156FB3"/>
          <w:p w:rsidR="00156FB3" w:rsidRDefault="00156FB3" w:rsidP="00156FB3">
            <w:r>
              <w:t xml:space="preserve">    var getTimerLeft = function getTimerLeft() {</w:t>
            </w:r>
          </w:p>
          <w:p w:rsidR="00156FB3" w:rsidRDefault="00156FB3" w:rsidP="00156FB3">
            <w:r>
              <w:t xml:space="preserve">        return globalState.timeout &amp;&amp; globalState.timeout.getTimerLeft();</w:t>
            </w:r>
          </w:p>
          <w:p w:rsidR="00156FB3" w:rsidRDefault="00156FB3" w:rsidP="00156FB3">
            <w:r>
              <w:t xml:space="preserve">    };</w:t>
            </w:r>
          </w:p>
          <w:p w:rsidR="00156FB3" w:rsidRDefault="00156FB3" w:rsidP="00156FB3">
            <w:r>
              <w:t xml:space="preserve">    /**</w:t>
            </w:r>
          </w:p>
          <w:p w:rsidR="00156FB3" w:rsidRDefault="00156FB3" w:rsidP="00156FB3">
            <w:r>
              <w:t xml:space="preserve">     * Stop timer. Returns number of milliseconds of timer remained.</w:t>
            </w:r>
          </w:p>
          <w:p w:rsidR="00156FB3" w:rsidRDefault="00156FB3" w:rsidP="00156FB3">
            <w:r>
              <w:t xml:space="preserve">     * If `timer` parameter isn't set, returns undefined.</w:t>
            </w:r>
          </w:p>
          <w:p w:rsidR="00156FB3" w:rsidRDefault="00156FB3" w:rsidP="00156FB3">
            <w:r>
              <w:t xml:space="preserve">     */</w:t>
            </w:r>
          </w:p>
          <w:p w:rsidR="00156FB3" w:rsidRDefault="00156FB3" w:rsidP="00156FB3"/>
          <w:p w:rsidR="00156FB3" w:rsidRDefault="00156FB3" w:rsidP="00156FB3">
            <w:r>
              <w:lastRenderedPageBreak/>
              <w:t xml:space="preserve">    var stopTimer = function stopTimer() {</w:t>
            </w:r>
          </w:p>
          <w:p w:rsidR="00156FB3" w:rsidRDefault="00156FB3" w:rsidP="00156FB3">
            <w:r>
              <w:t xml:space="preserve">        if (globalState.timeout) {</w:t>
            </w:r>
          </w:p>
          <w:p w:rsidR="00156FB3" w:rsidRDefault="00156FB3" w:rsidP="00156FB3">
            <w:r>
              <w:t xml:space="preserve">            stopTimerProgressBar();</w:t>
            </w:r>
          </w:p>
          <w:p w:rsidR="00156FB3" w:rsidRDefault="00156FB3" w:rsidP="00156FB3">
            <w:r>
              <w:t xml:space="preserve">            return globalState.timeout.stop();</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 Resume timer. Returns number of milliseconds of timer remained.</w:t>
            </w:r>
          </w:p>
          <w:p w:rsidR="00156FB3" w:rsidRDefault="00156FB3" w:rsidP="00156FB3">
            <w:r>
              <w:t xml:space="preserve">     * If `timer` parameter isn't set, returns undefined.</w:t>
            </w:r>
          </w:p>
          <w:p w:rsidR="00156FB3" w:rsidRDefault="00156FB3" w:rsidP="00156FB3">
            <w:r>
              <w:t xml:space="preserve">     */</w:t>
            </w:r>
          </w:p>
          <w:p w:rsidR="00156FB3" w:rsidRDefault="00156FB3" w:rsidP="00156FB3"/>
          <w:p w:rsidR="00156FB3" w:rsidRDefault="00156FB3" w:rsidP="00156FB3">
            <w:r>
              <w:t xml:space="preserve">    var resumeTimer = function resumeTimer() {</w:t>
            </w:r>
          </w:p>
          <w:p w:rsidR="00156FB3" w:rsidRDefault="00156FB3" w:rsidP="00156FB3">
            <w:r>
              <w:t xml:space="preserve">        if (globalState.timeout) {</w:t>
            </w:r>
          </w:p>
          <w:p w:rsidR="00156FB3" w:rsidRDefault="00156FB3" w:rsidP="00156FB3">
            <w:r>
              <w:t xml:space="preserve">            var remaining = globalState.timeout.start();</w:t>
            </w:r>
          </w:p>
          <w:p w:rsidR="00156FB3" w:rsidRDefault="00156FB3" w:rsidP="00156FB3">
            <w:r>
              <w:t xml:space="preserve">            animateTimerProgressBar(remaining);</w:t>
            </w:r>
          </w:p>
          <w:p w:rsidR="00156FB3" w:rsidRDefault="00156FB3" w:rsidP="00156FB3">
            <w:r>
              <w:t xml:space="preserve">            return remaining;</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 Resume timer. Returns number of milliseconds of timer remained.</w:t>
            </w:r>
          </w:p>
          <w:p w:rsidR="00156FB3" w:rsidRDefault="00156FB3" w:rsidP="00156FB3">
            <w:r>
              <w:t xml:space="preserve">     * If `timer` parameter isn't set, returns undefined.</w:t>
            </w:r>
          </w:p>
          <w:p w:rsidR="00156FB3" w:rsidRDefault="00156FB3" w:rsidP="00156FB3">
            <w:r>
              <w:t xml:space="preserve">     */</w:t>
            </w:r>
          </w:p>
          <w:p w:rsidR="00156FB3" w:rsidRDefault="00156FB3" w:rsidP="00156FB3"/>
          <w:p w:rsidR="00156FB3" w:rsidRDefault="00156FB3" w:rsidP="00156FB3">
            <w:r>
              <w:t xml:space="preserve">    var toggleTimer = function toggleTimer() {</w:t>
            </w:r>
          </w:p>
          <w:p w:rsidR="00156FB3" w:rsidRDefault="00156FB3" w:rsidP="00156FB3">
            <w:r>
              <w:t xml:space="preserve">        var timer = globalState.timeout;</w:t>
            </w:r>
          </w:p>
          <w:p w:rsidR="00156FB3" w:rsidRDefault="00156FB3" w:rsidP="00156FB3">
            <w:r>
              <w:t xml:space="preserve">        return timer &amp;&amp; (timer.running ? stopTimer() : resumeTimer());</w:t>
            </w:r>
          </w:p>
          <w:p w:rsidR="00156FB3" w:rsidRDefault="00156FB3" w:rsidP="00156FB3">
            <w:r>
              <w:t xml:space="preserve">    };</w:t>
            </w:r>
          </w:p>
          <w:p w:rsidR="00156FB3" w:rsidRDefault="00156FB3" w:rsidP="00156FB3">
            <w:r>
              <w:t xml:space="preserve">    /**</w:t>
            </w:r>
          </w:p>
          <w:p w:rsidR="00156FB3" w:rsidRDefault="00156FB3" w:rsidP="00156FB3">
            <w:r>
              <w:t xml:space="preserve">     * Increase timer. Returns number of milliseconds of an updated timer.</w:t>
            </w:r>
          </w:p>
          <w:p w:rsidR="00156FB3" w:rsidRDefault="00156FB3" w:rsidP="00156FB3">
            <w:r>
              <w:t xml:space="preserve">     * If `timer` parameter isn't set, returns undefined.</w:t>
            </w:r>
          </w:p>
          <w:p w:rsidR="00156FB3" w:rsidRDefault="00156FB3" w:rsidP="00156FB3">
            <w:r>
              <w:t xml:space="preserve">     */</w:t>
            </w:r>
          </w:p>
          <w:p w:rsidR="00156FB3" w:rsidRDefault="00156FB3" w:rsidP="00156FB3"/>
          <w:p w:rsidR="00156FB3" w:rsidRDefault="00156FB3" w:rsidP="00156FB3">
            <w:r>
              <w:t xml:space="preserve">    var increaseTimer = function increaseTimer(n) {</w:t>
            </w:r>
          </w:p>
          <w:p w:rsidR="00156FB3" w:rsidRDefault="00156FB3" w:rsidP="00156FB3">
            <w:r>
              <w:t xml:space="preserve">        if (globalState.timeout) {</w:t>
            </w:r>
          </w:p>
          <w:p w:rsidR="00156FB3" w:rsidRDefault="00156FB3" w:rsidP="00156FB3">
            <w:r>
              <w:t xml:space="preserve">            var remaining = globalState.timeout.increase(n);</w:t>
            </w:r>
          </w:p>
          <w:p w:rsidR="00156FB3" w:rsidRDefault="00156FB3" w:rsidP="00156FB3">
            <w:r>
              <w:t xml:space="preserve">            animateTimerProgressBar(remaining, true);</w:t>
            </w:r>
          </w:p>
          <w:p w:rsidR="00156FB3" w:rsidRDefault="00156FB3" w:rsidP="00156FB3">
            <w:r>
              <w:t xml:space="preserve">            return remaining;</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 Check if timer is running. Returns true if timer is running</w:t>
            </w:r>
          </w:p>
          <w:p w:rsidR="00156FB3" w:rsidRDefault="00156FB3" w:rsidP="00156FB3">
            <w:r>
              <w:t xml:space="preserve">     * or false if timer is paused or stopped.</w:t>
            </w:r>
          </w:p>
          <w:p w:rsidR="00156FB3" w:rsidRDefault="00156FB3" w:rsidP="00156FB3">
            <w:r>
              <w:t xml:space="preserve">     * If `timer` parameter isn't set, returns undefined</w:t>
            </w:r>
          </w:p>
          <w:p w:rsidR="00156FB3" w:rsidRDefault="00156FB3" w:rsidP="00156FB3">
            <w:r>
              <w:t xml:space="preserve">     */</w:t>
            </w:r>
          </w:p>
          <w:p w:rsidR="00156FB3" w:rsidRDefault="00156FB3" w:rsidP="00156FB3"/>
          <w:p w:rsidR="00156FB3" w:rsidRDefault="00156FB3" w:rsidP="00156FB3">
            <w:r>
              <w:t xml:space="preserve">    var isTimerRunning = function isTimerRunning() {</w:t>
            </w:r>
          </w:p>
          <w:p w:rsidR="00156FB3" w:rsidRDefault="00156FB3" w:rsidP="00156FB3">
            <w:r>
              <w:t xml:space="preserve">        return globalState.timeout &amp;&amp; globalState.timeout.isRunning();</w:t>
            </w:r>
          </w:p>
          <w:p w:rsidR="00156FB3" w:rsidRDefault="00156FB3" w:rsidP="00156FB3">
            <w:r>
              <w:t xml:space="preserve">    };</w:t>
            </w:r>
          </w:p>
          <w:p w:rsidR="00156FB3" w:rsidRDefault="00156FB3" w:rsidP="00156FB3"/>
          <w:p w:rsidR="00156FB3" w:rsidRDefault="00156FB3" w:rsidP="00156FB3">
            <w:r>
              <w:t xml:space="preserve">    var defaultParams = {</w:t>
            </w:r>
          </w:p>
          <w:p w:rsidR="00156FB3" w:rsidRDefault="00156FB3" w:rsidP="00156FB3">
            <w:r>
              <w:t xml:space="preserve">        title: '',</w:t>
            </w:r>
          </w:p>
          <w:p w:rsidR="00156FB3" w:rsidRDefault="00156FB3" w:rsidP="00156FB3">
            <w:r>
              <w:t xml:space="preserve">        titleText: '',</w:t>
            </w:r>
          </w:p>
          <w:p w:rsidR="00156FB3" w:rsidRDefault="00156FB3" w:rsidP="00156FB3">
            <w:r>
              <w:t xml:space="preserve">        text: '',</w:t>
            </w:r>
          </w:p>
          <w:p w:rsidR="00156FB3" w:rsidRDefault="00156FB3" w:rsidP="00156FB3">
            <w:r>
              <w:t xml:space="preserve">        html: '',</w:t>
            </w:r>
          </w:p>
          <w:p w:rsidR="00156FB3" w:rsidRDefault="00156FB3" w:rsidP="00156FB3">
            <w:r>
              <w:t xml:space="preserve">        footer: '',</w:t>
            </w:r>
          </w:p>
          <w:p w:rsidR="00156FB3" w:rsidRDefault="00156FB3" w:rsidP="00156FB3">
            <w:r>
              <w:t xml:space="preserve">        icon: undefined,</w:t>
            </w:r>
          </w:p>
          <w:p w:rsidR="00156FB3" w:rsidRDefault="00156FB3" w:rsidP="00156FB3">
            <w:r>
              <w:t xml:space="preserve">        iconHtml: undefined,</w:t>
            </w:r>
          </w:p>
          <w:p w:rsidR="00156FB3" w:rsidRDefault="00156FB3" w:rsidP="00156FB3">
            <w:r>
              <w:t xml:space="preserve">        toast: false,</w:t>
            </w:r>
          </w:p>
          <w:p w:rsidR="00156FB3" w:rsidRDefault="00156FB3" w:rsidP="00156FB3">
            <w:r>
              <w:t xml:space="preserve">        animation: true,</w:t>
            </w:r>
          </w:p>
          <w:p w:rsidR="00156FB3" w:rsidRDefault="00156FB3" w:rsidP="00156FB3">
            <w:r>
              <w:t xml:space="preserve">        showClass: {</w:t>
            </w:r>
          </w:p>
          <w:p w:rsidR="00156FB3" w:rsidRDefault="00156FB3" w:rsidP="00156FB3">
            <w:r>
              <w:t xml:space="preserve">            popup: 'swal2-show',</w:t>
            </w:r>
          </w:p>
          <w:p w:rsidR="00156FB3" w:rsidRDefault="00156FB3" w:rsidP="00156FB3">
            <w:r>
              <w:t xml:space="preserve">            backdrop: 'swal2-backdrop-show',</w:t>
            </w:r>
          </w:p>
          <w:p w:rsidR="00156FB3" w:rsidRDefault="00156FB3" w:rsidP="00156FB3">
            <w:r>
              <w:t xml:space="preserve">            icon: 'swal2-icon-show'</w:t>
            </w:r>
          </w:p>
          <w:p w:rsidR="00156FB3" w:rsidRDefault="00156FB3" w:rsidP="00156FB3">
            <w:r>
              <w:t xml:space="preserve">        },</w:t>
            </w:r>
          </w:p>
          <w:p w:rsidR="00156FB3" w:rsidRDefault="00156FB3" w:rsidP="00156FB3">
            <w:r>
              <w:t xml:space="preserve">        hideClass: {</w:t>
            </w:r>
          </w:p>
          <w:p w:rsidR="00156FB3" w:rsidRDefault="00156FB3" w:rsidP="00156FB3">
            <w:r>
              <w:t xml:space="preserve">            popup: 'swal2-hide',</w:t>
            </w:r>
          </w:p>
          <w:p w:rsidR="00156FB3" w:rsidRDefault="00156FB3" w:rsidP="00156FB3">
            <w:r>
              <w:t xml:space="preserve">            backdrop: 'swal2-backdrop-hide',</w:t>
            </w:r>
          </w:p>
          <w:p w:rsidR="00156FB3" w:rsidRDefault="00156FB3" w:rsidP="00156FB3">
            <w:r>
              <w:t xml:space="preserve">            icon: 'swal2-icon-hide'</w:t>
            </w:r>
          </w:p>
          <w:p w:rsidR="00156FB3" w:rsidRDefault="00156FB3" w:rsidP="00156FB3">
            <w:r>
              <w:t xml:space="preserve">        },</w:t>
            </w:r>
          </w:p>
          <w:p w:rsidR="00156FB3" w:rsidRDefault="00156FB3" w:rsidP="00156FB3">
            <w:r>
              <w:t xml:space="preserve">        customClass: undefined,</w:t>
            </w:r>
          </w:p>
          <w:p w:rsidR="00156FB3" w:rsidRDefault="00156FB3" w:rsidP="00156FB3">
            <w:r>
              <w:t xml:space="preserve">        target: 'body',</w:t>
            </w:r>
          </w:p>
          <w:p w:rsidR="00156FB3" w:rsidRDefault="00156FB3" w:rsidP="00156FB3">
            <w:r>
              <w:t xml:space="preserve">        backdrop: true,</w:t>
            </w:r>
          </w:p>
          <w:p w:rsidR="00156FB3" w:rsidRDefault="00156FB3" w:rsidP="00156FB3">
            <w:r>
              <w:t xml:space="preserve">        heightAuto: true,</w:t>
            </w:r>
          </w:p>
          <w:p w:rsidR="00156FB3" w:rsidRDefault="00156FB3" w:rsidP="00156FB3">
            <w:r>
              <w:t xml:space="preserve">        allowOutsideClick: false,</w:t>
            </w:r>
          </w:p>
          <w:p w:rsidR="00156FB3" w:rsidRDefault="00156FB3" w:rsidP="00156FB3">
            <w:r>
              <w:t xml:space="preserve">        allowEscapeKey: false,</w:t>
            </w:r>
          </w:p>
          <w:p w:rsidR="00156FB3" w:rsidRDefault="00156FB3" w:rsidP="00156FB3">
            <w:r>
              <w:t xml:space="preserve">        allowEnterKey: false,</w:t>
            </w:r>
          </w:p>
          <w:p w:rsidR="00156FB3" w:rsidRDefault="00156FB3" w:rsidP="00156FB3">
            <w:r>
              <w:t xml:space="preserve">        stopKeydownPropagation: true,</w:t>
            </w:r>
          </w:p>
          <w:p w:rsidR="00156FB3" w:rsidRDefault="00156FB3" w:rsidP="00156FB3">
            <w:r>
              <w:t xml:space="preserve">        keydownListenerCapture: false,</w:t>
            </w:r>
          </w:p>
          <w:p w:rsidR="00156FB3" w:rsidRDefault="00156FB3" w:rsidP="00156FB3">
            <w:r>
              <w:t xml:space="preserve">        showConfirmButton: true,</w:t>
            </w:r>
          </w:p>
          <w:p w:rsidR="00156FB3" w:rsidRDefault="00156FB3" w:rsidP="00156FB3">
            <w:r>
              <w:t xml:space="preserve">        showCancelButton: false,</w:t>
            </w:r>
          </w:p>
          <w:p w:rsidR="00156FB3" w:rsidRDefault="00156FB3" w:rsidP="00156FB3">
            <w:r>
              <w:t xml:space="preserve">        preConfirm: undefined,</w:t>
            </w:r>
          </w:p>
          <w:p w:rsidR="00156FB3" w:rsidRDefault="00156FB3" w:rsidP="00156FB3">
            <w:r>
              <w:t xml:space="preserve">        confirmButtonText: 'OK',</w:t>
            </w:r>
          </w:p>
          <w:p w:rsidR="00156FB3" w:rsidRDefault="00156FB3" w:rsidP="00156FB3">
            <w:r>
              <w:t xml:space="preserve">        confirmButtonAriaLabel: '',</w:t>
            </w:r>
          </w:p>
          <w:p w:rsidR="00156FB3" w:rsidRDefault="00156FB3" w:rsidP="00156FB3">
            <w:r>
              <w:t xml:space="preserve">        confirmButtonColor: undefined,</w:t>
            </w:r>
          </w:p>
          <w:p w:rsidR="00156FB3" w:rsidRDefault="00156FB3" w:rsidP="00156FB3">
            <w:r>
              <w:t xml:space="preserve">        cancelButtonText: 'Cancel',</w:t>
            </w:r>
          </w:p>
          <w:p w:rsidR="00156FB3" w:rsidRDefault="00156FB3" w:rsidP="00156FB3">
            <w:r>
              <w:t xml:space="preserve">        cancelButtonAriaLabel: '',</w:t>
            </w:r>
          </w:p>
          <w:p w:rsidR="00156FB3" w:rsidRDefault="00156FB3" w:rsidP="00156FB3">
            <w:r>
              <w:t xml:space="preserve">        cancelButtonColor: undefined,</w:t>
            </w:r>
          </w:p>
          <w:p w:rsidR="00156FB3" w:rsidRDefault="00156FB3" w:rsidP="00156FB3">
            <w:r>
              <w:t xml:space="preserve">        buttonsStyling: true,</w:t>
            </w:r>
          </w:p>
          <w:p w:rsidR="00156FB3" w:rsidRDefault="00156FB3" w:rsidP="00156FB3">
            <w:r>
              <w:t xml:space="preserve">        reverseButtons: false,</w:t>
            </w:r>
          </w:p>
          <w:p w:rsidR="00156FB3" w:rsidRDefault="00156FB3" w:rsidP="00156FB3">
            <w:r>
              <w:t xml:space="preserve">        focusConfirm: true,</w:t>
            </w:r>
          </w:p>
          <w:p w:rsidR="00156FB3" w:rsidRDefault="00156FB3" w:rsidP="00156FB3">
            <w:r>
              <w:t xml:space="preserve">        focusCancel: false,</w:t>
            </w:r>
          </w:p>
          <w:p w:rsidR="00156FB3" w:rsidRDefault="00156FB3" w:rsidP="00156FB3">
            <w:r>
              <w:t xml:space="preserve">        showCloseButton: false,</w:t>
            </w:r>
          </w:p>
          <w:p w:rsidR="00156FB3" w:rsidRDefault="00156FB3" w:rsidP="00156FB3">
            <w:r>
              <w:t xml:space="preserve">        closeButtonHtml: '&amp;times;',</w:t>
            </w:r>
          </w:p>
          <w:p w:rsidR="00156FB3" w:rsidRDefault="00156FB3" w:rsidP="00156FB3">
            <w:r>
              <w:t xml:space="preserve">        closeButtonAriaLabel: 'Close this dialog',</w:t>
            </w:r>
          </w:p>
          <w:p w:rsidR="00156FB3" w:rsidRDefault="00156FB3" w:rsidP="00156FB3">
            <w:r>
              <w:t xml:space="preserve">        showLoaderOnConfirm: false,</w:t>
            </w:r>
          </w:p>
          <w:p w:rsidR="00156FB3" w:rsidRDefault="00156FB3" w:rsidP="00156FB3">
            <w:r>
              <w:t xml:space="preserve">        imageUrl: undefined,</w:t>
            </w:r>
          </w:p>
          <w:p w:rsidR="00156FB3" w:rsidRDefault="00156FB3" w:rsidP="00156FB3">
            <w:r>
              <w:lastRenderedPageBreak/>
              <w:t xml:space="preserve">        imageWidth: undefined,</w:t>
            </w:r>
          </w:p>
          <w:p w:rsidR="00156FB3" w:rsidRDefault="00156FB3" w:rsidP="00156FB3">
            <w:r>
              <w:t xml:space="preserve">        imageHeight: undefined,</w:t>
            </w:r>
          </w:p>
          <w:p w:rsidR="00156FB3" w:rsidRDefault="00156FB3" w:rsidP="00156FB3">
            <w:r>
              <w:t xml:space="preserve">        imageAlt: '',</w:t>
            </w:r>
          </w:p>
          <w:p w:rsidR="00156FB3" w:rsidRDefault="00156FB3" w:rsidP="00156FB3">
            <w:r>
              <w:t xml:space="preserve">        timer: undefined,</w:t>
            </w:r>
          </w:p>
          <w:p w:rsidR="00156FB3" w:rsidRDefault="00156FB3" w:rsidP="00156FB3">
            <w:r>
              <w:t xml:space="preserve">        timerProgressBar: false,</w:t>
            </w:r>
          </w:p>
          <w:p w:rsidR="00156FB3" w:rsidRDefault="00156FB3" w:rsidP="00156FB3">
            <w:r>
              <w:t xml:space="preserve">        width: undefined,</w:t>
            </w:r>
          </w:p>
          <w:p w:rsidR="00156FB3" w:rsidRDefault="00156FB3" w:rsidP="00156FB3">
            <w:r>
              <w:t xml:space="preserve">        padding: undefined,</w:t>
            </w:r>
          </w:p>
          <w:p w:rsidR="00156FB3" w:rsidRDefault="00156FB3" w:rsidP="00156FB3">
            <w:r>
              <w:t xml:space="preserve">        background: undefined,</w:t>
            </w:r>
          </w:p>
          <w:p w:rsidR="00156FB3" w:rsidRDefault="00156FB3" w:rsidP="00156FB3">
            <w:r>
              <w:t xml:space="preserve">        input: undefined,</w:t>
            </w:r>
          </w:p>
          <w:p w:rsidR="00156FB3" w:rsidRDefault="00156FB3" w:rsidP="00156FB3">
            <w:r>
              <w:t xml:space="preserve">        inputPlaceholder: '',</w:t>
            </w:r>
          </w:p>
          <w:p w:rsidR="00156FB3" w:rsidRDefault="00156FB3" w:rsidP="00156FB3">
            <w:r>
              <w:t xml:space="preserve">        inputValue: '',</w:t>
            </w:r>
          </w:p>
          <w:p w:rsidR="00156FB3" w:rsidRDefault="00156FB3" w:rsidP="00156FB3">
            <w:r>
              <w:t xml:space="preserve">        inputOptions: {},</w:t>
            </w:r>
          </w:p>
          <w:p w:rsidR="00156FB3" w:rsidRDefault="00156FB3" w:rsidP="00156FB3">
            <w:r>
              <w:t xml:space="preserve">        inputAutoTrim: true,</w:t>
            </w:r>
          </w:p>
          <w:p w:rsidR="00156FB3" w:rsidRDefault="00156FB3" w:rsidP="00156FB3">
            <w:r>
              <w:t xml:space="preserve">        inputAttributes: {},</w:t>
            </w:r>
          </w:p>
          <w:p w:rsidR="00156FB3" w:rsidRDefault="00156FB3" w:rsidP="00156FB3">
            <w:r>
              <w:t xml:space="preserve">        inputValidator: undefined,</w:t>
            </w:r>
          </w:p>
          <w:p w:rsidR="00156FB3" w:rsidRDefault="00156FB3" w:rsidP="00156FB3">
            <w:r>
              <w:t xml:space="preserve">        validationMessage: undefined,</w:t>
            </w:r>
          </w:p>
          <w:p w:rsidR="00156FB3" w:rsidRDefault="00156FB3" w:rsidP="00156FB3">
            <w:r>
              <w:t xml:space="preserve">        grow: false,</w:t>
            </w:r>
          </w:p>
          <w:p w:rsidR="00156FB3" w:rsidRDefault="00156FB3" w:rsidP="00156FB3">
            <w:r>
              <w:t xml:space="preserve">        position: 'center',</w:t>
            </w:r>
          </w:p>
          <w:p w:rsidR="00156FB3" w:rsidRDefault="00156FB3" w:rsidP="00156FB3">
            <w:r>
              <w:t xml:space="preserve">        progressSteps: [],</w:t>
            </w:r>
          </w:p>
          <w:p w:rsidR="00156FB3" w:rsidRDefault="00156FB3" w:rsidP="00156FB3">
            <w:r>
              <w:t xml:space="preserve">        currentProgressStep: undefined,</w:t>
            </w:r>
          </w:p>
          <w:p w:rsidR="00156FB3" w:rsidRDefault="00156FB3" w:rsidP="00156FB3">
            <w:r>
              <w:t xml:space="preserve">        progressStepsDistance: undefined,</w:t>
            </w:r>
          </w:p>
          <w:p w:rsidR="00156FB3" w:rsidRDefault="00156FB3" w:rsidP="00156FB3">
            <w:r>
              <w:t xml:space="preserve">        onBeforeOpen: undefined,</w:t>
            </w:r>
          </w:p>
          <w:p w:rsidR="00156FB3" w:rsidRDefault="00156FB3" w:rsidP="00156FB3">
            <w:r>
              <w:t xml:space="preserve">        onOpen: undefined,</w:t>
            </w:r>
          </w:p>
          <w:p w:rsidR="00156FB3" w:rsidRDefault="00156FB3" w:rsidP="00156FB3">
            <w:r>
              <w:t xml:space="preserve">        onRender: undefined,</w:t>
            </w:r>
          </w:p>
          <w:p w:rsidR="00156FB3" w:rsidRDefault="00156FB3" w:rsidP="00156FB3">
            <w:r>
              <w:t xml:space="preserve">        onClose: undefined,</w:t>
            </w:r>
          </w:p>
          <w:p w:rsidR="00156FB3" w:rsidRDefault="00156FB3" w:rsidP="00156FB3">
            <w:r>
              <w:t xml:space="preserve">        onAfterClose: undefined,</w:t>
            </w:r>
          </w:p>
          <w:p w:rsidR="00156FB3" w:rsidRDefault="00156FB3" w:rsidP="00156FB3">
            <w:r>
              <w:t xml:space="preserve">        scrollbarPadding: true</w:t>
            </w:r>
          </w:p>
          <w:p w:rsidR="00156FB3" w:rsidRDefault="00156FB3" w:rsidP="00156FB3">
            <w:r>
              <w:t xml:space="preserve">    };</w:t>
            </w:r>
          </w:p>
          <w:p w:rsidR="00156FB3" w:rsidRDefault="00156FB3" w:rsidP="00156FB3">
            <w:r>
              <w:t xml:space="preserve">    var updatableParams = ['title', 'titleText', 'text', 'html', 'icon', 'customClass', 'showConfirmButton', 'showCancelButton', 'confirmButtonText', 'confirmButtonAriaLabel', 'confirmButtonColor', 'cancelButtonText', 'cancelButtonAriaLabel', 'cancelButtonColor', 'buttonsStyling', 'reverseButtons', 'imageUrl', 'imageWidth', 'imageHeight', 'imageAlt', 'progressSteps', 'currentProgressStep'];</w:t>
            </w:r>
          </w:p>
          <w:p w:rsidR="00156FB3" w:rsidRDefault="00156FB3" w:rsidP="00156FB3">
            <w:r>
              <w:t xml:space="preserve">    var deprecatedParams = {</w:t>
            </w:r>
          </w:p>
          <w:p w:rsidR="00156FB3" w:rsidRDefault="00156FB3" w:rsidP="00156FB3">
            <w:r>
              <w:t xml:space="preserve">        animation: 'showClass" and "hideClass'</w:t>
            </w:r>
          </w:p>
          <w:p w:rsidR="00156FB3" w:rsidRDefault="00156FB3" w:rsidP="00156FB3">
            <w:r>
              <w:t xml:space="preserve">    };</w:t>
            </w:r>
          </w:p>
          <w:p w:rsidR="00156FB3" w:rsidRDefault="00156FB3" w:rsidP="00156FB3">
            <w:r>
              <w:t xml:space="preserve">    var toastIncompatibleParams = ['allowOutsideClick', 'allowEnterKey', 'backdrop', 'focusConfirm', 'focusCancel', 'heightAuto', 'keydownListenerCapture'];</w:t>
            </w:r>
          </w:p>
          <w:p w:rsidR="00156FB3" w:rsidRDefault="00156FB3" w:rsidP="00156FB3">
            <w:r>
              <w:t xml:space="preserve">    /**</w:t>
            </w:r>
          </w:p>
          <w:p w:rsidR="00156FB3" w:rsidRDefault="00156FB3" w:rsidP="00156FB3">
            <w:r>
              <w:t xml:space="preserve">     * Is valid parameter</w:t>
            </w:r>
          </w:p>
          <w:p w:rsidR="00156FB3" w:rsidRDefault="00156FB3" w:rsidP="00156FB3">
            <w:r>
              <w:t xml:space="preserve">     * @param {String} paramName</w:t>
            </w:r>
          </w:p>
          <w:p w:rsidR="00156FB3" w:rsidRDefault="00156FB3" w:rsidP="00156FB3">
            <w:r>
              <w:t xml:space="preserve">     */</w:t>
            </w:r>
          </w:p>
          <w:p w:rsidR="00156FB3" w:rsidRDefault="00156FB3" w:rsidP="00156FB3"/>
          <w:p w:rsidR="00156FB3" w:rsidRDefault="00156FB3" w:rsidP="00156FB3">
            <w:r>
              <w:t xml:space="preserve">    var isValidParameter = function isValidParameter(paramName) {</w:t>
            </w:r>
          </w:p>
          <w:p w:rsidR="00156FB3" w:rsidRDefault="00156FB3" w:rsidP="00156FB3">
            <w:r>
              <w:t xml:space="preserve">        return Object.prototype.hasOwnProperty.call(defaultParams, paramName);</w:t>
            </w:r>
          </w:p>
          <w:p w:rsidR="00156FB3" w:rsidRDefault="00156FB3" w:rsidP="00156FB3">
            <w:r>
              <w:t xml:space="preserve">    };</w:t>
            </w:r>
          </w:p>
          <w:p w:rsidR="00156FB3" w:rsidRDefault="00156FB3" w:rsidP="00156FB3">
            <w:r>
              <w:t xml:space="preserve">    /**</w:t>
            </w:r>
          </w:p>
          <w:p w:rsidR="00156FB3" w:rsidRDefault="00156FB3" w:rsidP="00156FB3">
            <w:r>
              <w:t xml:space="preserve">     * Is valid parameter for Swal.update() method</w:t>
            </w:r>
          </w:p>
          <w:p w:rsidR="00156FB3" w:rsidRDefault="00156FB3" w:rsidP="00156FB3">
            <w:r>
              <w:t xml:space="preserve">     * @param {String} paramName</w:t>
            </w:r>
          </w:p>
          <w:p w:rsidR="00156FB3" w:rsidRDefault="00156FB3" w:rsidP="00156FB3">
            <w:r>
              <w:lastRenderedPageBreak/>
              <w:t xml:space="preserve">     */</w:t>
            </w:r>
          </w:p>
          <w:p w:rsidR="00156FB3" w:rsidRDefault="00156FB3" w:rsidP="00156FB3"/>
          <w:p w:rsidR="00156FB3" w:rsidRDefault="00156FB3" w:rsidP="00156FB3">
            <w:r>
              <w:t xml:space="preserve">    var isUpdatableParameter = function isUpdatableParameter(paramName) {</w:t>
            </w:r>
          </w:p>
          <w:p w:rsidR="00156FB3" w:rsidRDefault="00156FB3" w:rsidP="00156FB3">
            <w:r>
              <w:t xml:space="preserve">        return updatableParams.indexOf(paramName) !== -1;</w:t>
            </w:r>
          </w:p>
          <w:p w:rsidR="00156FB3" w:rsidRDefault="00156FB3" w:rsidP="00156FB3">
            <w:r>
              <w:t xml:space="preserve">    };</w:t>
            </w:r>
          </w:p>
          <w:p w:rsidR="00156FB3" w:rsidRDefault="00156FB3" w:rsidP="00156FB3">
            <w:r>
              <w:t xml:space="preserve">    /**</w:t>
            </w:r>
          </w:p>
          <w:p w:rsidR="00156FB3" w:rsidRDefault="00156FB3" w:rsidP="00156FB3">
            <w:r>
              <w:t xml:space="preserve">     * Is deprecated parameter</w:t>
            </w:r>
          </w:p>
          <w:p w:rsidR="00156FB3" w:rsidRDefault="00156FB3" w:rsidP="00156FB3">
            <w:r>
              <w:t xml:space="preserve">     * @param {String} paramName</w:t>
            </w:r>
          </w:p>
          <w:p w:rsidR="00156FB3" w:rsidRDefault="00156FB3" w:rsidP="00156FB3">
            <w:r>
              <w:t xml:space="preserve">     */</w:t>
            </w:r>
          </w:p>
          <w:p w:rsidR="00156FB3" w:rsidRDefault="00156FB3" w:rsidP="00156FB3"/>
          <w:p w:rsidR="00156FB3" w:rsidRDefault="00156FB3" w:rsidP="00156FB3">
            <w:r>
              <w:t xml:space="preserve">    var isDeprecatedParameter = function isDeprecatedParameter(paramName) {</w:t>
            </w:r>
          </w:p>
          <w:p w:rsidR="00156FB3" w:rsidRDefault="00156FB3" w:rsidP="00156FB3">
            <w:r>
              <w:t xml:space="preserve">        return deprecatedParams[paramName];</w:t>
            </w:r>
          </w:p>
          <w:p w:rsidR="00156FB3" w:rsidRDefault="00156FB3" w:rsidP="00156FB3">
            <w:r>
              <w:t xml:space="preserve">    };</w:t>
            </w:r>
          </w:p>
          <w:p w:rsidR="00156FB3" w:rsidRDefault="00156FB3" w:rsidP="00156FB3"/>
          <w:p w:rsidR="00156FB3" w:rsidRDefault="00156FB3" w:rsidP="00156FB3">
            <w:r>
              <w:t xml:space="preserve">    var checkIfParamIsValid = function checkIfParamIsValid(param) {</w:t>
            </w:r>
          </w:p>
          <w:p w:rsidR="00156FB3" w:rsidRDefault="00156FB3" w:rsidP="00156FB3">
            <w:r>
              <w:t xml:space="preserve">        if (!isValidParameter(param)) {</w:t>
            </w:r>
          </w:p>
          <w:p w:rsidR="00156FB3" w:rsidRDefault="00156FB3" w:rsidP="00156FB3">
            <w:r>
              <w:t xml:space="preserve">            warn("Unknown parameter \"".concat(param,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checkIfToastParamIsValid = function checkIfToastParamIsValid(param) {</w:t>
            </w:r>
          </w:p>
          <w:p w:rsidR="00156FB3" w:rsidRDefault="00156FB3" w:rsidP="00156FB3">
            <w:r>
              <w:t xml:space="preserve">        if (toastIncompatibleParams.indexOf(param) !== -1) {</w:t>
            </w:r>
          </w:p>
          <w:p w:rsidR="00156FB3" w:rsidRDefault="00156FB3" w:rsidP="00156FB3">
            <w:r>
              <w:t xml:space="preserve">            warn("The parameter \"".concat(param, "\" is incompatible with toast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checkIfParamIsDeprecated = function checkIfParamIsDeprecated(param) {</w:t>
            </w:r>
          </w:p>
          <w:p w:rsidR="00156FB3" w:rsidRDefault="00156FB3" w:rsidP="00156FB3">
            <w:r>
              <w:t xml:space="preserve">        if (isDeprecatedParameter(param)) {</w:t>
            </w:r>
          </w:p>
          <w:p w:rsidR="00156FB3" w:rsidRDefault="00156FB3" w:rsidP="00156FB3">
            <w:r>
              <w:t xml:space="preserve">            warnAboutDepreation(param, isDeprecatedParameter(param));</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 Show relevant warnings for given params</w:t>
            </w:r>
          </w:p>
          <w:p w:rsidR="00156FB3" w:rsidRDefault="00156FB3" w:rsidP="00156FB3">
            <w:r>
              <w:t xml:space="preserve">     *</w:t>
            </w:r>
          </w:p>
          <w:p w:rsidR="00156FB3" w:rsidRDefault="00156FB3" w:rsidP="00156FB3">
            <w:r>
              <w:t xml:space="preserve">     * @param params</w:t>
            </w:r>
          </w:p>
          <w:p w:rsidR="00156FB3" w:rsidRDefault="00156FB3" w:rsidP="00156FB3">
            <w:r>
              <w:t xml:space="preserve">     */</w:t>
            </w:r>
          </w:p>
          <w:p w:rsidR="00156FB3" w:rsidRDefault="00156FB3" w:rsidP="00156FB3"/>
          <w:p w:rsidR="00156FB3" w:rsidRDefault="00156FB3" w:rsidP="00156FB3"/>
          <w:p w:rsidR="00156FB3" w:rsidRDefault="00156FB3" w:rsidP="00156FB3">
            <w:r>
              <w:t xml:space="preserve">    var showWarningsForParams = function showWarningsForParams(params) {</w:t>
            </w:r>
          </w:p>
          <w:p w:rsidR="00156FB3" w:rsidRDefault="00156FB3" w:rsidP="00156FB3">
            <w:r>
              <w:t xml:space="preserve">        for (var param in params) {</w:t>
            </w:r>
          </w:p>
          <w:p w:rsidR="00156FB3" w:rsidRDefault="00156FB3" w:rsidP="00156FB3">
            <w:r>
              <w:t xml:space="preserve">            checkIfParamIsValid(param);</w:t>
            </w:r>
          </w:p>
          <w:p w:rsidR="00156FB3" w:rsidRDefault="00156FB3" w:rsidP="00156FB3"/>
          <w:p w:rsidR="00156FB3" w:rsidRDefault="00156FB3" w:rsidP="00156FB3">
            <w:r>
              <w:t xml:space="preserve">            if (params.toast) {</w:t>
            </w:r>
          </w:p>
          <w:p w:rsidR="00156FB3" w:rsidRDefault="00156FB3" w:rsidP="00156FB3">
            <w:r>
              <w:t xml:space="preserve">                checkIfToastParamIsValid(param);</w:t>
            </w:r>
          </w:p>
          <w:p w:rsidR="00156FB3" w:rsidRDefault="00156FB3" w:rsidP="00156FB3">
            <w:r>
              <w:t xml:space="preserve">            }</w:t>
            </w:r>
          </w:p>
          <w:p w:rsidR="00156FB3" w:rsidRDefault="00156FB3" w:rsidP="00156FB3"/>
          <w:p w:rsidR="00156FB3" w:rsidRDefault="00156FB3" w:rsidP="00156FB3">
            <w:r>
              <w:t xml:space="preserve">            checkIfParamIsDeprecated(param);</w:t>
            </w:r>
          </w:p>
          <w:p w:rsidR="00156FB3" w:rsidRDefault="00156FB3" w:rsidP="00156FB3">
            <w:r>
              <w:t xml:space="preserve">        }</w:t>
            </w:r>
          </w:p>
          <w:p w:rsidR="00156FB3" w:rsidRDefault="00156FB3" w:rsidP="00156FB3">
            <w:r>
              <w:lastRenderedPageBreak/>
              <w:t xml:space="preserve">    };</w:t>
            </w:r>
          </w:p>
          <w:p w:rsidR="00156FB3" w:rsidRDefault="00156FB3" w:rsidP="00156FB3"/>
          <w:p w:rsidR="00156FB3" w:rsidRDefault="00156FB3" w:rsidP="00156FB3"/>
          <w:p w:rsidR="00156FB3" w:rsidRDefault="00156FB3" w:rsidP="00156FB3"/>
          <w:p w:rsidR="00156FB3" w:rsidRDefault="00156FB3" w:rsidP="00156FB3">
            <w:r>
              <w:t xml:space="preserve">    var staticMethods = Object.freeze({</w:t>
            </w:r>
          </w:p>
          <w:p w:rsidR="00156FB3" w:rsidRDefault="00156FB3" w:rsidP="00156FB3">
            <w:r>
              <w:t xml:space="preserve">        isValidParameter: isValidParameter,</w:t>
            </w:r>
          </w:p>
          <w:p w:rsidR="00156FB3" w:rsidRDefault="00156FB3" w:rsidP="00156FB3">
            <w:r>
              <w:t xml:space="preserve">        isUpdatableParameter: isUpdatableParameter,</w:t>
            </w:r>
          </w:p>
          <w:p w:rsidR="00156FB3" w:rsidRDefault="00156FB3" w:rsidP="00156FB3">
            <w:r>
              <w:t xml:space="preserve">        isDeprecatedParameter: isDeprecatedParameter,</w:t>
            </w:r>
          </w:p>
          <w:p w:rsidR="00156FB3" w:rsidRDefault="00156FB3" w:rsidP="00156FB3">
            <w:r>
              <w:t xml:space="preserve">        argsToParams: argsToParams,</w:t>
            </w:r>
          </w:p>
          <w:p w:rsidR="00156FB3" w:rsidRDefault="00156FB3" w:rsidP="00156FB3">
            <w:r>
              <w:t xml:space="preserve">        isVisible: isVisible$1,</w:t>
            </w:r>
          </w:p>
          <w:p w:rsidR="00156FB3" w:rsidRDefault="00156FB3" w:rsidP="00156FB3">
            <w:r>
              <w:t xml:space="preserve">        clickConfirm: clickConfirm,</w:t>
            </w:r>
          </w:p>
          <w:p w:rsidR="00156FB3" w:rsidRDefault="00156FB3" w:rsidP="00156FB3">
            <w:r>
              <w:t xml:space="preserve">        clickCancel: clickCancel,</w:t>
            </w:r>
          </w:p>
          <w:p w:rsidR="00156FB3" w:rsidRDefault="00156FB3" w:rsidP="00156FB3">
            <w:r>
              <w:t xml:space="preserve">        getContainer: getContainer,</w:t>
            </w:r>
          </w:p>
          <w:p w:rsidR="00156FB3" w:rsidRDefault="00156FB3" w:rsidP="00156FB3">
            <w:r>
              <w:t xml:space="preserve">        getPopup: getPopup,</w:t>
            </w:r>
          </w:p>
          <w:p w:rsidR="00156FB3" w:rsidRDefault="00156FB3" w:rsidP="00156FB3">
            <w:r>
              <w:t xml:space="preserve">        getTitle: getTitle,</w:t>
            </w:r>
          </w:p>
          <w:p w:rsidR="00156FB3" w:rsidRDefault="00156FB3" w:rsidP="00156FB3">
            <w:r>
              <w:t xml:space="preserve">        getContent: getContent,</w:t>
            </w:r>
          </w:p>
          <w:p w:rsidR="00156FB3" w:rsidRDefault="00156FB3" w:rsidP="00156FB3">
            <w:r>
              <w:t xml:space="preserve">        getHtmlContainer: getHtmlContainer,</w:t>
            </w:r>
          </w:p>
          <w:p w:rsidR="00156FB3" w:rsidRDefault="00156FB3" w:rsidP="00156FB3">
            <w:r>
              <w:t xml:space="preserve">        getImage: getImage,</w:t>
            </w:r>
          </w:p>
          <w:p w:rsidR="00156FB3" w:rsidRDefault="00156FB3" w:rsidP="00156FB3">
            <w:r>
              <w:t xml:space="preserve">        getIcon: getIcon,</w:t>
            </w:r>
          </w:p>
          <w:p w:rsidR="00156FB3" w:rsidRDefault="00156FB3" w:rsidP="00156FB3">
            <w:r>
              <w:t xml:space="preserve">        getIcons: getIcons,</w:t>
            </w:r>
          </w:p>
          <w:p w:rsidR="00156FB3" w:rsidRDefault="00156FB3" w:rsidP="00156FB3">
            <w:r>
              <w:t xml:space="preserve">        getCloseButton: getCloseButton,</w:t>
            </w:r>
          </w:p>
          <w:p w:rsidR="00156FB3" w:rsidRDefault="00156FB3" w:rsidP="00156FB3">
            <w:r>
              <w:t xml:space="preserve">        getActions: getActions,</w:t>
            </w:r>
          </w:p>
          <w:p w:rsidR="00156FB3" w:rsidRDefault="00156FB3" w:rsidP="00156FB3">
            <w:r>
              <w:t xml:space="preserve">        getConfirmButton: getConfirmButton,</w:t>
            </w:r>
          </w:p>
          <w:p w:rsidR="00156FB3" w:rsidRDefault="00156FB3" w:rsidP="00156FB3">
            <w:r>
              <w:t xml:space="preserve">        getCancelButton: getCancelButton,</w:t>
            </w:r>
          </w:p>
          <w:p w:rsidR="00156FB3" w:rsidRDefault="00156FB3" w:rsidP="00156FB3">
            <w:r>
              <w:t xml:space="preserve">        getHeader: getHeader,</w:t>
            </w:r>
          </w:p>
          <w:p w:rsidR="00156FB3" w:rsidRDefault="00156FB3" w:rsidP="00156FB3">
            <w:r>
              <w:t xml:space="preserve">        getFooter: getFooter,</w:t>
            </w:r>
          </w:p>
          <w:p w:rsidR="00156FB3" w:rsidRDefault="00156FB3" w:rsidP="00156FB3">
            <w:r>
              <w:t xml:space="preserve">        getFocusableElements: getFocusableElements,</w:t>
            </w:r>
          </w:p>
          <w:p w:rsidR="00156FB3" w:rsidRDefault="00156FB3" w:rsidP="00156FB3">
            <w:r>
              <w:t xml:space="preserve">        getValidationMessage: getValidationMessage,</w:t>
            </w:r>
          </w:p>
          <w:p w:rsidR="00156FB3" w:rsidRDefault="00156FB3" w:rsidP="00156FB3">
            <w:r>
              <w:t xml:space="preserve">        isLoading: isLoading,</w:t>
            </w:r>
          </w:p>
          <w:p w:rsidR="00156FB3" w:rsidRDefault="00156FB3" w:rsidP="00156FB3">
            <w:r>
              <w:t xml:space="preserve">        fire: fire,</w:t>
            </w:r>
          </w:p>
          <w:p w:rsidR="00156FB3" w:rsidRDefault="00156FB3" w:rsidP="00156FB3">
            <w:r>
              <w:t xml:space="preserve">        mixin: mixin,</w:t>
            </w:r>
          </w:p>
          <w:p w:rsidR="00156FB3" w:rsidRDefault="00156FB3" w:rsidP="00156FB3">
            <w:r>
              <w:t xml:space="preserve">        queue: queue,</w:t>
            </w:r>
          </w:p>
          <w:p w:rsidR="00156FB3" w:rsidRDefault="00156FB3" w:rsidP="00156FB3">
            <w:r>
              <w:t xml:space="preserve">        getQueueStep: getQueueStep,</w:t>
            </w:r>
          </w:p>
          <w:p w:rsidR="00156FB3" w:rsidRDefault="00156FB3" w:rsidP="00156FB3">
            <w:r>
              <w:t xml:space="preserve">        insertQueueStep: insertQueueStep,</w:t>
            </w:r>
          </w:p>
          <w:p w:rsidR="00156FB3" w:rsidRDefault="00156FB3" w:rsidP="00156FB3">
            <w:r>
              <w:t xml:space="preserve">        deleteQueueStep: deleteQueueStep,</w:t>
            </w:r>
          </w:p>
          <w:p w:rsidR="00156FB3" w:rsidRDefault="00156FB3" w:rsidP="00156FB3">
            <w:r>
              <w:t xml:space="preserve">        showLoading: showLoading,</w:t>
            </w:r>
          </w:p>
          <w:p w:rsidR="00156FB3" w:rsidRDefault="00156FB3" w:rsidP="00156FB3">
            <w:r>
              <w:t xml:space="preserve">        enableLoading: showLoading,</w:t>
            </w:r>
          </w:p>
          <w:p w:rsidR="00156FB3" w:rsidRDefault="00156FB3" w:rsidP="00156FB3">
            <w:r>
              <w:t xml:space="preserve">        getTimerLeft: getTimerLeft,</w:t>
            </w:r>
          </w:p>
          <w:p w:rsidR="00156FB3" w:rsidRDefault="00156FB3" w:rsidP="00156FB3">
            <w:r>
              <w:t xml:space="preserve">        stopTimer: stopTimer,</w:t>
            </w:r>
          </w:p>
          <w:p w:rsidR="00156FB3" w:rsidRDefault="00156FB3" w:rsidP="00156FB3">
            <w:r>
              <w:t xml:space="preserve">        resumeTimer: resumeTimer,</w:t>
            </w:r>
          </w:p>
          <w:p w:rsidR="00156FB3" w:rsidRDefault="00156FB3" w:rsidP="00156FB3">
            <w:r>
              <w:t xml:space="preserve">        toggleTimer: toggleTimer,</w:t>
            </w:r>
          </w:p>
          <w:p w:rsidR="00156FB3" w:rsidRDefault="00156FB3" w:rsidP="00156FB3">
            <w:r>
              <w:t xml:space="preserve">        increaseTimer: increaseTimer,</w:t>
            </w:r>
          </w:p>
          <w:p w:rsidR="00156FB3" w:rsidRDefault="00156FB3" w:rsidP="00156FB3">
            <w:r>
              <w:t xml:space="preserve">        isTimerRunning: isTimerRunnin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Enables buttons and hide loader.</w:t>
            </w:r>
          </w:p>
          <w:p w:rsidR="00156FB3" w:rsidRDefault="00156FB3" w:rsidP="00156FB3">
            <w:r>
              <w:t xml:space="preserve">     */</w:t>
            </w:r>
          </w:p>
          <w:p w:rsidR="00156FB3" w:rsidRDefault="00156FB3" w:rsidP="00156FB3"/>
          <w:p w:rsidR="00156FB3" w:rsidRDefault="00156FB3" w:rsidP="00156FB3">
            <w:r>
              <w:t xml:space="preserve">    function hideLoading() {</w:t>
            </w:r>
          </w:p>
          <w:p w:rsidR="00156FB3" w:rsidRDefault="00156FB3" w:rsidP="00156FB3">
            <w:r>
              <w:t xml:space="preserve">        // do nothing if popup is closed</w:t>
            </w:r>
          </w:p>
          <w:p w:rsidR="00156FB3" w:rsidRDefault="00156FB3" w:rsidP="00156FB3">
            <w:r>
              <w:t xml:space="preserve">        var innerParams = privateProps.innerParams.get(this);</w:t>
            </w:r>
          </w:p>
          <w:p w:rsidR="00156FB3" w:rsidRDefault="00156FB3" w:rsidP="00156FB3"/>
          <w:p w:rsidR="00156FB3" w:rsidRDefault="00156FB3" w:rsidP="00156FB3">
            <w:r>
              <w:t xml:space="preserve">        if (!innerParams)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var domCache = privateProps.domCache.get(this);</w:t>
            </w:r>
          </w:p>
          <w:p w:rsidR="00156FB3" w:rsidRDefault="00156FB3" w:rsidP="00156FB3"/>
          <w:p w:rsidR="00156FB3" w:rsidRDefault="00156FB3" w:rsidP="00156FB3">
            <w:r>
              <w:t xml:space="preserve">        if (!innerParams.showConfirmButton) {</w:t>
            </w:r>
          </w:p>
          <w:p w:rsidR="00156FB3" w:rsidRDefault="00156FB3" w:rsidP="00156FB3">
            <w:r>
              <w:t xml:space="preserve">            hide(domCache.confirmButton);</w:t>
            </w:r>
          </w:p>
          <w:p w:rsidR="00156FB3" w:rsidRDefault="00156FB3" w:rsidP="00156FB3"/>
          <w:p w:rsidR="00156FB3" w:rsidRDefault="00156FB3" w:rsidP="00156FB3">
            <w:r>
              <w:t xml:space="preserve">            if (!innerParams.showCancelButton) {</w:t>
            </w:r>
          </w:p>
          <w:p w:rsidR="00156FB3" w:rsidRDefault="00156FB3" w:rsidP="00156FB3">
            <w:r>
              <w:t xml:space="preserve">                hide(domCache.action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moveClass([domCache.popup, domCache.actions], swalClasses.loading);</w:t>
            </w:r>
          </w:p>
          <w:p w:rsidR="00156FB3" w:rsidRDefault="00156FB3" w:rsidP="00156FB3">
            <w:r>
              <w:t xml:space="preserve">        domCache.popup.removeAttribute('aria-busy');</w:t>
            </w:r>
          </w:p>
          <w:p w:rsidR="00156FB3" w:rsidRDefault="00156FB3" w:rsidP="00156FB3">
            <w:r>
              <w:t xml:space="preserve">        domCache.popup.removeAttribute('data-loading');</w:t>
            </w:r>
          </w:p>
          <w:p w:rsidR="00156FB3" w:rsidRDefault="00156FB3" w:rsidP="00156FB3">
            <w:r>
              <w:t xml:space="preserve">        domCache.confirmButton.disabled = false;</w:t>
            </w:r>
          </w:p>
          <w:p w:rsidR="00156FB3" w:rsidRDefault="00156FB3" w:rsidP="00156FB3">
            <w:r>
              <w:t xml:space="preserve">        domCache.cancelButton.disabled = false;</w:t>
            </w:r>
          </w:p>
          <w:p w:rsidR="00156FB3" w:rsidRDefault="00156FB3" w:rsidP="00156FB3">
            <w:r>
              <w:t xml:space="preserve">    }</w:t>
            </w:r>
          </w:p>
          <w:p w:rsidR="00156FB3" w:rsidRDefault="00156FB3" w:rsidP="00156FB3"/>
          <w:p w:rsidR="00156FB3" w:rsidRDefault="00156FB3" w:rsidP="00156FB3">
            <w:r>
              <w:t xml:space="preserve">    function getInput$1(instance) {</w:t>
            </w:r>
          </w:p>
          <w:p w:rsidR="00156FB3" w:rsidRDefault="00156FB3" w:rsidP="00156FB3">
            <w:r>
              <w:t xml:space="preserve">        var innerParams = privateProps.innerParams.get(instance || this);</w:t>
            </w:r>
          </w:p>
          <w:p w:rsidR="00156FB3" w:rsidRDefault="00156FB3" w:rsidP="00156FB3">
            <w:r>
              <w:t xml:space="preserve">        var domCache = privateProps.domCache.get(instance || this);</w:t>
            </w:r>
          </w:p>
          <w:p w:rsidR="00156FB3" w:rsidRDefault="00156FB3" w:rsidP="00156FB3"/>
          <w:p w:rsidR="00156FB3" w:rsidRDefault="00156FB3" w:rsidP="00156FB3">
            <w:r>
              <w:t xml:space="preserve">        if (!domCache) {</w:t>
            </w:r>
          </w:p>
          <w:p w:rsidR="00156FB3" w:rsidRDefault="00156FB3" w:rsidP="00156FB3">
            <w:r>
              <w:t xml:space="preserve">            return null;</w:t>
            </w:r>
          </w:p>
          <w:p w:rsidR="00156FB3" w:rsidRDefault="00156FB3" w:rsidP="00156FB3">
            <w:r>
              <w:t xml:space="preserve">        }</w:t>
            </w:r>
          </w:p>
          <w:p w:rsidR="00156FB3" w:rsidRDefault="00156FB3" w:rsidP="00156FB3"/>
          <w:p w:rsidR="00156FB3" w:rsidRDefault="00156FB3" w:rsidP="00156FB3">
            <w:r>
              <w:t xml:space="preserve">        return getInput(domCache.content, innerParams.input);</w:t>
            </w:r>
          </w:p>
          <w:p w:rsidR="00156FB3" w:rsidRDefault="00156FB3" w:rsidP="00156FB3">
            <w:r>
              <w:t xml:space="preserve">    }</w:t>
            </w:r>
          </w:p>
          <w:p w:rsidR="00156FB3" w:rsidRDefault="00156FB3" w:rsidP="00156FB3"/>
          <w:p w:rsidR="00156FB3" w:rsidRDefault="00156FB3" w:rsidP="00156FB3">
            <w:r>
              <w:t xml:space="preserve">    var fixScrollbar = function fixScrollbar() {</w:t>
            </w:r>
          </w:p>
          <w:p w:rsidR="00156FB3" w:rsidRDefault="00156FB3" w:rsidP="00156FB3">
            <w:r>
              <w:t xml:space="preserve">        // for queues, do not do this more than once</w:t>
            </w:r>
          </w:p>
          <w:p w:rsidR="00156FB3" w:rsidRDefault="00156FB3" w:rsidP="00156FB3">
            <w:r>
              <w:t xml:space="preserve">        if (states.previousBodyPadding !== null) {</w:t>
            </w:r>
          </w:p>
          <w:p w:rsidR="00156FB3" w:rsidRDefault="00156FB3" w:rsidP="00156FB3">
            <w:r>
              <w:t xml:space="preserve">            return;</w:t>
            </w:r>
          </w:p>
          <w:p w:rsidR="00156FB3" w:rsidRDefault="00156FB3" w:rsidP="00156FB3">
            <w:r>
              <w:t xml:space="preserve">        } // if the body has overflow</w:t>
            </w:r>
          </w:p>
          <w:p w:rsidR="00156FB3" w:rsidRDefault="00156FB3" w:rsidP="00156FB3"/>
          <w:p w:rsidR="00156FB3" w:rsidRDefault="00156FB3" w:rsidP="00156FB3"/>
          <w:p w:rsidR="00156FB3" w:rsidRDefault="00156FB3" w:rsidP="00156FB3">
            <w:r>
              <w:t xml:space="preserve">        if (document.body.scrollHeight &gt; window.innerHeight) {</w:t>
            </w:r>
          </w:p>
          <w:p w:rsidR="00156FB3" w:rsidRDefault="00156FB3" w:rsidP="00156FB3">
            <w:r>
              <w:t xml:space="preserve">            // add padding so the content doesn't shift after removal of scrollbar</w:t>
            </w:r>
          </w:p>
          <w:p w:rsidR="00156FB3" w:rsidRDefault="00156FB3" w:rsidP="00156FB3">
            <w:r>
              <w:t xml:space="preserve">            states.previousBodyPadding = parseInt(window.getComputedStyle(document.body).getPropertyValue('padding-right'));</w:t>
            </w:r>
          </w:p>
          <w:p w:rsidR="00156FB3" w:rsidRDefault="00156FB3" w:rsidP="00156FB3">
            <w:r>
              <w:lastRenderedPageBreak/>
              <w:t xml:space="preserve">            document.body.style.paddingRight = "".concat(states.previousBodyPadding + measureScrollbar(), "px");</w:t>
            </w:r>
          </w:p>
          <w:p w:rsidR="00156FB3" w:rsidRDefault="00156FB3" w:rsidP="00156FB3">
            <w:r>
              <w:t xml:space="preserve">        }</w:t>
            </w:r>
          </w:p>
          <w:p w:rsidR="00156FB3" w:rsidRDefault="00156FB3" w:rsidP="00156FB3">
            <w:r>
              <w:t xml:space="preserve">    };</w:t>
            </w:r>
          </w:p>
          <w:p w:rsidR="00156FB3" w:rsidRDefault="00156FB3" w:rsidP="00156FB3">
            <w:r>
              <w:t xml:space="preserve">    var undoScrollbar = function undoScrollbar() {</w:t>
            </w:r>
          </w:p>
          <w:p w:rsidR="00156FB3" w:rsidRDefault="00156FB3" w:rsidP="00156FB3">
            <w:r>
              <w:t xml:space="preserve">        if (states.previousBodyPadding !== null) {</w:t>
            </w:r>
          </w:p>
          <w:p w:rsidR="00156FB3" w:rsidRDefault="00156FB3" w:rsidP="00156FB3">
            <w:r>
              <w:t xml:space="preserve">            document.body.style.paddingRight = "".concat(states.previousBodyPadding, "px");</w:t>
            </w:r>
          </w:p>
          <w:p w:rsidR="00156FB3" w:rsidRDefault="00156FB3" w:rsidP="00156FB3">
            <w:r>
              <w:t xml:space="preserve">            states.previousBodyPadding = null;</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istanbul ignore next */</w:t>
            </w:r>
          </w:p>
          <w:p w:rsidR="00156FB3" w:rsidRDefault="00156FB3" w:rsidP="00156FB3"/>
          <w:p w:rsidR="00156FB3" w:rsidRDefault="00156FB3" w:rsidP="00156FB3">
            <w:r>
              <w:t xml:space="preserve">    var iOSfix = function iOSfix() {</w:t>
            </w:r>
          </w:p>
          <w:p w:rsidR="00156FB3" w:rsidRDefault="00156FB3" w:rsidP="00156FB3">
            <w:r>
              <w:t xml:space="preserve">        var iOS = /iPad|iPhone|iPod/.test(navigator.userAgent) &amp;&amp; !window.MSStream || navigator.platform === 'MacIntel' &amp;&amp; navigator.maxTouchPoints &gt; 1;</w:t>
            </w:r>
          </w:p>
          <w:p w:rsidR="00156FB3" w:rsidRDefault="00156FB3" w:rsidP="00156FB3"/>
          <w:p w:rsidR="00156FB3" w:rsidRDefault="00156FB3" w:rsidP="00156FB3">
            <w:r>
              <w:t xml:space="preserve">        if (iOS &amp;&amp; !hasClass(document.body, swalClasses.iosfix)) {</w:t>
            </w:r>
          </w:p>
          <w:p w:rsidR="00156FB3" w:rsidRDefault="00156FB3" w:rsidP="00156FB3">
            <w:r>
              <w:t xml:space="preserve">            var offset = document.body.scrollTop;</w:t>
            </w:r>
          </w:p>
          <w:p w:rsidR="00156FB3" w:rsidRDefault="00156FB3" w:rsidP="00156FB3">
            <w:r>
              <w:t xml:space="preserve">            document.body.style.top = "".concat(offset * -1, "px");</w:t>
            </w:r>
          </w:p>
          <w:p w:rsidR="00156FB3" w:rsidRDefault="00156FB3" w:rsidP="00156FB3">
            <w:r>
              <w:t xml:space="preserve">            addClass(document.body, swalClasses.iosfix);</w:t>
            </w:r>
          </w:p>
          <w:p w:rsidR="00156FB3" w:rsidRDefault="00156FB3" w:rsidP="00156FB3">
            <w:r>
              <w:t xml:space="preserve">            lockBodyScroll();</w:t>
            </w:r>
          </w:p>
          <w:p w:rsidR="00156FB3" w:rsidRDefault="00156FB3" w:rsidP="00156FB3">
            <w:r>
              <w:t xml:space="preserve">        }</w:t>
            </w:r>
          </w:p>
          <w:p w:rsidR="00156FB3" w:rsidRDefault="00156FB3" w:rsidP="00156FB3">
            <w:r>
              <w:t xml:space="preserve">    };</w:t>
            </w:r>
          </w:p>
          <w:p w:rsidR="00156FB3" w:rsidRDefault="00156FB3" w:rsidP="00156FB3">
            <w:r>
              <w:t xml:space="preserve">    /* istanbul ignore next */</w:t>
            </w:r>
          </w:p>
          <w:p w:rsidR="00156FB3" w:rsidRDefault="00156FB3" w:rsidP="00156FB3"/>
          <w:p w:rsidR="00156FB3" w:rsidRDefault="00156FB3" w:rsidP="00156FB3">
            <w:r>
              <w:t xml:space="preserve">    var lockBodyScroll = function lockBodyScroll() {</w:t>
            </w:r>
          </w:p>
          <w:p w:rsidR="00156FB3" w:rsidRDefault="00156FB3" w:rsidP="00156FB3">
            <w:r>
              <w:t xml:space="preserve">        // #1246</w:t>
            </w:r>
          </w:p>
          <w:p w:rsidR="00156FB3" w:rsidRDefault="00156FB3" w:rsidP="00156FB3">
            <w:r>
              <w:t xml:space="preserve">        var container = getContainer();</w:t>
            </w:r>
          </w:p>
          <w:p w:rsidR="00156FB3" w:rsidRDefault="00156FB3" w:rsidP="00156FB3">
            <w:r>
              <w:t xml:space="preserve">        var preventTouchMove;</w:t>
            </w:r>
          </w:p>
          <w:p w:rsidR="00156FB3" w:rsidRDefault="00156FB3" w:rsidP="00156FB3"/>
          <w:p w:rsidR="00156FB3" w:rsidRDefault="00156FB3" w:rsidP="00156FB3">
            <w:r>
              <w:t xml:space="preserve">        container.ontouchstart = function (e) {</w:t>
            </w:r>
          </w:p>
          <w:p w:rsidR="00156FB3" w:rsidRDefault="00156FB3" w:rsidP="00156FB3">
            <w:r>
              <w:t xml:space="preserve">            preventTouchMove = e.target === container || !isScrollable(container) &amp;&amp; e.target.tagName !== 'INPUT' // #1603</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container.ontouchmove = function (e) {</w:t>
            </w:r>
          </w:p>
          <w:p w:rsidR="00156FB3" w:rsidRDefault="00156FB3" w:rsidP="00156FB3">
            <w:r>
              <w:t xml:space="preserve">            if (preventTouchMove) {</w:t>
            </w:r>
          </w:p>
          <w:p w:rsidR="00156FB3" w:rsidRDefault="00156FB3" w:rsidP="00156FB3">
            <w:r>
              <w:t xml:space="preserve">                e.preventDefault();</w:t>
            </w:r>
          </w:p>
          <w:p w:rsidR="00156FB3" w:rsidRDefault="00156FB3" w:rsidP="00156FB3">
            <w:r>
              <w:t xml:space="preserve">                e.stopPropagation();</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 istanbul ignore next */</w:t>
            </w:r>
          </w:p>
          <w:p w:rsidR="00156FB3" w:rsidRDefault="00156FB3" w:rsidP="00156FB3"/>
          <w:p w:rsidR="00156FB3" w:rsidRDefault="00156FB3" w:rsidP="00156FB3"/>
          <w:p w:rsidR="00156FB3" w:rsidRDefault="00156FB3" w:rsidP="00156FB3">
            <w:r>
              <w:t xml:space="preserve">    var undoIOSfix = function undoIOSfix() {</w:t>
            </w:r>
          </w:p>
          <w:p w:rsidR="00156FB3" w:rsidRDefault="00156FB3" w:rsidP="00156FB3">
            <w:r>
              <w:lastRenderedPageBreak/>
              <w:t xml:space="preserve">        if (hasClass(document.body, swalClasses.iosfix)) {</w:t>
            </w:r>
          </w:p>
          <w:p w:rsidR="00156FB3" w:rsidRDefault="00156FB3" w:rsidP="00156FB3">
            <w:r>
              <w:t xml:space="preserve">            var offset = parseInt(document.body.style.top, 10);</w:t>
            </w:r>
          </w:p>
          <w:p w:rsidR="00156FB3" w:rsidRDefault="00156FB3" w:rsidP="00156FB3">
            <w:r>
              <w:t xml:space="preserve">            removeClass(document.body, swalClasses.iosfix);</w:t>
            </w:r>
          </w:p>
          <w:p w:rsidR="00156FB3" w:rsidRDefault="00156FB3" w:rsidP="00156FB3">
            <w:r>
              <w:t xml:space="preserve">            document.body.style.top = '';</w:t>
            </w:r>
          </w:p>
          <w:p w:rsidR="00156FB3" w:rsidRDefault="00156FB3" w:rsidP="00156FB3">
            <w:r>
              <w:t xml:space="preserve">            document.body.scrollTop = offset * -1;</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isIE11 = function isIE11() {</w:t>
            </w:r>
          </w:p>
          <w:p w:rsidR="00156FB3" w:rsidRDefault="00156FB3" w:rsidP="00156FB3">
            <w:r>
              <w:t xml:space="preserve">        return !!window.MSInputMethodContext &amp;&amp; !!document.documentMode;</w:t>
            </w:r>
          </w:p>
          <w:p w:rsidR="00156FB3" w:rsidRDefault="00156FB3" w:rsidP="00156FB3">
            <w:r>
              <w:t xml:space="preserve">    }; // Fix IE11 centering sweetalert2/issues/933</w:t>
            </w:r>
          </w:p>
          <w:p w:rsidR="00156FB3" w:rsidRDefault="00156FB3" w:rsidP="00156FB3"/>
          <w:p w:rsidR="00156FB3" w:rsidRDefault="00156FB3" w:rsidP="00156FB3">
            <w:r>
              <w:t xml:space="preserve">    /* istanbul ignore next */</w:t>
            </w:r>
          </w:p>
          <w:p w:rsidR="00156FB3" w:rsidRDefault="00156FB3" w:rsidP="00156FB3"/>
          <w:p w:rsidR="00156FB3" w:rsidRDefault="00156FB3" w:rsidP="00156FB3"/>
          <w:p w:rsidR="00156FB3" w:rsidRDefault="00156FB3" w:rsidP="00156FB3">
            <w:r>
              <w:t xml:space="preserve">    var fixVerticalPositionIE = function fixVerticalPositionIE() {</w:t>
            </w:r>
          </w:p>
          <w:p w:rsidR="00156FB3" w:rsidRDefault="00156FB3" w:rsidP="00156FB3">
            <w:r>
              <w:t xml:space="preserve">        var container = getContainer();</w:t>
            </w:r>
          </w:p>
          <w:p w:rsidR="00156FB3" w:rsidRDefault="00156FB3" w:rsidP="00156FB3">
            <w:r>
              <w:t xml:space="preserve">        var popup = getPopup();</w:t>
            </w:r>
          </w:p>
          <w:p w:rsidR="00156FB3" w:rsidRDefault="00156FB3" w:rsidP="00156FB3">
            <w:r>
              <w:t xml:space="preserve">        container.style.removeProperty('align-items');</w:t>
            </w:r>
          </w:p>
          <w:p w:rsidR="00156FB3" w:rsidRDefault="00156FB3" w:rsidP="00156FB3"/>
          <w:p w:rsidR="00156FB3" w:rsidRDefault="00156FB3" w:rsidP="00156FB3">
            <w:r>
              <w:t xml:space="preserve">        if (popup.offsetTop &lt; 0) {</w:t>
            </w:r>
          </w:p>
          <w:p w:rsidR="00156FB3" w:rsidRDefault="00156FB3" w:rsidP="00156FB3">
            <w:r>
              <w:t xml:space="preserve">            container.style.alignItems = 'flex-start';</w:t>
            </w:r>
          </w:p>
          <w:p w:rsidR="00156FB3" w:rsidRDefault="00156FB3" w:rsidP="00156FB3">
            <w:r>
              <w:t xml:space="preserve">        }</w:t>
            </w:r>
          </w:p>
          <w:p w:rsidR="00156FB3" w:rsidRDefault="00156FB3" w:rsidP="00156FB3">
            <w:r>
              <w:t xml:space="preserve">    };</w:t>
            </w:r>
          </w:p>
          <w:p w:rsidR="00156FB3" w:rsidRDefault="00156FB3" w:rsidP="00156FB3">
            <w:r>
              <w:t xml:space="preserve">    /* istanbul ignore next */</w:t>
            </w:r>
          </w:p>
          <w:p w:rsidR="00156FB3" w:rsidRDefault="00156FB3" w:rsidP="00156FB3"/>
          <w:p w:rsidR="00156FB3" w:rsidRDefault="00156FB3" w:rsidP="00156FB3"/>
          <w:p w:rsidR="00156FB3" w:rsidRDefault="00156FB3" w:rsidP="00156FB3">
            <w:r>
              <w:t xml:space="preserve">    var IEfix = function IEfix() {</w:t>
            </w:r>
          </w:p>
          <w:p w:rsidR="00156FB3" w:rsidRDefault="00156FB3" w:rsidP="00156FB3">
            <w:r>
              <w:t xml:space="preserve">        if (typeof window !== 'undefined' &amp;&amp; isIE11()) {</w:t>
            </w:r>
          </w:p>
          <w:p w:rsidR="00156FB3" w:rsidRDefault="00156FB3" w:rsidP="00156FB3">
            <w:r>
              <w:t xml:space="preserve">            fixVerticalPositionIE();</w:t>
            </w:r>
          </w:p>
          <w:p w:rsidR="00156FB3" w:rsidRDefault="00156FB3" w:rsidP="00156FB3">
            <w:r>
              <w:t xml:space="preserve">            window.addEventListener('resize', fixVerticalPositionIE);</w:t>
            </w:r>
          </w:p>
          <w:p w:rsidR="00156FB3" w:rsidRDefault="00156FB3" w:rsidP="00156FB3">
            <w:r>
              <w:t xml:space="preserve">        }</w:t>
            </w:r>
          </w:p>
          <w:p w:rsidR="00156FB3" w:rsidRDefault="00156FB3" w:rsidP="00156FB3">
            <w:r>
              <w:t xml:space="preserve">    };</w:t>
            </w:r>
          </w:p>
          <w:p w:rsidR="00156FB3" w:rsidRDefault="00156FB3" w:rsidP="00156FB3">
            <w:r>
              <w:t xml:space="preserve">    /* istanbul ignore next */</w:t>
            </w:r>
          </w:p>
          <w:p w:rsidR="00156FB3" w:rsidRDefault="00156FB3" w:rsidP="00156FB3"/>
          <w:p w:rsidR="00156FB3" w:rsidRDefault="00156FB3" w:rsidP="00156FB3">
            <w:r>
              <w:t xml:space="preserve">    var undoIEfix = function undoIEfix() {</w:t>
            </w:r>
          </w:p>
          <w:p w:rsidR="00156FB3" w:rsidRDefault="00156FB3" w:rsidP="00156FB3">
            <w:r>
              <w:t xml:space="preserve">        if (typeof window !== 'undefined' &amp;&amp; isIE11()) {</w:t>
            </w:r>
          </w:p>
          <w:p w:rsidR="00156FB3" w:rsidRDefault="00156FB3" w:rsidP="00156FB3">
            <w:r>
              <w:t xml:space="preserve">            window.removeEventListener('resize', fixVerticalPositionI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Adding aria-hidden="true" to elements outside of the active modal dialog ensures that</w:t>
            </w:r>
          </w:p>
          <w:p w:rsidR="00156FB3" w:rsidRDefault="00156FB3" w:rsidP="00156FB3">
            <w:r>
              <w:t>// elements not within the active modal dialog will not be surfaced if a user opens a screen</w:t>
            </w:r>
          </w:p>
          <w:p w:rsidR="00156FB3" w:rsidRDefault="00156FB3" w:rsidP="00156FB3">
            <w:r>
              <w:t>// reader’s list of elements (headings, form controls, landmarks, etc.) in the document.</w:t>
            </w:r>
          </w:p>
          <w:p w:rsidR="00156FB3" w:rsidRDefault="00156FB3" w:rsidP="00156FB3"/>
          <w:p w:rsidR="00156FB3" w:rsidRDefault="00156FB3" w:rsidP="00156FB3">
            <w:r>
              <w:t xml:space="preserve">    var setAriaHidden = function setAriaHidden() {</w:t>
            </w:r>
          </w:p>
          <w:p w:rsidR="00156FB3" w:rsidRDefault="00156FB3" w:rsidP="00156FB3">
            <w:r>
              <w:t xml:space="preserve">        var bodyChildren = toArray(document.body.children);</w:t>
            </w:r>
          </w:p>
          <w:p w:rsidR="00156FB3" w:rsidRDefault="00156FB3" w:rsidP="00156FB3">
            <w:r>
              <w:t xml:space="preserve">        bodyChildren.forEach(function (el) {</w:t>
            </w:r>
          </w:p>
          <w:p w:rsidR="00156FB3" w:rsidRDefault="00156FB3" w:rsidP="00156FB3">
            <w:r>
              <w:lastRenderedPageBreak/>
              <w:t xml:space="preserve">            if (el === getContainer() || contains(el, getContainer()))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if (el.hasAttribute('aria-hidden')) {</w:t>
            </w:r>
          </w:p>
          <w:p w:rsidR="00156FB3" w:rsidRDefault="00156FB3" w:rsidP="00156FB3">
            <w:r>
              <w:t xml:space="preserve">                el.setAttribute('data-previous-aria-hidden', el.getAttribute('aria-hidden'));</w:t>
            </w:r>
          </w:p>
          <w:p w:rsidR="00156FB3" w:rsidRDefault="00156FB3" w:rsidP="00156FB3">
            <w:r>
              <w:t xml:space="preserve">            }</w:t>
            </w:r>
          </w:p>
          <w:p w:rsidR="00156FB3" w:rsidRDefault="00156FB3" w:rsidP="00156FB3"/>
          <w:p w:rsidR="00156FB3" w:rsidRDefault="00156FB3" w:rsidP="00156FB3">
            <w:r>
              <w:t xml:space="preserve">            el.setAttribute('aria-hidden', 'true');</w:t>
            </w:r>
          </w:p>
          <w:p w:rsidR="00156FB3" w:rsidRDefault="00156FB3" w:rsidP="00156FB3">
            <w:r>
              <w:t xml:space="preserve">        });</w:t>
            </w:r>
          </w:p>
          <w:p w:rsidR="00156FB3" w:rsidRDefault="00156FB3" w:rsidP="00156FB3">
            <w:r>
              <w:t xml:space="preserve">    };</w:t>
            </w:r>
          </w:p>
          <w:p w:rsidR="00156FB3" w:rsidRDefault="00156FB3" w:rsidP="00156FB3">
            <w:r>
              <w:t xml:space="preserve">    var unsetAriaHidden = function unsetAriaHidden() {</w:t>
            </w:r>
          </w:p>
          <w:p w:rsidR="00156FB3" w:rsidRDefault="00156FB3" w:rsidP="00156FB3">
            <w:r>
              <w:t xml:space="preserve">        var bodyChildren = toArray(document.body.children);</w:t>
            </w:r>
          </w:p>
          <w:p w:rsidR="00156FB3" w:rsidRDefault="00156FB3" w:rsidP="00156FB3">
            <w:r>
              <w:t xml:space="preserve">        bodyChildren.forEach(function (el) {</w:t>
            </w:r>
          </w:p>
          <w:p w:rsidR="00156FB3" w:rsidRDefault="00156FB3" w:rsidP="00156FB3">
            <w:r>
              <w:t xml:space="preserve">            if (el.hasAttribute('data-previous-aria-hidden')) {</w:t>
            </w:r>
          </w:p>
          <w:p w:rsidR="00156FB3" w:rsidRDefault="00156FB3" w:rsidP="00156FB3">
            <w:r>
              <w:t xml:space="preserve">                el.setAttribute('aria-hidden', el.getAttribute('data-previous-aria-hidden'));</w:t>
            </w:r>
          </w:p>
          <w:p w:rsidR="00156FB3" w:rsidRDefault="00156FB3" w:rsidP="00156FB3">
            <w:r>
              <w:t xml:space="preserve">                el.removeAttribute('data-previous-aria-hidden');</w:t>
            </w:r>
          </w:p>
          <w:p w:rsidR="00156FB3" w:rsidRDefault="00156FB3" w:rsidP="00156FB3">
            <w:r>
              <w:t xml:space="preserve">            } else {</w:t>
            </w:r>
          </w:p>
          <w:p w:rsidR="00156FB3" w:rsidRDefault="00156FB3" w:rsidP="00156FB3">
            <w:r>
              <w:t xml:space="preserve">                el.removeAttribute('aria-hidden');</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This module containts `WeakMap`s for each effectively-"private  property" that a `Swal` has.</w:t>
            </w:r>
          </w:p>
          <w:p w:rsidR="00156FB3" w:rsidRDefault="00156FB3" w:rsidP="00156FB3">
            <w:r>
              <w:t xml:space="preserve">     * For example, to set the private property "foo" of `this` to "bar", you can `privateProps.foo.set(this, 'bar')`</w:t>
            </w:r>
          </w:p>
          <w:p w:rsidR="00156FB3" w:rsidRDefault="00156FB3" w:rsidP="00156FB3">
            <w:r>
              <w:t xml:space="preserve">     * This is the approach that Babel will probably take to implement private methods/fields</w:t>
            </w:r>
          </w:p>
          <w:p w:rsidR="00156FB3" w:rsidRDefault="00156FB3" w:rsidP="00156FB3">
            <w:r>
              <w:t xml:space="preserve">     *   https://github.com/tc39/proposal-private-methods</w:t>
            </w:r>
          </w:p>
          <w:p w:rsidR="00156FB3" w:rsidRDefault="00156FB3" w:rsidP="00156FB3">
            <w:r>
              <w:t xml:space="preserve">     *   https://github.com/babel/babel/pull/7555</w:t>
            </w:r>
          </w:p>
          <w:p w:rsidR="00156FB3" w:rsidRDefault="00156FB3" w:rsidP="00156FB3">
            <w:r>
              <w:t xml:space="preserve">     * Once we have the changes from that PR in Babel, and our core class fits reasonable in *one module*</w:t>
            </w:r>
          </w:p>
          <w:p w:rsidR="00156FB3" w:rsidRDefault="00156FB3" w:rsidP="00156FB3">
            <w:r>
              <w:t xml:space="preserve">     *   then we can use that language feature.</w:t>
            </w:r>
          </w:p>
          <w:p w:rsidR="00156FB3" w:rsidRDefault="00156FB3" w:rsidP="00156FB3">
            <w:r>
              <w:t xml:space="preserve">     */</w:t>
            </w:r>
          </w:p>
          <w:p w:rsidR="00156FB3" w:rsidRDefault="00156FB3" w:rsidP="00156FB3">
            <w:r>
              <w:t xml:space="preserve">    var privateMethods = {</w:t>
            </w:r>
          </w:p>
          <w:p w:rsidR="00156FB3" w:rsidRDefault="00156FB3" w:rsidP="00156FB3">
            <w:r>
              <w:t xml:space="preserve">        swalPromiseResolve: new WeakMap()</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Instance method to close sweetAlert</w:t>
            </w:r>
          </w:p>
          <w:p w:rsidR="00156FB3" w:rsidRDefault="00156FB3" w:rsidP="00156FB3">
            <w:r>
              <w:t xml:space="preserve">     */</w:t>
            </w:r>
          </w:p>
          <w:p w:rsidR="00156FB3" w:rsidRDefault="00156FB3" w:rsidP="00156FB3"/>
          <w:p w:rsidR="00156FB3" w:rsidRDefault="00156FB3" w:rsidP="00156FB3">
            <w:r>
              <w:t xml:space="preserve">    function removePopupAndResetState(instance, container, isToast, onAfterClose) {</w:t>
            </w:r>
          </w:p>
          <w:p w:rsidR="00156FB3" w:rsidRDefault="00156FB3" w:rsidP="00156FB3">
            <w:r>
              <w:t xml:space="preserve">        if (isToast) {</w:t>
            </w:r>
          </w:p>
          <w:p w:rsidR="00156FB3" w:rsidRDefault="00156FB3" w:rsidP="00156FB3">
            <w:r>
              <w:t xml:space="preserve">            triggerOnAfterCloseAndDispose(instance, onAfterClose);</w:t>
            </w:r>
          </w:p>
          <w:p w:rsidR="00156FB3" w:rsidRDefault="00156FB3" w:rsidP="00156FB3">
            <w:r>
              <w:t xml:space="preserve">        } else {</w:t>
            </w:r>
          </w:p>
          <w:p w:rsidR="00156FB3" w:rsidRDefault="00156FB3" w:rsidP="00156FB3">
            <w:r>
              <w:t xml:space="preserve">            restoreActiveElement().then(function () {</w:t>
            </w:r>
          </w:p>
          <w:p w:rsidR="00156FB3" w:rsidRDefault="00156FB3" w:rsidP="00156FB3">
            <w:r>
              <w:t xml:space="preserve">                return triggerOnAfterCloseAndDispose(instance, onAfterClose);</w:t>
            </w:r>
          </w:p>
          <w:p w:rsidR="00156FB3" w:rsidRDefault="00156FB3" w:rsidP="00156FB3">
            <w:r>
              <w:lastRenderedPageBreak/>
              <w:t xml:space="preserve">            });</w:t>
            </w:r>
          </w:p>
          <w:p w:rsidR="00156FB3" w:rsidRDefault="00156FB3" w:rsidP="00156FB3">
            <w:r>
              <w:t xml:space="preserve">            globalState.keydownTarget.removeEventListener('keydown', globalState.keydownHandler, {</w:t>
            </w:r>
          </w:p>
          <w:p w:rsidR="00156FB3" w:rsidRDefault="00156FB3" w:rsidP="00156FB3">
            <w:r>
              <w:t xml:space="preserve">                capture: globalState.keydownListenerCapture</w:t>
            </w:r>
          </w:p>
          <w:p w:rsidR="00156FB3" w:rsidRDefault="00156FB3" w:rsidP="00156FB3">
            <w:r>
              <w:t xml:space="preserve">            });</w:t>
            </w:r>
          </w:p>
          <w:p w:rsidR="00156FB3" w:rsidRDefault="00156FB3" w:rsidP="00156FB3">
            <w:r>
              <w:t xml:space="preserve">            globalState.keydownHandlerAdded = false;</w:t>
            </w:r>
          </w:p>
          <w:p w:rsidR="00156FB3" w:rsidRDefault="00156FB3" w:rsidP="00156FB3">
            <w:r>
              <w:t xml:space="preserve">        }</w:t>
            </w:r>
          </w:p>
          <w:p w:rsidR="00156FB3" w:rsidRDefault="00156FB3" w:rsidP="00156FB3"/>
          <w:p w:rsidR="00156FB3" w:rsidRDefault="00156FB3" w:rsidP="00156FB3">
            <w:r>
              <w:t xml:space="preserve">        if (container.parentNode) {</w:t>
            </w:r>
          </w:p>
          <w:p w:rsidR="00156FB3" w:rsidRDefault="00156FB3" w:rsidP="00156FB3">
            <w:r>
              <w:t xml:space="preserve">            container.parentNode.removeChild(container);</w:t>
            </w:r>
          </w:p>
          <w:p w:rsidR="00156FB3" w:rsidRDefault="00156FB3" w:rsidP="00156FB3">
            <w:r>
              <w:t xml:space="preserve">        }</w:t>
            </w:r>
          </w:p>
          <w:p w:rsidR="00156FB3" w:rsidRDefault="00156FB3" w:rsidP="00156FB3"/>
          <w:p w:rsidR="00156FB3" w:rsidRDefault="00156FB3" w:rsidP="00156FB3">
            <w:r>
              <w:t xml:space="preserve">        if (isModal()) {</w:t>
            </w:r>
          </w:p>
          <w:p w:rsidR="00156FB3" w:rsidRDefault="00156FB3" w:rsidP="00156FB3">
            <w:r>
              <w:t xml:space="preserve">            undoScrollbar();</w:t>
            </w:r>
          </w:p>
          <w:p w:rsidR="00156FB3" w:rsidRDefault="00156FB3" w:rsidP="00156FB3">
            <w:r>
              <w:t xml:space="preserve">            undoIOSfix();</w:t>
            </w:r>
          </w:p>
          <w:p w:rsidR="00156FB3" w:rsidRDefault="00156FB3" w:rsidP="00156FB3">
            <w:r>
              <w:t xml:space="preserve">            undoIEfix();</w:t>
            </w:r>
          </w:p>
          <w:p w:rsidR="00156FB3" w:rsidRDefault="00156FB3" w:rsidP="00156FB3">
            <w:r>
              <w:t xml:space="preserve">            unsetAriaHidden();</w:t>
            </w:r>
          </w:p>
          <w:p w:rsidR="00156FB3" w:rsidRDefault="00156FB3" w:rsidP="00156FB3">
            <w:r>
              <w:t xml:space="preserve">        }</w:t>
            </w:r>
          </w:p>
          <w:p w:rsidR="00156FB3" w:rsidRDefault="00156FB3" w:rsidP="00156FB3"/>
          <w:p w:rsidR="00156FB3" w:rsidRDefault="00156FB3" w:rsidP="00156FB3">
            <w:r>
              <w:t xml:space="preserve">        removeBodyClasses();</w:t>
            </w:r>
          </w:p>
          <w:p w:rsidR="00156FB3" w:rsidRDefault="00156FB3" w:rsidP="00156FB3">
            <w:r>
              <w:t xml:space="preserve">    }</w:t>
            </w:r>
          </w:p>
          <w:p w:rsidR="00156FB3" w:rsidRDefault="00156FB3" w:rsidP="00156FB3"/>
          <w:p w:rsidR="00156FB3" w:rsidRDefault="00156FB3" w:rsidP="00156FB3">
            <w:r>
              <w:t xml:space="preserve">    function removeBodyClasses() {</w:t>
            </w:r>
          </w:p>
          <w:p w:rsidR="00156FB3" w:rsidRDefault="00156FB3" w:rsidP="00156FB3">
            <w:r>
              <w:t xml:space="preserve">        removeClass([document.documentElement, document.body], [swalClasses.shown, swalClasses['height-auto'], swalClasses['no-backdrop'], swalClasses['toast-shown'], swalClasses['toast-column']]);</w:t>
            </w:r>
          </w:p>
          <w:p w:rsidR="00156FB3" w:rsidRDefault="00156FB3" w:rsidP="00156FB3">
            <w:r>
              <w:t xml:space="preserve">    }</w:t>
            </w:r>
          </w:p>
          <w:p w:rsidR="00156FB3" w:rsidRDefault="00156FB3" w:rsidP="00156FB3"/>
          <w:p w:rsidR="00156FB3" w:rsidRDefault="00156FB3" w:rsidP="00156FB3">
            <w:r>
              <w:t xml:space="preserve">    function disposeSwal(instance) {</w:t>
            </w:r>
          </w:p>
          <w:p w:rsidR="00156FB3" w:rsidRDefault="00156FB3" w:rsidP="00156FB3">
            <w:r>
              <w:t xml:space="preserve">        // Unset this.params so GC will dispose it (#1569)</w:t>
            </w:r>
          </w:p>
          <w:p w:rsidR="00156FB3" w:rsidRDefault="00156FB3" w:rsidP="00156FB3">
            <w:r>
              <w:t xml:space="preserve">        delete instance.params; // Unset globalState props so GC will dispose globalState (#1569)</w:t>
            </w:r>
          </w:p>
          <w:p w:rsidR="00156FB3" w:rsidRDefault="00156FB3" w:rsidP="00156FB3"/>
          <w:p w:rsidR="00156FB3" w:rsidRDefault="00156FB3" w:rsidP="00156FB3">
            <w:r>
              <w:t xml:space="preserve">        delete globalState.keydownHandler;</w:t>
            </w:r>
          </w:p>
          <w:p w:rsidR="00156FB3" w:rsidRDefault="00156FB3" w:rsidP="00156FB3">
            <w:r>
              <w:t xml:space="preserve">        delete globalState.keydownTarget; // Unset WeakMaps so GC will be able to dispose them (#1569)</w:t>
            </w:r>
          </w:p>
          <w:p w:rsidR="00156FB3" w:rsidRDefault="00156FB3" w:rsidP="00156FB3"/>
          <w:p w:rsidR="00156FB3" w:rsidRDefault="00156FB3" w:rsidP="00156FB3">
            <w:r>
              <w:t xml:space="preserve">        unsetWeakMaps(privateProps);</w:t>
            </w:r>
          </w:p>
          <w:p w:rsidR="00156FB3" w:rsidRDefault="00156FB3" w:rsidP="00156FB3">
            <w:r>
              <w:t xml:space="preserve">        unsetWeakMaps(privateMethods);</w:t>
            </w:r>
          </w:p>
          <w:p w:rsidR="00156FB3" w:rsidRDefault="00156FB3" w:rsidP="00156FB3">
            <w:r>
              <w:t xml:space="preserve">    }</w:t>
            </w:r>
          </w:p>
          <w:p w:rsidR="00156FB3" w:rsidRDefault="00156FB3" w:rsidP="00156FB3"/>
          <w:p w:rsidR="00156FB3" w:rsidRDefault="00156FB3" w:rsidP="00156FB3">
            <w:r>
              <w:t xml:space="preserve">    function close(resolveValue) {</w:t>
            </w:r>
          </w:p>
          <w:p w:rsidR="00156FB3" w:rsidRDefault="00156FB3" w:rsidP="00156FB3">
            <w:r>
              <w:t xml:space="preserve">        var popup = getPopup();</w:t>
            </w:r>
          </w:p>
          <w:p w:rsidR="00156FB3" w:rsidRDefault="00156FB3" w:rsidP="00156FB3"/>
          <w:p w:rsidR="00156FB3" w:rsidRDefault="00156FB3" w:rsidP="00156FB3">
            <w:r>
              <w:t xml:space="preserve">        if (!popup)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var innerParams = privateProps.innerParams.get(this);</w:t>
            </w:r>
          </w:p>
          <w:p w:rsidR="00156FB3" w:rsidRDefault="00156FB3" w:rsidP="00156FB3"/>
          <w:p w:rsidR="00156FB3" w:rsidRDefault="00156FB3" w:rsidP="00156FB3">
            <w:r>
              <w:t xml:space="preserve">        if (!innerParams || hasClass(popup, innerParams.hideClass.popup)) {</w:t>
            </w:r>
          </w:p>
          <w:p w:rsidR="00156FB3" w:rsidRDefault="00156FB3" w:rsidP="00156FB3">
            <w:r>
              <w:lastRenderedPageBreak/>
              <w:t xml:space="preserve">            return;</w:t>
            </w:r>
          </w:p>
          <w:p w:rsidR="00156FB3" w:rsidRDefault="00156FB3" w:rsidP="00156FB3">
            <w:r>
              <w:t xml:space="preserve">        }</w:t>
            </w:r>
          </w:p>
          <w:p w:rsidR="00156FB3" w:rsidRDefault="00156FB3" w:rsidP="00156FB3"/>
          <w:p w:rsidR="00156FB3" w:rsidRDefault="00156FB3" w:rsidP="00156FB3">
            <w:r>
              <w:t xml:space="preserve">        var swalPromiseResolve = privateMethods.swalPromiseResolve.get(this);</w:t>
            </w:r>
          </w:p>
          <w:p w:rsidR="00156FB3" w:rsidRDefault="00156FB3" w:rsidP="00156FB3">
            <w:r>
              <w:t xml:space="preserve">        removeClass(popup, innerParams.showClass.popup);</w:t>
            </w:r>
          </w:p>
          <w:p w:rsidR="00156FB3" w:rsidRDefault="00156FB3" w:rsidP="00156FB3">
            <w:r>
              <w:t xml:space="preserve">        addClass(popup, innerParams.hideClass.popup);</w:t>
            </w:r>
          </w:p>
          <w:p w:rsidR="00156FB3" w:rsidRDefault="00156FB3" w:rsidP="00156FB3">
            <w:r>
              <w:t xml:space="preserve">        var backdrop = getContainer();</w:t>
            </w:r>
          </w:p>
          <w:p w:rsidR="00156FB3" w:rsidRDefault="00156FB3" w:rsidP="00156FB3">
            <w:r>
              <w:t xml:space="preserve">        removeClass(backdrop, innerParams.showClass.backdrop);</w:t>
            </w:r>
          </w:p>
          <w:p w:rsidR="00156FB3" w:rsidRDefault="00156FB3" w:rsidP="00156FB3">
            <w:r>
              <w:t xml:space="preserve">        addClass(backdrop, innerParams.hideClass.backdrop);</w:t>
            </w:r>
          </w:p>
          <w:p w:rsidR="00156FB3" w:rsidRDefault="00156FB3" w:rsidP="00156FB3">
            <w:r>
              <w:t xml:space="preserve">        handlePopupAnimation(this, popup, innerParams); // Resolve Swal promise</w:t>
            </w:r>
          </w:p>
          <w:p w:rsidR="00156FB3" w:rsidRDefault="00156FB3" w:rsidP="00156FB3"/>
          <w:p w:rsidR="00156FB3" w:rsidRDefault="00156FB3" w:rsidP="00156FB3">
            <w:r>
              <w:t xml:space="preserve">        swalPromiseResolve(resolveValue || {});</w:t>
            </w:r>
          </w:p>
          <w:p w:rsidR="00156FB3" w:rsidRDefault="00156FB3" w:rsidP="00156FB3">
            <w:r>
              <w:t xml:space="preserve">    }</w:t>
            </w:r>
          </w:p>
          <w:p w:rsidR="00156FB3" w:rsidRDefault="00156FB3" w:rsidP="00156FB3"/>
          <w:p w:rsidR="00156FB3" w:rsidRDefault="00156FB3" w:rsidP="00156FB3">
            <w:r>
              <w:t xml:space="preserve">    var handlePopupAnimation = function handlePopupAnimation(instance, popup, innerParams) {</w:t>
            </w:r>
          </w:p>
          <w:p w:rsidR="00156FB3" w:rsidRDefault="00156FB3" w:rsidP="00156FB3">
            <w:r>
              <w:t xml:space="preserve">        var container = getContainer(); // If animation is supported, animate</w:t>
            </w:r>
          </w:p>
          <w:p w:rsidR="00156FB3" w:rsidRDefault="00156FB3" w:rsidP="00156FB3"/>
          <w:p w:rsidR="00156FB3" w:rsidRDefault="00156FB3" w:rsidP="00156FB3">
            <w:r>
              <w:t xml:space="preserve">        var animationIsSupported = animationEndEvent &amp;&amp; hasCssAnimation(popup);</w:t>
            </w:r>
          </w:p>
          <w:p w:rsidR="00156FB3" w:rsidRDefault="00156FB3" w:rsidP="00156FB3">
            <w:r>
              <w:t xml:space="preserve">        var onClose = innerParams.onClose,</w:t>
            </w:r>
          </w:p>
          <w:p w:rsidR="00156FB3" w:rsidRDefault="00156FB3" w:rsidP="00156FB3">
            <w:r>
              <w:t xml:space="preserve">            onAfterClose = innerParams.onAfterClose;</w:t>
            </w:r>
          </w:p>
          <w:p w:rsidR="00156FB3" w:rsidRDefault="00156FB3" w:rsidP="00156FB3"/>
          <w:p w:rsidR="00156FB3" w:rsidRDefault="00156FB3" w:rsidP="00156FB3">
            <w:r>
              <w:t xml:space="preserve">        if (onClose !== null &amp;&amp; typeof onClose === 'function') {</w:t>
            </w:r>
          </w:p>
          <w:p w:rsidR="00156FB3" w:rsidRDefault="00156FB3" w:rsidP="00156FB3">
            <w:r>
              <w:t xml:space="preserve">            onClose(popup);</w:t>
            </w:r>
          </w:p>
          <w:p w:rsidR="00156FB3" w:rsidRDefault="00156FB3" w:rsidP="00156FB3">
            <w:r>
              <w:t xml:space="preserve">        }</w:t>
            </w:r>
          </w:p>
          <w:p w:rsidR="00156FB3" w:rsidRDefault="00156FB3" w:rsidP="00156FB3"/>
          <w:p w:rsidR="00156FB3" w:rsidRDefault="00156FB3" w:rsidP="00156FB3">
            <w:r>
              <w:t xml:space="preserve">        if (animationIsSupported) {</w:t>
            </w:r>
          </w:p>
          <w:p w:rsidR="00156FB3" w:rsidRDefault="00156FB3" w:rsidP="00156FB3">
            <w:r>
              <w:t xml:space="preserve">            animatePopup(instance, popup, container, onAfterClose);</w:t>
            </w:r>
          </w:p>
          <w:p w:rsidR="00156FB3" w:rsidRDefault="00156FB3" w:rsidP="00156FB3">
            <w:r>
              <w:t xml:space="preserve">        } else {</w:t>
            </w:r>
          </w:p>
          <w:p w:rsidR="00156FB3" w:rsidRDefault="00156FB3" w:rsidP="00156FB3">
            <w:r>
              <w:t xml:space="preserve">            // Otherwise, remove immediately</w:t>
            </w:r>
          </w:p>
          <w:p w:rsidR="00156FB3" w:rsidRDefault="00156FB3" w:rsidP="00156FB3">
            <w:r>
              <w:t xml:space="preserve">            removePopupAndResetState(instance, container, isToast(), onAfterClos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animatePopup = function animatePopup(instance, popup, container, onAfterClose) {</w:t>
            </w:r>
          </w:p>
          <w:p w:rsidR="00156FB3" w:rsidRDefault="00156FB3" w:rsidP="00156FB3">
            <w:r>
              <w:t xml:space="preserve">        globalState.swalCloseEventFinishedCallback = removePopupAndResetState.bind(null, instance, container, isToast(), onAfterClose);</w:t>
            </w:r>
          </w:p>
          <w:p w:rsidR="00156FB3" w:rsidRDefault="00156FB3" w:rsidP="00156FB3">
            <w:r>
              <w:t xml:space="preserve">        popup.addEventListener(animationEndEvent, function (e) {</w:t>
            </w:r>
          </w:p>
          <w:p w:rsidR="00156FB3" w:rsidRDefault="00156FB3" w:rsidP="00156FB3">
            <w:r>
              <w:t xml:space="preserve">            if (e.target === popup) {</w:t>
            </w:r>
          </w:p>
          <w:p w:rsidR="00156FB3" w:rsidRDefault="00156FB3" w:rsidP="00156FB3">
            <w:r>
              <w:t xml:space="preserve">                globalState.swalCloseEventFinishedCallback();</w:t>
            </w:r>
          </w:p>
          <w:p w:rsidR="00156FB3" w:rsidRDefault="00156FB3" w:rsidP="00156FB3">
            <w:r>
              <w:t xml:space="preserve">                delete globalState.swalCloseEventFinishedCallback;</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unsetWeakMaps = function unsetWeakMaps(obj) {</w:t>
            </w:r>
          </w:p>
          <w:p w:rsidR="00156FB3" w:rsidRDefault="00156FB3" w:rsidP="00156FB3">
            <w:r>
              <w:t xml:space="preserve">        for (var i in obj) {</w:t>
            </w:r>
          </w:p>
          <w:p w:rsidR="00156FB3" w:rsidRDefault="00156FB3" w:rsidP="00156FB3">
            <w:r>
              <w:t xml:space="preserve">            obj[i] = new WeakMap();</w:t>
            </w:r>
          </w:p>
          <w:p w:rsidR="00156FB3" w:rsidRDefault="00156FB3" w:rsidP="00156FB3">
            <w:r>
              <w:t xml:space="preserve">        }</w:t>
            </w:r>
          </w:p>
          <w:p w:rsidR="00156FB3" w:rsidRDefault="00156FB3" w:rsidP="00156FB3">
            <w:r>
              <w:lastRenderedPageBreak/>
              <w:t xml:space="preserve">    };</w:t>
            </w:r>
          </w:p>
          <w:p w:rsidR="00156FB3" w:rsidRDefault="00156FB3" w:rsidP="00156FB3"/>
          <w:p w:rsidR="00156FB3" w:rsidRDefault="00156FB3" w:rsidP="00156FB3">
            <w:r>
              <w:t xml:space="preserve">    var triggerOnAfterCloseAndDispose = function triggerOnAfterCloseAndDispose(instance, onAfterClose) {</w:t>
            </w:r>
          </w:p>
          <w:p w:rsidR="00156FB3" w:rsidRDefault="00156FB3" w:rsidP="00156FB3">
            <w:r>
              <w:t xml:space="preserve">        setTimeout(function () {</w:t>
            </w:r>
          </w:p>
          <w:p w:rsidR="00156FB3" w:rsidRDefault="00156FB3" w:rsidP="00156FB3">
            <w:r>
              <w:t xml:space="preserve">            if (onAfterClose !== null &amp;&amp; typeof onAfterClose === 'function') {</w:t>
            </w:r>
          </w:p>
          <w:p w:rsidR="00156FB3" w:rsidRDefault="00156FB3" w:rsidP="00156FB3">
            <w:r>
              <w:t xml:space="preserve">                onAfterClose();</w:t>
            </w:r>
          </w:p>
          <w:p w:rsidR="00156FB3" w:rsidRDefault="00156FB3" w:rsidP="00156FB3">
            <w:r>
              <w:t xml:space="preserve">            }</w:t>
            </w:r>
          </w:p>
          <w:p w:rsidR="00156FB3" w:rsidRDefault="00156FB3" w:rsidP="00156FB3"/>
          <w:p w:rsidR="00156FB3" w:rsidRDefault="00156FB3" w:rsidP="00156FB3">
            <w:r>
              <w:t xml:space="preserve">            if (!getPopup()) {</w:t>
            </w:r>
          </w:p>
          <w:p w:rsidR="00156FB3" w:rsidRDefault="00156FB3" w:rsidP="00156FB3">
            <w:r>
              <w:t xml:space="preserve">                disposeSwal(instance);</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setButtonsDisabled(instance, buttons, disabled) {</w:t>
            </w:r>
          </w:p>
          <w:p w:rsidR="00156FB3" w:rsidRDefault="00156FB3" w:rsidP="00156FB3">
            <w:r>
              <w:t xml:space="preserve">        var domCache = privateProps.domCache.get(instance);</w:t>
            </w:r>
          </w:p>
          <w:p w:rsidR="00156FB3" w:rsidRDefault="00156FB3" w:rsidP="00156FB3">
            <w:r>
              <w:t xml:space="preserve">        buttons.forEach(function (button) {</w:t>
            </w:r>
          </w:p>
          <w:p w:rsidR="00156FB3" w:rsidRDefault="00156FB3" w:rsidP="00156FB3">
            <w:r>
              <w:t xml:space="preserve">            domCache[button].disabled = disabled;</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setInputDisabled(input, disabled) {</w:t>
            </w:r>
          </w:p>
          <w:p w:rsidR="00156FB3" w:rsidRDefault="00156FB3" w:rsidP="00156FB3">
            <w:r>
              <w:t xml:space="preserve">        if (!input)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if (input.type === 'radio') {</w:t>
            </w:r>
          </w:p>
          <w:p w:rsidR="00156FB3" w:rsidRDefault="00156FB3" w:rsidP="00156FB3">
            <w:r>
              <w:t xml:space="preserve">            var radiosContainer = input.parentNode.parentNode;</w:t>
            </w:r>
          </w:p>
          <w:p w:rsidR="00156FB3" w:rsidRDefault="00156FB3" w:rsidP="00156FB3">
            <w:r>
              <w:t xml:space="preserve">            var radios = radiosContainer.querySelectorAll('input');</w:t>
            </w:r>
          </w:p>
          <w:p w:rsidR="00156FB3" w:rsidRDefault="00156FB3" w:rsidP="00156FB3"/>
          <w:p w:rsidR="00156FB3" w:rsidRDefault="00156FB3" w:rsidP="00156FB3">
            <w:r>
              <w:t xml:space="preserve">            for (var i = 0; i &lt; radios.length; i++) {</w:t>
            </w:r>
          </w:p>
          <w:p w:rsidR="00156FB3" w:rsidRDefault="00156FB3" w:rsidP="00156FB3">
            <w:r>
              <w:t xml:space="preserve">                radios[i].disabled = disabled;</w:t>
            </w:r>
          </w:p>
          <w:p w:rsidR="00156FB3" w:rsidRDefault="00156FB3" w:rsidP="00156FB3">
            <w:r>
              <w:t xml:space="preserve">            }</w:t>
            </w:r>
          </w:p>
          <w:p w:rsidR="00156FB3" w:rsidRDefault="00156FB3" w:rsidP="00156FB3">
            <w:r>
              <w:t xml:space="preserve">        } else {</w:t>
            </w:r>
          </w:p>
          <w:p w:rsidR="00156FB3" w:rsidRDefault="00156FB3" w:rsidP="00156FB3">
            <w:r>
              <w:t xml:space="preserve">            input.disabled = disabled;</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enableButtons() {</w:t>
            </w:r>
          </w:p>
          <w:p w:rsidR="00156FB3" w:rsidRDefault="00156FB3" w:rsidP="00156FB3">
            <w:r>
              <w:t xml:space="preserve">        setButtonsDisabled(this, ['confirmButton', 'cancelButton'], false);</w:t>
            </w:r>
          </w:p>
          <w:p w:rsidR="00156FB3" w:rsidRDefault="00156FB3" w:rsidP="00156FB3">
            <w:r>
              <w:t xml:space="preserve">    }</w:t>
            </w:r>
          </w:p>
          <w:p w:rsidR="00156FB3" w:rsidRDefault="00156FB3" w:rsidP="00156FB3">
            <w:r>
              <w:t xml:space="preserve">    function disableButtons() {</w:t>
            </w:r>
          </w:p>
          <w:p w:rsidR="00156FB3" w:rsidRDefault="00156FB3" w:rsidP="00156FB3">
            <w:r>
              <w:t xml:space="preserve">        setButtonsDisabled(this, ['confirmButton', 'cancelButton'], true);</w:t>
            </w:r>
          </w:p>
          <w:p w:rsidR="00156FB3" w:rsidRDefault="00156FB3" w:rsidP="00156FB3">
            <w:r>
              <w:t xml:space="preserve">    }</w:t>
            </w:r>
          </w:p>
          <w:p w:rsidR="00156FB3" w:rsidRDefault="00156FB3" w:rsidP="00156FB3">
            <w:r>
              <w:t xml:space="preserve">    function enableInput() {</w:t>
            </w:r>
          </w:p>
          <w:p w:rsidR="00156FB3" w:rsidRDefault="00156FB3" w:rsidP="00156FB3">
            <w:r>
              <w:t xml:space="preserve">        return setInputDisabled(this.getInput(), false);</w:t>
            </w:r>
          </w:p>
          <w:p w:rsidR="00156FB3" w:rsidRDefault="00156FB3" w:rsidP="00156FB3">
            <w:r>
              <w:t xml:space="preserve">    }</w:t>
            </w:r>
          </w:p>
          <w:p w:rsidR="00156FB3" w:rsidRDefault="00156FB3" w:rsidP="00156FB3">
            <w:r>
              <w:lastRenderedPageBreak/>
              <w:t xml:space="preserve">    function disableInput() {</w:t>
            </w:r>
          </w:p>
          <w:p w:rsidR="00156FB3" w:rsidRDefault="00156FB3" w:rsidP="00156FB3">
            <w:r>
              <w:t xml:space="preserve">        return setInputDisabled(this.getInput(), true);</w:t>
            </w:r>
          </w:p>
          <w:p w:rsidR="00156FB3" w:rsidRDefault="00156FB3" w:rsidP="00156FB3">
            <w:r>
              <w:t xml:space="preserve">    }</w:t>
            </w:r>
          </w:p>
          <w:p w:rsidR="00156FB3" w:rsidRDefault="00156FB3" w:rsidP="00156FB3"/>
          <w:p w:rsidR="00156FB3" w:rsidRDefault="00156FB3" w:rsidP="00156FB3">
            <w:r>
              <w:t xml:space="preserve">    function showValidationMessage(error) {</w:t>
            </w:r>
          </w:p>
          <w:p w:rsidR="00156FB3" w:rsidRDefault="00156FB3" w:rsidP="00156FB3">
            <w:r>
              <w:t xml:space="preserve">        var domCache = privateProps.domCache.get(this);</w:t>
            </w:r>
          </w:p>
          <w:p w:rsidR="00156FB3" w:rsidRDefault="00156FB3" w:rsidP="00156FB3">
            <w:r>
              <w:t xml:space="preserve">        domCache.validationMessage.innerHTML = error;</w:t>
            </w:r>
          </w:p>
          <w:p w:rsidR="00156FB3" w:rsidRDefault="00156FB3" w:rsidP="00156FB3">
            <w:r>
              <w:t xml:space="preserve">        var popupComputedStyle = window.getComputedStyle(domCache.popup);</w:t>
            </w:r>
          </w:p>
          <w:p w:rsidR="00156FB3" w:rsidRDefault="00156FB3" w:rsidP="00156FB3">
            <w:r>
              <w:t xml:space="preserve">        domCache.validationMessage.style.marginLeft = "-".concat(popupComputedStyle.getPropertyValue('padding-left'));</w:t>
            </w:r>
          </w:p>
          <w:p w:rsidR="00156FB3" w:rsidRDefault="00156FB3" w:rsidP="00156FB3">
            <w:r>
              <w:t xml:space="preserve">        domCache.validationMessage.style.marginRight = "-".concat(popupComputedStyle.getPropertyValue('padding-right'));</w:t>
            </w:r>
          </w:p>
          <w:p w:rsidR="00156FB3" w:rsidRDefault="00156FB3" w:rsidP="00156FB3">
            <w:r>
              <w:t xml:space="preserve">        show(domCache.validationMessage);</w:t>
            </w:r>
          </w:p>
          <w:p w:rsidR="00156FB3" w:rsidRDefault="00156FB3" w:rsidP="00156FB3">
            <w:r>
              <w:t xml:space="preserve">        var input = this.getInput();</w:t>
            </w:r>
          </w:p>
          <w:p w:rsidR="00156FB3" w:rsidRDefault="00156FB3" w:rsidP="00156FB3"/>
          <w:p w:rsidR="00156FB3" w:rsidRDefault="00156FB3" w:rsidP="00156FB3">
            <w:r>
              <w:t xml:space="preserve">        if (input) {</w:t>
            </w:r>
          </w:p>
          <w:p w:rsidR="00156FB3" w:rsidRDefault="00156FB3" w:rsidP="00156FB3">
            <w:r>
              <w:t xml:space="preserve">            input.setAttribute('aria-invalid', true);</w:t>
            </w:r>
          </w:p>
          <w:p w:rsidR="00156FB3" w:rsidRDefault="00156FB3" w:rsidP="00156FB3">
            <w:r>
              <w:t xml:space="preserve">            input.setAttribute('aria-describedBy', swalClasses['validation-message']);</w:t>
            </w:r>
          </w:p>
          <w:p w:rsidR="00156FB3" w:rsidRDefault="00156FB3" w:rsidP="00156FB3">
            <w:r>
              <w:t xml:space="preserve">            focusInput(input);</w:t>
            </w:r>
          </w:p>
          <w:p w:rsidR="00156FB3" w:rsidRDefault="00156FB3" w:rsidP="00156FB3">
            <w:r>
              <w:t xml:space="preserve">            addClass(input, swalClasses.inputerror);</w:t>
            </w:r>
          </w:p>
          <w:p w:rsidR="00156FB3" w:rsidRDefault="00156FB3" w:rsidP="00156FB3">
            <w:r>
              <w:t xml:space="preserve">        }</w:t>
            </w:r>
          </w:p>
          <w:p w:rsidR="00156FB3" w:rsidRDefault="00156FB3" w:rsidP="00156FB3">
            <w:r>
              <w:t xml:space="preserve">    } // Hide block with validation message</w:t>
            </w:r>
          </w:p>
          <w:p w:rsidR="00156FB3" w:rsidRDefault="00156FB3" w:rsidP="00156FB3"/>
          <w:p w:rsidR="00156FB3" w:rsidRDefault="00156FB3" w:rsidP="00156FB3">
            <w:r>
              <w:t xml:space="preserve">    function resetValidationMessage$1() {</w:t>
            </w:r>
          </w:p>
          <w:p w:rsidR="00156FB3" w:rsidRDefault="00156FB3" w:rsidP="00156FB3">
            <w:r>
              <w:t xml:space="preserve">        var domCache = privateProps.domCache.get(this);</w:t>
            </w:r>
          </w:p>
          <w:p w:rsidR="00156FB3" w:rsidRDefault="00156FB3" w:rsidP="00156FB3"/>
          <w:p w:rsidR="00156FB3" w:rsidRDefault="00156FB3" w:rsidP="00156FB3">
            <w:r>
              <w:t xml:space="preserve">        if (domCache.validationMessage) {</w:t>
            </w:r>
          </w:p>
          <w:p w:rsidR="00156FB3" w:rsidRDefault="00156FB3" w:rsidP="00156FB3">
            <w:r>
              <w:t xml:space="preserve">            hide(domCache.validationMessage);</w:t>
            </w:r>
          </w:p>
          <w:p w:rsidR="00156FB3" w:rsidRDefault="00156FB3" w:rsidP="00156FB3">
            <w:r>
              <w:t xml:space="preserve">        }</w:t>
            </w:r>
          </w:p>
          <w:p w:rsidR="00156FB3" w:rsidRDefault="00156FB3" w:rsidP="00156FB3"/>
          <w:p w:rsidR="00156FB3" w:rsidRDefault="00156FB3" w:rsidP="00156FB3">
            <w:r>
              <w:t xml:space="preserve">        var input = this.getInput();</w:t>
            </w:r>
          </w:p>
          <w:p w:rsidR="00156FB3" w:rsidRDefault="00156FB3" w:rsidP="00156FB3"/>
          <w:p w:rsidR="00156FB3" w:rsidRDefault="00156FB3" w:rsidP="00156FB3">
            <w:r>
              <w:t xml:space="preserve">        if (input) {</w:t>
            </w:r>
          </w:p>
          <w:p w:rsidR="00156FB3" w:rsidRDefault="00156FB3" w:rsidP="00156FB3">
            <w:r>
              <w:t xml:space="preserve">            input.removeAttribute('aria-invalid');</w:t>
            </w:r>
          </w:p>
          <w:p w:rsidR="00156FB3" w:rsidRDefault="00156FB3" w:rsidP="00156FB3">
            <w:r>
              <w:t xml:space="preserve">            input.removeAttribute('aria-describedBy');</w:t>
            </w:r>
          </w:p>
          <w:p w:rsidR="00156FB3" w:rsidRDefault="00156FB3" w:rsidP="00156FB3">
            <w:r>
              <w:t xml:space="preserve">            removeClass(input, swalClasses.inputerror);</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getProgressSteps$1() {</w:t>
            </w:r>
          </w:p>
          <w:p w:rsidR="00156FB3" w:rsidRDefault="00156FB3" w:rsidP="00156FB3">
            <w:r>
              <w:t xml:space="preserve">        var domCache = privateProps.domCache.get(this);</w:t>
            </w:r>
          </w:p>
          <w:p w:rsidR="00156FB3" w:rsidRDefault="00156FB3" w:rsidP="00156FB3">
            <w:r>
              <w:t xml:space="preserve">        return domCache.progressSteps;</w:t>
            </w:r>
          </w:p>
          <w:p w:rsidR="00156FB3" w:rsidRDefault="00156FB3" w:rsidP="00156FB3">
            <w:r>
              <w:t xml:space="preserve">    }</w:t>
            </w:r>
          </w:p>
          <w:p w:rsidR="00156FB3" w:rsidRDefault="00156FB3" w:rsidP="00156FB3"/>
          <w:p w:rsidR="00156FB3" w:rsidRDefault="00156FB3" w:rsidP="00156FB3">
            <w:r>
              <w:t xml:space="preserve">    var Timer =</w:t>
            </w:r>
          </w:p>
          <w:p w:rsidR="00156FB3" w:rsidRDefault="00156FB3" w:rsidP="00156FB3">
            <w:r>
              <w:t xml:space="preserve">        /*#__PURE__*/</w:t>
            </w:r>
          </w:p>
          <w:p w:rsidR="00156FB3" w:rsidRDefault="00156FB3" w:rsidP="00156FB3">
            <w:r>
              <w:t xml:space="preserve">        function () {</w:t>
            </w:r>
          </w:p>
          <w:p w:rsidR="00156FB3" w:rsidRDefault="00156FB3" w:rsidP="00156FB3">
            <w:r>
              <w:t xml:space="preserve">            function Timer(callback, delay) {</w:t>
            </w:r>
          </w:p>
          <w:p w:rsidR="00156FB3" w:rsidRDefault="00156FB3" w:rsidP="00156FB3">
            <w:r>
              <w:lastRenderedPageBreak/>
              <w:t xml:space="preserve">                _classCallCheck(this, Timer);</w:t>
            </w:r>
          </w:p>
          <w:p w:rsidR="00156FB3" w:rsidRDefault="00156FB3" w:rsidP="00156FB3"/>
          <w:p w:rsidR="00156FB3" w:rsidRDefault="00156FB3" w:rsidP="00156FB3">
            <w:r>
              <w:t xml:space="preserve">                this.callback = callback;</w:t>
            </w:r>
          </w:p>
          <w:p w:rsidR="00156FB3" w:rsidRDefault="00156FB3" w:rsidP="00156FB3">
            <w:r>
              <w:t xml:space="preserve">                this.remaining = delay;</w:t>
            </w:r>
          </w:p>
          <w:p w:rsidR="00156FB3" w:rsidRDefault="00156FB3" w:rsidP="00156FB3">
            <w:r>
              <w:t xml:space="preserve">                this.running = false;</w:t>
            </w:r>
          </w:p>
          <w:p w:rsidR="00156FB3" w:rsidRDefault="00156FB3" w:rsidP="00156FB3">
            <w:r>
              <w:t xml:space="preserve">                this.start();</w:t>
            </w:r>
          </w:p>
          <w:p w:rsidR="00156FB3" w:rsidRDefault="00156FB3" w:rsidP="00156FB3">
            <w:r>
              <w:t xml:space="preserve">            }</w:t>
            </w:r>
          </w:p>
          <w:p w:rsidR="00156FB3" w:rsidRDefault="00156FB3" w:rsidP="00156FB3"/>
          <w:p w:rsidR="00156FB3" w:rsidRDefault="00156FB3" w:rsidP="00156FB3">
            <w:r>
              <w:t xml:space="preserve">            _createClass(Timer, [{</w:t>
            </w:r>
          </w:p>
          <w:p w:rsidR="00156FB3" w:rsidRDefault="00156FB3" w:rsidP="00156FB3">
            <w:r>
              <w:t xml:space="preserve">                key: "start",</w:t>
            </w:r>
          </w:p>
          <w:p w:rsidR="00156FB3" w:rsidRDefault="00156FB3" w:rsidP="00156FB3">
            <w:r>
              <w:t xml:space="preserve">                value: function start() {</w:t>
            </w:r>
          </w:p>
          <w:p w:rsidR="00156FB3" w:rsidRDefault="00156FB3" w:rsidP="00156FB3">
            <w:r>
              <w:t xml:space="preserve">                    if (!this.running) {</w:t>
            </w:r>
          </w:p>
          <w:p w:rsidR="00156FB3" w:rsidRDefault="00156FB3" w:rsidP="00156FB3">
            <w:r>
              <w:t xml:space="preserve">                        this.running = true;</w:t>
            </w:r>
          </w:p>
          <w:p w:rsidR="00156FB3" w:rsidRDefault="00156FB3" w:rsidP="00156FB3">
            <w:r>
              <w:t xml:space="preserve">                        this.started = new Date();</w:t>
            </w:r>
          </w:p>
          <w:p w:rsidR="00156FB3" w:rsidRDefault="00156FB3" w:rsidP="00156FB3">
            <w:r>
              <w:t xml:space="preserve">                        this.id = setTimeout(this.callback, this.remaining);</w:t>
            </w:r>
          </w:p>
          <w:p w:rsidR="00156FB3" w:rsidRDefault="00156FB3" w:rsidP="00156FB3">
            <w:r>
              <w:t xml:space="preserve">                    }</w:t>
            </w:r>
          </w:p>
          <w:p w:rsidR="00156FB3" w:rsidRDefault="00156FB3" w:rsidP="00156FB3"/>
          <w:p w:rsidR="00156FB3" w:rsidRDefault="00156FB3" w:rsidP="00156FB3">
            <w:r>
              <w:t xml:space="preserve">                    return this.remaining;</w:t>
            </w:r>
          </w:p>
          <w:p w:rsidR="00156FB3" w:rsidRDefault="00156FB3" w:rsidP="00156FB3">
            <w:r>
              <w:t xml:space="preserve">                }</w:t>
            </w:r>
          </w:p>
          <w:p w:rsidR="00156FB3" w:rsidRDefault="00156FB3" w:rsidP="00156FB3">
            <w:r>
              <w:t xml:space="preserve">            }, {</w:t>
            </w:r>
          </w:p>
          <w:p w:rsidR="00156FB3" w:rsidRDefault="00156FB3" w:rsidP="00156FB3">
            <w:r>
              <w:t xml:space="preserve">                key: "stop",</w:t>
            </w:r>
          </w:p>
          <w:p w:rsidR="00156FB3" w:rsidRDefault="00156FB3" w:rsidP="00156FB3">
            <w:r>
              <w:t xml:space="preserve">                value: function stop() {</w:t>
            </w:r>
          </w:p>
          <w:p w:rsidR="00156FB3" w:rsidRDefault="00156FB3" w:rsidP="00156FB3">
            <w:r>
              <w:t xml:space="preserve">                    if (this.running) {</w:t>
            </w:r>
          </w:p>
          <w:p w:rsidR="00156FB3" w:rsidRDefault="00156FB3" w:rsidP="00156FB3">
            <w:r>
              <w:t xml:space="preserve">                        this.running = false;</w:t>
            </w:r>
          </w:p>
          <w:p w:rsidR="00156FB3" w:rsidRDefault="00156FB3" w:rsidP="00156FB3">
            <w:r>
              <w:t xml:space="preserve">                        clearTimeout(this.id);</w:t>
            </w:r>
          </w:p>
          <w:p w:rsidR="00156FB3" w:rsidRDefault="00156FB3" w:rsidP="00156FB3">
            <w:r>
              <w:t xml:space="preserve">                        this.remaining -= new Date() - this.started;</w:t>
            </w:r>
          </w:p>
          <w:p w:rsidR="00156FB3" w:rsidRDefault="00156FB3" w:rsidP="00156FB3">
            <w:r>
              <w:t xml:space="preserve">                    }</w:t>
            </w:r>
          </w:p>
          <w:p w:rsidR="00156FB3" w:rsidRDefault="00156FB3" w:rsidP="00156FB3"/>
          <w:p w:rsidR="00156FB3" w:rsidRDefault="00156FB3" w:rsidP="00156FB3">
            <w:r>
              <w:t xml:space="preserve">                    return this.remaining;</w:t>
            </w:r>
          </w:p>
          <w:p w:rsidR="00156FB3" w:rsidRDefault="00156FB3" w:rsidP="00156FB3">
            <w:r>
              <w:t xml:space="preserve">                }</w:t>
            </w:r>
          </w:p>
          <w:p w:rsidR="00156FB3" w:rsidRDefault="00156FB3" w:rsidP="00156FB3">
            <w:r>
              <w:t xml:space="preserve">            }, {</w:t>
            </w:r>
          </w:p>
          <w:p w:rsidR="00156FB3" w:rsidRDefault="00156FB3" w:rsidP="00156FB3">
            <w:r>
              <w:t xml:space="preserve">                key: "increase",</w:t>
            </w:r>
          </w:p>
          <w:p w:rsidR="00156FB3" w:rsidRDefault="00156FB3" w:rsidP="00156FB3">
            <w:r>
              <w:t xml:space="preserve">                value: function increase(n) {</w:t>
            </w:r>
          </w:p>
          <w:p w:rsidR="00156FB3" w:rsidRDefault="00156FB3" w:rsidP="00156FB3">
            <w:r>
              <w:t xml:space="preserve">                    var running = this.running;</w:t>
            </w:r>
          </w:p>
          <w:p w:rsidR="00156FB3" w:rsidRDefault="00156FB3" w:rsidP="00156FB3"/>
          <w:p w:rsidR="00156FB3" w:rsidRDefault="00156FB3" w:rsidP="00156FB3">
            <w:r>
              <w:t xml:space="preserve">                    if (running) {</w:t>
            </w:r>
          </w:p>
          <w:p w:rsidR="00156FB3" w:rsidRDefault="00156FB3" w:rsidP="00156FB3">
            <w:r>
              <w:t xml:space="preserve">                        this.stop();</w:t>
            </w:r>
          </w:p>
          <w:p w:rsidR="00156FB3" w:rsidRDefault="00156FB3" w:rsidP="00156FB3">
            <w:r>
              <w:t xml:space="preserve">                    }</w:t>
            </w:r>
          </w:p>
          <w:p w:rsidR="00156FB3" w:rsidRDefault="00156FB3" w:rsidP="00156FB3"/>
          <w:p w:rsidR="00156FB3" w:rsidRDefault="00156FB3" w:rsidP="00156FB3">
            <w:r>
              <w:t xml:space="preserve">                    this.remaining += n;</w:t>
            </w:r>
          </w:p>
          <w:p w:rsidR="00156FB3" w:rsidRDefault="00156FB3" w:rsidP="00156FB3"/>
          <w:p w:rsidR="00156FB3" w:rsidRDefault="00156FB3" w:rsidP="00156FB3">
            <w:r>
              <w:t xml:space="preserve">                    if (running) {</w:t>
            </w:r>
          </w:p>
          <w:p w:rsidR="00156FB3" w:rsidRDefault="00156FB3" w:rsidP="00156FB3">
            <w:r>
              <w:t xml:space="preserve">                        this.start();</w:t>
            </w:r>
          </w:p>
          <w:p w:rsidR="00156FB3" w:rsidRDefault="00156FB3" w:rsidP="00156FB3">
            <w:r>
              <w:t xml:space="preserve">                    }</w:t>
            </w:r>
          </w:p>
          <w:p w:rsidR="00156FB3" w:rsidRDefault="00156FB3" w:rsidP="00156FB3"/>
          <w:p w:rsidR="00156FB3" w:rsidRDefault="00156FB3" w:rsidP="00156FB3">
            <w:r>
              <w:t xml:space="preserve">                    return this.remaining;</w:t>
            </w:r>
          </w:p>
          <w:p w:rsidR="00156FB3" w:rsidRDefault="00156FB3" w:rsidP="00156FB3">
            <w:r>
              <w:t xml:space="preserve">                }</w:t>
            </w:r>
          </w:p>
          <w:p w:rsidR="00156FB3" w:rsidRDefault="00156FB3" w:rsidP="00156FB3">
            <w:r>
              <w:t xml:space="preserve">            }, {</w:t>
            </w:r>
          </w:p>
          <w:p w:rsidR="00156FB3" w:rsidRDefault="00156FB3" w:rsidP="00156FB3">
            <w:r>
              <w:lastRenderedPageBreak/>
              <w:t xml:space="preserve">                key: "getTimerLeft",</w:t>
            </w:r>
          </w:p>
          <w:p w:rsidR="00156FB3" w:rsidRDefault="00156FB3" w:rsidP="00156FB3">
            <w:r>
              <w:t xml:space="preserve">                value: function getTimerLeft() {</w:t>
            </w:r>
          </w:p>
          <w:p w:rsidR="00156FB3" w:rsidRDefault="00156FB3" w:rsidP="00156FB3">
            <w:r>
              <w:t xml:space="preserve">                    if (this.running) {</w:t>
            </w:r>
          </w:p>
          <w:p w:rsidR="00156FB3" w:rsidRDefault="00156FB3" w:rsidP="00156FB3">
            <w:r>
              <w:t xml:space="preserve">                        this.stop();</w:t>
            </w:r>
          </w:p>
          <w:p w:rsidR="00156FB3" w:rsidRDefault="00156FB3" w:rsidP="00156FB3">
            <w:r>
              <w:t xml:space="preserve">                        this.start();</w:t>
            </w:r>
          </w:p>
          <w:p w:rsidR="00156FB3" w:rsidRDefault="00156FB3" w:rsidP="00156FB3">
            <w:r>
              <w:t xml:space="preserve">                    }</w:t>
            </w:r>
          </w:p>
          <w:p w:rsidR="00156FB3" w:rsidRDefault="00156FB3" w:rsidP="00156FB3"/>
          <w:p w:rsidR="00156FB3" w:rsidRDefault="00156FB3" w:rsidP="00156FB3">
            <w:r>
              <w:t xml:space="preserve">                    return this.remaining;</w:t>
            </w:r>
          </w:p>
          <w:p w:rsidR="00156FB3" w:rsidRDefault="00156FB3" w:rsidP="00156FB3">
            <w:r>
              <w:t xml:space="preserve">                }</w:t>
            </w:r>
          </w:p>
          <w:p w:rsidR="00156FB3" w:rsidRDefault="00156FB3" w:rsidP="00156FB3">
            <w:r>
              <w:t xml:space="preserve">            }, {</w:t>
            </w:r>
          </w:p>
          <w:p w:rsidR="00156FB3" w:rsidRDefault="00156FB3" w:rsidP="00156FB3">
            <w:r>
              <w:t xml:space="preserve">                key: "isRunning",</w:t>
            </w:r>
          </w:p>
          <w:p w:rsidR="00156FB3" w:rsidRDefault="00156FB3" w:rsidP="00156FB3">
            <w:r>
              <w:t xml:space="preserve">                value: function isRunning() {</w:t>
            </w:r>
          </w:p>
          <w:p w:rsidR="00156FB3" w:rsidRDefault="00156FB3" w:rsidP="00156FB3">
            <w:r>
              <w:t xml:space="preserve">                    return this.running;</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Timer;</w:t>
            </w:r>
          </w:p>
          <w:p w:rsidR="00156FB3" w:rsidRDefault="00156FB3" w:rsidP="00156FB3">
            <w:r>
              <w:t xml:space="preserve">        }();</w:t>
            </w:r>
          </w:p>
          <w:p w:rsidR="00156FB3" w:rsidRDefault="00156FB3" w:rsidP="00156FB3"/>
          <w:p w:rsidR="00156FB3" w:rsidRDefault="00156FB3" w:rsidP="00156FB3">
            <w:r>
              <w:t xml:space="preserve">    var defaultInputValidators = {</w:t>
            </w:r>
          </w:p>
          <w:p w:rsidR="00156FB3" w:rsidRDefault="00156FB3" w:rsidP="00156FB3">
            <w:r>
              <w:t xml:space="preserve">        email: function email(string, validationMessage) {</w:t>
            </w:r>
          </w:p>
          <w:p w:rsidR="00156FB3" w:rsidRDefault="00156FB3" w:rsidP="00156FB3">
            <w:r>
              <w:t xml:space="preserve">            return /^[a-zA-Z0-9.+_-]+@[a-zA-Z0-9.-]+\.[a-zA-Z0-9-]{2,24}$/.test(string) ? Promise.resolve() : Promise.resolve(validationMessage || 'Invalid email address');</w:t>
            </w:r>
          </w:p>
          <w:p w:rsidR="00156FB3" w:rsidRDefault="00156FB3" w:rsidP="00156FB3">
            <w:r>
              <w:t xml:space="preserve">        },</w:t>
            </w:r>
          </w:p>
          <w:p w:rsidR="00156FB3" w:rsidRDefault="00156FB3" w:rsidP="00156FB3">
            <w:r>
              <w:t xml:space="preserve">        url: function url(string, validationMessage) {</w:t>
            </w:r>
          </w:p>
          <w:p w:rsidR="00156FB3" w:rsidRDefault="00156FB3" w:rsidP="00156FB3">
            <w:r>
              <w:t xml:space="preserve">            // taken from https://stackoverflow.com/a/3809435 with a small change from #1306</w:t>
            </w:r>
          </w:p>
          <w:p w:rsidR="00156FB3" w:rsidRDefault="00156FB3" w:rsidP="00156FB3">
            <w:r>
              <w:t xml:space="preserve">            return /^https?:\/\/(www\.)?[-a-zA-Z0-9@:%._+~#=]{2,256}\.[a-z]{2,63}\b([-a-zA-Z0-9@:%_+.~#?&amp;/=]*)$/.test(string) ? Promise.resolve() : Promise.resolve(validationMessage || 'Invalid URL');</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setDefaultInputValidators(params) {</w:t>
            </w:r>
          </w:p>
          <w:p w:rsidR="00156FB3" w:rsidRDefault="00156FB3" w:rsidP="00156FB3">
            <w:r>
              <w:t xml:space="preserve">        // Use default `inputValidator` for supported input types if not provided</w:t>
            </w:r>
          </w:p>
          <w:p w:rsidR="00156FB3" w:rsidRDefault="00156FB3" w:rsidP="00156FB3">
            <w:r>
              <w:t xml:space="preserve">        if (!params.inputValidator) {</w:t>
            </w:r>
          </w:p>
          <w:p w:rsidR="00156FB3" w:rsidRDefault="00156FB3" w:rsidP="00156FB3">
            <w:r>
              <w:t xml:space="preserve">            Object.keys(defaultInputValidators).forEach(function (key) {</w:t>
            </w:r>
          </w:p>
          <w:p w:rsidR="00156FB3" w:rsidRDefault="00156FB3" w:rsidP="00156FB3">
            <w:r>
              <w:t xml:space="preserve">                if (params.input === key) {</w:t>
            </w:r>
          </w:p>
          <w:p w:rsidR="00156FB3" w:rsidRDefault="00156FB3" w:rsidP="00156FB3">
            <w:r>
              <w:t xml:space="preserve">                    params.inputValidator = defaultInputValidators[key];</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validateCustomTargetElement(params) {</w:t>
            </w:r>
          </w:p>
          <w:p w:rsidR="00156FB3" w:rsidRDefault="00156FB3" w:rsidP="00156FB3">
            <w:r>
              <w:t xml:space="preserve">        // Determine if the custom target element is valid</w:t>
            </w:r>
          </w:p>
          <w:p w:rsidR="00156FB3" w:rsidRDefault="00156FB3" w:rsidP="00156FB3">
            <w:r>
              <w:t xml:space="preserve">        if (!params.target || typeof params.target === 'string' &amp;&amp; !document.querySelector(params.target) || typeof params.target !== 'string' &amp;&amp; !params.target.appendChild) {</w:t>
            </w:r>
          </w:p>
          <w:p w:rsidR="00156FB3" w:rsidRDefault="00156FB3" w:rsidP="00156FB3">
            <w:r>
              <w:t xml:space="preserve">            warn('Target parameter is not valid, defaulting to "body"');</w:t>
            </w:r>
          </w:p>
          <w:p w:rsidR="00156FB3" w:rsidRDefault="00156FB3" w:rsidP="00156FB3">
            <w:r>
              <w:lastRenderedPageBreak/>
              <w:t xml:space="preserve">            params.target = 'body';</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 Set type, text and actions on popup</w:t>
            </w:r>
          </w:p>
          <w:p w:rsidR="00156FB3" w:rsidRDefault="00156FB3" w:rsidP="00156FB3">
            <w:r>
              <w:t xml:space="preserve">     *</w:t>
            </w:r>
          </w:p>
          <w:p w:rsidR="00156FB3" w:rsidRDefault="00156FB3" w:rsidP="00156FB3">
            <w:r>
              <w:t xml:space="preserve">     * @param params</w:t>
            </w:r>
          </w:p>
          <w:p w:rsidR="00156FB3" w:rsidRDefault="00156FB3" w:rsidP="00156FB3">
            <w:r>
              <w:t xml:space="preserve">     * @returns {boolean}</w:t>
            </w:r>
          </w:p>
          <w:p w:rsidR="00156FB3" w:rsidRDefault="00156FB3" w:rsidP="00156FB3">
            <w:r>
              <w:t xml:space="preserve">     */</w:t>
            </w:r>
          </w:p>
          <w:p w:rsidR="00156FB3" w:rsidRDefault="00156FB3" w:rsidP="00156FB3"/>
          <w:p w:rsidR="00156FB3" w:rsidRDefault="00156FB3" w:rsidP="00156FB3"/>
          <w:p w:rsidR="00156FB3" w:rsidRDefault="00156FB3" w:rsidP="00156FB3">
            <w:r>
              <w:t xml:space="preserve">    function setParameters(params) {</w:t>
            </w:r>
          </w:p>
          <w:p w:rsidR="00156FB3" w:rsidRDefault="00156FB3" w:rsidP="00156FB3">
            <w:r>
              <w:t xml:space="preserve">        setDefaultInputValidators(params); // showLoaderOnConfirm &amp;&amp; preConfirm</w:t>
            </w:r>
          </w:p>
          <w:p w:rsidR="00156FB3" w:rsidRDefault="00156FB3" w:rsidP="00156FB3"/>
          <w:p w:rsidR="00156FB3" w:rsidRDefault="00156FB3" w:rsidP="00156FB3">
            <w:r>
              <w:t xml:space="preserve">        if (params.showLoaderOnConfirm &amp;&amp; !params.preConfirm) {</w:t>
            </w:r>
          </w:p>
          <w:p w:rsidR="00156FB3" w:rsidRDefault="00156FB3" w:rsidP="00156FB3">
            <w:r>
              <w:t xml:space="preserve">            warn('showLoaderOnConfirm is set to true, but preConfirm is not defined.\n' + 'showLoaderOnConfirm should be used together with preConfirm, see usage example:\n' + 'https://sweetalert2.github.io/#ajax-request');</w:t>
            </w:r>
          </w:p>
          <w:p w:rsidR="00156FB3" w:rsidRDefault="00156FB3" w:rsidP="00156FB3">
            <w:r>
              <w:t xml:space="preserve">        } // params.animation will be actually used in renderPopup.js</w:t>
            </w:r>
          </w:p>
          <w:p w:rsidR="00156FB3" w:rsidRDefault="00156FB3" w:rsidP="00156FB3">
            <w:r>
              <w:t xml:space="preserve">        // but in case when params.animation is a function, we need to call that function</w:t>
            </w:r>
          </w:p>
          <w:p w:rsidR="00156FB3" w:rsidRDefault="00156FB3" w:rsidP="00156FB3">
            <w:r>
              <w:t xml:space="preserve">        // before popup (re)initialization, so it'll be possible to check Swal.isVisible()</w:t>
            </w:r>
          </w:p>
          <w:p w:rsidR="00156FB3" w:rsidRDefault="00156FB3" w:rsidP="00156FB3">
            <w:r>
              <w:t xml:space="preserve">        // inside the params.animation function</w:t>
            </w:r>
          </w:p>
          <w:p w:rsidR="00156FB3" w:rsidRDefault="00156FB3" w:rsidP="00156FB3"/>
          <w:p w:rsidR="00156FB3" w:rsidRDefault="00156FB3" w:rsidP="00156FB3"/>
          <w:p w:rsidR="00156FB3" w:rsidRDefault="00156FB3" w:rsidP="00156FB3">
            <w:r>
              <w:t xml:space="preserve">        params.animation = callIfFunction(params.animation);</w:t>
            </w:r>
          </w:p>
          <w:p w:rsidR="00156FB3" w:rsidRDefault="00156FB3" w:rsidP="00156FB3">
            <w:r>
              <w:t xml:space="preserve">        validateCustomTargetElement(params); // Replace newlines with &lt;br&gt; in title</w:t>
            </w:r>
          </w:p>
          <w:p w:rsidR="00156FB3" w:rsidRDefault="00156FB3" w:rsidP="00156FB3"/>
          <w:p w:rsidR="00156FB3" w:rsidRDefault="00156FB3" w:rsidP="00156FB3">
            <w:r>
              <w:t xml:space="preserve">        if (typeof params.title === 'string') {</w:t>
            </w:r>
          </w:p>
          <w:p w:rsidR="00156FB3" w:rsidRDefault="00156FB3" w:rsidP="00156FB3">
            <w:r>
              <w:t xml:space="preserve">            params.title = params.title.split('\n').join('&lt;br /&gt;');</w:t>
            </w:r>
          </w:p>
          <w:p w:rsidR="00156FB3" w:rsidRDefault="00156FB3" w:rsidP="00156FB3">
            <w:r>
              <w:t xml:space="preserve">        }</w:t>
            </w:r>
          </w:p>
          <w:p w:rsidR="00156FB3" w:rsidRDefault="00156FB3" w:rsidP="00156FB3"/>
          <w:p w:rsidR="00156FB3" w:rsidRDefault="00156FB3" w:rsidP="00156FB3">
            <w:r>
              <w:t xml:space="preserve">        init(params);</w:t>
            </w:r>
          </w:p>
          <w:p w:rsidR="00156FB3" w:rsidRDefault="00156FB3" w:rsidP="00156FB3">
            <w:r>
              <w:t xml:space="preserve">    }</w:t>
            </w:r>
          </w:p>
          <w:p w:rsidR="00156FB3" w:rsidRDefault="00156FB3" w:rsidP="00156FB3"/>
          <w:p w:rsidR="00156FB3" w:rsidRDefault="00156FB3" w:rsidP="00156FB3">
            <w:r>
              <w:t xml:space="preserve">    function swalOpenAnimationFinished(popup, container) {</w:t>
            </w:r>
          </w:p>
          <w:p w:rsidR="00156FB3" w:rsidRDefault="00156FB3" w:rsidP="00156FB3">
            <w:r>
              <w:t xml:space="preserve">        popup.removeEventListener(animationEndEvent, swalOpenAnimationFinished);</w:t>
            </w:r>
          </w:p>
          <w:p w:rsidR="00156FB3" w:rsidRDefault="00156FB3" w:rsidP="00156FB3">
            <w:r>
              <w:t xml:space="preserve">        container.style.overflowY = 'auto';</w:t>
            </w:r>
          </w:p>
          <w:p w:rsidR="00156FB3" w:rsidRDefault="00156FB3" w:rsidP="00156FB3">
            <w:r>
              <w:t xml:space="preserve">    }</w:t>
            </w:r>
          </w:p>
          <w:p w:rsidR="00156FB3" w:rsidRDefault="00156FB3" w:rsidP="00156FB3">
            <w:r>
              <w:t xml:space="preserve">    /**</w:t>
            </w:r>
          </w:p>
          <w:p w:rsidR="00156FB3" w:rsidRDefault="00156FB3" w:rsidP="00156FB3">
            <w:r>
              <w:t xml:space="preserve">     * Open popup, add necessary classes and styles, fix scrollbar</w:t>
            </w:r>
          </w:p>
          <w:p w:rsidR="00156FB3" w:rsidRDefault="00156FB3" w:rsidP="00156FB3">
            <w:r>
              <w:t xml:space="preserve">     *</w:t>
            </w:r>
          </w:p>
          <w:p w:rsidR="00156FB3" w:rsidRDefault="00156FB3" w:rsidP="00156FB3">
            <w:r>
              <w:t xml:space="preserve">     * @param {Array} params</w:t>
            </w:r>
          </w:p>
          <w:p w:rsidR="00156FB3" w:rsidRDefault="00156FB3" w:rsidP="00156FB3">
            <w:r>
              <w:t xml:space="preserve">     */</w:t>
            </w:r>
          </w:p>
          <w:p w:rsidR="00156FB3" w:rsidRDefault="00156FB3" w:rsidP="00156FB3"/>
          <w:p w:rsidR="00156FB3" w:rsidRDefault="00156FB3" w:rsidP="00156FB3"/>
          <w:p w:rsidR="00156FB3" w:rsidRDefault="00156FB3" w:rsidP="00156FB3">
            <w:r>
              <w:t xml:space="preserve">    var openPopup = function openPopup(params) {</w:t>
            </w:r>
          </w:p>
          <w:p w:rsidR="00156FB3" w:rsidRDefault="00156FB3" w:rsidP="00156FB3">
            <w:r>
              <w:t xml:space="preserve">        var container = getContainer();</w:t>
            </w:r>
          </w:p>
          <w:p w:rsidR="00156FB3" w:rsidRDefault="00156FB3" w:rsidP="00156FB3">
            <w:r>
              <w:t xml:space="preserve">        var popup = getPopup();</w:t>
            </w:r>
          </w:p>
          <w:p w:rsidR="00156FB3" w:rsidRDefault="00156FB3" w:rsidP="00156FB3"/>
          <w:p w:rsidR="00156FB3" w:rsidRDefault="00156FB3" w:rsidP="00156FB3">
            <w:r>
              <w:t xml:space="preserve">        if (typeof params.onBeforeOpen === 'function') {</w:t>
            </w:r>
          </w:p>
          <w:p w:rsidR="00156FB3" w:rsidRDefault="00156FB3" w:rsidP="00156FB3">
            <w:r>
              <w:t xml:space="preserve">            params.onBeforeOpen(popup);</w:t>
            </w:r>
          </w:p>
          <w:p w:rsidR="00156FB3" w:rsidRDefault="00156FB3" w:rsidP="00156FB3">
            <w:r>
              <w:t xml:space="preserve">        }</w:t>
            </w:r>
          </w:p>
          <w:p w:rsidR="00156FB3" w:rsidRDefault="00156FB3" w:rsidP="00156FB3"/>
          <w:p w:rsidR="00156FB3" w:rsidRDefault="00156FB3" w:rsidP="00156FB3">
            <w:r>
              <w:t xml:space="preserve">        addClasses(container, popup, params); // scrolling is 'hidden' until animation is done, after that 'auto'</w:t>
            </w:r>
          </w:p>
          <w:p w:rsidR="00156FB3" w:rsidRDefault="00156FB3" w:rsidP="00156FB3"/>
          <w:p w:rsidR="00156FB3" w:rsidRDefault="00156FB3" w:rsidP="00156FB3">
            <w:r>
              <w:t xml:space="preserve">        setScrollingVisibility(container, popup);</w:t>
            </w:r>
          </w:p>
          <w:p w:rsidR="00156FB3" w:rsidRDefault="00156FB3" w:rsidP="00156FB3"/>
          <w:p w:rsidR="00156FB3" w:rsidRDefault="00156FB3" w:rsidP="00156FB3">
            <w:r>
              <w:t xml:space="preserve">        if (isModal()) {</w:t>
            </w:r>
          </w:p>
          <w:p w:rsidR="00156FB3" w:rsidRDefault="00156FB3" w:rsidP="00156FB3">
            <w:r>
              <w:t xml:space="preserve">            fixScrollContainer(container, params.scrollbarPadding);</w:t>
            </w:r>
          </w:p>
          <w:p w:rsidR="00156FB3" w:rsidRDefault="00156FB3" w:rsidP="00156FB3">
            <w:r>
              <w:t xml:space="preserve">        }</w:t>
            </w:r>
          </w:p>
          <w:p w:rsidR="00156FB3" w:rsidRDefault="00156FB3" w:rsidP="00156FB3"/>
          <w:p w:rsidR="00156FB3" w:rsidRDefault="00156FB3" w:rsidP="00156FB3">
            <w:r>
              <w:t xml:space="preserve">        if (!isToast() &amp;&amp; !globalState.previousActiveElement) {</w:t>
            </w:r>
          </w:p>
          <w:p w:rsidR="00156FB3" w:rsidRDefault="00156FB3" w:rsidP="00156FB3">
            <w:r>
              <w:t xml:space="preserve">            globalState.previousActiveElement = document.activeElement;</w:t>
            </w:r>
          </w:p>
          <w:p w:rsidR="00156FB3" w:rsidRDefault="00156FB3" w:rsidP="00156FB3">
            <w:r>
              <w:t xml:space="preserve">        }</w:t>
            </w:r>
          </w:p>
          <w:p w:rsidR="00156FB3" w:rsidRDefault="00156FB3" w:rsidP="00156FB3"/>
          <w:p w:rsidR="00156FB3" w:rsidRDefault="00156FB3" w:rsidP="00156FB3">
            <w:r>
              <w:t xml:space="preserve">        if (typeof params.onOpen === 'function') {</w:t>
            </w:r>
          </w:p>
          <w:p w:rsidR="00156FB3" w:rsidRDefault="00156FB3" w:rsidP="00156FB3">
            <w:r>
              <w:t xml:space="preserve">            setTimeout(function () {</w:t>
            </w:r>
          </w:p>
          <w:p w:rsidR="00156FB3" w:rsidRDefault="00156FB3" w:rsidP="00156FB3">
            <w:r>
              <w:t xml:space="preserve">                return params.onOpen(popup);</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setScrollingVisibility = function setScrollingVisibility(container, popup) {</w:t>
            </w:r>
          </w:p>
          <w:p w:rsidR="00156FB3" w:rsidRDefault="00156FB3" w:rsidP="00156FB3">
            <w:r>
              <w:t xml:space="preserve">        if (animationEndEvent &amp;&amp; hasCssAnimation(popup)) {</w:t>
            </w:r>
          </w:p>
          <w:p w:rsidR="00156FB3" w:rsidRDefault="00156FB3" w:rsidP="00156FB3">
            <w:r>
              <w:t xml:space="preserve">            container.style.overflowY = 'hidden';</w:t>
            </w:r>
          </w:p>
          <w:p w:rsidR="00156FB3" w:rsidRDefault="00156FB3" w:rsidP="00156FB3">
            <w:r>
              <w:t xml:space="preserve">            popup.addEventListener(animationEndEvent, swalOpenAnimationFinished.bind(null, popup, container));</w:t>
            </w:r>
          </w:p>
          <w:p w:rsidR="00156FB3" w:rsidRDefault="00156FB3" w:rsidP="00156FB3">
            <w:r>
              <w:t xml:space="preserve">        } else {</w:t>
            </w:r>
          </w:p>
          <w:p w:rsidR="00156FB3" w:rsidRDefault="00156FB3" w:rsidP="00156FB3">
            <w:r>
              <w:t xml:space="preserve">            container.style.overflowY = 'auto';</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fixScrollContainer = function fixScrollContainer(container, scrollbarPadding) {</w:t>
            </w:r>
          </w:p>
          <w:p w:rsidR="00156FB3" w:rsidRDefault="00156FB3" w:rsidP="00156FB3">
            <w:r>
              <w:t xml:space="preserve">        iOSfix();</w:t>
            </w:r>
          </w:p>
          <w:p w:rsidR="00156FB3" w:rsidRDefault="00156FB3" w:rsidP="00156FB3">
            <w:r>
              <w:t xml:space="preserve">        IEfix();</w:t>
            </w:r>
          </w:p>
          <w:p w:rsidR="00156FB3" w:rsidRDefault="00156FB3" w:rsidP="00156FB3">
            <w:r>
              <w:t xml:space="preserve">        setAriaHidden();</w:t>
            </w:r>
          </w:p>
          <w:p w:rsidR="00156FB3" w:rsidRDefault="00156FB3" w:rsidP="00156FB3"/>
          <w:p w:rsidR="00156FB3" w:rsidRDefault="00156FB3" w:rsidP="00156FB3">
            <w:r>
              <w:t xml:space="preserve">        if (scrollbarPadding) {</w:t>
            </w:r>
          </w:p>
          <w:p w:rsidR="00156FB3" w:rsidRDefault="00156FB3" w:rsidP="00156FB3">
            <w:r>
              <w:t xml:space="preserve">            fixScrollbar();</w:t>
            </w:r>
          </w:p>
          <w:p w:rsidR="00156FB3" w:rsidRDefault="00156FB3" w:rsidP="00156FB3">
            <w:r>
              <w:t xml:space="preserve">        } // sweetalert2/issues/1247</w:t>
            </w:r>
          </w:p>
          <w:p w:rsidR="00156FB3" w:rsidRDefault="00156FB3" w:rsidP="00156FB3"/>
          <w:p w:rsidR="00156FB3" w:rsidRDefault="00156FB3" w:rsidP="00156FB3"/>
          <w:p w:rsidR="00156FB3" w:rsidRDefault="00156FB3" w:rsidP="00156FB3">
            <w:r>
              <w:t xml:space="preserve">        setTimeout(function () {</w:t>
            </w:r>
          </w:p>
          <w:p w:rsidR="00156FB3" w:rsidRDefault="00156FB3" w:rsidP="00156FB3">
            <w:r>
              <w:t xml:space="preserve">            container.scrollTop = 0;</w:t>
            </w:r>
          </w:p>
          <w:p w:rsidR="00156FB3" w:rsidRDefault="00156FB3" w:rsidP="00156FB3">
            <w:r>
              <w:t xml:space="preserve">        });</w:t>
            </w:r>
          </w:p>
          <w:p w:rsidR="00156FB3" w:rsidRDefault="00156FB3" w:rsidP="00156FB3">
            <w:r>
              <w:lastRenderedPageBreak/>
              <w:t xml:space="preserve">    };</w:t>
            </w:r>
          </w:p>
          <w:p w:rsidR="00156FB3" w:rsidRDefault="00156FB3" w:rsidP="00156FB3"/>
          <w:p w:rsidR="00156FB3" w:rsidRDefault="00156FB3" w:rsidP="00156FB3">
            <w:r>
              <w:t xml:space="preserve">    var addClasses = function addClasses(container, popup, params) {</w:t>
            </w:r>
          </w:p>
          <w:p w:rsidR="00156FB3" w:rsidRDefault="00156FB3" w:rsidP="00156FB3">
            <w:r>
              <w:t xml:space="preserve">        addClass(container, params.showClass.backdrop);</w:t>
            </w:r>
          </w:p>
          <w:p w:rsidR="00156FB3" w:rsidRDefault="00156FB3" w:rsidP="00156FB3">
            <w:r>
              <w:t xml:space="preserve">        show(popup); // Animate popup right after showing it</w:t>
            </w:r>
          </w:p>
          <w:p w:rsidR="00156FB3" w:rsidRDefault="00156FB3" w:rsidP="00156FB3"/>
          <w:p w:rsidR="00156FB3" w:rsidRDefault="00156FB3" w:rsidP="00156FB3">
            <w:r>
              <w:t xml:space="preserve">        addClass(popup, params.showClass.popup);</w:t>
            </w:r>
          </w:p>
          <w:p w:rsidR="00156FB3" w:rsidRDefault="00156FB3" w:rsidP="00156FB3">
            <w:r>
              <w:t xml:space="preserve">        addClass([document.documentElement, document.body], swalClasses.shown);</w:t>
            </w:r>
          </w:p>
          <w:p w:rsidR="00156FB3" w:rsidRDefault="00156FB3" w:rsidP="00156FB3"/>
          <w:p w:rsidR="00156FB3" w:rsidRDefault="00156FB3" w:rsidP="00156FB3">
            <w:r>
              <w:t xml:space="preserve">        if (params.heightAuto &amp;&amp; params.backdrop &amp;&amp; !params.toast) {</w:t>
            </w:r>
          </w:p>
          <w:p w:rsidR="00156FB3" w:rsidRDefault="00156FB3" w:rsidP="00156FB3">
            <w:r>
              <w:t xml:space="preserve">            addClass([document.documentElement, document.body], swalClasses['height-auto']);</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handleInputOptionsAndValue = function handleInputOptionsAndValue(instance, params) {</w:t>
            </w:r>
          </w:p>
          <w:p w:rsidR="00156FB3" w:rsidRDefault="00156FB3" w:rsidP="00156FB3">
            <w:r>
              <w:t xml:space="preserve">        if (params.input === 'select' || params.input === 'radio') {</w:t>
            </w:r>
          </w:p>
          <w:p w:rsidR="00156FB3" w:rsidRDefault="00156FB3" w:rsidP="00156FB3">
            <w:r>
              <w:t xml:space="preserve">            handleInputOptions(instance, params);</w:t>
            </w:r>
          </w:p>
          <w:p w:rsidR="00156FB3" w:rsidRDefault="00156FB3" w:rsidP="00156FB3">
            <w:r>
              <w:t xml:space="preserve">        } else if (['text', 'email', 'number', 'tel', 'textarea'].indexOf(params.input) !== -1 &amp;&amp; isPromise(params.inputValue)) {</w:t>
            </w:r>
          </w:p>
          <w:p w:rsidR="00156FB3" w:rsidRDefault="00156FB3" w:rsidP="00156FB3">
            <w:r>
              <w:t xml:space="preserve">            handleInputValue(instance, params);</w:t>
            </w:r>
          </w:p>
          <w:p w:rsidR="00156FB3" w:rsidRDefault="00156FB3" w:rsidP="00156FB3">
            <w:r>
              <w:t xml:space="preserve">        }</w:t>
            </w:r>
          </w:p>
          <w:p w:rsidR="00156FB3" w:rsidRDefault="00156FB3" w:rsidP="00156FB3">
            <w:r>
              <w:t xml:space="preserve">    };</w:t>
            </w:r>
          </w:p>
          <w:p w:rsidR="00156FB3" w:rsidRDefault="00156FB3" w:rsidP="00156FB3">
            <w:r>
              <w:t xml:space="preserve">    var getInputValue = function getInputValue(instance, innerParams) {</w:t>
            </w:r>
          </w:p>
          <w:p w:rsidR="00156FB3" w:rsidRDefault="00156FB3" w:rsidP="00156FB3">
            <w:r>
              <w:t xml:space="preserve">        var input = instance.getInput();</w:t>
            </w:r>
          </w:p>
          <w:p w:rsidR="00156FB3" w:rsidRDefault="00156FB3" w:rsidP="00156FB3"/>
          <w:p w:rsidR="00156FB3" w:rsidRDefault="00156FB3" w:rsidP="00156FB3">
            <w:r>
              <w:t xml:space="preserve">        if (!input) {</w:t>
            </w:r>
          </w:p>
          <w:p w:rsidR="00156FB3" w:rsidRDefault="00156FB3" w:rsidP="00156FB3">
            <w:r>
              <w:t xml:space="preserve">            return null;</w:t>
            </w:r>
          </w:p>
          <w:p w:rsidR="00156FB3" w:rsidRDefault="00156FB3" w:rsidP="00156FB3">
            <w:r>
              <w:t xml:space="preserve">        }</w:t>
            </w:r>
          </w:p>
          <w:p w:rsidR="00156FB3" w:rsidRDefault="00156FB3" w:rsidP="00156FB3"/>
          <w:p w:rsidR="00156FB3" w:rsidRDefault="00156FB3" w:rsidP="00156FB3">
            <w:r>
              <w:t xml:space="preserve">        switch (innerParams.input) {</w:t>
            </w:r>
          </w:p>
          <w:p w:rsidR="00156FB3" w:rsidRDefault="00156FB3" w:rsidP="00156FB3">
            <w:r>
              <w:t xml:space="preserve">            case 'checkbox':</w:t>
            </w:r>
          </w:p>
          <w:p w:rsidR="00156FB3" w:rsidRDefault="00156FB3" w:rsidP="00156FB3">
            <w:r>
              <w:t xml:space="preserve">                return getCheckboxValue(input);</w:t>
            </w:r>
          </w:p>
          <w:p w:rsidR="00156FB3" w:rsidRDefault="00156FB3" w:rsidP="00156FB3"/>
          <w:p w:rsidR="00156FB3" w:rsidRDefault="00156FB3" w:rsidP="00156FB3">
            <w:r>
              <w:t xml:space="preserve">            case 'radio':</w:t>
            </w:r>
          </w:p>
          <w:p w:rsidR="00156FB3" w:rsidRDefault="00156FB3" w:rsidP="00156FB3">
            <w:r>
              <w:t xml:space="preserve">                return getRadioValue(input);</w:t>
            </w:r>
          </w:p>
          <w:p w:rsidR="00156FB3" w:rsidRDefault="00156FB3" w:rsidP="00156FB3"/>
          <w:p w:rsidR="00156FB3" w:rsidRDefault="00156FB3" w:rsidP="00156FB3">
            <w:r>
              <w:t xml:space="preserve">            case 'file':</w:t>
            </w:r>
          </w:p>
          <w:p w:rsidR="00156FB3" w:rsidRDefault="00156FB3" w:rsidP="00156FB3">
            <w:r>
              <w:t xml:space="preserve">                return getFileValue(input);</w:t>
            </w:r>
          </w:p>
          <w:p w:rsidR="00156FB3" w:rsidRDefault="00156FB3" w:rsidP="00156FB3"/>
          <w:p w:rsidR="00156FB3" w:rsidRDefault="00156FB3" w:rsidP="00156FB3">
            <w:r>
              <w:t xml:space="preserve">            default:</w:t>
            </w:r>
          </w:p>
          <w:p w:rsidR="00156FB3" w:rsidRDefault="00156FB3" w:rsidP="00156FB3">
            <w:r>
              <w:t xml:space="preserve">                return innerParams.inputAutoTrim ? input.value.trim() : input.val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getCheckboxValue = function getCheckboxValue(input) {</w:t>
            </w:r>
          </w:p>
          <w:p w:rsidR="00156FB3" w:rsidRDefault="00156FB3" w:rsidP="00156FB3">
            <w:r>
              <w:t xml:space="preserve">        return input.checked ? 1 : 0;</w:t>
            </w:r>
          </w:p>
          <w:p w:rsidR="00156FB3" w:rsidRDefault="00156FB3" w:rsidP="00156FB3">
            <w:r>
              <w:t xml:space="preserve">    };</w:t>
            </w:r>
          </w:p>
          <w:p w:rsidR="00156FB3" w:rsidRDefault="00156FB3" w:rsidP="00156FB3"/>
          <w:p w:rsidR="00156FB3" w:rsidRDefault="00156FB3" w:rsidP="00156FB3">
            <w:r>
              <w:lastRenderedPageBreak/>
              <w:t xml:space="preserve">    var getRadioValue = function getRadioValue(input) {</w:t>
            </w:r>
          </w:p>
          <w:p w:rsidR="00156FB3" w:rsidRDefault="00156FB3" w:rsidP="00156FB3">
            <w:r>
              <w:t xml:space="preserve">        return input.checked ? input.value : null;</w:t>
            </w:r>
          </w:p>
          <w:p w:rsidR="00156FB3" w:rsidRDefault="00156FB3" w:rsidP="00156FB3">
            <w:r>
              <w:t xml:space="preserve">    };</w:t>
            </w:r>
          </w:p>
          <w:p w:rsidR="00156FB3" w:rsidRDefault="00156FB3" w:rsidP="00156FB3"/>
          <w:p w:rsidR="00156FB3" w:rsidRDefault="00156FB3" w:rsidP="00156FB3">
            <w:r>
              <w:t xml:space="preserve">    var getFileValue = function getFileValue(input) {</w:t>
            </w:r>
          </w:p>
          <w:p w:rsidR="00156FB3" w:rsidRDefault="00156FB3" w:rsidP="00156FB3">
            <w:r>
              <w:t xml:space="preserve">        return input.files.length ? input.getAttribute('multiple') !== null ? input.files : input.files[0] : null;</w:t>
            </w:r>
          </w:p>
          <w:p w:rsidR="00156FB3" w:rsidRDefault="00156FB3" w:rsidP="00156FB3">
            <w:r>
              <w:t xml:space="preserve">    };</w:t>
            </w:r>
          </w:p>
          <w:p w:rsidR="00156FB3" w:rsidRDefault="00156FB3" w:rsidP="00156FB3"/>
          <w:p w:rsidR="00156FB3" w:rsidRDefault="00156FB3" w:rsidP="00156FB3">
            <w:r>
              <w:t xml:space="preserve">    var handleInputOptions = function handleInputOptions(instance, params) {</w:t>
            </w:r>
          </w:p>
          <w:p w:rsidR="00156FB3" w:rsidRDefault="00156FB3" w:rsidP="00156FB3">
            <w:r>
              <w:t xml:space="preserve">        var content = getContent();</w:t>
            </w:r>
          </w:p>
          <w:p w:rsidR="00156FB3" w:rsidRDefault="00156FB3" w:rsidP="00156FB3"/>
          <w:p w:rsidR="00156FB3" w:rsidRDefault="00156FB3" w:rsidP="00156FB3">
            <w:r>
              <w:t xml:space="preserve">        var processInputOptions = function processInputOptions(inputOptions) {</w:t>
            </w:r>
          </w:p>
          <w:p w:rsidR="00156FB3" w:rsidRDefault="00156FB3" w:rsidP="00156FB3">
            <w:r>
              <w:t xml:space="preserve">            return populateInputOptions[params.input](content, formatInputOptions(inputOptions), params);</w:t>
            </w:r>
          </w:p>
          <w:p w:rsidR="00156FB3" w:rsidRDefault="00156FB3" w:rsidP="00156FB3">
            <w:r>
              <w:t xml:space="preserve">        };</w:t>
            </w:r>
          </w:p>
          <w:p w:rsidR="00156FB3" w:rsidRDefault="00156FB3" w:rsidP="00156FB3"/>
          <w:p w:rsidR="00156FB3" w:rsidRDefault="00156FB3" w:rsidP="00156FB3">
            <w:r>
              <w:t xml:space="preserve">        if (isPromise(params.inputOptions)) {</w:t>
            </w:r>
          </w:p>
          <w:p w:rsidR="00156FB3" w:rsidRDefault="00156FB3" w:rsidP="00156FB3">
            <w:r>
              <w:t xml:space="preserve">            showLoading();</w:t>
            </w:r>
          </w:p>
          <w:p w:rsidR="00156FB3" w:rsidRDefault="00156FB3" w:rsidP="00156FB3">
            <w:r>
              <w:t xml:space="preserve">            params.inputOptions.then(function (inputOptions) {</w:t>
            </w:r>
          </w:p>
          <w:p w:rsidR="00156FB3" w:rsidRDefault="00156FB3" w:rsidP="00156FB3">
            <w:r>
              <w:t xml:space="preserve">                instance.hideLoading();</w:t>
            </w:r>
          </w:p>
          <w:p w:rsidR="00156FB3" w:rsidRDefault="00156FB3" w:rsidP="00156FB3">
            <w:r>
              <w:t xml:space="preserve">                processInputOptions(inputOptions);</w:t>
            </w:r>
          </w:p>
          <w:p w:rsidR="00156FB3" w:rsidRDefault="00156FB3" w:rsidP="00156FB3">
            <w:r>
              <w:t xml:space="preserve">            });</w:t>
            </w:r>
          </w:p>
          <w:p w:rsidR="00156FB3" w:rsidRDefault="00156FB3" w:rsidP="00156FB3">
            <w:r>
              <w:t xml:space="preserve">        } else if (_typeof(params.inputOptions) === 'object') {</w:t>
            </w:r>
          </w:p>
          <w:p w:rsidR="00156FB3" w:rsidRDefault="00156FB3" w:rsidP="00156FB3">
            <w:r>
              <w:t xml:space="preserve">            processInputOptions(params.inputOptions);</w:t>
            </w:r>
          </w:p>
          <w:p w:rsidR="00156FB3" w:rsidRDefault="00156FB3" w:rsidP="00156FB3">
            <w:r>
              <w:t xml:space="preserve">        } else {</w:t>
            </w:r>
          </w:p>
          <w:p w:rsidR="00156FB3" w:rsidRDefault="00156FB3" w:rsidP="00156FB3">
            <w:r>
              <w:t xml:space="preserve">            error("Unexpected type of inputOptions! Expected object, Map or Promise, got ".concat(_typeof(params.inputOption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handleInputValue = function handleInputValue(instance, params) {</w:t>
            </w:r>
          </w:p>
          <w:p w:rsidR="00156FB3" w:rsidRDefault="00156FB3" w:rsidP="00156FB3">
            <w:r>
              <w:t xml:space="preserve">        var input = instance.getInput();</w:t>
            </w:r>
          </w:p>
          <w:p w:rsidR="00156FB3" w:rsidRDefault="00156FB3" w:rsidP="00156FB3">
            <w:r>
              <w:t xml:space="preserve">        hide(input);</w:t>
            </w:r>
          </w:p>
          <w:p w:rsidR="00156FB3" w:rsidRDefault="00156FB3" w:rsidP="00156FB3">
            <w:r>
              <w:t xml:space="preserve">        params.inputValue.then(function (inputValue) {</w:t>
            </w:r>
          </w:p>
          <w:p w:rsidR="00156FB3" w:rsidRDefault="00156FB3" w:rsidP="00156FB3">
            <w:r>
              <w:t xml:space="preserve">            input.value = params.input === 'number' ? parseFloat(inputValue) || 0 : "".concat(inputValue);</w:t>
            </w:r>
          </w:p>
          <w:p w:rsidR="00156FB3" w:rsidRDefault="00156FB3" w:rsidP="00156FB3">
            <w:r>
              <w:t xml:space="preserve">            show(input);</w:t>
            </w:r>
          </w:p>
          <w:p w:rsidR="00156FB3" w:rsidRDefault="00156FB3" w:rsidP="00156FB3">
            <w:r>
              <w:t xml:space="preserve">            input.focus();</w:t>
            </w:r>
          </w:p>
          <w:p w:rsidR="00156FB3" w:rsidRDefault="00156FB3" w:rsidP="00156FB3">
            <w:r>
              <w:t xml:space="preserve">            instance.hideLoading();</w:t>
            </w:r>
          </w:p>
          <w:p w:rsidR="00156FB3" w:rsidRDefault="00156FB3" w:rsidP="00156FB3">
            <w:r>
              <w:t xml:space="preserve">        })["catch"](function (err) {</w:t>
            </w:r>
          </w:p>
          <w:p w:rsidR="00156FB3" w:rsidRDefault="00156FB3" w:rsidP="00156FB3">
            <w:r>
              <w:t xml:space="preserve">            error("Error in inputValue promise: ".concat(err));</w:t>
            </w:r>
          </w:p>
          <w:p w:rsidR="00156FB3" w:rsidRDefault="00156FB3" w:rsidP="00156FB3">
            <w:r>
              <w:t xml:space="preserve">            input.value = '';</w:t>
            </w:r>
          </w:p>
          <w:p w:rsidR="00156FB3" w:rsidRDefault="00156FB3" w:rsidP="00156FB3">
            <w:r>
              <w:t xml:space="preserve">            show(input);</w:t>
            </w:r>
          </w:p>
          <w:p w:rsidR="00156FB3" w:rsidRDefault="00156FB3" w:rsidP="00156FB3">
            <w:r>
              <w:t xml:space="preserve">            input.focus();</w:t>
            </w:r>
          </w:p>
          <w:p w:rsidR="00156FB3" w:rsidRDefault="00156FB3" w:rsidP="00156FB3">
            <w:r>
              <w:t xml:space="preserve">            instance.hideLoading();</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populateInputOptions = {</w:t>
            </w:r>
          </w:p>
          <w:p w:rsidR="00156FB3" w:rsidRDefault="00156FB3" w:rsidP="00156FB3">
            <w:r>
              <w:lastRenderedPageBreak/>
              <w:t xml:space="preserve">        select: function select(content, inputOptions, params) {</w:t>
            </w:r>
          </w:p>
          <w:p w:rsidR="00156FB3" w:rsidRDefault="00156FB3" w:rsidP="00156FB3">
            <w:r>
              <w:t xml:space="preserve">            var select = getChildByClass(content, swalClasses.select);</w:t>
            </w:r>
          </w:p>
          <w:p w:rsidR="00156FB3" w:rsidRDefault="00156FB3" w:rsidP="00156FB3">
            <w:r>
              <w:t xml:space="preserve">            inputOptions.forEach(function (inputOption) {</w:t>
            </w:r>
          </w:p>
          <w:p w:rsidR="00156FB3" w:rsidRDefault="00156FB3" w:rsidP="00156FB3">
            <w:r>
              <w:t xml:space="preserve">                var optionValue = inputOption[0];</w:t>
            </w:r>
          </w:p>
          <w:p w:rsidR="00156FB3" w:rsidRDefault="00156FB3" w:rsidP="00156FB3">
            <w:r>
              <w:t xml:space="preserve">                var optionLabel = inputOption[1];</w:t>
            </w:r>
          </w:p>
          <w:p w:rsidR="00156FB3" w:rsidRDefault="00156FB3" w:rsidP="00156FB3">
            <w:r>
              <w:t xml:space="preserve">                var option = document.createElement('option');</w:t>
            </w:r>
          </w:p>
          <w:p w:rsidR="00156FB3" w:rsidRDefault="00156FB3" w:rsidP="00156FB3">
            <w:r>
              <w:t xml:space="preserve">                option.value = optionValue;</w:t>
            </w:r>
          </w:p>
          <w:p w:rsidR="00156FB3" w:rsidRDefault="00156FB3" w:rsidP="00156FB3">
            <w:r>
              <w:t xml:space="preserve">                option.innerHTML = optionLabel;</w:t>
            </w:r>
          </w:p>
          <w:p w:rsidR="00156FB3" w:rsidRDefault="00156FB3" w:rsidP="00156FB3"/>
          <w:p w:rsidR="00156FB3" w:rsidRDefault="00156FB3" w:rsidP="00156FB3">
            <w:r>
              <w:t xml:space="preserve">                if (params.inputValue.toString() === optionValue.toString()) {</w:t>
            </w:r>
          </w:p>
          <w:p w:rsidR="00156FB3" w:rsidRDefault="00156FB3" w:rsidP="00156FB3">
            <w:r>
              <w:t xml:space="preserve">                    option.selected = true;</w:t>
            </w:r>
          </w:p>
          <w:p w:rsidR="00156FB3" w:rsidRDefault="00156FB3" w:rsidP="00156FB3">
            <w:r>
              <w:t xml:space="preserve">                }</w:t>
            </w:r>
          </w:p>
          <w:p w:rsidR="00156FB3" w:rsidRDefault="00156FB3" w:rsidP="00156FB3"/>
          <w:p w:rsidR="00156FB3" w:rsidRDefault="00156FB3" w:rsidP="00156FB3">
            <w:r>
              <w:t xml:space="preserve">                select.appendChild(option);</w:t>
            </w:r>
          </w:p>
          <w:p w:rsidR="00156FB3" w:rsidRDefault="00156FB3" w:rsidP="00156FB3">
            <w:r>
              <w:t xml:space="preserve">            });</w:t>
            </w:r>
          </w:p>
          <w:p w:rsidR="00156FB3" w:rsidRDefault="00156FB3" w:rsidP="00156FB3">
            <w:r>
              <w:t xml:space="preserve">            select.focus();</w:t>
            </w:r>
          </w:p>
          <w:p w:rsidR="00156FB3" w:rsidRDefault="00156FB3" w:rsidP="00156FB3">
            <w:r>
              <w:t xml:space="preserve">        },</w:t>
            </w:r>
          </w:p>
          <w:p w:rsidR="00156FB3" w:rsidRDefault="00156FB3" w:rsidP="00156FB3">
            <w:r>
              <w:t xml:space="preserve">        radio: function radio(content, inputOptions, params) {</w:t>
            </w:r>
          </w:p>
          <w:p w:rsidR="00156FB3" w:rsidRDefault="00156FB3" w:rsidP="00156FB3">
            <w:r>
              <w:t xml:space="preserve">            var radio = getChildByClass(content, swalClasses.radio);</w:t>
            </w:r>
          </w:p>
          <w:p w:rsidR="00156FB3" w:rsidRDefault="00156FB3" w:rsidP="00156FB3">
            <w:r>
              <w:t xml:space="preserve">            inputOptions.forEach(function (inputOption) {</w:t>
            </w:r>
          </w:p>
          <w:p w:rsidR="00156FB3" w:rsidRDefault="00156FB3" w:rsidP="00156FB3">
            <w:r>
              <w:t xml:space="preserve">                var radioValue = inputOption[0];</w:t>
            </w:r>
          </w:p>
          <w:p w:rsidR="00156FB3" w:rsidRDefault="00156FB3" w:rsidP="00156FB3">
            <w:r>
              <w:t xml:space="preserve">                var radioLabel = inputOption[1];</w:t>
            </w:r>
          </w:p>
          <w:p w:rsidR="00156FB3" w:rsidRDefault="00156FB3" w:rsidP="00156FB3">
            <w:r>
              <w:t xml:space="preserve">                var radioInput = document.createElement('input');</w:t>
            </w:r>
          </w:p>
          <w:p w:rsidR="00156FB3" w:rsidRDefault="00156FB3" w:rsidP="00156FB3">
            <w:r>
              <w:t xml:space="preserve">                var radioLabelElement = document.createElement('label');</w:t>
            </w:r>
          </w:p>
          <w:p w:rsidR="00156FB3" w:rsidRDefault="00156FB3" w:rsidP="00156FB3">
            <w:r>
              <w:t xml:space="preserve">                radioInput.type = 'radio';</w:t>
            </w:r>
          </w:p>
          <w:p w:rsidR="00156FB3" w:rsidRDefault="00156FB3" w:rsidP="00156FB3">
            <w:r>
              <w:t xml:space="preserve">                radioInput.name = swalClasses.radio;</w:t>
            </w:r>
          </w:p>
          <w:p w:rsidR="00156FB3" w:rsidRDefault="00156FB3" w:rsidP="00156FB3">
            <w:r>
              <w:t xml:space="preserve">                radioInput.value = radioValue;</w:t>
            </w:r>
          </w:p>
          <w:p w:rsidR="00156FB3" w:rsidRDefault="00156FB3" w:rsidP="00156FB3"/>
          <w:p w:rsidR="00156FB3" w:rsidRDefault="00156FB3" w:rsidP="00156FB3">
            <w:r>
              <w:t xml:space="preserve">                if (params.inputValue.toString() === radioValue.toString()) {</w:t>
            </w:r>
          </w:p>
          <w:p w:rsidR="00156FB3" w:rsidRDefault="00156FB3" w:rsidP="00156FB3">
            <w:r>
              <w:t xml:space="preserve">                    radioInput.checked = true;</w:t>
            </w:r>
          </w:p>
          <w:p w:rsidR="00156FB3" w:rsidRDefault="00156FB3" w:rsidP="00156FB3">
            <w:r>
              <w:t xml:space="preserve">                }</w:t>
            </w:r>
          </w:p>
          <w:p w:rsidR="00156FB3" w:rsidRDefault="00156FB3" w:rsidP="00156FB3"/>
          <w:p w:rsidR="00156FB3" w:rsidRDefault="00156FB3" w:rsidP="00156FB3">
            <w:r>
              <w:t xml:space="preserve">                var label = document.createElement('span');</w:t>
            </w:r>
          </w:p>
          <w:p w:rsidR="00156FB3" w:rsidRDefault="00156FB3" w:rsidP="00156FB3">
            <w:r>
              <w:t xml:space="preserve">                label.innerHTML = radioLabel;</w:t>
            </w:r>
          </w:p>
          <w:p w:rsidR="00156FB3" w:rsidRDefault="00156FB3" w:rsidP="00156FB3">
            <w:r>
              <w:t xml:space="preserve">                label.className = swalClasses.label;</w:t>
            </w:r>
          </w:p>
          <w:p w:rsidR="00156FB3" w:rsidRDefault="00156FB3" w:rsidP="00156FB3">
            <w:r>
              <w:t xml:space="preserve">                radioLabelElement.appendChild(radioInput);</w:t>
            </w:r>
          </w:p>
          <w:p w:rsidR="00156FB3" w:rsidRDefault="00156FB3" w:rsidP="00156FB3">
            <w:r>
              <w:t xml:space="preserve">                radioLabelElement.appendChild(label);</w:t>
            </w:r>
          </w:p>
          <w:p w:rsidR="00156FB3" w:rsidRDefault="00156FB3" w:rsidP="00156FB3">
            <w:r>
              <w:t xml:space="preserve">                radio.appendChild(radioLabelElement);</w:t>
            </w:r>
          </w:p>
          <w:p w:rsidR="00156FB3" w:rsidRDefault="00156FB3" w:rsidP="00156FB3">
            <w:r>
              <w:t xml:space="preserve">            });</w:t>
            </w:r>
          </w:p>
          <w:p w:rsidR="00156FB3" w:rsidRDefault="00156FB3" w:rsidP="00156FB3">
            <w:r>
              <w:t xml:space="preserve">            var radios = radio.querySelectorAll('input');</w:t>
            </w:r>
          </w:p>
          <w:p w:rsidR="00156FB3" w:rsidRDefault="00156FB3" w:rsidP="00156FB3"/>
          <w:p w:rsidR="00156FB3" w:rsidRDefault="00156FB3" w:rsidP="00156FB3">
            <w:r>
              <w:t xml:space="preserve">            if (radios.length) {</w:t>
            </w:r>
          </w:p>
          <w:p w:rsidR="00156FB3" w:rsidRDefault="00156FB3" w:rsidP="00156FB3">
            <w:r>
              <w:t xml:space="preserve">                radios[0].focus();</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 Converts `inputOptions` into an array of `[value, label]`s</w:t>
            </w:r>
          </w:p>
          <w:p w:rsidR="00156FB3" w:rsidRDefault="00156FB3" w:rsidP="00156FB3">
            <w:r>
              <w:lastRenderedPageBreak/>
              <w:t xml:space="preserve">     * @param inputOptions</w:t>
            </w:r>
          </w:p>
          <w:p w:rsidR="00156FB3" w:rsidRDefault="00156FB3" w:rsidP="00156FB3">
            <w:r>
              <w:t xml:space="preserve">     */</w:t>
            </w:r>
          </w:p>
          <w:p w:rsidR="00156FB3" w:rsidRDefault="00156FB3" w:rsidP="00156FB3"/>
          <w:p w:rsidR="00156FB3" w:rsidRDefault="00156FB3" w:rsidP="00156FB3">
            <w:r>
              <w:t xml:space="preserve">    var formatInputOptions = function formatInputOptions(inputOptions) {</w:t>
            </w:r>
          </w:p>
          <w:p w:rsidR="00156FB3" w:rsidRDefault="00156FB3" w:rsidP="00156FB3">
            <w:r>
              <w:t xml:space="preserve">        var result = [];</w:t>
            </w:r>
          </w:p>
          <w:p w:rsidR="00156FB3" w:rsidRDefault="00156FB3" w:rsidP="00156FB3"/>
          <w:p w:rsidR="00156FB3" w:rsidRDefault="00156FB3" w:rsidP="00156FB3">
            <w:r>
              <w:t xml:space="preserve">        if (typeof Map !== 'undefined' &amp;&amp; inputOptions instanceof Map) {</w:t>
            </w:r>
          </w:p>
          <w:p w:rsidR="00156FB3" w:rsidRDefault="00156FB3" w:rsidP="00156FB3">
            <w:r>
              <w:t xml:space="preserve">            inputOptions.forEach(function (value, key) {</w:t>
            </w:r>
          </w:p>
          <w:p w:rsidR="00156FB3" w:rsidRDefault="00156FB3" w:rsidP="00156FB3">
            <w:r>
              <w:t xml:space="preserve">                result.push([key, value]);</w:t>
            </w:r>
          </w:p>
          <w:p w:rsidR="00156FB3" w:rsidRDefault="00156FB3" w:rsidP="00156FB3">
            <w:r>
              <w:t xml:space="preserve">            });</w:t>
            </w:r>
          </w:p>
          <w:p w:rsidR="00156FB3" w:rsidRDefault="00156FB3" w:rsidP="00156FB3">
            <w:r>
              <w:t xml:space="preserve">        } else {</w:t>
            </w:r>
          </w:p>
          <w:p w:rsidR="00156FB3" w:rsidRDefault="00156FB3" w:rsidP="00156FB3">
            <w:r>
              <w:t xml:space="preserve">            Object.keys(inputOptions).forEach(function (key) {</w:t>
            </w:r>
          </w:p>
          <w:p w:rsidR="00156FB3" w:rsidRDefault="00156FB3" w:rsidP="00156FB3">
            <w:r>
              <w:t xml:space="preserve">                result.push([key, inputOptions[key]]);</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var handleConfirmButtonClick = function handleConfirmButtonClick(instance, innerParams) {</w:t>
            </w:r>
          </w:p>
          <w:p w:rsidR="00156FB3" w:rsidRDefault="00156FB3" w:rsidP="00156FB3">
            <w:r>
              <w:t xml:space="preserve">        instance.disableButtons();</w:t>
            </w:r>
          </w:p>
          <w:p w:rsidR="00156FB3" w:rsidRDefault="00156FB3" w:rsidP="00156FB3"/>
          <w:p w:rsidR="00156FB3" w:rsidRDefault="00156FB3" w:rsidP="00156FB3">
            <w:r>
              <w:t xml:space="preserve">        if (innerParams.input) {</w:t>
            </w:r>
          </w:p>
          <w:p w:rsidR="00156FB3" w:rsidRDefault="00156FB3" w:rsidP="00156FB3">
            <w:r>
              <w:t xml:space="preserve">            handleConfirmWithInput(instance, innerParams);</w:t>
            </w:r>
          </w:p>
          <w:p w:rsidR="00156FB3" w:rsidRDefault="00156FB3" w:rsidP="00156FB3">
            <w:r>
              <w:t xml:space="preserve">        } else {</w:t>
            </w:r>
          </w:p>
          <w:p w:rsidR="00156FB3" w:rsidRDefault="00156FB3" w:rsidP="00156FB3">
            <w:r>
              <w:t xml:space="preserve">            confirm(instance, innerParams, true);</w:t>
            </w:r>
          </w:p>
          <w:p w:rsidR="00156FB3" w:rsidRDefault="00156FB3" w:rsidP="00156FB3">
            <w:r>
              <w:t xml:space="preserve">        }</w:t>
            </w:r>
          </w:p>
          <w:p w:rsidR="00156FB3" w:rsidRDefault="00156FB3" w:rsidP="00156FB3">
            <w:r>
              <w:t xml:space="preserve">    };</w:t>
            </w:r>
          </w:p>
          <w:p w:rsidR="00156FB3" w:rsidRDefault="00156FB3" w:rsidP="00156FB3">
            <w:r>
              <w:t xml:space="preserve">    var handleCancelButtonClick = function handleCancelButtonClick(instance, dismissWith) {</w:t>
            </w:r>
          </w:p>
          <w:p w:rsidR="00156FB3" w:rsidRDefault="00156FB3" w:rsidP="00156FB3">
            <w:r>
              <w:t xml:space="preserve">        instance.disableButtons();</w:t>
            </w:r>
          </w:p>
          <w:p w:rsidR="00156FB3" w:rsidRDefault="00156FB3" w:rsidP="00156FB3">
            <w:r>
              <w:t xml:space="preserve">        dismissWith(DismissReason.cancel);</w:t>
            </w:r>
          </w:p>
          <w:p w:rsidR="00156FB3" w:rsidRDefault="00156FB3" w:rsidP="00156FB3">
            <w:r>
              <w:t xml:space="preserve">    };</w:t>
            </w:r>
          </w:p>
          <w:p w:rsidR="00156FB3" w:rsidRDefault="00156FB3" w:rsidP="00156FB3"/>
          <w:p w:rsidR="00156FB3" w:rsidRDefault="00156FB3" w:rsidP="00156FB3">
            <w:r>
              <w:t xml:space="preserve">    var handleConfirmWithInput = function handleConfirmWithInput(instance, innerParams) {</w:t>
            </w:r>
          </w:p>
          <w:p w:rsidR="00156FB3" w:rsidRDefault="00156FB3" w:rsidP="00156FB3">
            <w:r>
              <w:t xml:space="preserve">        var inputValue = getInputValue(instance, innerParams);</w:t>
            </w:r>
          </w:p>
          <w:p w:rsidR="00156FB3" w:rsidRDefault="00156FB3" w:rsidP="00156FB3"/>
          <w:p w:rsidR="00156FB3" w:rsidRDefault="00156FB3" w:rsidP="00156FB3">
            <w:r>
              <w:t xml:space="preserve">        if (innerParams.inputValidator) {</w:t>
            </w:r>
          </w:p>
          <w:p w:rsidR="00156FB3" w:rsidRDefault="00156FB3" w:rsidP="00156FB3">
            <w:r>
              <w:t xml:space="preserve">            instance.disableInput();</w:t>
            </w:r>
          </w:p>
          <w:p w:rsidR="00156FB3" w:rsidRDefault="00156FB3" w:rsidP="00156FB3">
            <w:r>
              <w:t xml:space="preserve">            var validationPromise = Promise.resolve().then(function () {</w:t>
            </w:r>
          </w:p>
          <w:p w:rsidR="00156FB3" w:rsidRDefault="00156FB3" w:rsidP="00156FB3">
            <w:r>
              <w:t xml:space="preserve">                return innerParams.inputValidator(inputValue, innerParams.validationMessage);</w:t>
            </w:r>
          </w:p>
          <w:p w:rsidR="00156FB3" w:rsidRDefault="00156FB3" w:rsidP="00156FB3">
            <w:r>
              <w:t xml:space="preserve">            });</w:t>
            </w:r>
          </w:p>
          <w:p w:rsidR="00156FB3" w:rsidRDefault="00156FB3" w:rsidP="00156FB3">
            <w:r>
              <w:t xml:space="preserve">            validationPromise.then(function (validationMessage) {</w:t>
            </w:r>
          </w:p>
          <w:p w:rsidR="00156FB3" w:rsidRDefault="00156FB3" w:rsidP="00156FB3">
            <w:r>
              <w:t xml:space="preserve">                instance.enableButtons();</w:t>
            </w:r>
          </w:p>
          <w:p w:rsidR="00156FB3" w:rsidRDefault="00156FB3" w:rsidP="00156FB3">
            <w:r>
              <w:t xml:space="preserve">                instance.enableInput();</w:t>
            </w:r>
          </w:p>
          <w:p w:rsidR="00156FB3" w:rsidRDefault="00156FB3" w:rsidP="00156FB3"/>
          <w:p w:rsidR="00156FB3" w:rsidRDefault="00156FB3" w:rsidP="00156FB3">
            <w:r>
              <w:t xml:space="preserve">                if (validationMessage) {</w:t>
            </w:r>
          </w:p>
          <w:p w:rsidR="00156FB3" w:rsidRDefault="00156FB3" w:rsidP="00156FB3">
            <w:r>
              <w:t xml:space="preserve">                    instance.showValidationMessage(validationMessage);</w:t>
            </w:r>
          </w:p>
          <w:p w:rsidR="00156FB3" w:rsidRDefault="00156FB3" w:rsidP="00156FB3">
            <w:r>
              <w:t xml:space="preserve">                } else {</w:t>
            </w:r>
          </w:p>
          <w:p w:rsidR="00156FB3" w:rsidRDefault="00156FB3" w:rsidP="00156FB3">
            <w:r>
              <w:lastRenderedPageBreak/>
              <w:t xml:space="preserve">                    confirm(instance, innerParams, inputValue);</w:t>
            </w:r>
          </w:p>
          <w:p w:rsidR="00156FB3" w:rsidRDefault="00156FB3" w:rsidP="00156FB3">
            <w:r>
              <w:t xml:space="preserve">                }</w:t>
            </w:r>
          </w:p>
          <w:p w:rsidR="00156FB3" w:rsidRDefault="00156FB3" w:rsidP="00156FB3">
            <w:r>
              <w:t xml:space="preserve">            });</w:t>
            </w:r>
          </w:p>
          <w:p w:rsidR="00156FB3" w:rsidRDefault="00156FB3" w:rsidP="00156FB3">
            <w:r>
              <w:t xml:space="preserve">        } else if (!instance.getInput().checkValidity()) {</w:t>
            </w:r>
          </w:p>
          <w:p w:rsidR="00156FB3" w:rsidRDefault="00156FB3" w:rsidP="00156FB3">
            <w:r>
              <w:t xml:space="preserve">            instance.enableButtons();</w:t>
            </w:r>
          </w:p>
          <w:p w:rsidR="00156FB3" w:rsidRDefault="00156FB3" w:rsidP="00156FB3">
            <w:r>
              <w:t xml:space="preserve">            instance.showValidationMessage(innerParams.validationMessage);</w:t>
            </w:r>
          </w:p>
          <w:p w:rsidR="00156FB3" w:rsidRDefault="00156FB3" w:rsidP="00156FB3">
            <w:r>
              <w:t xml:space="preserve">        } else {</w:t>
            </w:r>
          </w:p>
          <w:p w:rsidR="00156FB3" w:rsidRDefault="00156FB3" w:rsidP="00156FB3">
            <w:r>
              <w:t xml:space="preserve">            confirm(instance, innerParams, inputVal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succeedWith = function succeedWith(instance, value) {</w:t>
            </w:r>
          </w:p>
          <w:p w:rsidR="00156FB3" w:rsidRDefault="00156FB3" w:rsidP="00156FB3">
            <w:r>
              <w:t xml:space="preserve">        instance.closePopup({</w:t>
            </w:r>
          </w:p>
          <w:p w:rsidR="00156FB3" w:rsidRDefault="00156FB3" w:rsidP="00156FB3">
            <w:r>
              <w:t xml:space="preserve">            value: val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confirm = function confirm(instance, innerParams, value) {</w:t>
            </w:r>
          </w:p>
          <w:p w:rsidR="00156FB3" w:rsidRDefault="00156FB3" w:rsidP="00156FB3">
            <w:r>
              <w:t xml:space="preserve">        if (innerParams.showLoaderOnConfirm) {</w:t>
            </w:r>
          </w:p>
          <w:p w:rsidR="00156FB3" w:rsidRDefault="00156FB3" w:rsidP="00156FB3">
            <w:r>
              <w:t xml:space="preserve">            showLoading(); // TODO: make showLoading an *instance* method</w:t>
            </w:r>
          </w:p>
          <w:p w:rsidR="00156FB3" w:rsidRDefault="00156FB3" w:rsidP="00156FB3">
            <w:r>
              <w:t xml:space="preserve">        }</w:t>
            </w:r>
          </w:p>
          <w:p w:rsidR="00156FB3" w:rsidRDefault="00156FB3" w:rsidP="00156FB3"/>
          <w:p w:rsidR="00156FB3" w:rsidRDefault="00156FB3" w:rsidP="00156FB3">
            <w:r>
              <w:t xml:space="preserve">        if (innerParams.preConfirm) {</w:t>
            </w:r>
          </w:p>
          <w:p w:rsidR="00156FB3" w:rsidRDefault="00156FB3" w:rsidP="00156FB3">
            <w:r>
              <w:t xml:space="preserve">            instance.resetValidationMessage();</w:t>
            </w:r>
          </w:p>
          <w:p w:rsidR="00156FB3" w:rsidRDefault="00156FB3" w:rsidP="00156FB3">
            <w:r>
              <w:t xml:space="preserve">            var preConfirmPromise = Promise.resolve().then(function () {</w:t>
            </w:r>
          </w:p>
          <w:p w:rsidR="00156FB3" w:rsidRDefault="00156FB3" w:rsidP="00156FB3">
            <w:r>
              <w:t xml:space="preserve">                return innerParams.preConfirm(value, innerParams.validationMessage);</w:t>
            </w:r>
          </w:p>
          <w:p w:rsidR="00156FB3" w:rsidRDefault="00156FB3" w:rsidP="00156FB3">
            <w:r>
              <w:t xml:space="preserve">            });</w:t>
            </w:r>
          </w:p>
          <w:p w:rsidR="00156FB3" w:rsidRDefault="00156FB3" w:rsidP="00156FB3">
            <w:r>
              <w:t xml:space="preserve">            preConfirmPromise.then(function (preConfirmValue) {</w:t>
            </w:r>
          </w:p>
          <w:p w:rsidR="00156FB3" w:rsidRDefault="00156FB3" w:rsidP="00156FB3">
            <w:r>
              <w:t xml:space="preserve">                if (isVisible(getValidationMessage()) || preConfirmValue === false) {</w:t>
            </w:r>
          </w:p>
          <w:p w:rsidR="00156FB3" w:rsidRDefault="00156FB3" w:rsidP="00156FB3">
            <w:r>
              <w:t xml:space="preserve">                    instance.hideLoading();</w:t>
            </w:r>
          </w:p>
          <w:p w:rsidR="00156FB3" w:rsidRDefault="00156FB3" w:rsidP="00156FB3">
            <w:r>
              <w:t xml:space="preserve">                } else {</w:t>
            </w:r>
          </w:p>
          <w:p w:rsidR="00156FB3" w:rsidRDefault="00156FB3" w:rsidP="00156FB3">
            <w:r>
              <w:t xml:space="preserve">                    succeedWith(instance, typeof preConfirmValue === 'undefined' ? value : preConfirmValue);</w:t>
            </w:r>
          </w:p>
          <w:p w:rsidR="00156FB3" w:rsidRDefault="00156FB3" w:rsidP="00156FB3">
            <w:r>
              <w:t xml:space="preserve">                }</w:t>
            </w:r>
          </w:p>
          <w:p w:rsidR="00156FB3" w:rsidRDefault="00156FB3" w:rsidP="00156FB3">
            <w:r>
              <w:t xml:space="preserve">            });</w:t>
            </w:r>
          </w:p>
          <w:p w:rsidR="00156FB3" w:rsidRDefault="00156FB3" w:rsidP="00156FB3">
            <w:r>
              <w:t xml:space="preserve">        } else {</w:t>
            </w:r>
          </w:p>
          <w:p w:rsidR="00156FB3" w:rsidRDefault="00156FB3" w:rsidP="00156FB3">
            <w:r>
              <w:t xml:space="preserve">            succeedWith(instance, val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addKeydownHandler = function addKeydownHandler(instance, globalState, innerParams, dismissWith) {</w:t>
            </w:r>
          </w:p>
          <w:p w:rsidR="00156FB3" w:rsidRDefault="00156FB3" w:rsidP="00156FB3">
            <w:r>
              <w:t xml:space="preserve">        if (globalState.keydownTarget &amp;&amp; globalState.keydownHandlerAdded) {</w:t>
            </w:r>
          </w:p>
          <w:p w:rsidR="00156FB3" w:rsidRDefault="00156FB3" w:rsidP="00156FB3">
            <w:r>
              <w:t xml:space="preserve">            globalState.keydownTarget.removeEventListener('keydown', globalState.keydownHandler, {</w:t>
            </w:r>
          </w:p>
          <w:p w:rsidR="00156FB3" w:rsidRDefault="00156FB3" w:rsidP="00156FB3">
            <w:r>
              <w:t xml:space="preserve">                capture: globalState.keydownListenerCapture</w:t>
            </w:r>
          </w:p>
          <w:p w:rsidR="00156FB3" w:rsidRDefault="00156FB3" w:rsidP="00156FB3">
            <w:r>
              <w:t xml:space="preserve">            });</w:t>
            </w:r>
          </w:p>
          <w:p w:rsidR="00156FB3" w:rsidRDefault="00156FB3" w:rsidP="00156FB3">
            <w:r>
              <w:t xml:space="preserve">            globalState.keydownHandlerAdded = false;</w:t>
            </w:r>
          </w:p>
          <w:p w:rsidR="00156FB3" w:rsidRDefault="00156FB3" w:rsidP="00156FB3">
            <w:r>
              <w:t xml:space="preserve">        }</w:t>
            </w:r>
          </w:p>
          <w:p w:rsidR="00156FB3" w:rsidRDefault="00156FB3" w:rsidP="00156FB3"/>
          <w:p w:rsidR="00156FB3" w:rsidRDefault="00156FB3" w:rsidP="00156FB3">
            <w:r>
              <w:lastRenderedPageBreak/>
              <w:t xml:space="preserve">        if (!innerParams.toast) {</w:t>
            </w:r>
          </w:p>
          <w:p w:rsidR="00156FB3" w:rsidRDefault="00156FB3" w:rsidP="00156FB3">
            <w:r>
              <w:t xml:space="preserve">            globalState.keydownHandler = function (e) {</w:t>
            </w:r>
          </w:p>
          <w:p w:rsidR="00156FB3" w:rsidRDefault="00156FB3" w:rsidP="00156FB3">
            <w:r>
              <w:t xml:space="preserve">                return keydownHandler(instance, e, innerParams, dismissWith);</w:t>
            </w:r>
          </w:p>
          <w:p w:rsidR="00156FB3" w:rsidRDefault="00156FB3" w:rsidP="00156FB3">
            <w:r>
              <w:t xml:space="preserve">            };</w:t>
            </w:r>
          </w:p>
          <w:p w:rsidR="00156FB3" w:rsidRDefault="00156FB3" w:rsidP="00156FB3"/>
          <w:p w:rsidR="00156FB3" w:rsidRDefault="00156FB3" w:rsidP="00156FB3">
            <w:r>
              <w:t xml:space="preserve">            globalState.keydownTarget = innerParams.keydownListenerCapture ? window : getPopup();</w:t>
            </w:r>
          </w:p>
          <w:p w:rsidR="00156FB3" w:rsidRDefault="00156FB3" w:rsidP="00156FB3">
            <w:r>
              <w:t xml:space="preserve">            globalState.keydownListenerCapture = innerParams.keydownListenerCapture;</w:t>
            </w:r>
          </w:p>
          <w:p w:rsidR="00156FB3" w:rsidRDefault="00156FB3" w:rsidP="00156FB3">
            <w:r>
              <w:t xml:space="preserve">            globalState.keydownTarget.addEventListener('keydown', globalState.keydownHandler, {</w:t>
            </w:r>
          </w:p>
          <w:p w:rsidR="00156FB3" w:rsidRDefault="00156FB3" w:rsidP="00156FB3">
            <w:r>
              <w:t xml:space="preserve">                capture: globalState.keydownListenerCapture</w:t>
            </w:r>
          </w:p>
          <w:p w:rsidR="00156FB3" w:rsidRDefault="00156FB3" w:rsidP="00156FB3">
            <w:r>
              <w:t xml:space="preserve">            });</w:t>
            </w:r>
          </w:p>
          <w:p w:rsidR="00156FB3" w:rsidRDefault="00156FB3" w:rsidP="00156FB3">
            <w:r>
              <w:t xml:space="preserve">            globalState.keydownHandlerAdded = true;</w:t>
            </w:r>
          </w:p>
          <w:p w:rsidR="00156FB3" w:rsidRDefault="00156FB3" w:rsidP="00156FB3">
            <w:r>
              <w:t xml:space="preserve">        }</w:t>
            </w:r>
          </w:p>
          <w:p w:rsidR="00156FB3" w:rsidRDefault="00156FB3" w:rsidP="00156FB3">
            <w:r>
              <w:t xml:space="preserve">    }; // Focus handling</w:t>
            </w:r>
          </w:p>
          <w:p w:rsidR="00156FB3" w:rsidRDefault="00156FB3" w:rsidP="00156FB3"/>
          <w:p w:rsidR="00156FB3" w:rsidRDefault="00156FB3" w:rsidP="00156FB3">
            <w:r>
              <w:t xml:space="preserve">    var setFocus = function setFocus(innerParams, index, increment) {</w:t>
            </w:r>
          </w:p>
          <w:p w:rsidR="00156FB3" w:rsidRDefault="00156FB3" w:rsidP="00156FB3">
            <w:r>
              <w:t xml:space="preserve">        var focusableElements = getFocusableElements(); // search for visible elements and select the next possible match</w:t>
            </w:r>
          </w:p>
          <w:p w:rsidR="00156FB3" w:rsidRDefault="00156FB3" w:rsidP="00156FB3"/>
          <w:p w:rsidR="00156FB3" w:rsidRDefault="00156FB3" w:rsidP="00156FB3">
            <w:r>
              <w:t xml:space="preserve">        for (var i = 0; i &lt; focusableElements.length; i++) {</w:t>
            </w:r>
          </w:p>
          <w:p w:rsidR="00156FB3" w:rsidRDefault="00156FB3" w:rsidP="00156FB3">
            <w:r>
              <w:t xml:space="preserve">            index = index + increment; // rollover to first item</w:t>
            </w:r>
          </w:p>
          <w:p w:rsidR="00156FB3" w:rsidRDefault="00156FB3" w:rsidP="00156FB3"/>
          <w:p w:rsidR="00156FB3" w:rsidRDefault="00156FB3" w:rsidP="00156FB3">
            <w:r>
              <w:t xml:space="preserve">            if (index === focusableElements.length) {</w:t>
            </w:r>
          </w:p>
          <w:p w:rsidR="00156FB3" w:rsidRDefault="00156FB3" w:rsidP="00156FB3">
            <w:r>
              <w:t xml:space="preserve">                index = 0; // go to last item</w:t>
            </w:r>
          </w:p>
          <w:p w:rsidR="00156FB3" w:rsidRDefault="00156FB3" w:rsidP="00156FB3">
            <w:r>
              <w:t xml:space="preserve">            } else if (index === -1) {</w:t>
            </w:r>
          </w:p>
          <w:p w:rsidR="00156FB3" w:rsidRDefault="00156FB3" w:rsidP="00156FB3">
            <w:r>
              <w:t xml:space="preserve">                index = focusableElements.length - 1;</w:t>
            </w:r>
          </w:p>
          <w:p w:rsidR="00156FB3" w:rsidRDefault="00156FB3" w:rsidP="00156FB3">
            <w:r>
              <w:t xml:space="preserve">            }</w:t>
            </w:r>
          </w:p>
          <w:p w:rsidR="00156FB3" w:rsidRDefault="00156FB3" w:rsidP="00156FB3"/>
          <w:p w:rsidR="00156FB3" w:rsidRDefault="00156FB3" w:rsidP="00156FB3">
            <w:r>
              <w:t xml:space="preserve">            return focusableElements[index].focus();</w:t>
            </w:r>
          </w:p>
          <w:p w:rsidR="00156FB3" w:rsidRDefault="00156FB3" w:rsidP="00156FB3">
            <w:r>
              <w:t xml:space="preserve">        } // no visible focusable elements, focus the popup</w:t>
            </w:r>
          </w:p>
          <w:p w:rsidR="00156FB3" w:rsidRDefault="00156FB3" w:rsidP="00156FB3"/>
          <w:p w:rsidR="00156FB3" w:rsidRDefault="00156FB3" w:rsidP="00156FB3"/>
          <w:p w:rsidR="00156FB3" w:rsidRDefault="00156FB3" w:rsidP="00156FB3">
            <w:r>
              <w:t xml:space="preserve">        getPopup().focus();</w:t>
            </w:r>
          </w:p>
          <w:p w:rsidR="00156FB3" w:rsidRDefault="00156FB3" w:rsidP="00156FB3">
            <w:r>
              <w:t xml:space="preserve">    };</w:t>
            </w:r>
          </w:p>
          <w:p w:rsidR="00156FB3" w:rsidRDefault="00156FB3" w:rsidP="00156FB3">
            <w:r>
              <w:t xml:space="preserve">    var arrowKeys = ['ArrowLeft', 'ArrowRight', 'ArrowUp', 'ArrowDown', 'Left', 'Right', 'Up', 'Down' // IE11</w:t>
            </w:r>
          </w:p>
          <w:p w:rsidR="00156FB3" w:rsidRDefault="00156FB3" w:rsidP="00156FB3">
            <w:r>
              <w:t xml:space="preserve">    ];</w:t>
            </w:r>
          </w:p>
          <w:p w:rsidR="00156FB3" w:rsidRDefault="00156FB3" w:rsidP="00156FB3">
            <w:r>
              <w:t xml:space="preserve">    var escKeys = ['Escape', 'Esc' // IE11</w:t>
            </w:r>
          </w:p>
          <w:p w:rsidR="00156FB3" w:rsidRDefault="00156FB3" w:rsidP="00156FB3">
            <w:r>
              <w:t xml:space="preserve">    ];</w:t>
            </w:r>
          </w:p>
          <w:p w:rsidR="00156FB3" w:rsidRDefault="00156FB3" w:rsidP="00156FB3"/>
          <w:p w:rsidR="00156FB3" w:rsidRDefault="00156FB3" w:rsidP="00156FB3">
            <w:r>
              <w:t xml:space="preserve">    var keydownHandler = function keydownHandler(instance, e, innerParams, dismissWith) {</w:t>
            </w:r>
          </w:p>
          <w:p w:rsidR="00156FB3" w:rsidRDefault="00156FB3" w:rsidP="00156FB3">
            <w:r>
              <w:t xml:space="preserve">        if (innerParams.stopKeydownPropagation) {</w:t>
            </w:r>
          </w:p>
          <w:p w:rsidR="00156FB3" w:rsidRDefault="00156FB3" w:rsidP="00156FB3">
            <w:r>
              <w:t xml:space="preserve">            e.stopPropagation();</w:t>
            </w:r>
          </w:p>
          <w:p w:rsidR="00156FB3" w:rsidRDefault="00156FB3" w:rsidP="00156FB3">
            <w:r>
              <w:t xml:space="preserve">        } // ENTER</w:t>
            </w:r>
          </w:p>
          <w:p w:rsidR="00156FB3" w:rsidRDefault="00156FB3" w:rsidP="00156FB3"/>
          <w:p w:rsidR="00156FB3" w:rsidRDefault="00156FB3" w:rsidP="00156FB3"/>
          <w:p w:rsidR="00156FB3" w:rsidRDefault="00156FB3" w:rsidP="00156FB3">
            <w:r>
              <w:t xml:space="preserve">        if (e.key === 'Enter') {</w:t>
            </w:r>
          </w:p>
          <w:p w:rsidR="00156FB3" w:rsidRDefault="00156FB3" w:rsidP="00156FB3">
            <w:r>
              <w:t xml:space="preserve">            handleEnter(instance, e, innerParams); // TAB</w:t>
            </w:r>
          </w:p>
          <w:p w:rsidR="00156FB3" w:rsidRDefault="00156FB3" w:rsidP="00156FB3">
            <w:r>
              <w:t xml:space="preserve">        } else if (e.key === 'Tab') {</w:t>
            </w:r>
          </w:p>
          <w:p w:rsidR="00156FB3" w:rsidRDefault="00156FB3" w:rsidP="00156FB3">
            <w:r>
              <w:t xml:space="preserve">            handleTab(e, innerParams); // ARROWS - switch focus between buttons</w:t>
            </w:r>
          </w:p>
          <w:p w:rsidR="00156FB3" w:rsidRDefault="00156FB3" w:rsidP="00156FB3">
            <w:r>
              <w:lastRenderedPageBreak/>
              <w:t xml:space="preserve">        } else if (arrowKeys.indexOf(e.key) !== -1) {</w:t>
            </w:r>
          </w:p>
          <w:p w:rsidR="00156FB3" w:rsidRDefault="00156FB3" w:rsidP="00156FB3">
            <w:r>
              <w:t xml:space="preserve">            handleArrows(); // ESC</w:t>
            </w:r>
          </w:p>
          <w:p w:rsidR="00156FB3" w:rsidRDefault="00156FB3" w:rsidP="00156FB3">
            <w:r>
              <w:t xml:space="preserve">        } else if (escKeys.indexOf(e.key) !== -1) {</w:t>
            </w:r>
          </w:p>
          <w:p w:rsidR="00156FB3" w:rsidRDefault="00156FB3" w:rsidP="00156FB3">
            <w:r>
              <w:t xml:space="preserve">            handleEsc(e, innerParams, dismissWith);</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handleEnter = function handleEnter(instance, e, innerParams) {</w:t>
            </w:r>
          </w:p>
          <w:p w:rsidR="00156FB3" w:rsidRDefault="00156FB3" w:rsidP="00156FB3">
            <w:r>
              <w:t xml:space="preserve">        // #720 #721</w:t>
            </w:r>
          </w:p>
          <w:p w:rsidR="00156FB3" w:rsidRDefault="00156FB3" w:rsidP="00156FB3">
            <w:r>
              <w:t xml:space="preserve">        if (e.isComposing)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if (e.target &amp;&amp; instance.getInput() &amp;&amp; e.target.outerHTML === instance.getInput().outerHTML) {</w:t>
            </w:r>
          </w:p>
          <w:p w:rsidR="00156FB3" w:rsidRDefault="00156FB3" w:rsidP="00156FB3">
            <w:r>
              <w:t xml:space="preserve">            if (['textarea', 'file'].indexOf(innerParams.input) !== -1) {</w:t>
            </w:r>
          </w:p>
          <w:p w:rsidR="00156FB3" w:rsidRDefault="00156FB3" w:rsidP="00156FB3">
            <w:r>
              <w:t xml:space="preserve">                return; // do not submit</w:t>
            </w:r>
          </w:p>
          <w:p w:rsidR="00156FB3" w:rsidRDefault="00156FB3" w:rsidP="00156FB3">
            <w:r>
              <w:t xml:space="preserve">            }</w:t>
            </w:r>
          </w:p>
          <w:p w:rsidR="00156FB3" w:rsidRDefault="00156FB3" w:rsidP="00156FB3"/>
          <w:p w:rsidR="00156FB3" w:rsidRDefault="00156FB3" w:rsidP="00156FB3">
            <w:r>
              <w:t xml:space="preserve">            clickConfirm();</w:t>
            </w:r>
          </w:p>
          <w:p w:rsidR="00156FB3" w:rsidRDefault="00156FB3" w:rsidP="00156FB3">
            <w:r>
              <w:t xml:space="preserve">            e.preventDefaul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handleTab = function handleTab(e, innerParams) {</w:t>
            </w:r>
          </w:p>
          <w:p w:rsidR="00156FB3" w:rsidRDefault="00156FB3" w:rsidP="00156FB3">
            <w:r>
              <w:t xml:space="preserve">        var targetElement = e.target;</w:t>
            </w:r>
          </w:p>
          <w:p w:rsidR="00156FB3" w:rsidRDefault="00156FB3" w:rsidP="00156FB3">
            <w:r>
              <w:t xml:space="preserve">        var focusableElements = getFocusableElements();</w:t>
            </w:r>
          </w:p>
          <w:p w:rsidR="00156FB3" w:rsidRDefault="00156FB3" w:rsidP="00156FB3">
            <w:r>
              <w:t xml:space="preserve">        var btnIndex = -1;</w:t>
            </w:r>
          </w:p>
          <w:p w:rsidR="00156FB3" w:rsidRDefault="00156FB3" w:rsidP="00156FB3"/>
          <w:p w:rsidR="00156FB3" w:rsidRDefault="00156FB3" w:rsidP="00156FB3">
            <w:r>
              <w:t xml:space="preserve">        for (var i = 0; i &lt; focusableElements.length; i++) {</w:t>
            </w:r>
          </w:p>
          <w:p w:rsidR="00156FB3" w:rsidRDefault="00156FB3" w:rsidP="00156FB3">
            <w:r>
              <w:t xml:space="preserve">            if (targetElement === focusableElements[i]) {</w:t>
            </w:r>
          </w:p>
          <w:p w:rsidR="00156FB3" w:rsidRDefault="00156FB3" w:rsidP="00156FB3">
            <w:r>
              <w:t xml:space="preserve">                btnIndex = i;</w:t>
            </w:r>
          </w:p>
          <w:p w:rsidR="00156FB3" w:rsidRDefault="00156FB3" w:rsidP="00156FB3">
            <w:r>
              <w:t xml:space="preserve">                break;</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if (!e.shiftKey) {</w:t>
            </w:r>
          </w:p>
          <w:p w:rsidR="00156FB3" w:rsidRDefault="00156FB3" w:rsidP="00156FB3">
            <w:r>
              <w:t xml:space="preserve">            // Cycle to the next button</w:t>
            </w:r>
          </w:p>
          <w:p w:rsidR="00156FB3" w:rsidRDefault="00156FB3" w:rsidP="00156FB3">
            <w:r>
              <w:t xml:space="preserve">            setFocus(innerParams, btnIndex, 1);</w:t>
            </w:r>
          </w:p>
          <w:p w:rsidR="00156FB3" w:rsidRDefault="00156FB3" w:rsidP="00156FB3">
            <w:r>
              <w:t xml:space="preserve">        } else {</w:t>
            </w:r>
          </w:p>
          <w:p w:rsidR="00156FB3" w:rsidRDefault="00156FB3" w:rsidP="00156FB3">
            <w:r>
              <w:t xml:space="preserve">            // Cycle to the prev button</w:t>
            </w:r>
          </w:p>
          <w:p w:rsidR="00156FB3" w:rsidRDefault="00156FB3" w:rsidP="00156FB3">
            <w:r>
              <w:t xml:space="preserve">            setFocus(innerParams, btnIndex, -1);</w:t>
            </w:r>
          </w:p>
          <w:p w:rsidR="00156FB3" w:rsidRDefault="00156FB3" w:rsidP="00156FB3">
            <w:r>
              <w:t xml:space="preserve">        }</w:t>
            </w:r>
          </w:p>
          <w:p w:rsidR="00156FB3" w:rsidRDefault="00156FB3" w:rsidP="00156FB3"/>
          <w:p w:rsidR="00156FB3" w:rsidRDefault="00156FB3" w:rsidP="00156FB3">
            <w:r>
              <w:t xml:space="preserve">        e.stopPropagation();</w:t>
            </w:r>
          </w:p>
          <w:p w:rsidR="00156FB3" w:rsidRDefault="00156FB3" w:rsidP="00156FB3">
            <w:r>
              <w:t xml:space="preserve">        e.preventDefault();</w:t>
            </w:r>
          </w:p>
          <w:p w:rsidR="00156FB3" w:rsidRDefault="00156FB3" w:rsidP="00156FB3">
            <w:r>
              <w:t xml:space="preserve">    };</w:t>
            </w:r>
          </w:p>
          <w:p w:rsidR="00156FB3" w:rsidRDefault="00156FB3" w:rsidP="00156FB3"/>
          <w:p w:rsidR="00156FB3" w:rsidRDefault="00156FB3" w:rsidP="00156FB3">
            <w:r>
              <w:t xml:space="preserve">    var handleArrows = function handleArrows() {</w:t>
            </w:r>
          </w:p>
          <w:p w:rsidR="00156FB3" w:rsidRDefault="00156FB3" w:rsidP="00156FB3">
            <w:r>
              <w:lastRenderedPageBreak/>
              <w:t xml:space="preserve">        var confirmButton = getConfirmButton();</w:t>
            </w:r>
          </w:p>
          <w:p w:rsidR="00156FB3" w:rsidRDefault="00156FB3" w:rsidP="00156FB3">
            <w:r>
              <w:t xml:space="preserve">        var cancelButton = getCancelButton(); // focus Cancel button if Confirm button is currently focused</w:t>
            </w:r>
          </w:p>
          <w:p w:rsidR="00156FB3" w:rsidRDefault="00156FB3" w:rsidP="00156FB3"/>
          <w:p w:rsidR="00156FB3" w:rsidRDefault="00156FB3" w:rsidP="00156FB3">
            <w:r>
              <w:t xml:space="preserve">        if (document.activeElement === confirmButton &amp;&amp; isVisible(cancelButton)) {</w:t>
            </w:r>
          </w:p>
          <w:p w:rsidR="00156FB3" w:rsidRDefault="00156FB3" w:rsidP="00156FB3">
            <w:r>
              <w:t xml:space="preserve">            cancelButton.focus(); // and vice versa</w:t>
            </w:r>
          </w:p>
          <w:p w:rsidR="00156FB3" w:rsidRDefault="00156FB3" w:rsidP="00156FB3">
            <w:r>
              <w:t xml:space="preserve">        } else if (document.activeElement === cancelButton &amp;&amp; isVisible(confirmButton)) {</w:t>
            </w:r>
          </w:p>
          <w:p w:rsidR="00156FB3" w:rsidRDefault="00156FB3" w:rsidP="00156FB3">
            <w:r>
              <w:t xml:space="preserve">            confirmButton.focu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handleEsc = function handleEsc(e, innerParams, dismissWith) {</w:t>
            </w:r>
          </w:p>
          <w:p w:rsidR="00156FB3" w:rsidRDefault="00156FB3" w:rsidP="00156FB3">
            <w:r>
              <w:t xml:space="preserve">        if (callIfFunction(innerParams.allowEscapeKey)) {</w:t>
            </w:r>
          </w:p>
          <w:p w:rsidR="00156FB3" w:rsidRDefault="00156FB3" w:rsidP="00156FB3">
            <w:r>
              <w:t xml:space="preserve">            e.preventDefault();</w:t>
            </w:r>
          </w:p>
          <w:p w:rsidR="00156FB3" w:rsidRDefault="00156FB3" w:rsidP="00156FB3">
            <w:r>
              <w:t xml:space="preserve">            dismissWith(DismissReason.esc);</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handlePopupClick = function handlePopupClick(domCache, innerParams, dismissWith) {</w:t>
            </w:r>
          </w:p>
          <w:p w:rsidR="00156FB3" w:rsidRDefault="00156FB3" w:rsidP="00156FB3">
            <w:r>
              <w:t xml:space="preserve">        if (innerParams.toast) {</w:t>
            </w:r>
          </w:p>
          <w:p w:rsidR="00156FB3" w:rsidRDefault="00156FB3" w:rsidP="00156FB3">
            <w:r>
              <w:t xml:space="preserve">            handleToastClick(domCache, innerParams, dismissWith);</w:t>
            </w:r>
          </w:p>
          <w:p w:rsidR="00156FB3" w:rsidRDefault="00156FB3" w:rsidP="00156FB3">
            <w:r>
              <w:t xml:space="preserve">        } else {</w:t>
            </w:r>
          </w:p>
          <w:p w:rsidR="00156FB3" w:rsidRDefault="00156FB3" w:rsidP="00156FB3">
            <w:r>
              <w:t xml:space="preserve">            // Ignore click events that had mousedown on the popup but mouseup on the container</w:t>
            </w:r>
          </w:p>
          <w:p w:rsidR="00156FB3" w:rsidRDefault="00156FB3" w:rsidP="00156FB3">
            <w:r>
              <w:t xml:space="preserve">            // This can happen when the user drags a slider</w:t>
            </w:r>
          </w:p>
          <w:p w:rsidR="00156FB3" w:rsidRDefault="00156FB3" w:rsidP="00156FB3">
            <w:r>
              <w:t xml:space="preserve">            handleModalMousedown(domCache); // Ignore click events that had mousedown on the container but mouseup on the popup</w:t>
            </w:r>
          </w:p>
          <w:p w:rsidR="00156FB3" w:rsidRDefault="00156FB3" w:rsidP="00156FB3"/>
          <w:p w:rsidR="00156FB3" w:rsidRDefault="00156FB3" w:rsidP="00156FB3">
            <w:r>
              <w:t xml:space="preserve">            handleContainerMousedown(domCache);</w:t>
            </w:r>
          </w:p>
          <w:p w:rsidR="00156FB3" w:rsidRDefault="00156FB3" w:rsidP="00156FB3">
            <w:r>
              <w:t xml:space="preserve">            handleModalClick(domCache, innerParams, dismissWith);</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handleToastClick = function handleToastClick(domCache, innerParams, dismissWith) {</w:t>
            </w:r>
          </w:p>
          <w:p w:rsidR="00156FB3" w:rsidRDefault="00156FB3" w:rsidP="00156FB3">
            <w:r>
              <w:t xml:space="preserve">        // Closing toast by internal click</w:t>
            </w:r>
          </w:p>
          <w:p w:rsidR="00156FB3" w:rsidRDefault="00156FB3" w:rsidP="00156FB3">
            <w:r>
              <w:t xml:space="preserve">        domCache.popup.onclick = function () {</w:t>
            </w:r>
          </w:p>
          <w:p w:rsidR="00156FB3" w:rsidRDefault="00156FB3" w:rsidP="00156FB3">
            <w:r>
              <w:t xml:space="preserve">            if (innerParams.showConfirmButton || innerParams.showCancelButton || innerParams.showCloseButton || innerParams.input)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dismissWith(DismissReason.clos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ignoreOutsideClick = false;</w:t>
            </w:r>
          </w:p>
          <w:p w:rsidR="00156FB3" w:rsidRDefault="00156FB3" w:rsidP="00156FB3"/>
          <w:p w:rsidR="00156FB3" w:rsidRDefault="00156FB3" w:rsidP="00156FB3">
            <w:r>
              <w:t xml:space="preserve">    var handleModalMousedown = function handleModalMousedown(domCache) {</w:t>
            </w:r>
          </w:p>
          <w:p w:rsidR="00156FB3" w:rsidRDefault="00156FB3" w:rsidP="00156FB3">
            <w:r>
              <w:t xml:space="preserve">        domCache.popup.onmousedown = function () {</w:t>
            </w:r>
          </w:p>
          <w:p w:rsidR="00156FB3" w:rsidRDefault="00156FB3" w:rsidP="00156FB3">
            <w:r>
              <w:t xml:space="preserve">            domCache.container.onmouseup = function (e) {</w:t>
            </w:r>
          </w:p>
          <w:p w:rsidR="00156FB3" w:rsidRDefault="00156FB3" w:rsidP="00156FB3">
            <w:r>
              <w:lastRenderedPageBreak/>
              <w:t xml:space="preserve">                domCache.container.onmouseup = undefined; // We only check if the mouseup target is the container because usually it doesn't</w:t>
            </w:r>
          </w:p>
          <w:p w:rsidR="00156FB3" w:rsidRDefault="00156FB3" w:rsidP="00156FB3">
            <w:r>
              <w:t xml:space="preserve">                // have any other direct children aside of the popup</w:t>
            </w:r>
          </w:p>
          <w:p w:rsidR="00156FB3" w:rsidRDefault="00156FB3" w:rsidP="00156FB3"/>
          <w:p w:rsidR="00156FB3" w:rsidRDefault="00156FB3" w:rsidP="00156FB3">
            <w:r>
              <w:t xml:space="preserve">                if (e.target === domCache.container) {</w:t>
            </w:r>
          </w:p>
          <w:p w:rsidR="00156FB3" w:rsidRDefault="00156FB3" w:rsidP="00156FB3">
            <w:r>
              <w:t xml:space="preserve">                    ignoreOutsideClick = true;</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handleContainerMousedown = function handleContainerMousedown(domCache) {</w:t>
            </w:r>
          </w:p>
          <w:p w:rsidR="00156FB3" w:rsidRDefault="00156FB3" w:rsidP="00156FB3">
            <w:r>
              <w:t xml:space="preserve">        domCache.container.onmousedown = function () {</w:t>
            </w:r>
          </w:p>
          <w:p w:rsidR="00156FB3" w:rsidRDefault="00156FB3" w:rsidP="00156FB3">
            <w:r>
              <w:t xml:space="preserve">            domCache.popup.onmouseup = function (e) {</w:t>
            </w:r>
          </w:p>
          <w:p w:rsidR="00156FB3" w:rsidRDefault="00156FB3" w:rsidP="00156FB3">
            <w:r>
              <w:t xml:space="preserve">                domCache.popup.onmouseup = undefined; // We also need to check if the mouseup target is a child of the popup</w:t>
            </w:r>
          </w:p>
          <w:p w:rsidR="00156FB3" w:rsidRDefault="00156FB3" w:rsidP="00156FB3"/>
          <w:p w:rsidR="00156FB3" w:rsidRDefault="00156FB3" w:rsidP="00156FB3">
            <w:r>
              <w:t xml:space="preserve">                if (e.target === domCache.popup || domCache.popup.contains(e.target)) {</w:t>
            </w:r>
          </w:p>
          <w:p w:rsidR="00156FB3" w:rsidRDefault="00156FB3" w:rsidP="00156FB3">
            <w:r>
              <w:t xml:space="preserve">                    ignoreOutsideClick = true;</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handleModalClick = function handleModalClick(domCache, innerParams, dismissWith) {</w:t>
            </w:r>
          </w:p>
          <w:p w:rsidR="00156FB3" w:rsidRDefault="00156FB3" w:rsidP="00156FB3">
            <w:r>
              <w:t xml:space="preserve">        domCache.container.onclick = function (e) {</w:t>
            </w:r>
          </w:p>
          <w:p w:rsidR="00156FB3" w:rsidRDefault="00156FB3" w:rsidP="00156FB3">
            <w:r>
              <w:t xml:space="preserve">            if (ignoreOutsideClick) {</w:t>
            </w:r>
          </w:p>
          <w:p w:rsidR="00156FB3" w:rsidRDefault="00156FB3" w:rsidP="00156FB3">
            <w:r>
              <w:t xml:space="preserve">                ignoreOutsideClick = false;</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if (e.target === domCache.container &amp;&amp; callIfFunction(innerParams.allowOutsideClick)) {</w:t>
            </w:r>
          </w:p>
          <w:p w:rsidR="00156FB3" w:rsidRDefault="00156FB3" w:rsidP="00156FB3">
            <w:r>
              <w:t xml:space="preserve">                dismissWith(DismissReason.backdrop);</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_main(userParams) {</w:t>
            </w:r>
          </w:p>
          <w:p w:rsidR="00156FB3" w:rsidRDefault="00156FB3" w:rsidP="00156FB3">
            <w:r>
              <w:t xml:space="preserve">        showWarningsForParams(userParams); // Check if there is another Swal closing</w:t>
            </w:r>
          </w:p>
          <w:p w:rsidR="00156FB3" w:rsidRDefault="00156FB3" w:rsidP="00156FB3"/>
          <w:p w:rsidR="00156FB3" w:rsidRDefault="00156FB3" w:rsidP="00156FB3">
            <w:r>
              <w:t xml:space="preserve">        if (getPopup() &amp;&amp; globalState.swalCloseEventFinishedCallback) {</w:t>
            </w:r>
          </w:p>
          <w:p w:rsidR="00156FB3" w:rsidRDefault="00156FB3" w:rsidP="00156FB3">
            <w:r>
              <w:t xml:space="preserve">            globalState.swalCloseEventFinishedCallback();</w:t>
            </w:r>
          </w:p>
          <w:p w:rsidR="00156FB3" w:rsidRDefault="00156FB3" w:rsidP="00156FB3">
            <w:r>
              <w:t xml:space="preserve">            delete globalState.swalCloseEventFinishedCallback;</w:t>
            </w:r>
          </w:p>
          <w:p w:rsidR="00156FB3" w:rsidRDefault="00156FB3" w:rsidP="00156FB3">
            <w:r>
              <w:t xml:space="preserve">        } // Check if there is a swal disposal defer timer</w:t>
            </w:r>
          </w:p>
          <w:p w:rsidR="00156FB3" w:rsidRDefault="00156FB3" w:rsidP="00156FB3"/>
          <w:p w:rsidR="00156FB3" w:rsidRDefault="00156FB3" w:rsidP="00156FB3"/>
          <w:p w:rsidR="00156FB3" w:rsidRDefault="00156FB3" w:rsidP="00156FB3">
            <w:r>
              <w:t xml:space="preserve">        if (globalState.deferDisposalTimer) {</w:t>
            </w:r>
          </w:p>
          <w:p w:rsidR="00156FB3" w:rsidRDefault="00156FB3" w:rsidP="00156FB3">
            <w:r>
              <w:t xml:space="preserve">            clearTimeout(globalState.deferDisposalTimer);</w:t>
            </w:r>
          </w:p>
          <w:p w:rsidR="00156FB3" w:rsidRDefault="00156FB3" w:rsidP="00156FB3">
            <w:r>
              <w:lastRenderedPageBreak/>
              <w:t xml:space="preserve">            delete globalState.deferDisposalTimer;</w:t>
            </w:r>
          </w:p>
          <w:p w:rsidR="00156FB3" w:rsidRDefault="00156FB3" w:rsidP="00156FB3">
            <w:r>
              <w:t xml:space="preserve">        }</w:t>
            </w:r>
          </w:p>
          <w:p w:rsidR="00156FB3" w:rsidRDefault="00156FB3" w:rsidP="00156FB3"/>
          <w:p w:rsidR="00156FB3" w:rsidRDefault="00156FB3" w:rsidP="00156FB3">
            <w:r>
              <w:t xml:space="preserve">        var innerParams = prepareParams(userParams);</w:t>
            </w:r>
          </w:p>
          <w:p w:rsidR="00156FB3" w:rsidRDefault="00156FB3" w:rsidP="00156FB3">
            <w:r>
              <w:t xml:space="preserve">        setParameters(innerParams);</w:t>
            </w:r>
          </w:p>
          <w:p w:rsidR="00156FB3" w:rsidRDefault="00156FB3" w:rsidP="00156FB3">
            <w:r>
              <w:t xml:space="preserve">        Object.freeze(innerParams); // clear the previous timer</w:t>
            </w:r>
          </w:p>
          <w:p w:rsidR="00156FB3" w:rsidRDefault="00156FB3" w:rsidP="00156FB3"/>
          <w:p w:rsidR="00156FB3" w:rsidRDefault="00156FB3" w:rsidP="00156FB3">
            <w:r>
              <w:t xml:space="preserve">        if (globalState.timeout) {</w:t>
            </w:r>
          </w:p>
          <w:p w:rsidR="00156FB3" w:rsidRDefault="00156FB3" w:rsidP="00156FB3">
            <w:r>
              <w:t xml:space="preserve">            globalState.timeout.stop();</w:t>
            </w:r>
          </w:p>
          <w:p w:rsidR="00156FB3" w:rsidRDefault="00156FB3" w:rsidP="00156FB3">
            <w:r>
              <w:t xml:space="preserve">            delete globalState.timeout;</w:t>
            </w:r>
          </w:p>
          <w:p w:rsidR="00156FB3" w:rsidRDefault="00156FB3" w:rsidP="00156FB3">
            <w:r>
              <w:t xml:space="preserve">        } // clear the restore focus timeout</w:t>
            </w:r>
          </w:p>
          <w:p w:rsidR="00156FB3" w:rsidRDefault="00156FB3" w:rsidP="00156FB3"/>
          <w:p w:rsidR="00156FB3" w:rsidRDefault="00156FB3" w:rsidP="00156FB3"/>
          <w:p w:rsidR="00156FB3" w:rsidRDefault="00156FB3" w:rsidP="00156FB3">
            <w:r>
              <w:t xml:space="preserve">        clearTimeout(globalState.restoreFocusTimeout);</w:t>
            </w:r>
          </w:p>
          <w:p w:rsidR="00156FB3" w:rsidRDefault="00156FB3" w:rsidP="00156FB3">
            <w:r>
              <w:t xml:space="preserve">        var domCache = populateDomCache(this);</w:t>
            </w:r>
          </w:p>
          <w:p w:rsidR="00156FB3" w:rsidRDefault="00156FB3" w:rsidP="00156FB3">
            <w:r>
              <w:t xml:space="preserve">        render(this, innerParams);</w:t>
            </w:r>
          </w:p>
          <w:p w:rsidR="00156FB3" w:rsidRDefault="00156FB3" w:rsidP="00156FB3">
            <w:r>
              <w:t xml:space="preserve">        privateProps.innerParams.set(this, innerParams);</w:t>
            </w:r>
          </w:p>
          <w:p w:rsidR="00156FB3" w:rsidRDefault="00156FB3" w:rsidP="00156FB3">
            <w:r>
              <w:t xml:space="preserve">        return swalPromise(this, domCache, innerParams);</w:t>
            </w:r>
          </w:p>
          <w:p w:rsidR="00156FB3" w:rsidRDefault="00156FB3" w:rsidP="00156FB3">
            <w:r>
              <w:t xml:space="preserve">    }</w:t>
            </w:r>
          </w:p>
          <w:p w:rsidR="00156FB3" w:rsidRDefault="00156FB3" w:rsidP="00156FB3"/>
          <w:p w:rsidR="00156FB3" w:rsidRDefault="00156FB3" w:rsidP="00156FB3">
            <w:r>
              <w:t xml:space="preserve">    var prepareParams = function prepareParams(userParams) {</w:t>
            </w:r>
          </w:p>
          <w:p w:rsidR="00156FB3" w:rsidRDefault="00156FB3" w:rsidP="00156FB3">
            <w:r>
              <w:t xml:space="preserve">        var showClass = _extends({}, defaultParams.showClass, userParams.showClass);</w:t>
            </w:r>
          </w:p>
          <w:p w:rsidR="00156FB3" w:rsidRDefault="00156FB3" w:rsidP="00156FB3"/>
          <w:p w:rsidR="00156FB3" w:rsidRDefault="00156FB3" w:rsidP="00156FB3">
            <w:r>
              <w:t xml:space="preserve">        var hideClass = _extends({}, defaultParams.hideClass, userParams.hideClass);</w:t>
            </w:r>
          </w:p>
          <w:p w:rsidR="00156FB3" w:rsidRDefault="00156FB3" w:rsidP="00156FB3"/>
          <w:p w:rsidR="00156FB3" w:rsidRDefault="00156FB3" w:rsidP="00156FB3">
            <w:r>
              <w:t xml:space="preserve">        var params = _extends({}, defaultParams, userParams);</w:t>
            </w:r>
          </w:p>
          <w:p w:rsidR="00156FB3" w:rsidRDefault="00156FB3" w:rsidP="00156FB3"/>
          <w:p w:rsidR="00156FB3" w:rsidRDefault="00156FB3" w:rsidP="00156FB3">
            <w:r>
              <w:t xml:space="preserve">        params.showClass = showClass;</w:t>
            </w:r>
          </w:p>
          <w:p w:rsidR="00156FB3" w:rsidRDefault="00156FB3" w:rsidP="00156FB3">
            <w:r>
              <w:t xml:space="preserve">        params.hideClass = hideClass; // @deprecated</w:t>
            </w:r>
          </w:p>
          <w:p w:rsidR="00156FB3" w:rsidRDefault="00156FB3" w:rsidP="00156FB3"/>
          <w:p w:rsidR="00156FB3" w:rsidRDefault="00156FB3" w:rsidP="00156FB3">
            <w:r>
              <w:t xml:space="preserve">        if (userParams.animation === false) {</w:t>
            </w:r>
          </w:p>
          <w:p w:rsidR="00156FB3" w:rsidRDefault="00156FB3" w:rsidP="00156FB3">
            <w:r>
              <w:t xml:space="preserve">            params.showClass = {</w:t>
            </w:r>
          </w:p>
          <w:p w:rsidR="00156FB3" w:rsidRDefault="00156FB3" w:rsidP="00156FB3">
            <w:r>
              <w:t xml:space="preserve">                popup: '',</w:t>
            </w:r>
          </w:p>
          <w:p w:rsidR="00156FB3" w:rsidRDefault="00156FB3" w:rsidP="00156FB3">
            <w:r>
              <w:t xml:space="preserve">                backdrop: 'swal2-backdrop-show swal2-noanimation'</w:t>
            </w:r>
          </w:p>
          <w:p w:rsidR="00156FB3" w:rsidRDefault="00156FB3" w:rsidP="00156FB3">
            <w:r>
              <w:t xml:space="preserve">            };</w:t>
            </w:r>
          </w:p>
          <w:p w:rsidR="00156FB3" w:rsidRDefault="00156FB3" w:rsidP="00156FB3">
            <w:r>
              <w:t xml:space="preserve">            params.hideClass = {};</w:t>
            </w:r>
          </w:p>
          <w:p w:rsidR="00156FB3" w:rsidRDefault="00156FB3" w:rsidP="00156FB3">
            <w:r>
              <w:t xml:space="preserve">        }</w:t>
            </w:r>
          </w:p>
          <w:p w:rsidR="00156FB3" w:rsidRDefault="00156FB3" w:rsidP="00156FB3"/>
          <w:p w:rsidR="00156FB3" w:rsidRDefault="00156FB3" w:rsidP="00156FB3">
            <w:r>
              <w:t xml:space="preserve">        return params;</w:t>
            </w:r>
          </w:p>
          <w:p w:rsidR="00156FB3" w:rsidRDefault="00156FB3" w:rsidP="00156FB3">
            <w:r>
              <w:t xml:space="preserve">    };</w:t>
            </w:r>
          </w:p>
          <w:p w:rsidR="00156FB3" w:rsidRDefault="00156FB3" w:rsidP="00156FB3"/>
          <w:p w:rsidR="00156FB3" w:rsidRDefault="00156FB3" w:rsidP="00156FB3">
            <w:r>
              <w:t xml:space="preserve">    var swalPromise = function swalPromise(instance, domCache, innerParams) {</w:t>
            </w:r>
          </w:p>
          <w:p w:rsidR="00156FB3" w:rsidRDefault="00156FB3" w:rsidP="00156FB3">
            <w:r>
              <w:t xml:space="preserve">        return new Promise(function (resolve) {</w:t>
            </w:r>
          </w:p>
          <w:p w:rsidR="00156FB3" w:rsidRDefault="00156FB3" w:rsidP="00156FB3">
            <w:r>
              <w:t xml:space="preserve">            // functions to handle all closings/dismissals</w:t>
            </w:r>
          </w:p>
          <w:p w:rsidR="00156FB3" w:rsidRDefault="00156FB3" w:rsidP="00156FB3">
            <w:r>
              <w:t xml:space="preserve">            var dismissWith = function dismissWith(dismiss) {</w:t>
            </w:r>
          </w:p>
          <w:p w:rsidR="00156FB3" w:rsidRDefault="00156FB3" w:rsidP="00156FB3">
            <w:r>
              <w:t xml:space="preserve">                instance.closePopup({</w:t>
            </w:r>
          </w:p>
          <w:p w:rsidR="00156FB3" w:rsidRDefault="00156FB3" w:rsidP="00156FB3">
            <w:r>
              <w:t xml:space="preserve">                    dismiss: dismiss</w:t>
            </w:r>
          </w:p>
          <w:p w:rsidR="00156FB3" w:rsidRDefault="00156FB3" w:rsidP="00156FB3">
            <w:r>
              <w:t xml:space="preserve">                });</w:t>
            </w:r>
          </w:p>
          <w:p w:rsidR="00156FB3" w:rsidRDefault="00156FB3" w:rsidP="00156FB3">
            <w:r>
              <w:lastRenderedPageBreak/>
              <w:t xml:space="preserve">            };</w:t>
            </w:r>
          </w:p>
          <w:p w:rsidR="00156FB3" w:rsidRDefault="00156FB3" w:rsidP="00156FB3"/>
          <w:p w:rsidR="00156FB3" w:rsidRDefault="00156FB3" w:rsidP="00156FB3">
            <w:r>
              <w:t xml:space="preserve">            privateMethods.swalPromiseResolve.set(instance, resolve);</w:t>
            </w:r>
          </w:p>
          <w:p w:rsidR="00156FB3" w:rsidRDefault="00156FB3" w:rsidP="00156FB3">
            <w:r>
              <w:t xml:space="preserve">            setupTimer(globalState, innerParams, dismissWith);</w:t>
            </w:r>
          </w:p>
          <w:p w:rsidR="00156FB3" w:rsidRDefault="00156FB3" w:rsidP="00156FB3"/>
          <w:p w:rsidR="00156FB3" w:rsidRDefault="00156FB3" w:rsidP="00156FB3">
            <w:r>
              <w:t xml:space="preserve">            domCache.confirmButton.onclick = function () {</w:t>
            </w:r>
          </w:p>
          <w:p w:rsidR="00156FB3" w:rsidRDefault="00156FB3" w:rsidP="00156FB3">
            <w:r>
              <w:t xml:space="preserve">                return handleConfirmButtonClick(instance, innerParams);</w:t>
            </w:r>
          </w:p>
          <w:p w:rsidR="00156FB3" w:rsidRDefault="00156FB3" w:rsidP="00156FB3">
            <w:r>
              <w:t xml:space="preserve">            };</w:t>
            </w:r>
          </w:p>
          <w:p w:rsidR="00156FB3" w:rsidRDefault="00156FB3" w:rsidP="00156FB3"/>
          <w:p w:rsidR="00156FB3" w:rsidRDefault="00156FB3" w:rsidP="00156FB3">
            <w:r>
              <w:t xml:space="preserve">            domCache.cancelButton.onclick = function () {</w:t>
            </w:r>
          </w:p>
          <w:p w:rsidR="00156FB3" w:rsidRDefault="00156FB3" w:rsidP="00156FB3">
            <w:r>
              <w:t xml:space="preserve">                return handleCancelButtonClick(instance, dismissWith);</w:t>
            </w:r>
          </w:p>
          <w:p w:rsidR="00156FB3" w:rsidRDefault="00156FB3" w:rsidP="00156FB3">
            <w:r>
              <w:t xml:space="preserve">            };</w:t>
            </w:r>
          </w:p>
          <w:p w:rsidR="00156FB3" w:rsidRDefault="00156FB3" w:rsidP="00156FB3"/>
          <w:p w:rsidR="00156FB3" w:rsidRDefault="00156FB3" w:rsidP="00156FB3">
            <w:r>
              <w:t xml:space="preserve">            domCache.closeButton.onclick = function () {</w:t>
            </w:r>
          </w:p>
          <w:p w:rsidR="00156FB3" w:rsidRDefault="00156FB3" w:rsidP="00156FB3">
            <w:r>
              <w:t xml:space="preserve">                return dismissWith(DismissReason.close);</w:t>
            </w:r>
          </w:p>
          <w:p w:rsidR="00156FB3" w:rsidRDefault="00156FB3" w:rsidP="00156FB3">
            <w:r>
              <w:t xml:space="preserve">            };</w:t>
            </w:r>
          </w:p>
          <w:p w:rsidR="00156FB3" w:rsidRDefault="00156FB3" w:rsidP="00156FB3"/>
          <w:p w:rsidR="00156FB3" w:rsidRDefault="00156FB3" w:rsidP="00156FB3">
            <w:r>
              <w:t xml:space="preserve">            handlePopupClick(domCache, innerParams, dismissWith);</w:t>
            </w:r>
          </w:p>
          <w:p w:rsidR="00156FB3" w:rsidRDefault="00156FB3" w:rsidP="00156FB3">
            <w:r>
              <w:t xml:space="preserve">            addKeydownHandler(instance, globalState, innerParams, dismissWith);</w:t>
            </w:r>
          </w:p>
          <w:p w:rsidR="00156FB3" w:rsidRDefault="00156FB3" w:rsidP="00156FB3"/>
          <w:p w:rsidR="00156FB3" w:rsidRDefault="00156FB3" w:rsidP="00156FB3">
            <w:r>
              <w:t xml:space="preserve">            if (innerParams.toast &amp;&amp; (innerParams.input || innerParams.footer || innerParams.showCloseButton)) {</w:t>
            </w:r>
          </w:p>
          <w:p w:rsidR="00156FB3" w:rsidRDefault="00156FB3" w:rsidP="00156FB3">
            <w:r>
              <w:t xml:space="preserve">                addClass(document.body, swalClasses['toast-column']);</w:t>
            </w:r>
          </w:p>
          <w:p w:rsidR="00156FB3" w:rsidRDefault="00156FB3" w:rsidP="00156FB3">
            <w:r>
              <w:t xml:space="preserve">            } else {</w:t>
            </w:r>
          </w:p>
          <w:p w:rsidR="00156FB3" w:rsidRDefault="00156FB3" w:rsidP="00156FB3">
            <w:r>
              <w:t xml:space="preserve">                removeClass(document.body, swalClasses['toast-column']);</w:t>
            </w:r>
          </w:p>
          <w:p w:rsidR="00156FB3" w:rsidRDefault="00156FB3" w:rsidP="00156FB3">
            <w:r>
              <w:t xml:space="preserve">            }</w:t>
            </w:r>
          </w:p>
          <w:p w:rsidR="00156FB3" w:rsidRDefault="00156FB3" w:rsidP="00156FB3"/>
          <w:p w:rsidR="00156FB3" w:rsidRDefault="00156FB3" w:rsidP="00156FB3">
            <w:r>
              <w:t xml:space="preserve">            handleInputOptionsAndValue(instance, innerParams);</w:t>
            </w:r>
          </w:p>
          <w:p w:rsidR="00156FB3" w:rsidRDefault="00156FB3" w:rsidP="00156FB3">
            <w:r>
              <w:t xml:space="preserve">            openPopup(innerParams);</w:t>
            </w:r>
          </w:p>
          <w:p w:rsidR="00156FB3" w:rsidRDefault="00156FB3" w:rsidP="00156FB3">
            <w:r>
              <w:t xml:space="preserve">            initFocus(domCache, innerParams); // Scroll container to top on open (#1247)</w:t>
            </w:r>
          </w:p>
          <w:p w:rsidR="00156FB3" w:rsidRDefault="00156FB3" w:rsidP="00156FB3"/>
          <w:p w:rsidR="00156FB3" w:rsidRDefault="00156FB3" w:rsidP="00156FB3">
            <w:r>
              <w:t xml:space="preserve">            domCache.container.scrollTop = 0;</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populateDomCache = function populateDomCache(instance) {</w:t>
            </w:r>
          </w:p>
          <w:p w:rsidR="00156FB3" w:rsidRDefault="00156FB3" w:rsidP="00156FB3">
            <w:r>
              <w:t xml:space="preserve">        var domCache = {</w:t>
            </w:r>
          </w:p>
          <w:p w:rsidR="00156FB3" w:rsidRDefault="00156FB3" w:rsidP="00156FB3">
            <w:r>
              <w:t xml:space="preserve">            popup: getPopup(),</w:t>
            </w:r>
          </w:p>
          <w:p w:rsidR="00156FB3" w:rsidRDefault="00156FB3" w:rsidP="00156FB3">
            <w:r>
              <w:t xml:space="preserve">            container: getContainer(),</w:t>
            </w:r>
          </w:p>
          <w:p w:rsidR="00156FB3" w:rsidRDefault="00156FB3" w:rsidP="00156FB3">
            <w:r>
              <w:t xml:space="preserve">            content: getContent(),</w:t>
            </w:r>
          </w:p>
          <w:p w:rsidR="00156FB3" w:rsidRDefault="00156FB3" w:rsidP="00156FB3">
            <w:r>
              <w:t xml:space="preserve">            actions: getActions(),</w:t>
            </w:r>
          </w:p>
          <w:p w:rsidR="00156FB3" w:rsidRDefault="00156FB3" w:rsidP="00156FB3">
            <w:r>
              <w:t xml:space="preserve">            confirmButton: getConfirmButton(),</w:t>
            </w:r>
          </w:p>
          <w:p w:rsidR="00156FB3" w:rsidRDefault="00156FB3" w:rsidP="00156FB3">
            <w:r>
              <w:t xml:space="preserve">            cancelButton: getCancelButton(),</w:t>
            </w:r>
          </w:p>
          <w:p w:rsidR="00156FB3" w:rsidRDefault="00156FB3" w:rsidP="00156FB3">
            <w:r>
              <w:t xml:space="preserve">            closeButton: getCloseButton(),</w:t>
            </w:r>
          </w:p>
          <w:p w:rsidR="00156FB3" w:rsidRDefault="00156FB3" w:rsidP="00156FB3">
            <w:r>
              <w:t xml:space="preserve">            validationMessage: getValidationMessage(),</w:t>
            </w:r>
          </w:p>
          <w:p w:rsidR="00156FB3" w:rsidRDefault="00156FB3" w:rsidP="00156FB3">
            <w:r>
              <w:t xml:space="preserve">            progressSteps: getProgressSteps()</w:t>
            </w:r>
          </w:p>
          <w:p w:rsidR="00156FB3" w:rsidRDefault="00156FB3" w:rsidP="00156FB3">
            <w:r>
              <w:t xml:space="preserve">        };</w:t>
            </w:r>
          </w:p>
          <w:p w:rsidR="00156FB3" w:rsidRDefault="00156FB3" w:rsidP="00156FB3">
            <w:r>
              <w:t xml:space="preserve">        privateProps.domCache.set(instance, domCache);</w:t>
            </w:r>
          </w:p>
          <w:p w:rsidR="00156FB3" w:rsidRDefault="00156FB3" w:rsidP="00156FB3">
            <w:r>
              <w:lastRenderedPageBreak/>
              <w:t xml:space="preserve">        return domCache;</w:t>
            </w:r>
          </w:p>
          <w:p w:rsidR="00156FB3" w:rsidRDefault="00156FB3" w:rsidP="00156FB3">
            <w:r>
              <w:t xml:space="preserve">    };</w:t>
            </w:r>
          </w:p>
          <w:p w:rsidR="00156FB3" w:rsidRDefault="00156FB3" w:rsidP="00156FB3"/>
          <w:p w:rsidR="00156FB3" w:rsidRDefault="00156FB3" w:rsidP="00156FB3">
            <w:r>
              <w:t xml:space="preserve">    var setupTimer = function setupTimer(globalState$$1, innerParams, dismissWith) {</w:t>
            </w:r>
          </w:p>
          <w:p w:rsidR="00156FB3" w:rsidRDefault="00156FB3" w:rsidP="00156FB3">
            <w:r>
              <w:t xml:space="preserve">        var timerProgressBar = getTimerProgressBar();</w:t>
            </w:r>
          </w:p>
          <w:p w:rsidR="00156FB3" w:rsidRDefault="00156FB3" w:rsidP="00156FB3">
            <w:r>
              <w:t xml:space="preserve">        hide(timerProgressBar);</w:t>
            </w:r>
          </w:p>
          <w:p w:rsidR="00156FB3" w:rsidRDefault="00156FB3" w:rsidP="00156FB3"/>
          <w:p w:rsidR="00156FB3" w:rsidRDefault="00156FB3" w:rsidP="00156FB3">
            <w:r>
              <w:t xml:space="preserve">        if (innerParams.timer) {</w:t>
            </w:r>
          </w:p>
          <w:p w:rsidR="00156FB3" w:rsidRDefault="00156FB3" w:rsidP="00156FB3">
            <w:r>
              <w:t xml:space="preserve">            globalState$$1.timeout = new Timer(function () {</w:t>
            </w:r>
          </w:p>
          <w:p w:rsidR="00156FB3" w:rsidRDefault="00156FB3" w:rsidP="00156FB3">
            <w:r>
              <w:t xml:space="preserve">                dismissWith('timer');</w:t>
            </w:r>
          </w:p>
          <w:p w:rsidR="00156FB3" w:rsidRDefault="00156FB3" w:rsidP="00156FB3">
            <w:r>
              <w:t xml:space="preserve">                delete globalState$$1.timeout;</w:t>
            </w:r>
          </w:p>
          <w:p w:rsidR="00156FB3" w:rsidRDefault="00156FB3" w:rsidP="00156FB3">
            <w:r>
              <w:t xml:space="preserve">            }, innerParams.timer);</w:t>
            </w:r>
          </w:p>
          <w:p w:rsidR="00156FB3" w:rsidRDefault="00156FB3" w:rsidP="00156FB3"/>
          <w:p w:rsidR="00156FB3" w:rsidRDefault="00156FB3" w:rsidP="00156FB3">
            <w:r>
              <w:t xml:space="preserve">            if (innerParams.timerProgressBar) {</w:t>
            </w:r>
          </w:p>
          <w:p w:rsidR="00156FB3" w:rsidRDefault="00156FB3" w:rsidP="00156FB3">
            <w:r>
              <w:t xml:space="preserve">                show(timerProgressBar);</w:t>
            </w:r>
          </w:p>
          <w:p w:rsidR="00156FB3" w:rsidRDefault="00156FB3" w:rsidP="00156FB3">
            <w:r>
              <w:t xml:space="preserve">                setTimeout(function () {</w:t>
            </w:r>
          </w:p>
          <w:p w:rsidR="00156FB3" w:rsidRDefault="00156FB3" w:rsidP="00156FB3">
            <w:r>
              <w:t xml:space="preserve">                    animateTimerProgressBar(innerParams.timer);</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initFocus = function initFocus(domCache, innerParams) {</w:t>
            </w:r>
          </w:p>
          <w:p w:rsidR="00156FB3" w:rsidRDefault="00156FB3" w:rsidP="00156FB3">
            <w:r>
              <w:t xml:space="preserve">        if (innerParams.toast)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if (!callIfFunction(innerParams.allowEnterKey)) {</w:t>
            </w:r>
          </w:p>
          <w:p w:rsidR="00156FB3" w:rsidRDefault="00156FB3" w:rsidP="00156FB3">
            <w:r>
              <w:t xml:space="preserve">            return blurActiveElement();</w:t>
            </w:r>
          </w:p>
          <w:p w:rsidR="00156FB3" w:rsidRDefault="00156FB3" w:rsidP="00156FB3">
            <w:r>
              <w:t xml:space="preserve">        }</w:t>
            </w:r>
          </w:p>
          <w:p w:rsidR="00156FB3" w:rsidRDefault="00156FB3" w:rsidP="00156FB3"/>
          <w:p w:rsidR="00156FB3" w:rsidRDefault="00156FB3" w:rsidP="00156FB3">
            <w:r>
              <w:t xml:space="preserve">        if (innerParams.focusCancel &amp;&amp; isVisible(domCache.cancelButton)) {</w:t>
            </w:r>
          </w:p>
          <w:p w:rsidR="00156FB3" w:rsidRDefault="00156FB3" w:rsidP="00156FB3">
            <w:r>
              <w:t xml:space="preserve">            return domCache.cancelButton.focus();</w:t>
            </w:r>
          </w:p>
          <w:p w:rsidR="00156FB3" w:rsidRDefault="00156FB3" w:rsidP="00156FB3">
            <w:r>
              <w:t xml:space="preserve">        }</w:t>
            </w:r>
          </w:p>
          <w:p w:rsidR="00156FB3" w:rsidRDefault="00156FB3" w:rsidP="00156FB3"/>
          <w:p w:rsidR="00156FB3" w:rsidRDefault="00156FB3" w:rsidP="00156FB3">
            <w:r>
              <w:t xml:space="preserve">        if (innerParams.focusConfirm &amp;&amp; isVisible(domCache.confirmButton)) {</w:t>
            </w:r>
          </w:p>
          <w:p w:rsidR="00156FB3" w:rsidRDefault="00156FB3" w:rsidP="00156FB3">
            <w:r>
              <w:t xml:space="preserve">            return domCache.confirmButton.focus();</w:t>
            </w:r>
          </w:p>
          <w:p w:rsidR="00156FB3" w:rsidRDefault="00156FB3" w:rsidP="00156FB3">
            <w:r>
              <w:t xml:space="preserve">        }</w:t>
            </w:r>
          </w:p>
          <w:p w:rsidR="00156FB3" w:rsidRDefault="00156FB3" w:rsidP="00156FB3"/>
          <w:p w:rsidR="00156FB3" w:rsidRDefault="00156FB3" w:rsidP="00156FB3">
            <w:r>
              <w:t xml:space="preserve">        setFocus(innerParams, -1, 1);</w:t>
            </w:r>
          </w:p>
          <w:p w:rsidR="00156FB3" w:rsidRDefault="00156FB3" w:rsidP="00156FB3">
            <w:r>
              <w:t xml:space="preserve">    };</w:t>
            </w:r>
          </w:p>
          <w:p w:rsidR="00156FB3" w:rsidRDefault="00156FB3" w:rsidP="00156FB3"/>
          <w:p w:rsidR="00156FB3" w:rsidRDefault="00156FB3" w:rsidP="00156FB3">
            <w:r>
              <w:t xml:space="preserve">    var blurActiveElement = function blurActiveElement() {</w:t>
            </w:r>
          </w:p>
          <w:p w:rsidR="00156FB3" w:rsidRDefault="00156FB3" w:rsidP="00156FB3">
            <w:r>
              <w:t xml:space="preserve">        if (document.activeElement &amp;&amp; typeof document.activeElement.blur === 'function') {</w:t>
            </w:r>
          </w:p>
          <w:p w:rsidR="00156FB3" w:rsidRDefault="00156FB3" w:rsidP="00156FB3">
            <w:r>
              <w:t xml:space="preserve">            document.activeElement.blur();</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lastRenderedPageBreak/>
              <w:t xml:space="preserve">    /**</w:t>
            </w:r>
          </w:p>
          <w:p w:rsidR="00156FB3" w:rsidRDefault="00156FB3" w:rsidP="00156FB3">
            <w:r>
              <w:t xml:space="preserve">     * Updates popup parameters.</w:t>
            </w:r>
          </w:p>
          <w:p w:rsidR="00156FB3" w:rsidRDefault="00156FB3" w:rsidP="00156FB3">
            <w:r>
              <w:t xml:space="preserve">     */</w:t>
            </w:r>
          </w:p>
          <w:p w:rsidR="00156FB3" w:rsidRDefault="00156FB3" w:rsidP="00156FB3"/>
          <w:p w:rsidR="00156FB3" w:rsidRDefault="00156FB3" w:rsidP="00156FB3">
            <w:r>
              <w:t xml:space="preserve">    function update(params) {</w:t>
            </w:r>
          </w:p>
          <w:p w:rsidR="00156FB3" w:rsidRDefault="00156FB3" w:rsidP="00156FB3">
            <w:r>
              <w:t xml:space="preserve">        var popup = getPopup();</w:t>
            </w:r>
          </w:p>
          <w:p w:rsidR="00156FB3" w:rsidRDefault="00156FB3" w:rsidP="00156FB3">
            <w:r>
              <w:t xml:space="preserve">        var innerParams = privateProps.innerParams.get(this);</w:t>
            </w:r>
          </w:p>
          <w:p w:rsidR="00156FB3" w:rsidRDefault="00156FB3" w:rsidP="00156FB3"/>
          <w:p w:rsidR="00156FB3" w:rsidRDefault="00156FB3" w:rsidP="00156FB3">
            <w:r>
              <w:t xml:space="preserve">        if (!popup || hasClass(popup, innerParams.hideClass.popup)) {</w:t>
            </w:r>
          </w:p>
          <w:p w:rsidR="00156FB3" w:rsidRDefault="00156FB3" w:rsidP="00156FB3">
            <w:r>
              <w:t xml:space="preserve">            return warn("You're trying to update the closed or closing popup, that won't work. Use the update() method in preConfirm parameter or show a new popup.");</w:t>
            </w:r>
          </w:p>
          <w:p w:rsidR="00156FB3" w:rsidRDefault="00156FB3" w:rsidP="00156FB3">
            <w:r>
              <w:t xml:space="preserve">        }</w:t>
            </w:r>
          </w:p>
          <w:p w:rsidR="00156FB3" w:rsidRDefault="00156FB3" w:rsidP="00156FB3"/>
          <w:p w:rsidR="00156FB3" w:rsidRDefault="00156FB3" w:rsidP="00156FB3">
            <w:r>
              <w:t xml:space="preserve">        var validUpdatableParams = {}; // assign valid params from `params` to `defaults`</w:t>
            </w:r>
          </w:p>
          <w:p w:rsidR="00156FB3" w:rsidRDefault="00156FB3" w:rsidP="00156FB3"/>
          <w:p w:rsidR="00156FB3" w:rsidRDefault="00156FB3" w:rsidP="00156FB3">
            <w:r>
              <w:t xml:space="preserve">        Object.keys(params).forEach(function (param) {</w:t>
            </w:r>
          </w:p>
          <w:p w:rsidR="00156FB3" w:rsidRDefault="00156FB3" w:rsidP="00156FB3">
            <w:r>
              <w:t xml:space="preserve">            if (Swal.isUpdatableParameter(param)) {</w:t>
            </w:r>
          </w:p>
          <w:p w:rsidR="00156FB3" w:rsidRDefault="00156FB3" w:rsidP="00156FB3">
            <w:r>
              <w:t xml:space="preserve">                validUpdatableParams[param] = params[param];</w:t>
            </w:r>
          </w:p>
          <w:p w:rsidR="00156FB3" w:rsidRDefault="00156FB3" w:rsidP="00156FB3">
            <w:r>
              <w:t xml:space="preserve">            } else {</w:t>
            </w:r>
          </w:p>
          <w:p w:rsidR="00156FB3" w:rsidRDefault="00156FB3" w:rsidP="00156FB3">
            <w:r>
              <w:t xml:space="preserve">                warn("Invalid parameter to update: \"".concat(param, "\". Updatable params are listed here: https://github.com/sweetalert2/sweetalert2/blob/master/src/utils/params.j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updatedParams = _extends({}, innerParams, validUpdatableParams);</w:t>
            </w:r>
          </w:p>
          <w:p w:rsidR="00156FB3" w:rsidRDefault="00156FB3" w:rsidP="00156FB3"/>
          <w:p w:rsidR="00156FB3" w:rsidRDefault="00156FB3" w:rsidP="00156FB3">
            <w:r>
              <w:t xml:space="preserve">        render(this, updatedParams);</w:t>
            </w:r>
          </w:p>
          <w:p w:rsidR="00156FB3" w:rsidRDefault="00156FB3" w:rsidP="00156FB3">
            <w:r>
              <w:t xml:space="preserve">        privateProps.innerParams.set(this, updatedParams);</w:t>
            </w:r>
          </w:p>
          <w:p w:rsidR="00156FB3" w:rsidRDefault="00156FB3" w:rsidP="00156FB3">
            <w:r>
              <w:t xml:space="preserve">        Object.defineProperties(this, {</w:t>
            </w:r>
          </w:p>
          <w:p w:rsidR="00156FB3" w:rsidRDefault="00156FB3" w:rsidP="00156FB3">
            <w:r>
              <w:t xml:space="preserve">            params: {</w:t>
            </w:r>
          </w:p>
          <w:p w:rsidR="00156FB3" w:rsidRDefault="00156FB3" w:rsidP="00156FB3">
            <w:r>
              <w:t xml:space="preserve">                value: _extends({}, this.params, params),</w:t>
            </w:r>
          </w:p>
          <w:p w:rsidR="00156FB3" w:rsidRDefault="00156FB3" w:rsidP="00156FB3">
            <w:r>
              <w:t xml:space="preserve">                writable: false,</w:t>
            </w:r>
          </w:p>
          <w:p w:rsidR="00156FB3" w:rsidRDefault="00156FB3" w:rsidP="00156FB3">
            <w:r>
              <w:t xml:space="preserve">                enumerable: true</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p w:rsidR="00156FB3" w:rsidRDefault="00156FB3" w:rsidP="00156FB3"/>
          <w:p w:rsidR="00156FB3" w:rsidRDefault="00156FB3" w:rsidP="00156FB3">
            <w:r>
              <w:t xml:space="preserve">    var instanceMethods = Object.freeze({</w:t>
            </w:r>
          </w:p>
          <w:p w:rsidR="00156FB3" w:rsidRDefault="00156FB3" w:rsidP="00156FB3">
            <w:r>
              <w:t xml:space="preserve">        hideLoading: hideLoading,</w:t>
            </w:r>
          </w:p>
          <w:p w:rsidR="00156FB3" w:rsidRDefault="00156FB3" w:rsidP="00156FB3">
            <w:r>
              <w:t xml:space="preserve">        disableLoading: hideLoading,</w:t>
            </w:r>
          </w:p>
          <w:p w:rsidR="00156FB3" w:rsidRDefault="00156FB3" w:rsidP="00156FB3">
            <w:r>
              <w:t xml:space="preserve">        getInput: getInput$1,</w:t>
            </w:r>
          </w:p>
          <w:p w:rsidR="00156FB3" w:rsidRDefault="00156FB3" w:rsidP="00156FB3">
            <w:r>
              <w:t xml:space="preserve">        close: close,</w:t>
            </w:r>
          </w:p>
          <w:p w:rsidR="00156FB3" w:rsidRDefault="00156FB3" w:rsidP="00156FB3">
            <w:r>
              <w:t xml:space="preserve">        closePopup: close,</w:t>
            </w:r>
          </w:p>
          <w:p w:rsidR="00156FB3" w:rsidRDefault="00156FB3" w:rsidP="00156FB3">
            <w:r>
              <w:t xml:space="preserve">        closeModal: close,</w:t>
            </w:r>
          </w:p>
          <w:p w:rsidR="00156FB3" w:rsidRDefault="00156FB3" w:rsidP="00156FB3">
            <w:r>
              <w:t xml:space="preserve">        closeToast: close,</w:t>
            </w:r>
          </w:p>
          <w:p w:rsidR="00156FB3" w:rsidRDefault="00156FB3" w:rsidP="00156FB3">
            <w:r>
              <w:t xml:space="preserve">        enableButtons: enableButtons,</w:t>
            </w:r>
          </w:p>
          <w:p w:rsidR="00156FB3" w:rsidRDefault="00156FB3" w:rsidP="00156FB3">
            <w:r>
              <w:lastRenderedPageBreak/>
              <w:t xml:space="preserve">        disableButtons: disableButtons,</w:t>
            </w:r>
          </w:p>
          <w:p w:rsidR="00156FB3" w:rsidRDefault="00156FB3" w:rsidP="00156FB3">
            <w:r>
              <w:t xml:space="preserve">        enableInput: enableInput,</w:t>
            </w:r>
          </w:p>
          <w:p w:rsidR="00156FB3" w:rsidRDefault="00156FB3" w:rsidP="00156FB3">
            <w:r>
              <w:t xml:space="preserve">        disableInput: disableInput,</w:t>
            </w:r>
          </w:p>
          <w:p w:rsidR="00156FB3" w:rsidRDefault="00156FB3" w:rsidP="00156FB3">
            <w:r>
              <w:t xml:space="preserve">        showValidationMessage: showValidationMessage,</w:t>
            </w:r>
          </w:p>
          <w:p w:rsidR="00156FB3" w:rsidRDefault="00156FB3" w:rsidP="00156FB3">
            <w:r>
              <w:t xml:space="preserve">        resetValidationMessage: resetValidationMessage$1,</w:t>
            </w:r>
          </w:p>
          <w:p w:rsidR="00156FB3" w:rsidRDefault="00156FB3" w:rsidP="00156FB3">
            <w:r>
              <w:t xml:space="preserve">        getProgressSteps: getProgressSteps$1,</w:t>
            </w:r>
          </w:p>
          <w:p w:rsidR="00156FB3" w:rsidRDefault="00156FB3" w:rsidP="00156FB3">
            <w:r>
              <w:t xml:space="preserve">        _main: _main,</w:t>
            </w:r>
          </w:p>
          <w:p w:rsidR="00156FB3" w:rsidRDefault="00156FB3" w:rsidP="00156FB3">
            <w:r>
              <w:t xml:space="preserve">        update: update</w:t>
            </w:r>
          </w:p>
          <w:p w:rsidR="00156FB3" w:rsidRDefault="00156FB3" w:rsidP="00156FB3">
            <w:r>
              <w:t xml:space="preserve">    });</w:t>
            </w:r>
          </w:p>
          <w:p w:rsidR="00156FB3" w:rsidRDefault="00156FB3" w:rsidP="00156FB3"/>
          <w:p w:rsidR="00156FB3" w:rsidRDefault="00156FB3" w:rsidP="00156FB3">
            <w:r>
              <w:t xml:space="preserve">    var currentInstance; // SweetAlert constructor</w:t>
            </w:r>
          </w:p>
          <w:p w:rsidR="00156FB3" w:rsidRDefault="00156FB3" w:rsidP="00156FB3"/>
          <w:p w:rsidR="00156FB3" w:rsidRDefault="00156FB3" w:rsidP="00156FB3">
            <w:r>
              <w:t xml:space="preserve">    function SweetAlert() {</w:t>
            </w:r>
          </w:p>
          <w:p w:rsidR="00156FB3" w:rsidRDefault="00156FB3" w:rsidP="00156FB3">
            <w:r>
              <w:t xml:space="preserve">        // Prevent run in Node env</w:t>
            </w:r>
          </w:p>
          <w:p w:rsidR="00156FB3" w:rsidRDefault="00156FB3" w:rsidP="00156FB3"/>
          <w:p w:rsidR="00156FB3" w:rsidRDefault="00156FB3" w:rsidP="00156FB3">
            <w:r>
              <w:t xml:space="preserve">        /* istanbul ignore if */</w:t>
            </w:r>
          </w:p>
          <w:p w:rsidR="00156FB3" w:rsidRDefault="00156FB3" w:rsidP="00156FB3">
            <w:r>
              <w:t xml:space="preserve">        if (typeof window === 'undefined') {</w:t>
            </w:r>
          </w:p>
          <w:p w:rsidR="00156FB3" w:rsidRDefault="00156FB3" w:rsidP="00156FB3">
            <w:r>
              <w:t xml:space="preserve">            return;</w:t>
            </w:r>
          </w:p>
          <w:p w:rsidR="00156FB3" w:rsidRDefault="00156FB3" w:rsidP="00156FB3">
            <w:r>
              <w:t xml:space="preserve">        } // Check for the existence of Promise</w:t>
            </w:r>
          </w:p>
          <w:p w:rsidR="00156FB3" w:rsidRDefault="00156FB3" w:rsidP="00156FB3"/>
          <w:p w:rsidR="00156FB3" w:rsidRDefault="00156FB3" w:rsidP="00156FB3">
            <w:r>
              <w:t xml:space="preserve">        /* istanbul ignore if */</w:t>
            </w:r>
          </w:p>
          <w:p w:rsidR="00156FB3" w:rsidRDefault="00156FB3" w:rsidP="00156FB3"/>
          <w:p w:rsidR="00156FB3" w:rsidRDefault="00156FB3" w:rsidP="00156FB3"/>
          <w:p w:rsidR="00156FB3" w:rsidRDefault="00156FB3" w:rsidP="00156FB3">
            <w:r>
              <w:t xml:space="preserve">        if (typeof Promise === 'undefined') {</w:t>
            </w:r>
          </w:p>
          <w:p w:rsidR="00156FB3" w:rsidRDefault="00156FB3" w:rsidP="00156FB3">
            <w:r>
              <w:t xml:space="preserve">            error('This package requires a Promise library, please include a shim to enable it in this browser (See: https://github.com/sweetalert2/sweetalert2/wiki/Migration-from-SweetAlert-to-SweetAlert2#1-ie-support)');</w:t>
            </w:r>
          </w:p>
          <w:p w:rsidR="00156FB3" w:rsidRDefault="00156FB3" w:rsidP="00156FB3">
            <w:r>
              <w:t xml:space="preserve">        }</w:t>
            </w:r>
          </w:p>
          <w:p w:rsidR="00156FB3" w:rsidRDefault="00156FB3" w:rsidP="00156FB3"/>
          <w:p w:rsidR="00156FB3" w:rsidRDefault="00156FB3" w:rsidP="00156FB3">
            <w:r>
              <w:t xml:space="preserve">        currentInstance = this;</w:t>
            </w:r>
          </w:p>
          <w:p w:rsidR="00156FB3" w:rsidRDefault="00156FB3" w:rsidP="00156FB3"/>
          <w:p w:rsidR="00156FB3" w:rsidRDefault="00156FB3" w:rsidP="00156FB3">
            <w:r>
              <w:t xml:space="preserve">        for (var _len = arguments.length, args = new Array(_len), _key = 0; _key &lt; _len; _key++) {</w:t>
            </w:r>
          </w:p>
          <w:p w:rsidR="00156FB3" w:rsidRDefault="00156FB3" w:rsidP="00156FB3">
            <w:r>
              <w:t xml:space="preserve">            args[_key] = arguments[_key];</w:t>
            </w:r>
          </w:p>
          <w:p w:rsidR="00156FB3" w:rsidRDefault="00156FB3" w:rsidP="00156FB3">
            <w:r>
              <w:t xml:space="preserve">        }</w:t>
            </w:r>
          </w:p>
          <w:p w:rsidR="00156FB3" w:rsidRDefault="00156FB3" w:rsidP="00156FB3"/>
          <w:p w:rsidR="00156FB3" w:rsidRDefault="00156FB3" w:rsidP="00156FB3">
            <w:r>
              <w:t xml:space="preserve">        var outerParams = Object.freeze(this.constructor.argsToParams(args));</w:t>
            </w:r>
          </w:p>
          <w:p w:rsidR="00156FB3" w:rsidRDefault="00156FB3" w:rsidP="00156FB3">
            <w:r>
              <w:t xml:space="preserve">        Object.defineProperties(this, {</w:t>
            </w:r>
          </w:p>
          <w:p w:rsidR="00156FB3" w:rsidRDefault="00156FB3" w:rsidP="00156FB3">
            <w:r>
              <w:t xml:space="preserve">            params: {</w:t>
            </w:r>
          </w:p>
          <w:p w:rsidR="00156FB3" w:rsidRDefault="00156FB3" w:rsidP="00156FB3">
            <w:r>
              <w:t xml:space="preserve">                value: outerParams,</w:t>
            </w:r>
          </w:p>
          <w:p w:rsidR="00156FB3" w:rsidRDefault="00156FB3" w:rsidP="00156FB3">
            <w:r>
              <w:t xml:space="preserve">                writable: false,</w:t>
            </w:r>
          </w:p>
          <w:p w:rsidR="00156FB3" w:rsidRDefault="00156FB3" w:rsidP="00156FB3">
            <w:r>
              <w:t xml:space="preserve">                enumerable: true,</w:t>
            </w:r>
          </w:p>
          <w:p w:rsidR="00156FB3" w:rsidRDefault="00156FB3" w:rsidP="00156FB3">
            <w:r>
              <w:t xml:space="preserve">                configurable: tr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promise = this._main(this.params);</w:t>
            </w:r>
          </w:p>
          <w:p w:rsidR="00156FB3" w:rsidRDefault="00156FB3" w:rsidP="00156FB3"/>
          <w:p w:rsidR="00156FB3" w:rsidRDefault="00156FB3" w:rsidP="00156FB3">
            <w:r>
              <w:t xml:space="preserve">        privateProps.promise.set(this, promise);</w:t>
            </w:r>
          </w:p>
          <w:p w:rsidR="00156FB3" w:rsidRDefault="00156FB3" w:rsidP="00156FB3">
            <w:r>
              <w:lastRenderedPageBreak/>
              <w:t xml:space="preserve">    } // `catch` cannot be the name of a module export, so we define our thenable methods here instead</w:t>
            </w:r>
          </w:p>
          <w:p w:rsidR="00156FB3" w:rsidRDefault="00156FB3" w:rsidP="00156FB3"/>
          <w:p w:rsidR="00156FB3" w:rsidRDefault="00156FB3" w:rsidP="00156FB3"/>
          <w:p w:rsidR="00156FB3" w:rsidRDefault="00156FB3" w:rsidP="00156FB3">
            <w:r>
              <w:t xml:space="preserve">    SweetAlert.prototype.then = function (onFulfilled) {</w:t>
            </w:r>
          </w:p>
          <w:p w:rsidR="00156FB3" w:rsidRDefault="00156FB3" w:rsidP="00156FB3">
            <w:r>
              <w:t xml:space="preserve">        var promise = privateProps.promise.get(this);</w:t>
            </w:r>
          </w:p>
          <w:p w:rsidR="00156FB3" w:rsidRDefault="00156FB3" w:rsidP="00156FB3">
            <w:r>
              <w:t xml:space="preserve">        return promise.then(onFulfilled);</w:t>
            </w:r>
          </w:p>
          <w:p w:rsidR="00156FB3" w:rsidRDefault="00156FB3" w:rsidP="00156FB3">
            <w:r>
              <w:t xml:space="preserve">    };</w:t>
            </w:r>
          </w:p>
          <w:p w:rsidR="00156FB3" w:rsidRDefault="00156FB3" w:rsidP="00156FB3"/>
          <w:p w:rsidR="00156FB3" w:rsidRDefault="00156FB3" w:rsidP="00156FB3">
            <w:r>
              <w:t xml:space="preserve">    SweetAlert.prototype["finally"] = function (onFinally) {</w:t>
            </w:r>
          </w:p>
          <w:p w:rsidR="00156FB3" w:rsidRDefault="00156FB3" w:rsidP="00156FB3">
            <w:r>
              <w:t xml:space="preserve">        var promise = privateProps.promise.get(this);</w:t>
            </w:r>
          </w:p>
          <w:p w:rsidR="00156FB3" w:rsidRDefault="00156FB3" w:rsidP="00156FB3">
            <w:r>
              <w:t xml:space="preserve">        return promise["finally"](onFinally);</w:t>
            </w:r>
          </w:p>
          <w:p w:rsidR="00156FB3" w:rsidRDefault="00156FB3" w:rsidP="00156FB3">
            <w:r>
              <w:t xml:space="preserve">    }; // Assign instance methods from src/instanceMethods/*.js to prototype</w:t>
            </w:r>
          </w:p>
          <w:p w:rsidR="00156FB3" w:rsidRDefault="00156FB3" w:rsidP="00156FB3"/>
          <w:p w:rsidR="00156FB3" w:rsidRDefault="00156FB3" w:rsidP="00156FB3"/>
          <w:p w:rsidR="00156FB3" w:rsidRDefault="00156FB3" w:rsidP="00156FB3">
            <w:r>
              <w:t xml:space="preserve">    _extends(SweetAlert.prototype, instanceMethods); // Assign static methods from src/staticMethods/*.js to constructor</w:t>
            </w:r>
          </w:p>
          <w:p w:rsidR="00156FB3" w:rsidRDefault="00156FB3" w:rsidP="00156FB3"/>
          <w:p w:rsidR="00156FB3" w:rsidRDefault="00156FB3" w:rsidP="00156FB3"/>
          <w:p w:rsidR="00156FB3" w:rsidRDefault="00156FB3" w:rsidP="00156FB3">
            <w:r>
              <w:t xml:space="preserve">    _extends(SweetAlert, staticMethods); // Proxy to instance methods to constructor, for now, for backwards compatibility</w:t>
            </w:r>
          </w:p>
          <w:p w:rsidR="00156FB3" w:rsidRDefault="00156FB3" w:rsidP="00156FB3"/>
          <w:p w:rsidR="00156FB3" w:rsidRDefault="00156FB3" w:rsidP="00156FB3"/>
          <w:p w:rsidR="00156FB3" w:rsidRDefault="00156FB3" w:rsidP="00156FB3">
            <w:r>
              <w:t xml:space="preserve">    Object.keys(instanceMethods).forEach(function (key) {</w:t>
            </w:r>
          </w:p>
          <w:p w:rsidR="00156FB3" w:rsidRDefault="00156FB3" w:rsidP="00156FB3">
            <w:r>
              <w:t xml:space="preserve">        SweetAlert[key] = function () {</w:t>
            </w:r>
          </w:p>
          <w:p w:rsidR="00156FB3" w:rsidRDefault="00156FB3" w:rsidP="00156FB3">
            <w:r>
              <w:t xml:space="preserve">            if (currentInstance) {</w:t>
            </w:r>
          </w:p>
          <w:p w:rsidR="00156FB3" w:rsidRDefault="00156FB3" w:rsidP="00156FB3">
            <w:r>
              <w:t xml:space="preserve">                var _currentInstance;</w:t>
            </w:r>
          </w:p>
          <w:p w:rsidR="00156FB3" w:rsidRDefault="00156FB3" w:rsidP="00156FB3"/>
          <w:p w:rsidR="00156FB3" w:rsidRDefault="00156FB3" w:rsidP="00156FB3">
            <w:r>
              <w:t xml:space="preserve">                return (_currentInstance = currentInstance)[key].apply(_currentInstance, arguments);</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SweetAlert.DismissReason = DismissReason;</w:t>
            </w:r>
          </w:p>
          <w:p w:rsidR="00156FB3" w:rsidRDefault="00156FB3" w:rsidP="00156FB3">
            <w:r>
              <w:t xml:space="preserve">    SweetAlert.version = '9.4.3';</w:t>
            </w:r>
          </w:p>
          <w:p w:rsidR="00156FB3" w:rsidRDefault="00156FB3" w:rsidP="00156FB3"/>
          <w:p w:rsidR="00156FB3" w:rsidRDefault="00156FB3" w:rsidP="00156FB3">
            <w:r>
              <w:t xml:space="preserve">    var Swal = SweetAlert;</w:t>
            </w:r>
          </w:p>
          <w:p w:rsidR="00156FB3" w:rsidRDefault="00156FB3" w:rsidP="00156FB3">
            <w:r>
              <w:t xml:space="preserve">    Swal["default"] = Swal;</w:t>
            </w:r>
          </w:p>
          <w:p w:rsidR="00156FB3" w:rsidRDefault="00156FB3" w:rsidP="00156FB3"/>
          <w:p w:rsidR="00156FB3" w:rsidRDefault="00156FB3" w:rsidP="00156FB3">
            <w:r>
              <w:t xml:space="preserve">    return Swal;</w:t>
            </w:r>
          </w:p>
          <w:p w:rsidR="00156FB3" w:rsidRDefault="00156FB3" w:rsidP="00156FB3"/>
          <w:p w:rsidR="00156FB3" w:rsidRDefault="00156FB3" w:rsidP="00156FB3">
            <w:r>
              <w:t>})));</w:t>
            </w:r>
          </w:p>
          <w:p w:rsidR="0048012D" w:rsidRDefault="00156FB3" w:rsidP="00156FB3">
            <w:r>
              <w:t>if (typeof this !== 'undefined' &amp;&amp; this.Sweetalert2){  this.swal = this.sweetAlert = this.Swal = this.SweetAlert = this.Sweetalert2}</w:t>
            </w:r>
          </w:p>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Nouislider.js</w:t>
            </w:r>
          </w:p>
        </w:tc>
      </w:tr>
      <w:tr w:rsidR="0048012D" w:rsidTr="0048012D">
        <w:tc>
          <w:tcPr>
            <w:tcW w:w="9576" w:type="dxa"/>
          </w:tcPr>
          <w:p w:rsidR="00156FB3" w:rsidRDefault="00156FB3" w:rsidP="00156FB3">
            <w:r>
              <w:lastRenderedPageBreak/>
              <w:t>/*! nouislider - 14.1.1 - 12/15/2019 */</w:t>
            </w:r>
          </w:p>
          <w:p w:rsidR="00156FB3" w:rsidRDefault="00156FB3" w:rsidP="00156FB3">
            <w:r>
              <w:t>(function(factory) {</w:t>
            </w:r>
          </w:p>
          <w:p w:rsidR="00156FB3" w:rsidRDefault="00156FB3" w:rsidP="00156FB3">
            <w:r>
              <w:t xml:space="preserve">    if (typeof define === "function" &amp;&amp; define.amd) {</w:t>
            </w:r>
          </w:p>
          <w:p w:rsidR="00156FB3" w:rsidRDefault="00156FB3" w:rsidP="00156FB3">
            <w:r>
              <w:t xml:space="preserve">        // AMD. Register as an anonymous module.</w:t>
            </w:r>
          </w:p>
          <w:p w:rsidR="00156FB3" w:rsidRDefault="00156FB3" w:rsidP="00156FB3">
            <w:r>
              <w:t xml:space="preserve">        define([], factory);</w:t>
            </w:r>
          </w:p>
          <w:p w:rsidR="00156FB3" w:rsidRDefault="00156FB3" w:rsidP="00156FB3">
            <w:r>
              <w:t xml:space="preserve">    } else if (typeof exports === "object") {</w:t>
            </w:r>
          </w:p>
          <w:p w:rsidR="00156FB3" w:rsidRDefault="00156FB3" w:rsidP="00156FB3">
            <w:r>
              <w:t xml:space="preserve">        // Node/CommonJS</w:t>
            </w:r>
          </w:p>
          <w:p w:rsidR="00156FB3" w:rsidRDefault="00156FB3" w:rsidP="00156FB3">
            <w:r>
              <w:t xml:space="preserve">        module.exports = factory();</w:t>
            </w:r>
          </w:p>
          <w:p w:rsidR="00156FB3" w:rsidRDefault="00156FB3" w:rsidP="00156FB3">
            <w:r>
              <w:t xml:space="preserve">    } else {</w:t>
            </w:r>
          </w:p>
          <w:p w:rsidR="00156FB3" w:rsidRDefault="00156FB3" w:rsidP="00156FB3">
            <w:r>
              <w:t xml:space="preserve">        // Browser globals</w:t>
            </w:r>
          </w:p>
          <w:p w:rsidR="00156FB3" w:rsidRDefault="00156FB3" w:rsidP="00156FB3">
            <w:r>
              <w:t xml:space="preserve">        window.noUiSlider = factory();</w:t>
            </w:r>
          </w:p>
          <w:p w:rsidR="00156FB3" w:rsidRDefault="00156FB3" w:rsidP="00156FB3">
            <w:r>
              <w:t xml:space="preserve">    }</w:t>
            </w:r>
          </w:p>
          <w:p w:rsidR="00156FB3" w:rsidRDefault="00156FB3" w:rsidP="00156FB3">
            <w:r>
              <w:t>})(function() {</w:t>
            </w:r>
          </w:p>
          <w:p w:rsidR="00156FB3" w:rsidRDefault="00156FB3" w:rsidP="00156FB3">
            <w:r>
              <w:t xml:space="preserve">    "use strict";</w:t>
            </w:r>
          </w:p>
          <w:p w:rsidR="00156FB3" w:rsidRDefault="00156FB3" w:rsidP="00156FB3"/>
          <w:p w:rsidR="00156FB3" w:rsidRDefault="00156FB3" w:rsidP="00156FB3">
            <w:r>
              <w:t xml:space="preserve">    var VERSION = "14.1.1";</w:t>
            </w:r>
          </w:p>
          <w:p w:rsidR="00156FB3" w:rsidRDefault="00156FB3" w:rsidP="00156FB3"/>
          <w:p w:rsidR="00156FB3" w:rsidRDefault="00156FB3" w:rsidP="00156FB3">
            <w:r>
              <w:t xml:space="preserve">    //region Helper Methods</w:t>
            </w:r>
          </w:p>
          <w:p w:rsidR="00156FB3" w:rsidRDefault="00156FB3" w:rsidP="00156FB3"/>
          <w:p w:rsidR="00156FB3" w:rsidRDefault="00156FB3" w:rsidP="00156FB3">
            <w:r>
              <w:t xml:space="preserve">    function isValidFormatter(entry) {</w:t>
            </w:r>
          </w:p>
          <w:p w:rsidR="00156FB3" w:rsidRDefault="00156FB3" w:rsidP="00156FB3">
            <w:r>
              <w:t xml:space="preserve">        return typeof entry === "object" &amp;&amp; typeof entry.to === "function" &amp;&amp; typeof entry.from === "function";</w:t>
            </w:r>
          </w:p>
          <w:p w:rsidR="00156FB3" w:rsidRDefault="00156FB3" w:rsidP="00156FB3">
            <w:r>
              <w:t xml:space="preserve">    }</w:t>
            </w:r>
          </w:p>
          <w:p w:rsidR="00156FB3" w:rsidRDefault="00156FB3" w:rsidP="00156FB3"/>
          <w:p w:rsidR="00156FB3" w:rsidRDefault="00156FB3" w:rsidP="00156FB3">
            <w:r>
              <w:t xml:space="preserve">    function removeElement(el) {</w:t>
            </w:r>
          </w:p>
          <w:p w:rsidR="00156FB3" w:rsidRDefault="00156FB3" w:rsidP="00156FB3">
            <w:r>
              <w:t xml:space="preserve">        el.parentElement.removeChild(el);</w:t>
            </w:r>
          </w:p>
          <w:p w:rsidR="00156FB3" w:rsidRDefault="00156FB3" w:rsidP="00156FB3">
            <w:r>
              <w:t xml:space="preserve">    }</w:t>
            </w:r>
          </w:p>
          <w:p w:rsidR="00156FB3" w:rsidRDefault="00156FB3" w:rsidP="00156FB3"/>
          <w:p w:rsidR="00156FB3" w:rsidRDefault="00156FB3" w:rsidP="00156FB3">
            <w:r>
              <w:t xml:space="preserve">    function isSet(value) {</w:t>
            </w:r>
          </w:p>
          <w:p w:rsidR="00156FB3" w:rsidRDefault="00156FB3" w:rsidP="00156FB3">
            <w:r>
              <w:t xml:space="preserve">        return value !== null &amp;&amp; value !== undefined;</w:t>
            </w:r>
          </w:p>
          <w:p w:rsidR="00156FB3" w:rsidRDefault="00156FB3" w:rsidP="00156FB3">
            <w:r>
              <w:t xml:space="preserve">    }</w:t>
            </w:r>
          </w:p>
          <w:p w:rsidR="00156FB3" w:rsidRDefault="00156FB3" w:rsidP="00156FB3"/>
          <w:p w:rsidR="00156FB3" w:rsidRDefault="00156FB3" w:rsidP="00156FB3">
            <w:r>
              <w:t xml:space="preserve">    // Bindable version</w:t>
            </w:r>
          </w:p>
          <w:p w:rsidR="00156FB3" w:rsidRDefault="00156FB3" w:rsidP="00156FB3">
            <w:r>
              <w:t xml:space="preserve">    function preventDefault(e) {</w:t>
            </w:r>
          </w:p>
          <w:p w:rsidR="00156FB3" w:rsidRDefault="00156FB3" w:rsidP="00156FB3">
            <w:r>
              <w:t xml:space="preserve">        e.preventDefault();</w:t>
            </w:r>
          </w:p>
          <w:p w:rsidR="00156FB3" w:rsidRDefault="00156FB3" w:rsidP="00156FB3">
            <w:r>
              <w:t xml:space="preserve">    }</w:t>
            </w:r>
          </w:p>
          <w:p w:rsidR="00156FB3" w:rsidRDefault="00156FB3" w:rsidP="00156FB3"/>
          <w:p w:rsidR="00156FB3" w:rsidRDefault="00156FB3" w:rsidP="00156FB3">
            <w:r>
              <w:t xml:space="preserve">    // Removes duplicates from an array.</w:t>
            </w:r>
          </w:p>
          <w:p w:rsidR="00156FB3" w:rsidRDefault="00156FB3" w:rsidP="00156FB3">
            <w:r>
              <w:t xml:space="preserve">    function unique(array) {</w:t>
            </w:r>
          </w:p>
          <w:p w:rsidR="00156FB3" w:rsidRDefault="00156FB3" w:rsidP="00156FB3">
            <w:r>
              <w:t xml:space="preserve">        return array.filter(function(a) {</w:t>
            </w:r>
          </w:p>
          <w:p w:rsidR="00156FB3" w:rsidRDefault="00156FB3" w:rsidP="00156FB3">
            <w:r>
              <w:t xml:space="preserve">            return !this[a] ? (this[a] = true) : false;</w:t>
            </w:r>
          </w:p>
          <w:p w:rsidR="00156FB3" w:rsidRDefault="00156FB3" w:rsidP="00156FB3">
            <w:r>
              <w:t xml:space="preserve">        }, {});</w:t>
            </w:r>
          </w:p>
          <w:p w:rsidR="00156FB3" w:rsidRDefault="00156FB3" w:rsidP="00156FB3">
            <w:r>
              <w:t xml:space="preserve">    }</w:t>
            </w:r>
          </w:p>
          <w:p w:rsidR="00156FB3" w:rsidRDefault="00156FB3" w:rsidP="00156FB3"/>
          <w:p w:rsidR="00156FB3" w:rsidRDefault="00156FB3" w:rsidP="00156FB3">
            <w:r>
              <w:t xml:space="preserve">    // Round a value to the closest 'to'.</w:t>
            </w:r>
          </w:p>
          <w:p w:rsidR="00156FB3" w:rsidRDefault="00156FB3" w:rsidP="00156FB3">
            <w:r>
              <w:t xml:space="preserve">    function closest(value, to) {</w:t>
            </w:r>
          </w:p>
          <w:p w:rsidR="00156FB3" w:rsidRDefault="00156FB3" w:rsidP="00156FB3">
            <w:r>
              <w:t xml:space="preserve">        return Math.round(value / to) * to;</w:t>
            </w:r>
          </w:p>
          <w:p w:rsidR="00156FB3" w:rsidRDefault="00156FB3" w:rsidP="00156FB3">
            <w:r>
              <w:t xml:space="preserve">    }</w:t>
            </w:r>
          </w:p>
          <w:p w:rsidR="00156FB3" w:rsidRDefault="00156FB3" w:rsidP="00156FB3"/>
          <w:p w:rsidR="00156FB3" w:rsidRDefault="00156FB3" w:rsidP="00156FB3">
            <w:r>
              <w:t xml:space="preserve">    // Current position of an element relative to the document.</w:t>
            </w:r>
          </w:p>
          <w:p w:rsidR="00156FB3" w:rsidRDefault="00156FB3" w:rsidP="00156FB3">
            <w:r>
              <w:t xml:space="preserve">    function offset(elem, orientation) {</w:t>
            </w:r>
          </w:p>
          <w:p w:rsidR="00156FB3" w:rsidRDefault="00156FB3" w:rsidP="00156FB3">
            <w:r>
              <w:t xml:space="preserve">        var rect = elem.getBoundingClientRect();</w:t>
            </w:r>
          </w:p>
          <w:p w:rsidR="00156FB3" w:rsidRDefault="00156FB3" w:rsidP="00156FB3">
            <w:r>
              <w:t xml:space="preserve">        var doc = elem.ownerDocument;</w:t>
            </w:r>
          </w:p>
          <w:p w:rsidR="00156FB3" w:rsidRDefault="00156FB3" w:rsidP="00156FB3">
            <w:r>
              <w:t xml:space="preserve">        var docElem = doc.documentElement;</w:t>
            </w:r>
          </w:p>
          <w:p w:rsidR="00156FB3" w:rsidRDefault="00156FB3" w:rsidP="00156FB3">
            <w:r>
              <w:t xml:space="preserve">        var pageOffset = getPageOffset(doc);</w:t>
            </w:r>
          </w:p>
          <w:p w:rsidR="00156FB3" w:rsidRDefault="00156FB3" w:rsidP="00156FB3"/>
          <w:p w:rsidR="00156FB3" w:rsidRDefault="00156FB3" w:rsidP="00156FB3">
            <w:r>
              <w:t xml:space="preserve">        // getBoundingClientRect contains left scroll in Chrome on Android.</w:t>
            </w:r>
          </w:p>
          <w:p w:rsidR="00156FB3" w:rsidRDefault="00156FB3" w:rsidP="00156FB3">
            <w:r>
              <w:t xml:space="preserve">        // I haven't found a feature detection that proves this. Worst case</w:t>
            </w:r>
          </w:p>
          <w:p w:rsidR="00156FB3" w:rsidRDefault="00156FB3" w:rsidP="00156FB3">
            <w:r>
              <w:t xml:space="preserve">        // scenario on mis-match: the 'tap' feature on horizontal sliders breaks.</w:t>
            </w:r>
          </w:p>
          <w:p w:rsidR="00156FB3" w:rsidRDefault="00156FB3" w:rsidP="00156FB3">
            <w:r>
              <w:t xml:space="preserve">        if (/webkit.*Chrome.*Mobile/i.test(navigator.userAgent)) {</w:t>
            </w:r>
          </w:p>
          <w:p w:rsidR="00156FB3" w:rsidRDefault="00156FB3" w:rsidP="00156FB3">
            <w:r>
              <w:t xml:space="preserve">            pageOffset.x = 0;</w:t>
            </w:r>
          </w:p>
          <w:p w:rsidR="00156FB3" w:rsidRDefault="00156FB3" w:rsidP="00156FB3">
            <w:r>
              <w:t xml:space="preserve">        }</w:t>
            </w:r>
          </w:p>
          <w:p w:rsidR="00156FB3" w:rsidRDefault="00156FB3" w:rsidP="00156FB3"/>
          <w:p w:rsidR="00156FB3" w:rsidRDefault="00156FB3" w:rsidP="00156FB3">
            <w:r>
              <w:t xml:space="preserve">        return orientation</w:t>
            </w:r>
          </w:p>
          <w:p w:rsidR="00156FB3" w:rsidRDefault="00156FB3" w:rsidP="00156FB3">
            <w:r>
              <w:t xml:space="preserve">            ? rect.top + pageOffset.y - docElem.clientTop</w:t>
            </w:r>
          </w:p>
          <w:p w:rsidR="00156FB3" w:rsidRDefault="00156FB3" w:rsidP="00156FB3">
            <w:r>
              <w:t xml:space="preserve">            : rect.left + pageOffset.x - docElem.clientLeft;</w:t>
            </w:r>
          </w:p>
          <w:p w:rsidR="00156FB3" w:rsidRDefault="00156FB3" w:rsidP="00156FB3">
            <w:r>
              <w:t xml:space="preserve">    }</w:t>
            </w:r>
          </w:p>
          <w:p w:rsidR="00156FB3" w:rsidRDefault="00156FB3" w:rsidP="00156FB3"/>
          <w:p w:rsidR="00156FB3" w:rsidRDefault="00156FB3" w:rsidP="00156FB3">
            <w:r>
              <w:t xml:space="preserve">    // Checks whether a value is numerical.</w:t>
            </w:r>
          </w:p>
          <w:p w:rsidR="00156FB3" w:rsidRDefault="00156FB3" w:rsidP="00156FB3">
            <w:r>
              <w:t xml:space="preserve">    function isNumeric(a) {</w:t>
            </w:r>
          </w:p>
          <w:p w:rsidR="00156FB3" w:rsidRDefault="00156FB3" w:rsidP="00156FB3">
            <w:r>
              <w:t xml:space="preserve">        return typeof a === "number" &amp;&amp; !isNaN(a) &amp;&amp; isFinite(a);</w:t>
            </w:r>
          </w:p>
          <w:p w:rsidR="00156FB3" w:rsidRDefault="00156FB3" w:rsidP="00156FB3">
            <w:r>
              <w:t xml:space="preserve">    }</w:t>
            </w:r>
          </w:p>
          <w:p w:rsidR="00156FB3" w:rsidRDefault="00156FB3" w:rsidP="00156FB3"/>
          <w:p w:rsidR="00156FB3" w:rsidRDefault="00156FB3" w:rsidP="00156FB3">
            <w:r>
              <w:t xml:space="preserve">    // Sets a class and removes it after [duration] ms.</w:t>
            </w:r>
          </w:p>
          <w:p w:rsidR="00156FB3" w:rsidRDefault="00156FB3" w:rsidP="00156FB3">
            <w:r>
              <w:t xml:space="preserve">    function addClassFor(element, className, duration) {</w:t>
            </w:r>
          </w:p>
          <w:p w:rsidR="00156FB3" w:rsidRDefault="00156FB3" w:rsidP="00156FB3">
            <w:r>
              <w:t xml:space="preserve">        if (duration &gt; 0) {</w:t>
            </w:r>
          </w:p>
          <w:p w:rsidR="00156FB3" w:rsidRDefault="00156FB3" w:rsidP="00156FB3">
            <w:r>
              <w:t xml:space="preserve">            addClass(element, className);</w:t>
            </w:r>
          </w:p>
          <w:p w:rsidR="00156FB3" w:rsidRDefault="00156FB3" w:rsidP="00156FB3">
            <w:r>
              <w:t xml:space="preserve">            setTimeout(function() {</w:t>
            </w:r>
          </w:p>
          <w:p w:rsidR="00156FB3" w:rsidRDefault="00156FB3" w:rsidP="00156FB3">
            <w:r>
              <w:t xml:space="preserve">                removeClass(element, className);</w:t>
            </w:r>
          </w:p>
          <w:p w:rsidR="00156FB3" w:rsidRDefault="00156FB3" w:rsidP="00156FB3">
            <w:r>
              <w:t xml:space="preserve">            }, duration);</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Limits a value to 0 - 100</w:t>
            </w:r>
          </w:p>
          <w:p w:rsidR="00156FB3" w:rsidRDefault="00156FB3" w:rsidP="00156FB3">
            <w:r>
              <w:t xml:space="preserve">    function limit(a) {</w:t>
            </w:r>
          </w:p>
          <w:p w:rsidR="00156FB3" w:rsidRDefault="00156FB3" w:rsidP="00156FB3">
            <w:r>
              <w:t xml:space="preserve">        return Math.max(Math.min(a, 100), 0);</w:t>
            </w:r>
          </w:p>
          <w:p w:rsidR="00156FB3" w:rsidRDefault="00156FB3" w:rsidP="00156FB3">
            <w:r>
              <w:t xml:space="preserve">    }</w:t>
            </w:r>
          </w:p>
          <w:p w:rsidR="00156FB3" w:rsidRDefault="00156FB3" w:rsidP="00156FB3"/>
          <w:p w:rsidR="00156FB3" w:rsidRDefault="00156FB3" w:rsidP="00156FB3">
            <w:r>
              <w:t xml:space="preserve">    // Wraps a variable as an array, if it isn't one yet.</w:t>
            </w:r>
          </w:p>
          <w:p w:rsidR="00156FB3" w:rsidRDefault="00156FB3" w:rsidP="00156FB3">
            <w:r>
              <w:t xml:space="preserve">    // Note that an input array is returned by reference!</w:t>
            </w:r>
          </w:p>
          <w:p w:rsidR="00156FB3" w:rsidRDefault="00156FB3" w:rsidP="00156FB3">
            <w:r>
              <w:t xml:space="preserve">    function asArray(a) {</w:t>
            </w:r>
          </w:p>
          <w:p w:rsidR="00156FB3" w:rsidRDefault="00156FB3" w:rsidP="00156FB3">
            <w:r>
              <w:t xml:space="preserve">        return Array.isArray(a) ? a : [a];</w:t>
            </w:r>
          </w:p>
          <w:p w:rsidR="00156FB3" w:rsidRDefault="00156FB3" w:rsidP="00156FB3">
            <w:r>
              <w:t xml:space="preserve">    }</w:t>
            </w:r>
          </w:p>
          <w:p w:rsidR="00156FB3" w:rsidRDefault="00156FB3" w:rsidP="00156FB3"/>
          <w:p w:rsidR="00156FB3" w:rsidRDefault="00156FB3" w:rsidP="00156FB3">
            <w:r>
              <w:t xml:space="preserve">    // Counts decimals</w:t>
            </w:r>
          </w:p>
          <w:p w:rsidR="00156FB3" w:rsidRDefault="00156FB3" w:rsidP="00156FB3">
            <w:r>
              <w:t xml:space="preserve">    function countDecimals(numStr) {</w:t>
            </w:r>
          </w:p>
          <w:p w:rsidR="00156FB3" w:rsidRDefault="00156FB3" w:rsidP="00156FB3">
            <w:r>
              <w:lastRenderedPageBreak/>
              <w:t xml:space="preserve">        numStr = String(numStr);</w:t>
            </w:r>
          </w:p>
          <w:p w:rsidR="00156FB3" w:rsidRDefault="00156FB3" w:rsidP="00156FB3">
            <w:r>
              <w:t xml:space="preserve">        var pieces = numStr.split(".");</w:t>
            </w:r>
          </w:p>
          <w:p w:rsidR="00156FB3" w:rsidRDefault="00156FB3" w:rsidP="00156FB3">
            <w:r>
              <w:t xml:space="preserve">        return pieces.length &gt; 1 ? pieces[1].length : 0;</w:t>
            </w:r>
          </w:p>
          <w:p w:rsidR="00156FB3" w:rsidRDefault="00156FB3" w:rsidP="00156FB3">
            <w:r>
              <w:t xml:space="preserve">    }</w:t>
            </w:r>
          </w:p>
          <w:p w:rsidR="00156FB3" w:rsidRDefault="00156FB3" w:rsidP="00156FB3"/>
          <w:p w:rsidR="00156FB3" w:rsidRDefault="00156FB3" w:rsidP="00156FB3">
            <w:r>
              <w:t xml:space="preserve">    // http://youmightnotneedjquery.com/#add_class</w:t>
            </w:r>
          </w:p>
          <w:p w:rsidR="00156FB3" w:rsidRDefault="00156FB3" w:rsidP="00156FB3">
            <w:r>
              <w:t xml:space="preserve">    function addClass(el, className) {</w:t>
            </w:r>
          </w:p>
          <w:p w:rsidR="00156FB3" w:rsidRDefault="00156FB3" w:rsidP="00156FB3">
            <w:r>
              <w:t xml:space="preserve">        if (el.classList) {</w:t>
            </w:r>
          </w:p>
          <w:p w:rsidR="00156FB3" w:rsidRDefault="00156FB3" w:rsidP="00156FB3">
            <w:r>
              <w:t xml:space="preserve">            el.classList.add(className);</w:t>
            </w:r>
          </w:p>
          <w:p w:rsidR="00156FB3" w:rsidRDefault="00156FB3" w:rsidP="00156FB3">
            <w:r>
              <w:t xml:space="preserve">        } else {</w:t>
            </w:r>
          </w:p>
          <w:p w:rsidR="00156FB3" w:rsidRDefault="00156FB3" w:rsidP="00156FB3">
            <w:r>
              <w:t xml:space="preserve">            el.className += " " + classNam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http://youmightnotneedjquery.com/#remove_class</w:t>
            </w:r>
          </w:p>
          <w:p w:rsidR="00156FB3" w:rsidRDefault="00156FB3" w:rsidP="00156FB3">
            <w:r>
              <w:t xml:space="preserve">    function removeClass(el, className) {</w:t>
            </w:r>
          </w:p>
          <w:p w:rsidR="00156FB3" w:rsidRDefault="00156FB3" w:rsidP="00156FB3">
            <w:r>
              <w:t xml:space="preserve">        if (el.classList) {</w:t>
            </w:r>
          </w:p>
          <w:p w:rsidR="00156FB3" w:rsidRDefault="00156FB3" w:rsidP="00156FB3">
            <w:r>
              <w:t xml:space="preserve">            el.classList.remove(className);</w:t>
            </w:r>
          </w:p>
          <w:p w:rsidR="00156FB3" w:rsidRDefault="00156FB3" w:rsidP="00156FB3">
            <w:r>
              <w:t xml:space="preserve">        } else {</w:t>
            </w:r>
          </w:p>
          <w:p w:rsidR="00156FB3" w:rsidRDefault="00156FB3" w:rsidP="00156FB3">
            <w:r>
              <w:t xml:space="preserve">            el.className = el.className.replace(</w:t>
            </w:r>
          </w:p>
          <w:p w:rsidR="00156FB3" w:rsidRDefault="00156FB3" w:rsidP="00156FB3">
            <w:r>
              <w:t xml:space="preserve">                new RegExp("(^|\\b)" + className.split(" ").join("|") + "(\\b|$)", "gi"),</w:t>
            </w:r>
          </w:p>
          <w:p w:rsidR="00156FB3" w:rsidRDefault="00156FB3" w:rsidP="00156FB3">
            <w:r>
              <w:t xml:space="preserve">                "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https://plainjs.com/javascript/attributes/adding-removing-and-testing-for-classes-9/</w:t>
            </w:r>
          </w:p>
          <w:p w:rsidR="00156FB3" w:rsidRDefault="00156FB3" w:rsidP="00156FB3">
            <w:r>
              <w:t xml:space="preserve">    function hasClass(el, className) {</w:t>
            </w:r>
          </w:p>
          <w:p w:rsidR="00156FB3" w:rsidRDefault="00156FB3" w:rsidP="00156FB3">
            <w:r>
              <w:t xml:space="preserve">        return el.classList</w:t>
            </w:r>
          </w:p>
          <w:p w:rsidR="00156FB3" w:rsidRDefault="00156FB3" w:rsidP="00156FB3">
            <w:r>
              <w:t xml:space="preserve">            ? el.classList.contains(className)</w:t>
            </w:r>
          </w:p>
          <w:p w:rsidR="00156FB3" w:rsidRDefault="00156FB3" w:rsidP="00156FB3">
            <w:r>
              <w:t xml:space="preserve">            : new RegExp("\\b" + className + "\\b").test(el.className);</w:t>
            </w:r>
          </w:p>
          <w:p w:rsidR="00156FB3" w:rsidRDefault="00156FB3" w:rsidP="00156FB3">
            <w:r>
              <w:t xml:space="preserve">    }</w:t>
            </w:r>
          </w:p>
          <w:p w:rsidR="00156FB3" w:rsidRDefault="00156FB3" w:rsidP="00156FB3"/>
          <w:p w:rsidR="00156FB3" w:rsidRDefault="00156FB3" w:rsidP="00156FB3">
            <w:r>
              <w:t xml:space="preserve">    // https://developer.mozilla.org/en-US/docs/Web/API/Window/scrollY#Notes</w:t>
            </w:r>
          </w:p>
          <w:p w:rsidR="00156FB3" w:rsidRDefault="00156FB3" w:rsidP="00156FB3">
            <w:r>
              <w:t xml:space="preserve">    function getPageOffset(doc) {</w:t>
            </w:r>
          </w:p>
          <w:p w:rsidR="00156FB3" w:rsidRDefault="00156FB3" w:rsidP="00156FB3">
            <w:r>
              <w:t xml:space="preserve">        var supportPageOffset = window.pageXOffset !== undefined;</w:t>
            </w:r>
          </w:p>
          <w:p w:rsidR="00156FB3" w:rsidRDefault="00156FB3" w:rsidP="00156FB3">
            <w:r>
              <w:t xml:space="preserve">        var isCSS1Compat = (doc.compatMode || "") === "CSS1Compat";</w:t>
            </w:r>
          </w:p>
          <w:p w:rsidR="00156FB3" w:rsidRDefault="00156FB3" w:rsidP="00156FB3">
            <w:r>
              <w:t xml:space="preserve">        var x = supportPageOffset</w:t>
            </w:r>
          </w:p>
          <w:p w:rsidR="00156FB3" w:rsidRDefault="00156FB3" w:rsidP="00156FB3">
            <w:r>
              <w:t xml:space="preserve">            ? window.pageXOffset</w:t>
            </w:r>
          </w:p>
          <w:p w:rsidR="00156FB3" w:rsidRDefault="00156FB3" w:rsidP="00156FB3">
            <w:r>
              <w:t xml:space="preserve">            : isCSS1Compat</w:t>
            </w:r>
          </w:p>
          <w:p w:rsidR="00156FB3" w:rsidRDefault="00156FB3" w:rsidP="00156FB3">
            <w:r>
              <w:t xml:space="preserve">                ? doc.documentElement.scrollLeft</w:t>
            </w:r>
          </w:p>
          <w:p w:rsidR="00156FB3" w:rsidRDefault="00156FB3" w:rsidP="00156FB3">
            <w:r>
              <w:t xml:space="preserve">                : doc.body.scrollLeft;</w:t>
            </w:r>
          </w:p>
          <w:p w:rsidR="00156FB3" w:rsidRDefault="00156FB3" w:rsidP="00156FB3">
            <w:r>
              <w:t xml:space="preserve">        var y = supportPageOffset</w:t>
            </w:r>
          </w:p>
          <w:p w:rsidR="00156FB3" w:rsidRDefault="00156FB3" w:rsidP="00156FB3">
            <w:r>
              <w:t xml:space="preserve">            ? window.pageYOffset</w:t>
            </w:r>
          </w:p>
          <w:p w:rsidR="00156FB3" w:rsidRDefault="00156FB3" w:rsidP="00156FB3">
            <w:r>
              <w:t xml:space="preserve">            : isCSS1Compat</w:t>
            </w:r>
          </w:p>
          <w:p w:rsidR="00156FB3" w:rsidRDefault="00156FB3" w:rsidP="00156FB3">
            <w:r>
              <w:t xml:space="preserve">                ? doc.documentElement.scrollTop</w:t>
            </w:r>
          </w:p>
          <w:p w:rsidR="00156FB3" w:rsidRDefault="00156FB3" w:rsidP="00156FB3">
            <w:r>
              <w:t xml:space="preserve">                : doc.body.scrollTop;</w:t>
            </w:r>
          </w:p>
          <w:p w:rsidR="00156FB3" w:rsidRDefault="00156FB3" w:rsidP="00156FB3"/>
          <w:p w:rsidR="00156FB3" w:rsidRDefault="00156FB3" w:rsidP="00156FB3">
            <w:r>
              <w:lastRenderedPageBreak/>
              <w:t xml:space="preserve">        return {</w:t>
            </w:r>
          </w:p>
          <w:p w:rsidR="00156FB3" w:rsidRDefault="00156FB3" w:rsidP="00156FB3">
            <w:r>
              <w:t xml:space="preserve">            x: x,</w:t>
            </w:r>
          </w:p>
          <w:p w:rsidR="00156FB3" w:rsidRDefault="00156FB3" w:rsidP="00156FB3">
            <w:r>
              <w:t xml:space="preserve">            y: y</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we provide a function to compute constants instead</w:t>
            </w:r>
          </w:p>
          <w:p w:rsidR="00156FB3" w:rsidRDefault="00156FB3" w:rsidP="00156FB3">
            <w:r>
              <w:t xml:space="preserve">    // of accessing window.* as soon as the module needs it</w:t>
            </w:r>
          </w:p>
          <w:p w:rsidR="00156FB3" w:rsidRDefault="00156FB3" w:rsidP="00156FB3">
            <w:r>
              <w:t xml:space="preserve">    // so that we do not compute anything if not needed</w:t>
            </w:r>
          </w:p>
          <w:p w:rsidR="00156FB3" w:rsidRDefault="00156FB3" w:rsidP="00156FB3">
            <w:r>
              <w:t xml:space="preserve">    function getActions() {</w:t>
            </w:r>
          </w:p>
          <w:p w:rsidR="00156FB3" w:rsidRDefault="00156FB3" w:rsidP="00156FB3">
            <w:r>
              <w:t xml:space="preserve">        // Determine the events to bind. IE11 implements pointerEvents without</w:t>
            </w:r>
          </w:p>
          <w:p w:rsidR="00156FB3" w:rsidRDefault="00156FB3" w:rsidP="00156FB3">
            <w:r>
              <w:t xml:space="preserve">        // a prefix, which breaks compatibility with the IE10 implementation.</w:t>
            </w:r>
          </w:p>
          <w:p w:rsidR="00156FB3" w:rsidRDefault="00156FB3" w:rsidP="00156FB3">
            <w:r>
              <w:t xml:space="preserve">        return window.navigator.pointerEnabled</w:t>
            </w:r>
          </w:p>
          <w:p w:rsidR="00156FB3" w:rsidRDefault="00156FB3" w:rsidP="00156FB3">
            <w:r>
              <w:t xml:space="preserve">            ? {</w:t>
            </w:r>
          </w:p>
          <w:p w:rsidR="00156FB3" w:rsidRDefault="00156FB3" w:rsidP="00156FB3">
            <w:r>
              <w:t xml:space="preserve">                  start: "pointerdown",</w:t>
            </w:r>
          </w:p>
          <w:p w:rsidR="00156FB3" w:rsidRDefault="00156FB3" w:rsidP="00156FB3">
            <w:r>
              <w:t xml:space="preserve">                  move: "pointermove",</w:t>
            </w:r>
          </w:p>
          <w:p w:rsidR="00156FB3" w:rsidRDefault="00156FB3" w:rsidP="00156FB3">
            <w:r>
              <w:t xml:space="preserve">                  end: "pointerup"</w:t>
            </w:r>
          </w:p>
          <w:p w:rsidR="00156FB3" w:rsidRDefault="00156FB3" w:rsidP="00156FB3">
            <w:r>
              <w:t xml:space="preserve">              }</w:t>
            </w:r>
          </w:p>
          <w:p w:rsidR="00156FB3" w:rsidRDefault="00156FB3" w:rsidP="00156FB3">
            <w:r>
              <w:t xml:space="preserve">            : window.navigator.msPointerEnabled</w:t>
            </w:r>
          </w:p>
          <w:p w:rsidR="00156FB3" w:rsidRDefault="00156FB3" w:rsidP="00156FB3">
            <w:r>
              <w:t xml:space="preserve">                ? {</w:t>
            </w:r>
          </w:p>
          <w:p w:rsidR="00156FB3" w:rsidRDefault="00156FB3" w:rsidP="00156FB3">
            <w:r>
              <w:t xml:space="preserve">                      start: "MSPointerDown",</w:t>
            </w:r>
          </w:p>
          <w:p w:rsidR="00156FB3" w:rsidRDefault="00156FB3" w:rsidP="00156FB3">
            <w:r>
              <w:t xml:space="preserve">                      move: "MSPointerMove",</w:t>
            </w:r>
          </w:p>
          <w:p w:rsidR="00156FB3" w:rsidRDefault="00156FB3" w:rsidP="00156FB3">
            <w:r>
              <w:t xml:space="preserve">                      end: "MSPointerUp"</w:t>
            </w:r>
          </w:p>
          <w:p w:rsidR="00156FB3" w:rsidRDefault="00156FB3" w:rsidP="00156FB3">
            <w:r>
              <w:t xml:space="preserve">                  }</w:t>
            </w:r>
          </w:p>
          <w:p w:rsidR="00156FB3" w:rsidRDefault="00156FB3" w:rsidP="00156FB3">
            <w:r>
              <w:t xml:space="preserve">                : {</w:t>
            </w:r>
          </w:p>
          <w:p w:rsidR="00156FB3" w:rsidRDefault="00156FB3" w:rsidP="00156FB3">
            <w:r>
              <w:t xml:space="preserve">                      start: "mousedown touchstart",</w:t>
            </w:r>
          </w:p>
          <w:p w:rsidR="00156FB3" w:rsidRDefault="00156FB3" w:rsidP="00156FB3">
            <w:r>
              <w:t xml:space="preserve">                      move: "mousemove touchmove",</w:t>
            </w:r>
          </w:p>
          <w:p w:rsidR="00156FB3" w:rsidRDefault="00156FB3" w:rsidP="00156FB3">
            <w:r>
              <w:t xml:space="preserve">                      end: "mouseup touchend"</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https://github.com/WICG/EventListenerOptions/blob/gh-pages/explainer.md</w:t>
            </w:r>
          </w:p>
          <w:p w:rsidR="00156FB3" w:rsidRDefault="00156FB3" w:rsidP="00156FB3">
            <w:r>
              <w:t xml:space="preserve">    // Issue #785</w:t>
            </w:r>
          </w:p>
          <w:p w:rsidR="00156FB3" w:rsidRDefault="00156FB3" w:rsidP="00156FB3">
            <w:r>
              <w:t xml:space="preserve">    function getSupportsPassive() {</w:t>
            </w:r>
          </w:p>
          <w:p w:rsidR="00156FB3" w:rsidRDefault="00156FB3" w:rsidP="00156FB3">
            <w:r>
              <w:t xml:space="preserve">        var supportsPassive = false;</w:t>
            </w:r>
          </w:p>
          <w:p w:rsidR="00156FB3" w:rsidRDefault="00156FB3" w:rsidP="00156FB3"/>
          <w:p w:rsidR="00156FB3" w:rsidRDefault="00156FB3" w:rsidP="00156FB3">
            <w:r>
              <w:t xml:space="preserve">        /* eslint-disable */</w:t>
            </w:r>
          </w:p>
          <w:p w:rsidR="00156FB3" w:rsidRDefault="00156FB3" w:rsidP="00156FB3">
            <w:r>
              <w:t xml:space="preserve">        try {</w:t>
            </w:r>
          </w:p>
          <w:p w:rsidR="00156FB3" w:rsidRDefault="00156FB3" w:rsidP="00156FB3">
            <w:r>
              <w:t xml:space="preserve">            var opts = Object.defineProperty({}, "passive", {</w:t>
            </w:r>
          </w:p>
          <w:p w:rsidR="00156FB3" w:rsidRDefault="00156FB3" w:rsidP="00156FB3">
            <w:r>
              <w:t xml:space="preserve">                get: function() {</w:t>
            </w:r>
          </w:p>
          <w:p w:rsidR="00156FB3" w:rsidRDefault="00156FB3" w:rsidP="00156FB3">
            <w:r>
              <w:t xml:space="preserve">                    supportsPassive = tr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indow.addEventListener("test", null, opts);</w:t>
            </w:r>
          </w:p>
          <w:p w:rsidR="00156FB3" w:rsidRDefault="00156FB3" w:rsidP="00156FB3">
            <w:r>
              <w:t xml:space="preserve">        } catch (e) {}</w:t>
            </w:r>
          </w:p>
          <w:p w:rsidR="00156FB3" w:rsidRDefault="00156FB3" w:rsidP="00156FB3">
            <w:r>
              <w:t xml:space="preserve">        /* eslint-enable */</w:t>
            </w:r>
          </w:p>
          <w:p w:rsidR="00156FB3" w:rsidRDefault="00156FB3" w:rsidP="00156FB3"/>
          <w:p w:rsidR="00156FB3" w:rsidRDefault="00156FB3" w:rsidP="00156FB3">
            <w:r>
              <w:lastRenderedPageBreak/>
              <w:t xml:space="preserve">        return supportsPassive;</w:t>
            </w:r>
          </w:p>
          <w:p w:rsidR="00156FB3" w:rsidRDefault="00156FB3" w:rsidP="00156FB3">
            <w:r>
              <w:t xml:space="preserve">    }</w:t>
            </w:r>
          </w:p>
          <w:p w:rsidR="00156FB3" w:rsidRDefault="00156FB3" w:rsidP="00156FB3"/>
          <w:p w:rsidR="00156FB3" w:rsidRDefault="00156FB3" w:rsidP="00156FB3">
            <w:r>
              <w:t xml:space="preserve">    function getSupportsTouchActionNone() {</w:t>
            </w:r>
          </w:p>
          <w:p w:rsidR="00156FB3" w:rsidRDefault="00156FB3" w:rsidP="00156FB3">
            <w:r>
              <w:t xml:space="preserve">        return window.CSS &amp;&amp; CSS.supports &amp;&amp; CSS.supports("touch-action", "none");</w:t>
            </w:r>
          </w:p>
          <w:p w:rsidR="00156FB3" w:rsidRDefault="00156FB3" w:rsidP="00156FB3">
            <w:r>
              <w:t xml:space="preserve">    }</w:t>
            </w:r>
          </w:p>
          <w:p w:rsidR="00156FB3" w:rsidRDefault="00156FB3" w:rsidP="00156FB3"/>
          <w:p w:rsidR="00156FB3" w:rsidRDefault="00156FB3" w:rsidP="00156FB3">
            <w:r>
              <w:t xml:space="preserve">    //endregion</w:t>
            </w:r>
          </w:p>
          <w:p w:rsidR="00156FB3" w:rsidRDefault="00156FB3" w:rsidP="00156FB3"/>
          <w:p w:rsidR="00156FB3" w:rsidRDefault="00156FB3" w:rsidP="00156FB3">
            <w:r>
              <w:t xml:space="preserve">    //region Range Calculation</w:t>
            </w:r>
          </w:p>
          <w:p w:rsidR="00156FB3" w:rsidRDefault="00156FB3" w:rsidP="00156FB3"/>
          <w:p w:rsidR="00156FB3" w:rsidRDefault="00156FB3" w:rsidP="00156FB3">
            <w:r>
              <w:t xml:space="preserve">    // Determine the size of a sub-range in relation to a full range.</w:t>
            </w:r>
          </w:p>
          <w:p w:rsidR="00156FB3" w:rsidRDefault="00156FB3" w:rsidP="00156FB3">
            <w:r>
              <w:t xml:space="preserve">    function subRangeRatio(pa, pb) {</w:t>
            </w:r>
          </w:p>
          <w:p w:rsidR="00156FB3" w:rsidRDefault="00156FB3" w:rsidP="00156FB3">
            <w:r>
              <w:t xml:space="preserve">        return 100 / (pb - pa);</w:t>
            </w:r>
          </w:p>
          <w:p w:rsidR="00156FB3" w:rsidRDefault="00156FB3" w:rsidP="00156FB3">
            <w:r>
              <w:t xml:space="preserve">    }</w:t>
            </w:r>
          </w:p>
          <w:p w:rsidR="00156FB3" w:rsidRDefault="00156FB3" w:rsidP="00156FB3"/>
          <w:p w:rsidR="00156FB3" w:rsidRDefault="00156FB3" w:rsidP="00156FB3">
            <w:r>
              <w:t xml:space="preserve">    // (percentage) How many percent is this value of this range?</w:t>
            </w:r>
          </w:p>
          <w:p w:rsidR="00156FB3" w:rsidRDefault="00156FB3" w:rsidP="00156FB3">
            <w:r>
              <w:t xml:space="preserve">    function fromPercentage(range, value) {</w:t>
            </w:r>
          </w:p>
          <w:p w:rsidR="00156FB3" w:rsidRDefault="00156FB3" w:rsidP="00156FB3">
            <w:r>
              <w:t xml:space="preserve">        return (value * 100) / (range[1] - range[0]);</w:t>
            </w:r>
          </w:p>
          <w:p w:rsidR="00156FB3" w:rsidRDefault="00156FB3" w:rsidP="00156FB3">
            <w:r>
              <w:t xml:space="preserve">    }</w:t>
            </w:r>
          </w:p>
          <w:p w:rsidR="00156FB3" w:rsidRDefault="00156FB3" w:rsidP="00156FB3"/>
          <w:p w:rsidR="00156FB3" w:rsidRDefault="00156FB3" w:rsidP="00156FB3">
            <w:r>
              <w:t xml:space="preserve">    // (percentage) Where is this value on this range?</w:t>
            </w:r>
          </w:p>
          <w:p w:rsidR="00156FB3" w:rsidRDefault="00156FB3" w:rsidP="00156FB3">
            <w:r>
              <w:t xml:space="preserve">    function toPercentage(range, value) {</w:t>
            </w:r>
          </w:p>
          <w:p w:rsidR="00156FB3" w:rsidRDefault="00156FB3" w:rsidP="00156FB3">
            <w:r>
              <w:t xml:space="preserve">        return fromPercentage(range, range[0] &lt; 0 ? value + Math.abs(range[0]) : value - range[0]);</w:t>
            </w:r>
          </w:p>
          <w:p w:rsidR="00156FB3" w:rsidRDefault="00156FB3" w:rsidP="00156FB3">
            <w:r>
              <w:t xml:space="preserve">    }</w:t>
            </w:r>
          </w:p>
          <w:p w:rsidR="00156FB3" w:rsidRDefault="00156FB3" w:rsidP="00156FB3"/>
          <w:p w:rsidR="00156FB3" w:rsidRDefault="00156FB3" w:rsidP="00156FB3">
            <w:r>
              <w:t xml:space="preserve">    // (value) How much is this percentage on this range?</w:t>
            </w:r>
          </w:p>
          <w:p w:rsidR="00156FB3" w:rsidRDefault="00156FB3" w:rsidP="00156FB3">
            <w:r>
              <w:t xml:space="preserve">    function isPercentage(range, value) {</w:t>
            </w:r>
          </w:p>
          <w:p w:rsidR="00156FB3" w:rsidRDefault="00156FB3" w:rsidP="00156FB3">
            <w:r>
              <w:t xml:space="preserve">        return (value * (range[1] - range[0])) / 100 + range[0];</w:t>
            </w:r>
          </w:p>
          <w:p w:rsidR="00156FB3" w:rsidRDefault="00156FB3" w:rsidP="00156FB3">
            <w:r>
              <w:t xml:space="preserve">    }</w:t>
            </w:r>
          </w:p>
          <w:p w:rsidR="00156FB3" w:rsidRDefault="00156FB3" w:rsidP="00156FB3"/>
          <w:p w:rsidR="00156FB3" w:rsidRDefault="00156FB3" w:rsidP="00156FB3">
            <w:r>
              <w:t xml:space="preserve">    function getJ(value, arr) {</w:t>
            </w:r>
          </w:p>
          <w:p w:rsidR="00156FB3" w:rsidRDefault="00156FB3" w:rsidP="00156FB3">
            <w:r>
              <w:t xml:space="preserve">        var j = 1;</w:t>
            </w:r>
          </w:p>
          <w:p w:rsidR="00156FB3" w:rsidRDefault="00156FB3" w:rsidP="00156FB3"/>
          <w:p w:rsidR="00156FB3" w:rsidRDefault="00156FB3" w:rsidP="00156FB3">
            <w:r>
              <w:t xml:space="preserve">        while (value &gt;= arr[j]) {</w:t>
            </w:r>
          </w:p>
          <w:p w:rsidR="00156FB3" w:rsidRDefault="00156FB3" w:rsidP="00156FB3">
            <w:r>
              <w:t xml:space="preserve">            j += 1;</w:t>
            </w:r>
          </w:p>
          <w:p w:rsidR="00156FB3" w:rsidRDefault="00156FB3" w:rsidP="00156FB3">
            <w:r>
              <w:t xml:space="preserve">        }</w:t>
            </w:r>
          </w:p>
          <w:p w:rsidR="00156FB3" w:rsidRDefault="00156FB3" w:rsidP="00156FB3"/>
          <w:p w:rsidR="00156FB3" w:rsidRDefault="00156FB3" w:rsidP="00156FB3">
            <w:r>
              <w:t xml:space="preserve">        return j;</w:t>
            </w:r>
          </w:p>
          <w:p w:rsidR="00156FB3" w:rsidRDefault="00156FB3" w:rsidP="00156FB3">
            <w:r>
              <w:t xml:space="preserve">    }</w:t>
            </w:r>
          </w:p>
          <w:p w:rsidR="00156FB3" w:rsidRDefault="00156FB3" w:rsidP="00156FB3"/>
          <w:p w:rsidR="00156FB3" w:rsidRDefault="00156FB3" w:rsidP="00156FB3">
            <w:r>
              <w:t xml:space="preserve">    // (percentage) Input a value, find where, on a scale of 0-100, it applies.</w:t>
            </w:r>
          </w:p>
          <w:p w:rsidR="00156FB3" w:rsidRDefault="00156FB3" w:rsidP="00156FB3">
            <w:r>
              <w:t xml:space="preserve">    function toStepping(xVal, xPct, value) {</w:t>
            </w:r>
          </w:p>
          <w:p w:rsidR="00156FB3" w:rsidRDefault="00156FB3" w:rsidP="00156FB3">
            <w:r>
              <w:t xml:space="preserve">        if (value &gt;= xVal.slice(-1)[0]) {</w:t>
            </w:r>
          </w:p>
          <w:p w:rsidR="00156FB3" w:rsidRDefault="00156FB3" w:rsidP="00156FB3">
            <w:r>
              <w:t xml:space="preserve">            return 100;</w:t>
            </w:r>
          </w:p>
          <w:p w:rsidR="00156FB3" w:rsidRDefault="00156FB3" w:rsidP="00156FB3">
            <w:r>
              <w:t xml:space="preserve">        }</w:t>
            </w:r>
          </w:p>
          <w:p w:rsidR="00156FB3" w:rsidRDefault="00156FB3" w:rsidP="00156FB3"/>
          <w:p w:rsidR="00156FB3" w:rsidRDefault="00156FB3" w:rsidP="00156FB3">
            <w:r>
              <w:t xml:space="preserve">        var j = getJ(value, xVal);</w:t>
            </w:r>
          </w:p>
          <w:p w:rsidR="00156FB3" w:rsidRDefault="00156FB3" w:rsidP="00156FB3">
            <w:r>
              <w:lastRenderedPageBreak/>
              <w:t xml:space="preserve">        var va = xVal[j - 1];</w:t>
            </w:r>
          </w:p>
          <w:p w:rsidR="00156FB3" w:rsidRDefault="00156FB3" w:rsidP="00156FB3">
            <w:r>
              <w:t xml:space="preserve">        var vb = xVal[j];</w:t>
            </w:r>
          </w:p>
          <w:p w:rsidR="00156FB3" w:rsidRDefault="00156FB3" w:rsidP="00156FB3">
            <w:r>
              <w:t xml:space="preserve">        var pa = xPct[j - 1];</w:t>
            </w:r>
          </w:p>
          <w:p w:rsidR="00156FB3" w:rsidRDefault="00156FB3" w:rsidP="00156FB3">
            <w:r>
              <w:t xml:space="preserve">        var pb = xPct[j];</w:t>
            </w:r>
          </w:p>
          <w:p w:rsidR="00156FB3" w:rsidRDefault="00156FB3" w:rsidP="00156FB3"/>
          <w:p w:rsidR="00156FB3" w:rsidRDefault="00156FB3" w:rsidP="00156FB3">
            <w:r>
              <w:t xml:space="preserve">        return pa + toPercentage([va, vb], value) / subRangeRatio(pa, pb);</w:t>
            </w:r>
          </w:p>
          <w:p w:rsidR="00156FB3" w:rsidRDefault="00156FB3" w:rsidP="00156FB3">
            <w:r>
              <w:t xml:space="preserve">    }</w:t>
            </w:r>
          </w:p>
          <w:p w:rsidR="00156FB3" w:rsidRDefault="00156FB3" w:rsidP="00156FB3"/>
          <w:p w:rsidR="00156FB3" w:rsidRDefault="00156FB3" w:rsidP="00156FB3">
            <w:r>
              <w:t xml:space="preserve">    // (value) Input a percentage, find where it is on the specified range.</w:t>
            </w:r>
          </w:p>
          <w:p w:rsidR="00156FB3" w:rsidRDefault="00156FB3" w:rsidP="00156FB3">
            <w:r>
              <w:t xml:space="preserve">    function fromStepping(xVal, xPct, value) {</w:t>
            </w:r>
          </w:p>
          <w:p w:rsidR="00156FB3" w:rsidRDefault="00156FB3" w:rsidP="00156FB3">
            <w:r>
              <w:t xml:space="preserve">        // There is no range group that fits 100</w:t>
            </w:r>
          </w:p>
          <w:p w:rsidR="00156FB3" w:rsidRDefault="00156FB3" w:rsidP="00156FB3">
            <w:r>
              <w:t xml:space="preserve">        if (value &gt;= 100) {</w:t>
            </w:r>
          </w:p>
          <w:p w:rsidR="00156FB3" w:rsidRDefault="00156FB3" w:rsidP="00156FB3">
            <w:r>
              <w:t xml:space="preserve">            return xVal.slice(-1)[0];</w:t>
            </w:r>
          </w:p>
          <w:p w:rsidR="00156FB3" w:rsidRDefault="00156FB3" w:rsidP="00156FB3">
            <w:r>
              <w:t xml:space="preserve">        }</w:t>
            </w:r>
          </w:p>
          <w:p w:rsidR="00156FB3" w:rsidRDefault="00156FB3" w:rsidP="00156FB3"/>
          <w:p w:rsidR="00156FB3" w:rsidRDefault="00156FB3" w:rsidP="00156FB3">
            <w:r>
              <w:t xml:space="preserve">        var j = getJ(value, xPct);</w:t>
            </w:r>
          </w:p>
          <w:p w:rsidR="00156FB3" w:rsidRDefault="00156FB3" w:rsidP="00156FB3">
            <w:r>
              <w:t xml:space="preserve">        var va = xVal[j - 1];</w:t>
            </w:r>
          </w:p>
          <w:p w:rsidR="00156FB3" w:rsidRDefault="00156FB3" w:rsidP="00156FB3">
            <w:r>
              <w:t xml:space="preserve">        var vb = xVal[j];</w:t>
            </w:r>
          </w:p>
          <w:p w:rsidR="00156FB3" w:rsidRDefault="00156FB3" w:rsidP="00156FB3">
            <w:r>
              <w:t xml:space="preserve">        var pa = xPct[j - 1];</w:t>
            </w:r>
          </w:p>
          <w:p w:rsidR="00156FB3" w:rsidRDefault="00156FB3" w:rsidP="00156FB3">
            <w:r>
              <w:t xml:space="preserve">        var pb = xPct[j];</w:t>
            </w:r>
          </w:p>
          <w:p w:rsidR="00156FB3" w:rsidRDefault="00156FB3" w:rsidP="00156FB3"/>
          <w:p w:rsidR="00156FB3" w:rsidRDefault="00156FB3" w:rsidP="00156FB3">
            <w:r>
              <w:t xml:space="preserve">        return isPercentage([va, vb], (value - pa) * subRangeRatio(pa, pb));</w:t>
            </w:r>
          </w:p>
          <w:p w:rsidR="00156FB3" w:rsidRDefault="00156FB3" w:rsidP="00156FB3">
            <w:r>
              <w:t xml:space="preserve">    }</w:t>
            </w:r>
          </w:p>
          <w:p w:rsidR="00156FB3" w:rsidRDefault="00156FB3" w:rsidP="00156FB3"/>
          <w:p w:rsidR="00156FB3" w:rsidRDefault="00156FB3" w:rsidP="00156FB3">
            <w:r>
              <w:t xml:space="preserve">    // (percentage) Get the step that applies at a certain value.</w:t>
            </w:r>
          </w:p>
          <w:p w:rsidR="00156FB3" w:rsidRDefault="00156FB3" w:rsidP="00156FB3">
            <w:r>
              <w:t xml:space="preserve">    function getStep(xPct, xSteps, snap, value) {</w:t>
            </w:r>
          </w:p>
          <w:p w:rsidR="00156FB3" w:rsidRDefault="00156FB3" w:rsidP="00156FB3">
            <w:r>
              <w:t xml:space="preserve">        if (value === 100) {</w:t>
            </w:r>
          </w:p>
          <w:p w:rsidR="00156FB3" w:rsidRDefault="00156FB3" w:rsidP="00156FB3">
            <w:r>
              <w:t xml:space="preserve">            return value;</w:t>
            </w:r>
          </w:p>
          <w:p w:rsidR="00156FB3" w:rsidRDefault="00156FB3" w:rsidP="00156FB3">
            <w:r>
              <w:t xml:space="preserve">        }</w:t>
            </w:r>
          </w:p>
          <w:p w:rsidR="00156FB3" w:rsidRDefault="00156FB3" w:rsidP="00156FB3"/>
          <w:p w:rsidR="00156FB3" w:rsidRDefault="00156FB3" w:rsidP="00156FB3">
            <w:r>
              <w:t xml:space="preserve">        var j = getJ(value, xPct);</w:t>
            </w:r>
          </w:p>
          <w:p w:rsidR="00156FB3" w:rsidRDefault="00156FB3" w:rsidP="00156FB3">
            <w:r>
              <w:t xml:space="preserve">        var a = xPct[j - 1];</w:t>
            </w:r>
          </w:p>
          <w:p w:rsidR="00156FB3" w:rsidRDefault="00156FB3" w:rsidP="00156FB3">
            <w:r>
              <w:t xml:space="preserve">        var b = xPct[j];</w:t>
            </w:r>
          </w:p>
          <w:p w:rsidR="00156FB3" w:rsidRDefault="00156FB3" w:rsidP="00156FB3"/>
          <w:p w:rsidR="00156FB3" w:rsidRDefault="00156FB3" w:rsidP="00156FB3">
            <w:r>
              <w:t xml:space="preserve">        // If 'snap' is set, steps are used as fixed points on the slider.</w:t>
            </w:r>
          </w:p>
          <w:p w:rsidR="00156FB3" w:rsidRDefault="00156FB3" w:rsidP="00156FB3">
            <w:r>
              <w:t xml:space="preserve">        if (snap) {</w:t>
            </w:r>
          </w:p>
          <w:p w:rsidR="00156FB3" w:rsidRDefault="00156FB3" w:rsidP="00156FB3">
            <w:r>
              <w:t xml:space="preserve">            // Find the closest position, a or b.</w:t>
            </w:r>
          </w:p>
          <w:p w:rsidR="00156FB3" w:rsidRDefault="00156FB3" w:rsidP="00156FB3">
            <w:r>
              <w:t xml:space="preserve">            if (value - a &gt; (b - a) / 2) {</w:t>
            </w:r>
          </w:p>
          <w:p w:rsidR="00156FB3" w:rsidRDefault="00156FB3" w:rsidP="00156FB3">
            <w:r>
              <w:t xml:space="preserve">                return b;</w:t>
            </w:r>
          </w:p>
          <w:p w:rsidR="00156FB3" w:rsidRDefault="00156FB3" w:rsidP="00156FB3">
            <w:r>
              <w:t xml:space="preserve">            }</w:t>
            </w:r>
          </w:p>
          <w:p w:rsidR="00156FB3" w:rsidRDefault="00156FB3" w:rsidP="00156FB3"/>
          <w:p w:rsidR="00156FB3" w:rsidRDefault="00156FB3" w:rsidP="00156FB3">
            <w:r>
              <w:t xml:space="preserve">            return a;</w:t>
            </w:r>
          </w:p>
          <w:p w:rsidR="00156FB3" w:rsidRDefault="00156FB3" w:rsidP="00156FB3">
            <w:r>
              <w:t xml:space="preserve">        }</w:t>
            </w:r>
          </w:p>
          <w:p w:rsidR="00156FB3" w:rsidRDefault="00156FB3" w:rsidP="00156FB3"/>
          <w:p w:rsidR="00156FB3" w:rsidRDefault="00156FB3" w:rsidP="00156FB3">
            <w:r>
              <w:t xml:space="preserve">        if (!xSteps[j - 1]) {</w:t>
            </w:r>
          </w:p>
          <w:p w:rsidR="00156FB3" w:rsidRDefault="00156FB3" w:rsidP="00156FB3">
            <w:r>
              <w:t xml:space="preserve">            return value;</w:t>
            </w:r>
          </w:p>
          <w:p w:rsidR="00156FB3" w:rsidRDefault="00156FB3" w:rsidP="00156FB3">
            <w:r>
              <w:t xml:space="preserve">        }</w:t>
            </w:r>
          </w:p>
          <w:p w:rsidR="00156FB3" w:rsidRDefault="00156FB3" w:rsidP="00156FB3"/>
          <w:p w:rsidR="00156FB3" w:rsidRDefault="00156FB3" w:rsidP="00156FB3">
            <w:r>
              <w:lastRenderedPageBreak/>
              <w:t xml:space="preserve">        return xPct[j - 1] + closest(value - xPct[j - 1], xSteps[j - 1]);</w:t>
            </w:r>
          </w:p>
          <w:p w:rsidR="00156FB3" w:rsidRDefault="00156FB3" w:rsidP="00156FB3">
            <w:r>
              <w:t xml:space="preserve">    }</w:t>
            </w:r>
          </w:p>
          <w:p w:rsidR="00156FB3" w:rsidRDefault="00156FB3" w:rsidP="00156FB3"/>
          <w:p w:rsidR="00156FB3" w:rsidRDefault="00156FB3" w:rsidP="00156FB3">
            <w:r>
              <w:t xml:space="preserve">    function handleEntryPoint(index, value, that) {</w:t>
            </w:r>
          </w:p>
          <w:p w:rsidR="00156FB3" w:rsidRDefault="00156FB3" w:rsidP="00156FB3">
            <w:r>
              <w:t xml:space="preserve">        var percentage;</w:t>
            </w:r>
          </w:p>
          <w:p w:rsidR="00156FB3" w:rsidRDefault="00156FB3" w:rsidP="00156FB3"/>
          <w:p w:rsidR="00156FB3" w:rsidRDefault="00156FB3" w:rsidP="00156FB3">
            <w:r>
              <w:t xml:space="preserve">        // Wrap numerical input in an array.</w:t>
            </w:r>
          </w:p>
          <w:p w:rsidR="00156FB3" w:rsidRDefault="00156FB3" w:rsidP="00156FB3">
            <w:r>
              <w:t xml:space="preserve">        if (typeof value === "number") {</w:t>
            </w:r>
          </w:p>
          <w:p w:rsidR="00156FB3" w:rsidRDefault="00156FB3" w:rsidP="00156FB3">
            <w:r>
              <w:t xml:space="preserve">            value = [value];</w:t>
            </w:r>
          </w:p>
          <w:p w:rsidR="00156FB3" w:rsidRDefault="00156FB3" w:rsidP="00156FB3">
            <w:r>
              <w:t xml:space="preserve">        }</w:t>
            </w:r>
          </w:p>
          <w:p w:rsidR="00156FB3" w:rsidRDefault="00156FB3" w:rsidP="00156FB3"/>
          <w:p w:rsidR="00156FB3" w:rsidRDefault="00156FB3" w:rsidP="00156FB3">
            <w:r>
              <w:t xml:space="preserve">        // Reject any invalid input, by testing whether value is an array.</w:t>
            </w:r>
          </w:p>
          <w:p w:rsidR="00156FB3" w:rsidRDefault="00156FB3" w:rsidP="00156FB3">
            <w:r>
              <w:t xml:space="preserve">        if (!Array.isArray(value)) {</w:t>
            </w:r>
          </w:p>
          <w:p w:rsidR="00156FB3" w:rsidRDefault="00156FB3" w:rsidP="00156FB3">
            <w:r>
              <w:t xml:space="preserve">            throw new Error("noUiSlider (" + VERSION + "): 'range' contains invalid value.");</w:t>
            </w:r>
          </w:p>
          <w:p w:rsidR="00156FB3" w:rsidRDefault="00156FB3" w:rsidP="00156FB3">
            <w:r>
              <w:t xml:space="preserve">        }</w:t>
            </w:r>
          </w:p>
          <w:p w:rsidR="00156FB3" w:rsidRDefault="00156FB3" w:rsidP="00156FB3"/>
          <w:p w:rsidR="00156FB3" w:rsidRDefault="00156FB3" w:rsidP="00156FB3">
            <w:r>
              <w:t xml:space="preserve">        // Covert min/max syntax to 0 and 100.</w:t>
            </w:r>
          </w:p>
          <w:p w:rsidR="00156FB3" w:rsidRDefault="00156FB3" w:rsidP="00156FB3">
            <w:r>
              <w:t xml:space="preserve">        if (index === "min") {</w:t>
            </w:r>
          </w:p>
          <w:p w:rsidR="00156FB3" w:rsidRDefault="00156FB3" w:rsidP="00156FB3">
            <w:r>
              <w:t xml:space="preserve">            percentage = 0;</w:t>
            </w:r>
          </w:p>
          <w:p w:rsidR="00156FB3" w:rsidRDefault="00156FB3" w:rsidP="00156FB3">
            <w:r>
              <w:t xml:space="preserve">        } else if (index === "max") {</w:t>
            </w:r>
          </w:p>
          <w:p w:rsidR="00156FB3" w:rsidRDefault="00156FB3" w:rsidP="00156FB3">
            <w:r>
              <w:t xml:space="preserve">            percentage = 100;</w:t>
            </w:r>
          </w:p>
          <w:p w:rsidR="00156FB3" w:rsidRDefault="00156FB3" w:rsidP="00156FB3">
            <w:r>
              <w:t xml:space="preserve">        } else {</w:t>
            </w:r>
          </w:p>
          <w:p w:rsidR="00156FB3" w:rsidRDefault="00156FB3" w:rsidP="00156FB3">
            <w:r>
              <w:t xml:space="preserve">            percentage = parseFloat(index);</w:t>
            </w:r>
          </w:p>
          <w:p w:rsidR="00156FB3" w:rsidRDefault="00156FB3" w:rsidP="00156FB3">
            <w:r>
              <w:t xml:space="preserve">        }</w:t>
            </w:r>
          </w:p>
          <w:p w:rsidR="00156FB3" w:rsidRDefault="00156FB3" w:rsidP="00156FB3"/>
          <w:p w:rsidR="00156FB3" w:rsidRDefault="00156FB3" w:rsidP="00156FB3">
            <w:r>
              <w:t xml:space="preserve">        // Check for correct input.</w:t>
            </w:r>
          </w:p>
          <w:p w:rsidR="00156FB3" w:rsidRDefault="00156FB3" w:rsidP="00156FB3">
            <w:r>
              <w:t xml:space="preserve">        if (!isNumeric(percentage) || !isNumeric(value[0])) {</w:t>
            </w:r>
          </w:p>
          <w:p w:rsidR="00156FB3" w:rsidRDefault="00156FB3" w:rsidP="00156FB3">
            <w:r>
              <w:t xml:space="preserve">            throw new Error("noUiSlider (" + VERSION + "): 'range' value isn't numeric.");</w:t>
            </w:r>
          </w:p>
          <w:p w:rsidR="00156FB3" w:rsidRDefault="00156FB3" w:rsidP="00156FB3">
            <w:r>
              <w:t xml:space="preserve">        }</w:t>
            </w:r>
          </w:p>
          <w:p w:rsidR="00156FB3" w:rsidRDefault="00156FB3" w:rsidP="00156FB3"/>
          <w:p w:rsidR="00156FB3" w:rsidRDefault="00156FB3" w:rsidP="00156FB3">
            <w:r>
              <w:t xml:space="preserve">        // Store values.</w:t>
            </w:r>
          </w:p>
          <w:p w:rsidR="00156FB3" w:rsidRDefault="00156FB3" w:rsidP="00156FB3">
            <w:r>
              <w:t xml:space="preserve">        that.xPct.push(percentage);</w:t>
            </w:r>
          </w:p>
          <w:p w:rsidR="00156FB3" w:rsidRDefault="00156FB3" w:rsidP="00156FB3">
            <w:r>
              <w:t xml:space="preserve">        that.xVal.push(value[0]);</w:t>
            </w:r>
          </w:p>
          <w:p w:rsidR="00156FB3" w:rsidRDefault="00156FB3" w:rsidP="00156FB3"/>
          <w:p w:rsidR="00156FB3" w:rsidRDefault="00156FB3" w:rsidP="00156FB3">
            <w:r>
              <w:t xml:space="preserve">        // NaN will evaluate to false too, but to keep</w:t>
            </w:r>
          </w:p>
          <w:p w:rsidR="00156FB3" w:rsidRDefault="00156FB3" w:rsidP="00156FB3">
            <w:r>
              <w:t xml:space="preserve">        // logging clear, set step explicitly. Make sure</w:t>
            </w:r>
          </w:p>
          <w:p w:rsidR="00156FB3" w:rsidRDefault="00156FB3" w:rsidP="00156FB3">
            <w:r>
              <w:t xml:space="preserve">        // not to override the 'step' setting with false.</w:t>
            </w:r>
          </w:p>
          <w:p w:rsidR="00156FB3" w:rsidRDefault="00156FB3" w:rsidP="00156FB3">
            <w:r>
              <w:t xml:space="preserve">        if (!percentage) {</w:t>
            </w:r>
          </w:p>
          <w:p w:rsidR="00156FB3" w:rsidRDefault="00156FB3" w:rsidP="00156FB3">
            <w:r>
              <w:t xml:space="preserve">            if (!isNaN(value[1])) {</w:t>
            </w:r>
          </w:p>
          <w:p w:rsidR="00156FB3" w:rsidRDefault="00156FB3" w:rsidP="00156FB3">
            <w:r>
              <w:t xml:space="preserve">                that.xSteps[0] = value[1];</w:t>
            </w:r>
          </w:p>
          <w:p w:rsidR="00156FB3" w:rsidRDefault="00156FB3" w:rsidP="00156FB3">
            <w:r>
              <w:t xml:space="preserve">            }</w:t>
            </w:r>
          </w:p>
          <w:p w:rsidR="00156FB3" w:rsidRDefault="00156FB3" w:rsidP="00156FB3">
            <w:r>
              <w:t xml:space="preserve">        } else {</w:t>
            </w:r>
          </w:p>
          <w:p w:rsidR="00156FB3" w:rsidRDefault="00156FB3" w:rsidP="00156FB3">
            <w:r>
              <w:t xml:space="preserve">            that.xSteps.push(isNaN(value[1]) ? false : value[1]);</w:t>
            </w:r>
          </w:p>
          <w:p w:rsidR="00156FB3" w:rsidRDefault="00156FB3" w:rsidP="00156FB3">
            <w:r>
              <w:t xml:space="preserve">        }</w:t>
            </w:r>
          </w:p>
          <w:p w:rsidR="00156FB3" w:rsidRDefault="00156FB3" w:rsidP="00156FB3"/>
          <w:p w:rsidR="00156FB3" w:rsidRDefault="00156FB3" w:rsidP="00156FB3">
            <w:r>
              <w:t xml:space="preserve">        that.xHighestCompleteStep.push(0);</w:t>
            </w:r>
          </w:p>
          <w:p w:rsidR="00156FB3" w:rsidRDefault="00156FB3" w:rsidP="00156FB3">
            <w:r>
              <w:t xml:space="preserve">    }</w:t>
            </w:r>
          </w:p>
          <w:p w:rsidR="00156FB3" w:rsidRDefault="00156FB3" w:rsidP="00156FB3"/>
          <w:p w:rsidR="00156FB3" w:rsidRDefault="00156FB3" w:rsidP="00156FB3">
            <w:r>
              <w:lastRenderedPageBreak/>
              <w:t xml:space="preserve">    function handleStepPoint(i, n, that) {</w:t>
            </w:r>
          </w:p>
          <w:p w:rsidR="00156FB3" w:rsidRDefault="00156FB3" w:rsidP="00156FB3">
            <w:r>
              <w:t xml:space="preserve">        // Ignore 'false' stepping.</w:t>
            </w:r>
          </w:p>
          <w:p w:rsidR="00156FB3" w:rsidRDefault="00156FB3" w:rsidP="00156FB3">
            <w:r>
              <w:t xml:space="preserve">        if (!n)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 Step over zero-length ranges (#948);</w:t>
            </w:r>
          </w:p>
          <w:p w:rsidR="00156FB3" w:rsidRDefault="00156FB3" w:rsidP="00156FB3">
            <w:r>
              <w:t xml:space="preserve">        if (that.xVal[i] === that.xVal[i + 1]) {</w:t>
            </w:r>
          </w:p>
          <w:p w:rsidR="00156FB3" w:rsidRDefault="00156FB3" w:rsidP="00156FB3">
            <w:r>
              <w:t xml:space="preserve">            that.xSteps[i] = that.xHighestCompleteStep[i] = that.xVal[i];</w:t>
            </w:r>
          </w:p>
          <w:p w:rsidR="00156FB3" w:rsidRDefault="00156FB3" w:rsidP="00156FB3"/>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 Factor to range ratio</w:t>
            </w:r>
          </w:p>
          <w:p w:rsidR="00156FB3" w:rsidRDefault="00156FB3" w:rsidP="00156FB3">
            <w:r>
              <w:t xml:space="preserve">        that.xSteps[i] =</w:t>
            </w:r>
          </w:p>
          <w:p w:rsidR="00156FB3" w:rsidRDefault="00156FB3" w:rsidP="00156FB3">
            <w:r>
              <w:t xml:space="preserve">            fromPercentage([that.xVal[i], that.xVal[i + 1]], n) / subRangeRatio(that.xPct[i], that.xPct[i + 1]);</w:t>
            </w:r>
          </w:p>
          <w:p w:rsidR="00156FB3" w:rsidRDefault="00156FB3" w:rsidP="00156FB3"/>
          <w:p w:rsidR="00156FB3" w:rsidRDefault="00156FB3" w:rsidP="00156FB3">
            <w:r>
              <w:t xml:space="preserve">        var totalSteps = (that.xVal[i + 1] - that.xVal[i]) / that.xNumSteps[i];</w:t>
            </w:r>
          </w:p>
          <w:p w:rsidR="00156FB3" w:rsidRDefault="00156FB3" w:rsidP="00156FB3">
            <w:r>
              <w:t xml:space="preserve">        var highestStep = Math.ceil(Number(totalSteps.toFixed(3)) - 1);</w:t>
            </w:r>
          </w:p>
          <w:p w:rsidR="00156FB3" w:rsidRDefault="00156FB3" w:rsidP="00156FB3">
            <w:r>
              <w:t xml:space="preserve">        var step = that.xVal[i] + that.xNumSteps[i] * highestStep;</w:t>
            </w:r>
          </w:p>
          <w:p w:rsidR="00156FB3" w:rsidRDefault="00156FB3" w:rsidP="00156FB3"/>
          <w:p w:rsidR="00156FB3" w:rsidRDefault="00156FB3" w:rsidP="00156FB3">
            <w:r>
              <w:t xml:space="preserve">        that.xHighestCompleteStep[i] = step;</w:t>
            </w:r>
          </w:p>
          <w:p w:rsidR="00156FB3" w:rsidRDefault="00156FB3" w:rsidP="00156FB3">
            <w:r>
              <w:t xml:space="preserve">    }</w:t>
            </w:r>
          </w:p>
          <w:p w:rsidR="00156FB3" w:rsidRDefault="00156FB3" w:rsidP="00156FB3"/>
          <w:p w:rsidR="00156FB3" w:rsidRDefault="00156FB3" w:rsidP="00156FB3">
            <w:r>
              <w:t xml:space="preserve">    //endregion</w:t>
            </w:r>
          </w:p>
          <w:p w:rsidR="00156FB3" w:rsidRDefault="00156FB3" w:rsidP="00156FB3"/>
          <w:p w:rsidR="00156FB3" w:rsidRDefault="00156FB3" w:rsidP="00156FB3">
            <w:r>
              <w:t xml:space="preserve">    //region Spectrum</w:t>
            </w:r>
          </w:p>
          <w:p w:rsidR="00156FB3" w:rsidRDefault="00156FB3" w:rsidP="00156FB3"/>
          <w:p w:rsidR="00156FB3" w:rsidRDefault="00156FB3" w:rsidP="00156FB3">
            <w:r>
              <w:t xml:space="preserve">    function Spectrum(entry, snap, singleStep) {</w:t>
            </w:r>
          </w:p>
          <w:p w:rsidR="00156FB3" w:rsidRDefault="00156FB3" w:rsidP="00156FB3">
            <w:r>
              <w:t xml:space="preserve">        this.xPct = [];</w:t>
            </w:r>
          </w:p>
          <w:p w:rsidR="00156FB3" w:rsidRDefault="00156FB3" w:rsidP="00156FB3">
            <w:r>
              <w:t xml:space="preserve">        this.xVal = [];</w:t>
            </w:r>
          </w:p>
          <w:p w:rsidR="00156FB3" w:rsidRDefault="00156FB3" w:rsidP="00156FB3">
            <w:r>
              <w:t xml:space="preserve">        this.xSteps = [singleStep || false];</w:t>
            </w:r>
          </w:p>
          <w:p w:rsidR="00156FB3" w:rsidRDefault="00156FB3" w:rsidP="00156FB3">
            <w:r>
              <w:t xml:space="preserve">        this.xNumSteps = [false];</w:t>
            </w:r>
          </w:p>
          <w:p w:rsidR="00156FB3" w:rsidRDefault="00156FB3" w:rsidP="00156FB3">
            <w:r>
              <w:t xml:space="preserve">        this.xHighestCompleteStep = [];</w:t>
            </w:r>
          </w:p>
          <w:p w:rsidR="00156FB3" w:rsidRDefault="00156FB3" w:rsidP="00156FB3"/>
          <w:p w:rsidR="00156FB3" w:rsidRDefault="00156FB3" w:rsidP="00156FB3">
            <w:r>
              <w:t xml:space="preserve">        this.snap = snap;</w:t>
            </w:r>
          </w:p>
          <w:p w:rsidR="00156FB3" w:rsidRDefault="00156FB3" w:rsidP="00156FB3"/>
          <w:p w:rsidR="00156FB3" w:rsidRDefault="00156FB3" w:rsidP="00156FB3">
            <w:r>
              <w:t xml:space="preserve">        var index;</w:t>
            </w:r>
          </w:p>
          <w:p w:rsidR="00156FB3" w:rsidRDefault="00156FB3" w:rsidP="00156FB3">
            <w:r>
              <w:t xml:space="preserve">        var ordered = []; // [0, 'min'], [1, '50%'], [2, 'max']</w:t>
            </w:r>
          </w:p>
          <w:p w:rsidR="00156FB3" w:rsidRDefault="00156FB3" w:rsidP="00156FB3"/>
          <w:p w:rsidR="00156FB3" w:rsidRDefault="00156FB3" w:rsidP="00156FB3">
            <w:r>
              <w:t xml:space="preserve">        // Map the object keys to an array.</w:t>
            </w:r>
          </w:p>
          <w:p w:rsidR="00156FB3" w:rsidRDefault="00156FB3" w:rsidP="00156FB3">
            <w:r>
              <w:t xml:space="preserve">        for (index in entry) {</w:t>
            </w:r>
          </w:p>
          <w:p w:rsidR="00156FB3" w:rsidRDefault="00156FB3" w:rsidP="00156FB3">
            <w:r>
              <w:t xml:space="preserve">            if (entry.hasOwnProperty(index)) {</w:t>
            </w:r>
          </w:p>
          <w:p w:rsidR="00156FB3" w:rsidRDefault="00156FB3" w:rsidP="00156FB3">
            <w:r>
              <w:t xml:space="preserve">                ordered.push([entry[index], index]);</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Sort all entries by value (numeric sort).</w:t>
            </w:r>
          </w:p>
          <w:p w:rsidR="00156FB3" w:rsidRDefault="00156FB3" w:rsidP="00156FB3">
            <w:r>
              <w:lastRenderedPageBreak/>
              <w:t xml:space="preserve">        if (ordered.length &amp;&amp; typeof ordered[0][0] === "object") {</w:t>
            </w:r>
          </w:p>
          <w:p w:rsidR="00156FB3" w:rsidRDefault="00156FB3" w:rsidP="00156FB3">
            <w:r>
              <w:t xml:space="preserve">            ordered.sort(function(a, b) {</w:t>
            </w:r>
          </w:p>
          <w:p w:rsidR="00156FB3" w:rsidRDefault="00156FB3" w:rsidP="00156FB3">
            <w:r>
              <w:t xml:space="preserve">                return a[0][0] - b[0][0];</w:t>
            </w:r>
          </w:p>
          <w:p w:rsidR="00156FB3" w:rsidRDefault="00156FB3" w:rsidP="00156FB3">
            <w:r>
              <w:t xml:space="preserve">            });</w:t>
            </w:r>
          </w:p>
          <w:p w:rsidR="00156FB3" w:rsidRDefault="00156FB3" w:rsidP="00156FB3">
            <w:r>
              <w:t xml:space="preserve">        } else {</w:t>
            </w:r>
          </w:p>
          <w:p w:rsidR="00156FB3" w:rsidRDefault="00156FB3" w:rsidP="00156FB3">
            <w:r>
              <w:t xml:space="preserve">            ordered.sort(function(a, b) {</w:t>
            </w:r>
          </w:p>
          <w:p w:rsidR="00156FB3" w:rsidRDefault="00156FB3" w:rsidP="00156FB3">
            <w:r>
              <w:t xml:space="preserve">                return a[0] - b[0];</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Convert all entries to subranges.</w:t>
            </w:r>
          </w:p>
          <w:p w:rsidR="00156FB3" w:rsidRDefault="00156FB3" w:rsidP="00156FB3">
            <w:r>
              <w:t xml:space="preserve">        for (index = 0; index &lt; ordered.length; index++) {</w:t>
            </w:r>
          </w:p>
          <w:p w:rsidR="00156FB3" w:rsidRDefault="00156FB3" w:rsidP="00156FB3">
            <w:r>
              <w:t xml:space="preserve">            handleEntryPoint(ordered[index][1], ordered[index][0], this);</w:t>
            </w:r>
          </w:p>
          <w:p w:rsidR="00156FB3" w:rsidRDefault="00156FB3" w:rsidP="00156FB3">
            <w:r>
              <w:t xml:space="preserve">        }</w:t>
            </w:r>
          </w:p>
          <w:p w:rsidR="00156FB3" w:rsidRDefault="00156FB3" w:rsidP="00156FB3"/>
          <w:p w:rsidR="00156FB3" w:rsidRDefault="00156FB3" w:rsidP="00156FB3">
            <w:r>
              <w:t xml:space="preserve">        // Store the actual step values.</w:t>
            </w:r>
          </w:p>
          <w:p w:rsidR="00156FB3" w:rsidRDefault="00156FB3" w:rsidP="00156FB3">
            <w:r>
              <w:t xml:space="preserve">        // xSteps is sorted in the same order as xPct and xVal.</w:t>
            </w:r>
          </w:p>
          <w:p w:rsidR="00156FB3" w:rsidRDefault="00156FB3" w:rsidP="00156FB3">
            <w:r>
              <w:t xml:space="preserve">        this.xNumSteps = this.xSteps.slice(0);</w:t>
            </w:r>
          </w:p>
          <w:p w:rsidR="00156FB3" w:rsidRDefault="00156FB3" w:rsidP="00156FB3"/>
          <w:p w:rsidR="00156FB3" w:rsidRDefault="00156FB3" w:rsidP="00156FB3">
            <w:r>
              <w:t xml:space="preserve">        // Convert all numeric steps to the percentage of the subrange they represent.</w:t>
            </w:r>
          </w:p>
          <w:p w:rsidR="00156FB3" w:rsidRDefault="00156FB3" w:rsidP="00156FB3">
            <w:r>
              <w:t xml:space="preserve">        for (index = 0; index &lt; this.xNumSteps.length; index++) {</w:t>
            </w:r>
          </w:p>
          <w:p w:rsidR="00156FB3" w:rsidRDefault="00156FB3" w:rsidP="00156FB3">
            <w:r>
              <w:t xml:space="preserve">            handleStepPoint(index, this.xNumSteps[index], thi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Spectrum.prototype.getMargin = function(value) {</w:t>
            </w:r>
          </w:p>
          <w:p w:rsidR="00156FB3" w:rsidRDefault="00156FB3" w:rsidP="00156FB3">
            <w:r>
              <w:t xml:space="preserve">        var step = this.xNumSteps[0];</w:t>
            </w:r>
          </w:p>
          <w:p w:rsidR="00156FB3" w:rsidRDefault="00156FB3" w:rsidP="00156FB3"/>
          <w:p w:rsidR="00156FB3" w:rsidRDefault="00156FB3" w:rsidP="00156FB3">
            <w:r>
              <w:t xml:space="preserve">        if (step &amp;&amp; (value / step) % 1 !== 0) {</w:t>
            </w:r>
          </w:p>
          <w:p w:rsidR="00156FB3" w:rsidRDefault="00156FB3" w:rsidP="00156FB3">
            <w:r>
              <w:t xml:space="preserve">            throw new Error("noUiSlider (" + VERSION + "): 'limit', 'margin' and 'padding' must be divisible by step.");</w:t>
            </w:r>
          </w:p>
          <w:p w:rsidR="00156FB3" w:rsidRDefault="00156FB3" w:rsidP="00156FB3">
            <w:r>
              <w:t xml:space="preserve">        }</w:t>
            </w:r>
          </w:p>
          <w:p w:rsidR="00156FB3" w:rsidRDefault="00156FB3" w:rsidP="00156FB3"/>
          <w:p w:rsidR="00156FB3" w:rsidRDefault="00156FB3" w:rsidP="00156FB3">
            <w:r>
              <w:t xml:space="preserve">        return this.xPct.length === 2 ? fromPercentage(this.xVal, value) : false;</w:t>
            </w:r>
          </w:p>
          <w:p w:rsidR="00156FB3" w:rsidRDefault="00156FB3" w:rsidP="00156FB3">
            <w:r>
              <w:t xml:space="preserve">    };</w:t>
            </w:r>
          </w:p>
          <w:p w:rsidR="00156FB3" w:rsidRDefault="00156FB3" w:rsidP="00156FB3"/>
          <w:p w:rsidR="00156FB3" w:rsidRDefault="00156FB3" w:rsidP="00156FB3">
            <w:r>
              <w:t xml:space="preserve">    Spectrum.prototype.toStepping = function(value) {</w:t>
            </w:r>
          </w:p>
          <w:p w:rsidR="00156FB3" w:rsidRDefault="00156FB3" w:rsidP="00156FB3">
            <w:r>
              <w:t xml:space="preserve">        value = toStepping(this.xVal, this.xPct, value);</w:t>
            </w:r>
          </w:p>
          <w:p w:rsidR="00156FB3" w:rsidRDefault="00156FB3" w:rsidP="00156FB3"/>
          <w:p w:rsidR="00156FB3" w:rsidRDefault="00156FB3" w:rsidP="00156FB3">
            <w:r>
              <w:t xml:space="preserve">        return value;</w:t>
            </w:r>
          </w:p>
          <w:p w:rsidR="00156FB3" w:rsidRDefault="00156FB3" w:rsidP="00156FB3">
            <w:r>
              <w:t xml:space="preserve">    };</w:t>
            </w:r>
          </w:p>
          <w:p w:rsidR="00156FB3" w:rsidRDefault="00156FB3" w:rsidP="00156FB3"/>
          <w:p w:rsidR="00156FB3" w:rsidRDefault="00156FB3" w:rsidP="00156FB3">
            <w:r>
              <w:t xml:space="preserve">    Spectrum.prototype.fromStepping = function(value) {</w:t>
            </w:r>
          </w:p>
          <w:p w:rsidR="00156FB3" w:rsidRDefault="00156FB3" w:rsidP="00156FB3">
            <w:r>
              <w:t xml:space="preserve">        return fromStepping(this.xVal, this.xPct, value);</w:t>
            </w:r>
          </w:p>
          <w:p w:rsidR="00156FB3" w:rsidRDefault="00156FB3" w:rsidP="00156FB3">
            <w:r>
              <w:t xml:space="preserve">    };</w:t>
            </w:r>
          </w:p>
          <w:p w:rsidR="00156FB3" w:rsidRDefault="00156FB3" w:rsidP="00156FB3"/>
          <w:p w:rsidR="00156FB3" w:rsidRDefault="00156FB3" w:rsidP="00156FB3">
            <w:r>
              <w:t xml:space="preserve">    Spectrum.prototype.getStep = function(value) {</w:t>
            </w:r>
          </w:p>
          <w:p w:rsidR="00156FB3" w:rsidRDefault="00156FB3" w:rsidP="00156FB3">
            <w:r>
              <w:t xml:space="preserve">        value = getStep(this.xPct, this.xSteps, this.snap, value);</w:t>
            </w:r>
          </w:p>
          <w:p w:rsidR="00156FB3" w:rsidRDefault="00156FB3" w:rsidP="00156FB3"/>
          <w:p w:rsidR="00156FB3" w:rsidRDefault="00156FB3" w:rsidP="00156FB3">
            <w:r>
              <w:t xml:space="preserve">        return value;</w:t>
            </w:r>
          </w:p>
          <w:p w:rsidR="00156FB3" w:rsidRDefault="00156FB3" w:rsidP="00156FB3">
            <w:r>
              <w:t xml:space="preserve">    };</w:t>
            </w:r>
          </w:p>
          <w:p w:rsidR="00156FB3" w:rsidRDefault="00156FB3" w:rsidP="00156FB3"/>
          <w:p w:rsidR="00156FB3" w:rsidRDefault="00156FB3" w:rsidP="00156FB3">
            <w:r>
              <w:t xml:space="preserve">    Spectrum.prototype.getDefaultStep = function(value, isDown, size) {</w:t>
            </w:r>
          </w:p>
          <w:p w:rsidR="00156FB3" w:rsidRDefault="00156FB3" w:rsidP="00156FB3">
            <w:r>
              <w:t xml:space="preserve">        var j = getJ(value, this.xPct);</w:t>
            </w:r>
          </w:p>
          <w:p w:rsidR="00156FB3" w:rsidRDefault="00156FB3" w:rsidP="00156FB3"/>
          <w:p w:rsidR="00156FB3" w:rsidRDefault="00156FB3" w:rsidP="00156FB3">
            <w:r>
              <w:t xml:space="preserve">        // When at the top or stepping down, look at the previous sub-range</w:t>
            </w:r>
          </w:p>
          <w:p w:rsidR="00156FB3" w:rsidRDefault="00156FB3" w:rsidP="00156FB3">
            <w:r>
              <w:t xml:space="preserve">        if (value === 100 || (isDown &amp;&amp; value === this.xPct[j - 1])) {</w:t>
            </w:r>
          </w:p>
          <w:p w:rsidR="00156FB3" w:rsidRDefault="00156FB3" w:rsidP="00156FB3">
            <w:r>
              <w:t xml:space="preserve">            j = Math.max(j - 1, 1);</w:t>
            </w:r>
          </w:p>
          <w:p w:rsidR="00156FB3" w:rsidRDefault="00156FB3" w:rsidP="00156FB3">
            <w:r>
              <w:t xml:space="preserve">        }</w:t>
            </w:r>
          </w:p>
          <w:p w:rsidR="00156FB3" w:rsidRDefault="00156FB3" w:rsidP="00156FB3"/>
          <w:p w:rsidR="00156FB3" w:rsidRDefault="00156FB3" w:rsidP="00156FB3">
            <w:r>
              <w:t xml:space="preserve">        return (this.xVal[j] - this.xVal[j - 1]) / size;</w:t>
            </w:r>
          </w:p>
          <w:p w:rsidR="00156FB3" w:rsidRDefault="00156FB3" w:rsidP="00156FB3">
            <w:r>
              <w:t xml:space="preserve">    };</w:t>
            </w:r>
          </w:p>
          <w:p w:rsidR="00156FB3" w:rsidRDefault="00156FB3" w:rsidP="00156FB3"/>
          <w:p w:rsidR="00156FB3" w:rsidRDefault="00156FB3" w:rsidP="00156FB3">
            <w:r>
              <w:t xml:space="preserve">    Spectrum.prototype.getNearbySteps = function(value) {</w:t>
            </w:r>
          </w:p>
          <w:p w:rsidR="00156FB3" w:rsidRDefault="00156FB3" w:rsidP="00156FB3">
            <w:r>
              <w:t xml:space="preserve">        var j = getJ(value, this.xPct);</w:t>
            </w:r>
          </w:p>
          <w:p w:rsidR="00156FB3" w:rsidRDefault="00156FB3" w:rsidP="00156FB3"/>
          <w:p w:rsidR="00156FB3" w:rsidRDefault="00156FB3" w:rsidP="00156FB3">
            <w:r>
              <w:t xml:space="preserve">        return {</w:t>
            </w:r>
          </w:p>
          <w:p w:rsidR="00156FB3" w:rsidRDefault="00156FB3" w:rsidP="00156FB3">
            <w:r>
              <w:t xml:space="preserve">            stepBefore: {</w:t>
            </w:r>
          </w:p>
          <w:p w:rsidR="00156FB3" w:rsidRDefault="00156FB3" w:rsidP="00156FB3">
            <w:r>
              <w:t xml:space="preserve">                startValue: this.xVal[j - 2],</w:t>
            </w:r>
          </w:p>
          <w:p w:rsidR="00156FB3" w:rsidRDefault="00156FB3" w:rsidP="00156FB3">
            <w:r>
              <w:t xml:space="preserve">                step: this.xNumSteps[j - 2],</w:t>
            </w:r>
          </w:p>
          <w:p w:rsidR="00156FB3" w:rsidRDefault="00156FB3" w:rsidP="00156FB3">
            <w:r>
              <w:t xml:space="preserve">                highestStep: this.xHighestCompleteStep[j - 2]</w:t>
            </w:r>
          </w:p>
          <w:p w:rsidR="00156FB3" w:rsidRDefault="00156FB3" w:rsidP="00156FB3">
            <w:r>
              <w:t xml:space="preserve">            },</w:t>
            </w:r>
          </w:p>
          <w:p w:rsidR="00156FB3" w:rsidRDefault="00156FB3" w:rsidP="00156FB3">
            <w:r>
              <w:t xml:space="preserve">            thisStep: {</w:t>
            </w:r>
          </w:p>
          <w:p w:rsidR="00156FB3" w:rsidRDefault="00156FB3" w:rsidP="00156FB3">
            <w:r>
              <w:t xml:space="preserve">                startValue: this.xVal[j - 1],</w:t>
            </w:r>
          </w:p>
          <w:p w:rsidR="00156FB3" w:rsidRDefault="00156FB3" w:rsidP="00156FB3">
            <w:r>
              <w:t xml:space="preserve">                step: this.xNumSteps[j - 1],</w:t>
            </w:r>
          </w:p>
          <w:p w:rsidR="00156FB3" w:rsidRDefault="00156FB3" w:rsidP="00156FB3">
            <w:r>
              <w:t xml:space="preserve">                highestStep: this.xHighestCompleteStep[j - 1]</w:t>
            </w:r>
          </w:p>
          <w:p w:rsidR="00156FB3" w:rsidRDefault="00156FB3" w:rsidP="00156FB3">
            <w:r>
              <w:t xml:space="preserve">            },</w:t>
            </w:r>
          </w:p>
          <w:p w:rsidR="00156FB3" w:rsidRDefault="00156FB3" w:rsidP="00156FB3">
            <w:r>
              <w:t xml:space="preserve">            stepAfter: {</w:t>
            </w:r>
          </w:p>
          <w:p w:rsidR="00156FB3" w:rsidRDefault="00156FB3" w:rsidP="00156FB3">
            <w:r>
              <w:t xml:space="preserve">                startValue: this.xVal[j],</w:t>
            </w:r>
          </w:p>
          <w:p w:rsidR="00156FB3" w:rsidRDefault="00156FB3" w:rsidP="00156FB3">
            <w:r>
              <w:t xml:space="preserve">                step: this.xNumSteps[j],</w:t>
            </w:r>
          </w:p>
          <w:p w:rsidR="00156FB3" w:rsidRDefault="00156FB3" w:rsidP="00156FB3">
            <w:r>
              <w:t xml:space="preserve">                highestStep: this.xHighestCompleteStep[j]</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Spectrum.prototype.countStepDecimals = function() {</w:t>
            </w:r>
          </w:p>
          <w:p w:rsidR="00156FB3" w:rsidRDefault="00156FB3" w:rsidP="00156FB3">
            <w:r>
              <w:t xml:space="preserve">        var stepDecimals = this.xNumSteps.map(countDecimals);</w:t>
            </w:r>
          </w:p>
          <w:p w:rsidR="00156FB3" w:rsidRDefault="00156FB3" w:rsidP="00156FB3">
            <w:r>
              <w:t xml:space="preserve">        return Math.max.apply(null, stepDecimals);</w:t>
            </w:r>
          </w:p>
          <w:p w:rsidR="00156FB3" w:rsidRDefault="00156FB3" w:rsidP="00156FB3">
            <w:r>
              <w:t xml:space="preserve">    };</w:t>
            </w:r>
          </w:p>
          <w:p w:rsidR="00156FB3" w:rsidRDefault="00156FB3" w:rsidP="00156FB3"/>
          <w:p w:rsidR="00156FB3" w:rsidRDefault="00156FB3" w:rsidP="00156FB3">
            <w:r>
              <w:t xml:space="preserve">    // Outside testing</w:t>
            </w:r>
          </w:p>
          <w:p w:rsidR="00156FB3" w:rsidRDefault="00156FB3" w:rsidP="00156FB3">
            <w:r>
              <w:t xml:space="preserve">    Spectrum.prototype.convert = function(value) {</w:t>
            </w:r>
          </w:p>
          <w:p w:rsidR="00156FB3" w:rsidRDefault="00156FB3" w:rsidP="00156FB3">
            <w:r>
              <w:t xml:space="preserve">        return this.getStep(this.toStepping(value));</w:t>
            </w:r>
          </w:p>
          <w:p w:rsidR="00156FB3" w:rsidRDefault="00156FB3" w:rsidP="00156FB3">
            <w:r>
              <w:t xml:space="preserve">    };</w:t>
            </w:r>
          </w:p>
          <w:p w:rsidR="00156FB3" w:rsidRDefault="00156FB3" w:rsidP="00156FB3"/>
          <w:p w:rsidR="00156FB3" w:rsidRDefault="00156FB3" w:rsidP="00156FB3">
            <w:r>
              <w:t xml:space="preserve">    //endregion</w:t>
            </w:r>
          </w:p>
          <w:p w:rsidR="00156FB3" w:rsidRDefault="00156FB3" w:rsidP="00156FB3"/>
          <w:p w:rsidR="00156FB3" w:rsidRDefault="00156FB3" w:rsidP="00156FB3">
            <w:r>
              <w:t xml:space="preserve">    //region Options</w:t>
            </w:r>
          </w:p>
          <w:p w:rsidR="00156FB3" w:rsidRDefault="00156FB3" w:rsidP="00156FB3"/>
          <w:p w:rsidR="00156FB3" w:rsidRDefault="00156FB3" w:rsidP="00156FB3">
            <w:r>
              <w:t xml:space="preserve">    /*</w:t>
            </w:r>
            <w:r>
              <w:tab/>
              <w:t>Every input option is tested and parsed. This'll prevent</w:t>
            </w:r>
          </w:p>
          <w:p w:rsidR="00156FB3" w:rsidRDefault="00156FB3" w:rsidP="00156FB3">
            <w:r>
              <w:t xml:space="preserve">        endless validation in internal methods. These tests are</w:t>
            </w:r>
          </w:p>
          <w:p w:rsidR="00156FB3" w:rsidRDefault="00156FB3" w:rsidP="00156FB3">
            <w:r>
              <w:t xml:space="preserve">        structured with an item for every option available. An</w:t>
            </w:r>
          </w:p>
          <w:p w:rsidR="00156FB3" w:rsidRDefault="00156FB3" w:rsidP="00156FB3">
            <w:r>
              <w:t xml:space="preserve">        option can be marked as required by setting the 'r' flag.</w:t>
            </w:r>
          </w:p>
          <w:p w:rsidR="00156FB3" w:rsidRDefault="00156FB3" w:rsidP="00156FB3">
            <w:r>
              <w:t xml:space="preserve">        The testing function is provided with three arguments:</w:t>
            </w:r>
          </w:p>
          <w:p w:rsidR="00156FB3" w:rsidRDefault="00156FB3" w:rsidP="00156FB3">
            <w:r>
              <w:t xml:space="preserve">            - The provided value for the option;</w:t>
            </w:r>
          </w:p>
          <w:p w:rsidR="00156FB3" w:rsidRDefault="00156FB3" w:rsidP="00156FB3">
            <w:r>
              <w:t xml:space="preserve">            - A reference to the options object;</w:t>
            </w:r>
          </w:p>
          <w:p w:rsidR="00156FB3" w:rsidRDefault="00156FB3" w:rsidP="00156FB3">
            <w:r>
              <w:t xml:space="preserve">            - The name for the option;</w:t>
            </w:r>
          </w:p>
          <w:p w:rsidR="00156FB3" w:rsidRDefault="00156FB3" w:rsidP="00156FB3"/>
          <w:p w:rsidR="00156FB3" w:rsidRDefault="00156FB3" w:rsidP="00156FB3">
            <w:r>
              <w:t xml:space="preserve">        The testing function returns false when an error is detected,</w:t>
            </w:r>
          </w:p>
          <w:p w:rsidR="00156FB3" w:rsidRDefault="00156FB3" w:rsidP="00156FB3">
            <w:r>
              <w:t xml:space="preserve">        or true when everything is OK. It can also modify the option</w:t>
            </w:r>
          </w:p>
          <w:p w:rsidR="00156FB3" w:rsidRDefault="00156FB3" w:rsidP="00156FB3">
            <w:r>
              <w:t xml:space="preserve">        object, to make sure all values can be correctly looped elsewhere. */</w:t>
            </w:r>
          </w:p>
          <w:p w:rsidR="00156FB3" w:rsidRDefault="00156FB3" w:rsidP="00156FB3"/>
          <w:p w:rsidR="00156FB3" w:rsidRDefault="00156FB3" w:rsidP="00156FB3">
            <w:r>
              <w:t xml:space="preserve">    var defaultFormatter = {</w:t>
            </w:r>
          </w:p>
          <w:p w:rsidR="00156FB3" w:rsidRDefault="00156FB3" w:rsidP="00156FB3">
            <w:r>
              <w:t xml:space="preserve">        to: function(value) {</w:t>
            </w:r>
          </w:p>
          <w:p w:rsidR="00156FB3" w:rsidRDefault="00156FB3" w:rsidP="00156FB3">
            <w:r>
              <w:t xml:space="preserve">            return value !== undefined &amp;&amp; value.toFixed(2);</w:t>
            </w:r>
          </w:p>
          <w:p w:rsidR="00156FB3" w:rsidRDefault="00156FB3" w:rsidP="00156FB3">
            <w:r>
              <w:t xml:space="preserve">        },</w:t>
            </w:r>
          </w:p>
          <w:p w:rsidR="00156FB3" w:rsidRDefault="00156FB3" w:rsidP="00156FB3">
            <w:r>
              <w:t xml:space="preserve">        from: Number</w:t>
            </w:r>
          </w:p>
          <w:p w:rsidR="00156FB3" w:rsidRDefault="00156FB3" w:rsidP="00156FB3">
            <w:r>
              <w:t xml:space="preserve">    };</w:t>
            </w:r>
          </w:p>
          <w:p w:rsidR="00156FB3" w:rsidRDefault="00156FB3" w:rsidP="00156FB3"/>
          <w:p w:rsidR="00156FB3" w:rsidRDefault="00156FB3" w:rsidP="00156FB3">
            <w:r>
              <w:t xml:space="preserve">    function validateFormat(entry) {</w:t>
            </w:r>
          </w:p>
          <w:p w:rsidR="00156FB3" w:rsidRDefault="00156FB3" w:rsidP="00156FB3">
            <w:r>
              <w:t xml:space="preserve">        // Any object with a to and from method is supported.</w:t>
            </w:r>
          </w:p>
          <w:p w:rsidR="00156FB3" w:rsidRDefault="00156FB3" w:rsidP="00156FB3">
            <w:r>
              <w:t xml:space="preserve">        if (isValidFormatter(entry)) {</w:t>
            </w:r>
          </w:p>
          <w:p w:rsidR="00156FB3" w:rsidRDefault="00156FB3" w:rsidP="00156FB3">
            <w:r>
              <w:t xml:space="preserve">            return true;</w:t>
            </w:r>
          </w:p>
          <w:p w:rsidR="00156FB3" w:rsidRDefault="00156FB3" w:rsidP="00156FB3">
            <w:r>
              <w:t xml:space="preserve">        }</w:t>
            </w:r>
          </w:p>
          <w:p w:rsidR="00156FB3" w:rsidRDefault="00156FB3" w:rsidP="00156FB3"/>
          <w:p w:rsidR="00156FB3" w:rsidRDefault="00156FB3" w:rsidP="00156FB3">
            <w:r>
              <w:t xml:space="preserve">        throw new Error("noUiSlider (" + VERSION + "): 'format' requires 'to' and 'from' methods.");</w:t>
            </w:r>
          </w:p>
          <w:p w:rsidR="00156FB3" w:rsidRDefault="00156FB3" w:rsidP="00156FB3">
            <w:r>
              <w:t xml:space="preserve">    }</w:t>
            </w:r>
          </w:p>
          <w:p w:rsidR="00156FB3" w:rsidRDefault="00156FB3" w:rsidP="00156FB3"/>
          <w:p w:rsidR="00156FB3" w:rsidRDefault="00156FB3" w:rsidP="00156FB3">
            <w:r>
              <w:t xml:space="preserve">    function testStep(parsed, entry) {</w:t>
            </w:r>
          </w:p>
          <w:p w:rsidR="00156FB3" w:rsidRDefault="00156FB3" w:rsidP="00156FB3">
            <w:r>
              <w:t xml:space="preserve">        if (!isNumeric(entry)) {</w:t>
            </w:r>
          </w:p>
          <w:p w:rsidR="00156FB3" w:rsidRDefault="00156FB3" w:rsidP="00156FB3">
            <w:r>
              <w:t xml:space="preserve">            throw new Error("noUiSlider (" + VERSION + "): 'step' is not numeric.");</w:t>
            </w:r>
          </w:p>
          <w:p w:rsidR="00156FB3" w:rsidRDefault="00156FB3" w:rsidP="00156FB3">
            <w:r>
              <w:t xml:space="preserve">        }</w:t>
            </w:r>
          </w:p>
          <w:p w:rsidR="00156FB3" w:rsidRDefault="00156FB3" w:rsidP="00156FB3"/>
          <w:p w:rsidR="00156FB3" w:rsidRDefault="00156FB3" w:rsidP="00156FB3">
            <w:r>
              <w:t xml:space="preserve">        // The step option can still be used to set stepping</w:t>
            </w:r>
          </w:p>
          <w:p w:rsidR="00156FB3" w:rsidRDefault="00156FB3" w:rsidP="00156FB3">
            <w:r>
              <w:t xml:space="preserve">        // for linear sliders. Overwritten if set in 'range'.</w:t>
            </w:r>
          </w:p>
          <w:p w:rsidR="00156FB3" w:rsidRDefault="00156FB3" w:rsidP="00156FB3">
            <w:r>
              <w:t xml:space="preserve">        parsed.singleStep = entry;</w:t>
            </w:r>
          </w:p>
          <w:p w:rsidR="00156FB3" w:rsidRDefault="00156FB3" w:rsidP="00156FB3">
            <w:r>
              <w:t xml:space="preserve">    }</w:t>
            </w:r>
          </w:p>
          <w:p w:rsidR="00156FB3" w:rsidRDefault="00156FB3" w:rsidP="00156FB3"/>
          <w:p w:rsidR="00156FB3" w:rsidRDefault="00156FB3" w:rsidP="00156FB3">
            <w:r>
              <w:t xml:space="preserve">    function testRange(parsed, entry) {</w:t>
            </w:r>
          </w:p>
          <w:p w:rsidR="00156FB3" w:rsidRDefault="00156FB3" w:rsidP="00156FB3">
            <w:r>
              <w:t xml:space="preserve">        // Filter incorrect input.</w:t>
            </w:r>
          </w:p>
          <w:p w:rsidR="00156FB3" w:rsidRDefault="00156FB3" w:rsidP="00156FB3">
            <w:r>
              <w:t xml:space="preserve">        if (typeof entry !== "object" || Array.isArray(entry)) {</w:t>
            </w:r>
          </w:p>
          <w:p w:rsidR="00156FB3" w:rsidRDefault="00156FB3" w:rsidP="00156FB3">
            <w:r>
              <w:t xml:space="preserve">            throw new Error("noUiSlider (" + VERSION + "): 'range' is not an object.");</w:t>
            </w:r>
          </w:p>
          <w:p w:rsidR="00156FB3" w:rsidRDefault="00156FB3" w:rsidP="00156FB3">
            <w:r>
              <w:t xml:space="preserve">        }</w:t>
            </w:r>
          </w:p>
          <w:p w:rsidR="00156FB3" w:rsidRDefault="00156FB3" w:rsidP="00156FB3"/>
          <w:p w:rsidR="00156FB3" w:rsidRDefault="00156FB3" w:rsidP="00156FB3">
            <w:r>
              <w:lastRenderedPageBreak/>
              <w:t xml:space="preserve">        // Catch missing start or end.</w:t>
            </w:r>
          </w:p>
          <w:p w:rsidR="00156FB3" w:rsidRDefault="00156FB3" w:rsidP="00156FB3">
            <w:r>
              <w:t xml:space="preserve">        if (entry.min === undefined || entry.max === undefined) {</w:t>
            </w:r>
          </w:p>
          <w:p w:rsidR="00156FB3" w:rsidRDefault="00156FB3" w:rsidP="00156FB3">
            <w:r>
              <w:t xml:space="preserve">            throw new Error("noUiSlider (" + VERSION + "): Missing 'min' or 'max' in 'range'.");</w:t>
            </w:r>
          </w:p>
          <w:p w:rsidR="00156FB3" w:rsidRDefault="00156FB3" w:rsidP="00156FB3">
            <w:r>
              <w:t xml:space="preserve">        }</w:t>
            </w:r>
          </w:p>
          <w:p w:rsidR="00156FB3" w:rsidRDefault="00156FB3" w:rsidP="00156FB3"/>
          <w:p w:rsidR="00156FB3" w:rsidRDefault="00156FB3" w:rsidP="00156FB3">
            <w:r>
              <w:t xml:space="preserve">        // Catch equal start or end.</w:t>
            </w:r>
          </w:p>
          <w:p w:rsidR="00156FB3" w:rsidRDefault="00156FB3" w:rsidP="00156FB3">
            <w:r>
              <w:t xml:space="preserve">        if (entry.min === entry.max) {</w:t>
            </w:r>
          </w:p>
          <w:p w:rsidR="00156FB3" w:rsidRDefault="00156FB3" w:rsidP="00156FB3">
            <w:r>
              <w:t xml:space="preserve">            throw new Error("noUiSlider (" + VERSION + "): 'range' 'min' and 'max' cannot be equal.");</w:t>
            </w:r>
          </w:p>
          <w:p w:rsidR="00156FB3" w:rsidRDefault="00156FB3" w:rsidP="00156FB3">
            <w:r>
              <w:t xml:space="preserve">        }</w:t>
            </w:r>
          </w:p>
          <w:p w:rsidR="00156FB3" w:rsidRDefault="00156FB3" w:rsidP="00156FB3"/>
          <w:p w:rsidR="00156FB3" w:rsidRDefault="00156FB3" w:rsidP="00156FB3">
            <w:r>
              <w:t xml:space="preserve">        parsed.spectrum = new Spectrum(entry, parsed.snap, parsed.singleStep);</w:t>
            </w:r>
          </w:p>
          <w:p w:rsidR="00156FB3" w:rsidRDefault="00156FB3" w:rsidP="00156FB3">
            <w:r>
              <w:t xml:space="preserve">    }</w:t>
            </w:r>
          </w:p>
          <w:p w:rsidR="00156FB3" w:rsidRDefault="00156FB3" w:rsidP="00156FB3"/>
          <w:p w:rsidR="00156FB3" w:rsidRDefault="00156FB3" w:rsidP="00156FB3">
            <w:r>
              <w:t xml:space="preserve">    function testStart(parsed, entry) {</w:t>
            </w:r>
          </w:p>
          <w:p w:rsidR="00156FB3" w:rsidRDefault="00156FB3" w:rsidP="00156FB3">
            <w:r>
              <w:t xml:space="preserve">        entry = asArray(entry);</w:t>
            </w:r>
          </w:p>
          <w:p w:rsidR="00156FB3" w:rsidRDefault="00156FB3" w:rsidP="00156FB3"/>
          <w:p w:rsidR="00156FB3" w:rsidRDefault="00156FB3" w:rsidP="00156FB3">
            <w:r>
              <w:t xml:space="preserve">        // Validate input. Values aren't tested, as the public .val method</w:t>
            </w:r>
          </w:p>
          <w:p w:rsidR="00156FB3" w:rsidRDefault="00156FB3" w:rsidP="00156FB3">
            <w:r>
              <w:t xml:space="preserve">        // will always provide a valid location.</w:t>
            </w:r>
          </w:p>
          <w:p w:rsidR="00156FB3" w:rsidRDefault="00156FB3" w:rsidP="00156FB3">
            <w:r>
              <w:t xml:space="preserve">        if (!Array.isArray(entry) || !entry.length) {</w:t>
            </w:r>
          </w:p>
          <w:p w:rsidR="00156FB3" w:rsidRDefault="00156FB3" w:rsidP="00156FB3">
            <w:r>
              <w:t xml:space="preserve">            throw new Error("noUiSlider (" + VERSION + "): 'start' option is incorrect.");</w:t>
            </w:r>
          </w:p>
          <w:p w:rsidR="00156FB3" w:rsidRDefault="00156FB3" w:rsidP="00156FB3">
            <w:r>
              <w:t xml:space="preserve">        }</w:t>
            </w:r>
          </w:p>
          <w:p w:rsidR="00156FB3" w:rsidRDefault="00156FB3" w:rsidP="00156FB3"/>
          <w:p w:rsidR="00156FB3" w:rsidRDefault="00156FB3" w:rsidP="00156FB3">
            <w:r>
              <w:t xml:space="preserve">        // Store the number of handles.</w:t>
            </w:r>
          </w:p>
          <w:p w:rsidR="00156FB3" w:rsidRDefault="00156FB3" w:rsidP="00156FB3">
            <w:r>
              <w:t xml:space="preserve">        parsed.handles = entry.length;</w:t>
            </w:r>
          </w:p>
          <w:p w:rsidR="00156FB3" w:rsidRDefault="00156FB3" w:rsidP="00156FB3"/>
          <w:p w:rsidR="00156FB3" w:rsidRDefault="00156FB3" w:rsidP="00156FB3">
            <w:r>
              <w:t xml:space="preserve">        // When the slider is initialized, the .val method will</w:t>
            </w:r>
          </w:p>
          <w:p w:rsidR="00156FB3" w:rsidRDefault="00156FB3" w:rsidP="00156FB3">
            <w:r>
              <w:t xml:space="preserve">        // be called with the start options.</w:t>
            </w:r>
          </w:p>
          <w:p w:rsidR="00156FB3" w:rsidRDefault="00156FB3" w:rsidP="00156FB3">
            <w:r>
              <w:t xml:space="preserve">        parsed.start = entry;</w:t>
            </w:r>
          </w:p>
          <w:p w:rsidR="00156FB3" w:rsidRDefault="00156FB3" w:rsidP="00156FB3">
            <w:r>
              <w:t xml:space="preserve">    }</w:t>
            </w:r>
          </w:p>
          <w:p w:rsidR="00156FB3" w:rsidRDefault="00156FB3" w:rsidP="00156FB3"/>
          <w:p w:rsidR="00156FB3" w:rsidRDefault="00156FB3" w:rsidP="00156FB3">
            <w:r>
              <w:t xml:space="preserve">    function testSnap(parsed, entry) {</w:t>
            </w:r>
          </w:p>
          <w:p w:rsidR="00156FB3" w:rsidRDefault="00156FB3" w:rsidP="00156FB3">
            <w:r>
              <w:t xml:space="preserve">        // Enforce 100% stepping within subranges.</w:t>
            </w:r>
          </w:p>
          <w:p w:rsidR="00156FB3" w:rsidRDefault="00156FB3" w:rsidP="00156FB3">
            <w:r>
              <w:t xml:space="preserve">        parsed.snap = entry;</w:t>
            </w:r>
          </w:p>
          <w:p w:rsidR="00156FB3" w:rsidRDefault="00156FB3" w:rsidP="00156FB3"/>
          <w:p w:rsidR="00156FB3" w:rsidRDefault="00156FB3" w:rsidP="00156FB3">
            <w:r>
              <w:t xml:space="preserve">        if (typeof entry !== "boolean") {</w:t>
            </w:r>
          </w:p>
          <w:p w:rsidR="00156FB3" w:rsidRDefault="00156FB3" w:rsidP="00156FB3">
            <w:r>
              <w:t xml:space="preserve">            throw new Error("noUiSlider (" + VERSION + "): 'snap' option must be a boolean.");</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testAnimate(parsed, entry) {</w:t>
            </w:r>
          </w:p>
          <w:p w:rsidR="00156FB3" w:rsidRDefault="00156FB3" w:rsidP="00156FB3">
            <w:r>
              <w:t xml:space="preserve">        // Enforce 100% stepping within subranges.</w:t>
            </w:r>
          </w:p>
          <w:p w:rsidR="00156FB3" w:rsidRDefault="00156FB3" w:rsidP="00156FB3">
            <w:r>
              <w:t xml:space="preserve">        parsed.animate = entry;</w:t>
            </w:r>
          </w:p>
          <w:p w:rsidR="00156FB3" w:rsidRDefault="00156FB3" w:rsidP="00156FB3"/>
          <w:p w:rsidR="00156FB3" w:rsidRDefault="00156FB3" w:rsidP="00156FB3">
            <w:r>
              <w:t xml:space="preserve">        if (typeof entry !== "boolean") {</w:t>
            </w:r>
          </w:p>
          <w:p w:rsidR="00156FB3" w:rsidRDefault="00156FB3" w:rsidP="00156FB3">
            <w:r>
              <w:t xml:space="preserve">            throw new Error("noUiSlider (" + VERSION + "): 'animate' option must be a boolean.");</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lastRenderedPageBreak/>
              <w:t xml:space="preserve">    function testAnimationDuration(parsed, entry) {</w:t>
            </w:r>
          </w:p>
          <w:p w:rsidR="00156FB3" w:rsidRDefault="00156FB3" w:rsidP="00156FB3">
            <w:r>
              <w:t xml:space="preserve">        parsed.animationDuration = entry;</w:t>
            </w:r>
          </w:p>
          <w:p w:rsidR="00156FB3" w:rsidRDefault="00156FB3" w:rsidP="00156FB3"/>
          <w:p w:rsidR="00156FB3" w:rsidRDefault="00156FB3" w:rsidP="00156FB3">
            <w:r>
              <w:t xml:space="preserve">        if (typeof entry !== "number") {</w:t>
            </w:r>
          </w:p>
          <w:p w:rsidR="00156FB3" w:rsidRDefault="00156FB3" w:rsidP="00156FB3">
            <w:r>
              <w:t xml:space="preserve">            throw new Error("noUiSlider (" + VERSION + "): 'animationDuration' option must be a number.");</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testConnect(parsed, entry) {</w:t>
            </w:r>
          </w:p>
          <w:p w:rsidR="00156FB3" w:rsidRDefault="00156FB3" w:rsidP="00156FB3">
            <w:r>
              <w:t xml:space="preserve">        var connect = [false];</w:t>
            </w:r>
          </w:p>
          <w:p w:rsidR="00156FB3" w:rsidRDefault="00156FB3" w:rsidP="00156FB3">
            <w:r>
              <w:t xml:space="preserve">        var i;</w:t>
            </w:r>
          </w:p>
          <w:p w:rsidR="00156FB3" w:rsidRDefault="00156FB3" w:rsidP="00156FB3"/>
          <w:p w:rsidR="00156FB3" w:rsidRDefault="00156FB3" w:rsidP="00156FB3">
            <w:r>
              <w:t xml:space="preserve">        // Map legacy options</w:t>
            </w:r>
          </w:p>
          <w:p w:rsidR="00156FB3" w:rsidRDefault="00156FB3" w:rsidP="00156FB3">
            <w:r>
              <w:t xml:space="preserve">        if (entry === "lower") {</w:t>
            </w:r>
          </w:p>
          <w:p w:rsidR="00156FB3" w:rsidRDefault="00156FB3" w:rsidP="00156FB3">
            <w:r>
              <w:t xml:space="preserve">            entry = [true, false];</w:t>
            </w:r>
          </w:p>
          <w:p w:rsidR="00156FB3" w:rsidRDefault="00156FB3" w:rsidP="00156FB3">
            <w:r>
              <w:t xml:space="preserve">        } else if (entry === "upper") {</w:t>
            </w:r>
          </w:p>
          <w:p w:rsidR="00156FB3" w:rsidRDefault="00156FB3" w:rsidP="00156FB3">
            <w:r>
              <w:t xml:space="preserve">            entry = [false, true];</w:t>
            </w:r>
          </w:p>
          <w:p w:rsidR="00156FB3" w:rsidRDefault="00156FB3" w:rsidP="00156FB3">
            <w:r>
              <w:t xml:space="preserve">        }</w:t>
            </w:r>
          </w:p>
          <w:p w:rsidR="00156FB3" w:rsidRDefault="00156FB3" w:rsidP="00156FB3"/>
          <w:p w:rsidR="00156FB3" w:rsidRDefault="00156FB3" w:rsidP="00156FB3">
            <w:r>
              <w:t xml:space="preserve">        // Handle boolean options</w:t>
            </w:r>
          </w:p>
          <w:p w:rsidR="00156FB3" w:rsidRDefault="00156FB3" w:rsidP="00156FB3">
            <w:r>
              <w:t xml:space="preserve">        if (entry === true || entry === false) {</w:t>
            </w:r>
          </w:p>
          <w:p w:rsidR="00156FB3" w:rsidRDefault="00156FB3" w:rsidP="00156FB3">
            <w:r>
              <w:t xml:space="preserve">            for (i = 1; i &lt; parsed.handles; i++) {</w:t>
            </w:r>
          </w:p>
          <w:p w:rsidR="00156FB3" w:rsidRDefault="00156FB3" w:rsidP="00156FB3">
            <w:r>
              <w:t xml:space="preserve">                connect.push(entry);</w:t>
            </w:r>
          </w:p>
          <w:p w:rsidR="00156FB3" w:rsidRDefault="00156FB3" w:rsidP="00156FB3">
            <w:r>
              <w:t xml:space="preserve">            }</w:t>
            </w:r>
          </w:p>
          <w:p w:rsidR="00156FB3" w:rsidRDefault="00156FB3" w:rsidP="00156FB3"/>
          <w:p w:rsidR="00156FB3" w:rsidRDefault="00156FB3" w:rsidP="00156FB3">
            <w:r>
              <w:t xml:space="preserve">            connect.push(false);</w:t>
            </w:r>
          </w:p>
          <w:p w:rsidR="00156FB3" w:rsidRDefault="00156FB3" w:rsidP="00156FB3">
            <w:r>
              <w:t xml:space="preserve">        }</w:t>
            </w:r>
          </w:p>
          <w:p w:rsidR="00156FB3" w:rsidRDefault="00156FB3" w:rsidP="00156FB3"/>
          <w:p w:rsidR="00156FB3" w:rsidRDefault="00156FB3" w:rsidP="00156FB3">
            <w:r>
              <w:t xml:space="preserve">        // Reject invalid input</w:t>
            </w:r>
          </w:p>
          <w:p w:rsidR="00156FB3" w:rsidRDefault="00156FB3" w:rsidP="00156FB3">
            <w:r>
              <w:t xml:space="preserve">        else if (!Array.isArray(entry) || !entry.length || entry.length !== parsed.handles + 1) {</w:t>
            </w:r>
          </w:p>
          <w:p w:rsidR="00156FB3" w:rsidRDefault="00156FB3" w:rsidP="00156FB3">
            <w:r>
              <w:t xml:space="preserve">            throw new Error("noUiSlider (" + VERSION + "): 'connect' option doesn't match handle count.");</w:t>
            </w:r>
          </w:p>
          <w:p w:rsidR="00156FB3" w:rsidRDefault="00156FB3" w:rsidP="00156FB3">
            <w:r>
              <w:t xml:space="preserve">        } else {</w:t>
            </w:r>
          </w:p>
          <w:p w:rsidR="00156FB3" w:rsidRDefault="00156FB3" w:rsidP="00156FB3">
            <w:r>
              <w:t xml:space="preserve">            connect = entry;</w:t>
            </w:r>
          </w:p>
          <w:p w:rsidR="00156FB3" w:rsidRDefault="00156FB3" w:rsidP="00156FB3">
            <w:r>
              <w:t xml:space="preserve">        }</w:t>
            </w:r>
          </w:p>
          <w:p w:rsidR="00156FB3" w:rsidRDefault="00156FB3" w:rsidP="00156FB3"/>
          <w:p w:rsidR="00156FB3" w:rsidRDefault="00156FB3" w:rsidP="00156FB3">
            <w:r>
              <w:t xml:space="preserve">        parsed.connect = connect;</w:t>
            </w:r>
          </w:p>
          <w:p w:rsidR="00156FB3" w:rsidRDefault="00156FB3" w:rsidP="00156FB3">
            <w:r>
              <w:t xml:space="preserve">    }</w:t>
            </w:r>
          </w:p>
          <w:p w:rsidR="00156FB3" w:rsidRDefault="00156FB3" w:rsidP="00156FB3"/>
          <w:p w:rsidR="00156FB3" w:rsidRDefault="00156FB3" w:rsidP="00156FB3">
            <w:r>
              <w:t xml:space="preserve">    function testOrientation(parsed, entry) {</w:t>
            </w:r>
          </w:p>
          <w:p w:rsidR="00156FB3" w:rsidRDefault="00156FB3" w:rsidP="00156FB3">
            <w:r>
              <w:t xml:space="preserve">        // Set orientation to an a numerical value for easy</w:t>
            </w:r>
          </w:p>
          <w:p w:rsidR="00156FB3" w:rsidRDefault="00156FB3" w:rsidP="00156FB3">
            <w:r>
              <w:t xml:space="preserve">        // array selection.</w:t>
            </w:r>
          </w:p>
          <w:p w:rsidR="00156FB3" w:rsidRDefault="00156FB3" w:rsidP="00156FB3">
            <w:r>
              <w:t xml:space="preserve">        switch (entry) {</w:t>
            </w:r>
          </w:p>
          <w:p w:rsidR="00156FB3" w:rsidRDefault="00156FB3" w:rsidP="00156FB3">
            <w:r>
              <w:t xml:space="preserve">            case "horizontal":</w:t>
            </w:r>
          </w:p>
          <w:p w:rsidR="00156FB3" w:rsidRDefault="00156FB3" w:rsidP="00156FB3">
            <w:r>
              <w:t xml:space="preserve">                parsed.ort = 0;</w:t>
            </w:r>
          </w:p>
          <w:p w:rsidR="00156FB3" w:rsidRDefault="00156FB3" w:rsidP="00156FB3">
            <w:r>
              <w:t xml:space="preserve">                break;</w:t>
            </w:r>
          </w:p>
          <w:p w:rsidR="00156FB3" w:rsidRDefault="00156FB3" w:rsidP="00156FB3">
            <w:r>
              <w:t xml:space="preserve">            case "vertical":</w:t>
            </w:r>
          </w:p>
          <w:p w:rsidR="00156FB3" w:rsidRDefault="00156FB3" w:rsidP="00156FB3">
            <w:r>
              <w:t xml:space="preserve">                parsed.ort = 1;</w:t>
            </w:r>
          </w:p>
          <w:p w:rsidR="00156FB3" w:rsidRDefault="00156FB3" w:rsidP="00156FB3">
            <w:r>
              <w:t xml:space="preserve">                break;</w:t>
            </w:r>
          </w:p>
          <w:p w:rsidR="00156FB3" w:rsidRDefault="00156FB3" w:rsidP="00156FB3">
            <w:r>
              <w:lastRenderedPageBreak/>
              <w:t xml:space="preserve">            default:</w:t>
            </w:r>
          </w:p>
          <w:p w:rsidR="00156FB3" w:rsidRDefault="00156FB3" w:rsidP="00156FB3">
            <w:r>
              <w:t xml:space="preserve">                throw new Error("noUiSlider (" + VERSION + "): 'orientation' option is invalid.");</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testMargin(parsed, entry) {</w:t>
            </w:r>
          </w:p>
          <w:p w:rsidR="00156FB3" w:rsidRDefault="00156FB3" w:rsidP="00156FB3">
            <w:r>
              <w:t xml:space="preserve">        if (!isNumeric(entry)) {</w:t>
            </w:r>
          </w:p>
          <w:p w:rsidR="00156FB3" w:rsidRDefault="00156FB3" w:rsidP="00156FB3">
            <w:r>
              <w:t xml:space="preserve">            throw new Error("noUiSlider (" + VERSION + "): 'margin' option must be numeric.");</w:t>
            </w:r>
          </w:p>
          <w:p w:rsidR="00156FB3" w:rsidRDefault="00156FB3" w:rsidP="00156FB3">
            <w:r>
              <w:t xml:space="preserve">        }</w:t>
            </w:r>
          </w:p>
          <w:p w:rsidR="00156FB3" w:rsidRDefault="00156FB3" w:rsidP="00156FB3"/>
          <w:p w:rsidR="00156FB3" w:rsidRDefault="00156FB3" w:rsidP="00156FB3">
            <w:r>
              <w:t xml:space="preserve">        // Issue #582</w:t>
            </w:r>
          </w:p>
          <w:p w:rsidR="00156FB3" w:rsidRDefault="00156FB3" w:rsidP="00156FB3">
            <w:r>
              <w:t xml:space="preserve">        if (entry === 0)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parsed.margin = parsed.spectrum.getMargin(entry);</w:t>
            </w:r>
          </w:p>
          <w:p w:rsidR="00156FB3" w:rsidRDefault="00156FB3" w:rsidP="00156FB3"/>
          <w:p w:rsidR="00156FB3" w:rsidRDefault="00156FB3" w:rsidP="00156FB3">
            <w:r>
              <w:t xml:space="preserve">        if (!parsed.margin) {</w:t>
            </w:r>
          </w:p>
          <w:p w:rsidR="00156FB3" w:rsidRDefault="00156FB3" w:rsidP="00156FB3">
            <w:r>
              <w:t xml:space="preserve">            throw new Error("noUiSlider (" + VERSION + "): 'margin' option is only supported on linear slider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testLimit(parsed, entry) {</w:t>
            </w:r>
          </w:p>
          <w:p w:rsidR="00156FB3" w:rsidRDefault="00156FB3" w:rsidP="00156FB3">
            <w:r>
              <w:t xml:space="preserve">        if (!isNumeric(entry)) {</w:t>
            </w:r>
          </w:p>
          <w:p w:rsidR="00156FB3" w:rsidRDefault="00156FB3" w:rsidP="00156FB3">
            <w:r>
              <w:t xml:space="preserve">            throw new Error("noUiSlider (" + VERSION + "): 'limit' option must be numeric.");</w:t>
            </w:r>
          </w:p>
          <w:p w:rsidR="00156FB3" w:rsidRDefault="00156FB3" w:rsidP="00156FB3">
            <w:r>
              <w:t xml:space="preserve">        }</w:t>
            </w:r>
          </w:p>
          <w:p w:rsidR="00156FB3" w:rsidRDefault="00156FB3" w:rsidP="00156FB3"/>
          <w:p w:rsidR="00156FB3" w:rsidRDefault="00156FB3" w:rsidP="00156FB3">
            <w:r>
              <w:t xml:space="preserve">        parsed.limit = parsed.spectrum.getMargin(entry);</w:t>
            </w:r>
          </w:p>
          <w:p w:rsidR="00156FB3" w:rsidRDefault="00156FB3" w:rsidP="00156FB3"/>
          <w:p w:rsidR="00156FB3" w:rsidRDefault="00156FB3" w:rsidP="00156FB3">
            <w:r>
              <w:t xml:space="preserve">        if (!parsed.limit || parsed.handles &lt; 2) {</w:t>
            </w:r>
          </w:p>
          <w:p w:rsidR="00156FB3" w:rsidRDefault="00156FB3" w:rsidP="00156FB3">
            <w:r>
              <w:t xml:space="preserve">            throw new Error(</w:t>
            </w:r>
          </w:p>
          <w:p w:rsidR="00156FB3" w:rsidRDefault="00156FB3" w:rsidP="00156FB3">
            <w:r>
              <w:t xml:space="preserve">                "noUiSlider (" +</w:t>
            </w:r>
          </w:p>
          <w:p w:rsidR="00156FB3" w:rsidRDefault="00156FB3" w:rsidP="00156FB3">
            <w:r>
              <w:t xml:space="preserve">                    VERSION +</w:t>
            </w:r>
          </w:p>
          <w:p w:rsidR="00156FB3" w:rsidRDefault="00156FB3" w:rsidP="00156FB3">
            <w:r>
              <w:t xml:space="preserve">                    "): 'limit' option is only supported on linear sliders with 2 or more handles."</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testPadding(parsed, entry) {</w:t>
            </w:r>
          </w:p>
          <w:p w:rsidR="00156FB3" w:rsidRDefault="00156FB3" w:rsidP="00156FB3">
            <w:r>
              <w:t xml:space="preserve">        if (!isNumeric(entry) &amp;&amp; !Array.isArray(entry)) {</w:t>
            </w:r>
          </w:p>
          <w:p w:rsidR="00156FB3" w:rsidRDefault="00156FB3" w:rsidP="00156FB3">
            <w:r>
              <w:t xml:space="preserve">            throw new Error(</w:t>
            </w:r>
          </w:p>
          <w:p w:rsidR="00156FB3" w:rsidRDefault="00156FB3" w:rsidP="00156FB3">
            <w:r>
              <w:t xml:space="preserve">                "noUiSlider (" + VERSION + "): 'padding' option must be numeric or array of exactly 2 number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if (Array.isArray(entry) &amp;&amp; !(entry.length === 2 || isNumeric(entry[0]) || isNumeric(entry[1]))) {</w:t>
            </w:r>
          </w:p>
          <w:p w:rsidR="00156FB3" w:rsidRDefault="00156FB3" w:rsidP="00156FB3">
            <w:r>
              <w:t xml:space="preserve">            throw new Error(</w:t>
            </w:r>
          </w:p>
          <w:p w:rsidR="00156FB3" w:rsidRDefault="00156FB3" w:rsidP="00156FB3">
            <w:r>
              <w:lastRenderedPageBreak/>
              <w:t xml:space="preserve">                "noUiSlider (" + VERSION + "): 'padding' option must be numeric or array of exactly 2 number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if (entry === 0)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if (!Array.isArray(entry)) {</w:t>
            </w:r>
          </w:p>
          <w:p w:rsidR="00156FB3" w:rsidRDefault="00156FB3" w:rsidP="00156FB3">
            <w:r>
              <w:t xml:space="preserve">            entry = [entry, entry];</w:t>
            </w:r>
          </w:p>
          <w:p w:rsidR="00156FB3" w:rsidRDefault="00156FB3" w:rsidP="00156FB3">
            <w:r>
              <w:t xml:space="preserve">        }</w:t>
            </w:r>
          </w:p>
          <w:p w:rsidR="00156FB3" w:rsidRDefault="00156FB3" w:rsidP="00156FB3"/>
          <w:p w:rsidR="00156FB3" w:rsidRDefault="00156FB3" w:rsidP="00156FB3">
            <w:r>
              <w:t xml:space="preserve">        // 'getMargin' returns false for invalid values.</w:t>
            </w:r>
          </w:p>
          <w:p w:rsidR="00156FB3" w:rsidRDefault="00156FB3" w:rsidP="00156FB3">
            <w:r>
              <w:t xml:space="preserve">        parsed.padding = [parsed.spectrum.getMargin(entry[0]), parsed.spectrum.getMargin(entry[1])];</w:t>
            </w:r>
          </w:p>
          <w:p w:rsidR="00156FB3" w:rsidRDefault="00156FB3" w:rsidP="00156FB3"/>
          <w:p w:rsidR="00156FB3" w:rsidRDefault="00156FB3" w:rsidP="00156FB3">
            <w:r>
              <w:t xml:space="preserve">        if (parsed.padding[0] === false || parsed.padding[1] === false) {</w:t>
            </w:r>
          </w:p>
          <w:p w:rsidR="00156FB3" w:rsidRDefault="00156FB3" w:rsidP="00156FB3">
            <w:r>
              <w:t xml:space="preserve">            throw new Error("noUiSlider (" + VERSION + "): 'padding' option is only supported on linear sliders.");</w:t>
            </w:r>
          </w:p>
          <w:p w:rsidR="00156FB3" w:rsidRDefault="00156FB3" w:rsidP="00156FB3">
            <w:r>
              <w:t xml:space="preserve">        }</w:t>
            </w:r>
          </w:p>
          <w:p w:rsidR="00156FB3" w:rsidRDefault="00156FB3" w:rsidP="00156FB3"/>
          <w:p w:rsidR="00156FB3" w:rsidRDefault="00156FB3" w:rsidP="00156FB3">
            <w:r>
              <w:t xml:space="preserve">        if (parsed.padding[0] &lt; 0 || parsed.padding[1] &lt; 0) {</w:t>
            </w:r>
          </w:p>
          <w:p w:rsidR="00156FB3" w:rsidRDefault="00156FB3" w:rsidP="00156FB3">
            <w:r>
              <w:t xml:space="preserve">            throw new Error("noUiSlider (" + VERSION + "): 'padding' option must be a positive number(s).");</w:t>
            </w:r>
          </w:p>
          <w:p w:rsidR="00156FB3" w:rsidRDefault="00156FB3" w:rsidP="00156FB3">
            <w:r>
              <w:t xml:space="preserve">        }</w:t>
            </w:r>
          </w:p>
          <w:p w:rsidR="00156FB3" w:rsidRDefault="00156FB3" w:rsidP="00156FB3"/>
          <w:p w:rsidR="00156FB3" w:rsidRDefault="00156FB3" w:rsidP="00156FB3">
            <w:r>
              <w:t xml:space="preserve">        if (parsed.padding[0] + parsed.padding[1] &gt; 100) {</w:t>
            </w:r>
          </w:p>
          <w:p w:rsidR="00156FB3" w:rsidRDefault="00156FB3" w:rsidP="00156FB3">
            <w:r>
              <w:t xml:space="preserve">            throw new Error("noUiSlider (" + VERSION + "): 'padding' option must not exceed 100% of the rang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testDirection(parsed, entry) {</w:t>
            </w:r>
          </w:p>
          <w:p w:rsidR="00156FB3" w:rsidRDefault="00156FB3" w:rsidP="00156FB3">
            <w:r>
              <w:t xml:space="preserve">        // Set direction as a numerical value for easy parsing.</w:t>
            </w:r>
          </w:p>
          <w:p w:rsidR="00156FB3" w:rsidRDefault="00156FB3" w:rsidP="00156FB3">
            <w:r>
              <w:t xml:space="preserve">        // Invert connection for RTL sliders, so that the proper</w:t>
            </w:r>
          </w:p>
          <w:p w:rsidR="00156FB3" w:rsidRDefault="00156FB3" w:rsidP="00156FB3">
            <w:r>
              <w:t xml:space="preserve">        // handles get the connect/background classes.</w:t>
            </w:r>
          </w:p>
          <w:p w:rsidR="00156FB3" w:rsidRDefault="00156FB3" w:rsidP="00156FB3">
            <w:r>
              <w:t xml:space="preserve">        switch (entry) {</w:t>
            </w:r>
          </w:p>
          <w:p w:rsidR="00156FB3" w:rsidRDefault="00156FB3" w:rsidP="00156FB3">
            <w:r>
              <w:t xml:space="preserve">            case "ltr":</w:t>
            </w:r>
          </w:p>
          <w:p w:rsidR="00156FB3" w:rsidRDefault="00156FB3" w:rsidP="00156FB3">
            <w:r>
              <w:t xml:space="preserve">                parsed.dir = 0;</w:t>
            </w:r>
          </w:p>
          <w:p w:rsidR="00156FB3" w:rsidRDefault="00156FB3" w:rsidP="00156FB3">
            <w:r>
              <w:t xml:space="preserve">                break;</w:t>
            </w:r>
          </w:p>
          <w:p w:rsidR="00156FB3" w:rsidRDefault="00156FB3" w:rsidP="00156FB3">
            <w:r>
              <w:t xml:space="preserve">            case "rtl":</w:t>
            </w:r>
          </w:p>
          <w:p w:rsidR="00156FB3" w:rsidRDefault="00156FB3" w:rsidP="00156FB3">
            <w:r>
              <w:t xml:space="preserve">                parsed.dir = 1;</w:t>
            </w:r>
          </w:p>
          <w:p w:rsidR="00156FB3" w:rsidRDefault="00156FB3" w:rsidP="00156FB3">
            <w:r>
              <w:t xml:space="preserve">                break;</w:t>
            </w:r>
          </w:p>
          <w:p w:rsidR="00156FB3" w:rsidRDefault="00156FB3" w:rsidP="00156FB3">
            <w:r>
              <w:t xml:space="preserve">            default:</w:t>
            </w:r>
          </w:p>
          <w:p w:rsidR="00156FB3" w:rsidRDefault="00156FB3" w:rsidP="00156FB3">
            <w:r>
              <w:t xml:space="preserve">                throw new Error("noUiSlider (" + VERSION + "): 'direction' option was not recognized.");</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testBehaviour(parsed, entry) {</w:t>
            </w:r>
          </w:p>
          <w:p w:rsidR="00156FB3" w:rsidRDefault="00156FB3" w:rsidP="00156FB3">
            <w:r>
              <w:t xml:space="preserve">        // Make sure the input is a string.</w:t>
            </w:r>
          </w:p>
          <w:p w:rsidR="00156FB3" w:rsidRDefault="00156FB3" w:rsidP="00156FB3">
            <w:r>
              <w:lastRenderedPageBreak/>
              <w:t xml:space="preserve">        if (typeof entry !== "string") {</w:t>
            </w:r>
          </w:p>
          <w:p w:rsidR="00156FB3" w:rsidRDefault="00156FB3" w:rsidP="00156FB3">
            <w:r>
              <w:t xml:space="preserve">            throw new Error("noUiSlider (" + VERSION + "): 'behaviour' must be a string containing options.");</w:t>
            </w:r>
          </w:p>
          <w:p w:rsidR="00156FB3" w:rsidRDefault="00156FB3" w:rsidP="00156FB3">
            <w:r>
              <w:t xml:space="preserve">        }</w:t>
            </w:r>
          </w:p>
          <w:p w:rsidR="00156FB3" w:rsidRDefault="00156FB3" w:rsidP="00156FB3"/>
          <w:p w:rsidR="00156FB3" w:rsidRDefault="00156FB3" w:rsidP="00156FB3">
            <w:r>
              <w:t xml:space="preserve">        // Check if the string contains any keywords.</w:t>
            </w:r>
          </w:p>
          <w:p w:rsidR="00156FB3" w:rsidRDefault="00156FB3" w:rsidP="00156FB3">
            <w:r>
              <w:t xml:space="preserve">        // None are required.</w:t>
            </w:r>
          </w:p>
          <w:p w:rsidR="00156FB3" w:rsidRDefault="00156FB3" w:rsidP="00156FB3">
            <w:r>
              <w:t xml:space="preserve">        var tap = entry.indexOf("tap") &gt;= 0;</w:t>
            </w:r>
          </w:p>
          <w:p w:rsidR="00156FB3" w:rsidRDefault="00156FB3" w:rsidP="00156FB3">
            <w:r>
              <w:t xml:space="preserve">        var drag = entry.indexOf("drag") &gt;= 0;</w:t>
            </w:r>
          </w:p>
          <w:p w:rsidR="00156FB3" w:rsidRDefault="00156FB3" w:rsidP="00156FB3">
            <w:r>
              <w:t xml:space="preserve">        var fixed = entry.indexOf("fixed") &gt;= 0;</w:t>
            </w:r>
          </w:p>
          <w:p w:rsidR="00156FB3" w:rsidRDefault="00156FB3" w:rsidP="00156FB3">
            <w:r>
              <w:t xml:space="preserve">        var snap = entry.indexOf("snap") &gt;= 0;</w:t>
            </w:r>
          </w:p>
          <w:p w:rsidR="00156FB3" w:rsidRDefault="00156FB3" w:rsidP="00156FB3">
            <w:r>
              <w:t xml:space="preserve">        var hover = entry.indexOf("hover") &gt;= 0;</w:t>
            </w:r>
          </w:p>
          <w:p w:rsidR="00156FB3" w:rsidRDefault="00156FB3" w:rsidP="00156FB3">
            <w:r>
              <w:t xml:space="preserve">        var unconstrained = entry.indexOf("unconstrained") &gt;= 0;</w:t>
            </w:r>
          </w:p>
          <w:p w:rsidR="00156FB3" w:rsidRDefault="00156FB3" w:rsidP="00156FB3"/>
          <w:p w:rsidR="00156FB3" w:rsidRDefault="00156FB3" w:rsidP="00156FB3">
            <w:r>
              <w:t xml:space="preserve">        if (fixed) {</w:t>
            </w:r>
          </w:p>
          <w:p w:rsidR="00156FB3" w:rsidRDefault="00156FB3" w:rsidP="00156FB3">
            <w:r>
              <w:t xml:space="preserve">            if (parsed.handles !== 2) {</w:t>
            </w:r>
          </w:p>
          <w:p w:rsidR="00156FB3" w:rsidRDefault="00156FB3" w:rsidP="00156FB3">
            <w:r>
              <w:t xml:space="preserve">                throw new Error("noUiSlider (" + VERSION + "): 'fixed' behaviour must be used with 2 handles");</w:t>
            </w:r>
          </w:p>
          <w:p w:rsidR="00156FB3" w:rsidRDefault="00156FB3" w:rsidP="00156FB3">
            <w:r>
              <w:t xml:space="preserve">            }</w:t>
            </w:r>
          </w:p>
          <w:p w:rsidR="00156FB3" w:rsidRDefault="00156FB3" w:rsidP="00156FB3"/>
          <w:p w:rsidR="00156FB3" w:rsidRDefault="00156FB3" w:rsidP="00156FB3">
            <w:r>
              <w:t xml:space="preserve">            // Use margin to enforce fixed state</w:t>
            </w:r>
          </w:p>
          <w:p w:rsidR="00156FB3" w:rsidRDefault="00156FB3" w:rsidP="00156FB3">
            <w:r>
              <w:t xml:space="preserve">            testMargin(parsed, parsed.start[1] - parsed.start[0]);</w:t>
            </w:r>
          </w:p>
          <w:p w:rsidR="00156FB3" w:rsidRDefault="00156FB3" w:rsidP="00156FB3">
            <w:r>
              <w:t xml:space="preserve">        }</w:t>
            </w:r>
          </w:p>
          <w:p w:rsidR="00156FB3" w:rsidRDefault="00156FB3" w:rsidP="00156FB3"/>
          <w:p w:rsidR="00156FB3" w:rsidRDefault="00156FB3" w:rsidP="00156FB3">
            <w:r>
              <w:t xml:space="preserve">        if (unconstrained &amp;&amp; (parsed.margin || parsed.limit)) {</w:t>
            </w:r>
          </w:p>
          <w:p w:rsidR="00156FB3" w:rsidRDefault="00156FB3" w:rsidP="00156FB3">
            <w:r>
              <w:t xml:space="preserve">            throw new Error(</w:t>
            </w:r>
          </w:p>
          <w:p w:rsidR="00156FB3" w:rsidRDefault="00156FB3" w:rsidP="00156FB3">
            <w:r>
              <w:t xml:space="preserve">                "noUiSlider (" + VERSION + "): 'unconstrained' behaviour cannot be used with margin or limi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parsed.events = {</w:t>
            </w:r>
          </w:p>
          <w:p w:rsidR="00156FB3" w:rsidRDefault="00156FB3" w:rsidP="00156FB3">
            <w:r>
              <w:t xml:space="preserve">            tap: tap || snap,</w:t>
            </w:r>
          </w:p>
          <w:p w:rsidR="00156FB3" w:rsidRDefault="00156FB3" w:rsidP="00156FB3">
            <w:r>
              <w:t xml:space="preserve">            drag: drag,</w:t>
            </w:r>
          </w:p>
          <w:p w:rsidR="00156FB3" w:rsidRDefault="00156FB3" w:rsidP="00156FB3">
            <w:r>
              <w:t xml:space="preserve">            fixed: fixed,</w:t>
            </w:r>
          </w:p>
          <w:p w:rsidR="00156FB3" w:rsidRDefault="00156FB3" w:rsidP="00156FB3">
            <w:r>
              <w:t xml:space="preserve">            snap: snap,</w:t>
            </w:r>
          </w:p>
          <w:p w:rsidR="00156FB3" w:rsidRDefault="00156FB3" w:rsidP="00156FB3">
            <w:r>
              <w:t xml:space="preserve">            hover: hover,</w:t>
            </w:r>
          </w:p>
          <w:p w:rsidR="00156FB3" w:rsidRDefault="00156FB3" w:rsidP="00156FB3">
            <w:r>
              <w:t xml:space="preserve">            unconstrained: unconstrained</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testTooltips(parsed, entry) {</w:t>
            </w:r>
          </w:p>
          <w:p w:rsidR="00156FB3" w:rsidRDefault="00156FB3" w:rsidP="00156FB3">
            <w:r>
              <w:t xml:space="preserve">        if (entry === false)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if (entry === true) {</w:t>
            </w:r>
          </w:p>
          <w:p w:rsidR="00156FB3" w:rsidRDefault="00156FB3" w:rsidP="00156FB3">
            <w:r>
              <w:t xml:space="preserve">            parsed.tooltips = [];</w:t>
            </w:r>
          </w:p>
          <w:p w:rsidR="00156FB3" w:rsidRDefault="00156FB3" w:rsidP="00156FB3"/>
          <w:p w:rsidR="00156FB3" w:rsidRDefault="00156FB3" w:rsidP="00156FB3">
            <w:r>
              <w:t xml:space="preserve">            for (var i = 0; i &lt; parsed.handles; i++) {</w:t>
            </w:r>
          </w:p>
          <w:p w:rsidR="00156FB3" w:rsidRDefault="00156FB3" w:rsidP="00156FB3">
            <w:r>
              <w:t xml:space="preserve">                parsed.tooltips.push(true);</w:t>
            </w:r>
          </w:p>
          <w:p w:rsidR="00156FB3" w:rsidRDefault="00156FB3" w:rsidP="00156FB3">
            <w:r>
              <w:lastRenderedPageBreak/>
              <w:t xml:space="preserve">            }</w:t>
            </w:r>
          </w:p>
          <w:p w:rsidR="00156FB3" w:rsidRDefault="00156FB3" w:rsidP="00156FB3">
            <w:r>
              <w:t xml:space="preserve">        } else {</w:t>
            </w:r>
          </w:p>
          <w:p w:rsidR="00156FB3" w:rsidRDefault="00156FB3" w:rsidP="00156FB3">
            <w:r>
              <w:t xml:space="preserve">            parsed.tooltips = asArray(entry);</w:t>
            </w:r>
          </w:p>
          <w:p w:rsidR="00156FB3" w:rsidRDefault="00156FB3" w:rsidP="00156FB3"/>
          <w:p w:rsidR="00156FB3" w:rsidRDefault="00156FB3" w:rsidP="00156FB3">
            <w:r>
              <w:t xml:space="preserve">            if (parsed.tooltips.length !== parsed.handles) {</w:t>
            </w:r>
          </w:p>
          <w:p w:rsidR="00156FB3" w:rsidRDefault="00156FB3" w:rsidP="00156FB3">
            <w:r>
              <w:t xml:space="preserve">                throw new Error("noUiSlider (" + VERSION + "): must pass a formatter for all handles.");</w:t>
            </w:r>
          </w:p>
          <w:p w:rsidR="00156FB3" w:rsidRDefault="00156FB3" w:rsidP="00156FB3">
            <w:r>
              <w:t xml:space="preserve">            }</w:t>
            </w:r>
          </w:p>
          <w:p w:rsidR="00156FB3" w:rsidRDefault="00156FB3" w:rsidP="00156FB3"/>
          <w:p w:rsidR="00156FB3" w:rsidRDefault="00156FB3" w:rsidP="00156FB3">
            <w:r>
              <w:t xml:space="preserve">            parsed.tooltips.forEach(function(formatter) {</w:t>
            </w:r>
          </w:p>
          <w:p w:rsidR="00156FB3" w:rsidRDefault="00156FB3" w:rsidP="00156FB3">
            <w:r>
              <w:t xml:space="preserve">                if (</w:t>
            </w:r>
          </w:p>
          <w:p w:rsidR="00156FB3" w:rsidRDefault="00156FB3" w:rsidP="00156FB3">
            <w:r>
              <w:t xml:space="preserve">                    typeof formatter !== "boolean" &amp;&amp;</w:t>
            </w:r>
          </w:p>
          <w:p w:rsidR="00156FB3" w:rsidRDefault="00156FB3" w:rsidP="00156FB3">
            <w:r>
              <w:t xml:space="preserve">                    (typeof formatter !== "object" || typeof formatter.to !== "function")</w:t>
            </w:r>
          </w:p>
          <w:p w:rsidR="00156FB3" w:rsidRDefault="00156FB3" w:rsidP="00156FB3">
            <w:r>
              <w:t xml:space="preserve">                ) {</w:t>
            </w:r>
          </w:p>
          <w:p w:rsidR="00156FB3" w:rsidRDefault="00156FB3" w:rsidP="00156FB3">
            <w:r>
              <w:t xml:space="preserve">                    throw new Error("noUiSlider (" + VERSION + "): 'tooltips' must be passed a formatter or 'false'.");</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testAriaFormat(parsed, entry) {</w:t>
            </w:r>
          </w:p>
          <w:p w:rsidR="00156FB3" w:rsidRDefault="00156FB3" w:rsidP="00156FB3">
            <w:r>
              <w:t xml:space="preserve">        parsed.ariaFormat = entry;</w:t>
            </w:r>
          </w:p>
          <w:p w:rsidR="00156FB3" w:rsidRDefault="00156FB3" w:rsidP="00156FB3">
            <w:r>
              <w:t xml:space="preserve">        validateFormat(entry);</w:t>
            </w:r>
          </w:p>
          <w:p w:rsidR="00156FB3" w:rsidRDefault="00156FB3" w:rsidP="00156FB3">
            <w:r>
              <w:t xml:space="preserve">    }</w:t>
            </w:r>
          </w:p>
          <w:p w:rsidR="00156FB3" w:rsidRDefault="00156FB3" w:rsidP="00156FB3"/>
          <w:p w:rsidR="00156FB3" w:rsidRDefault="00156FB3" w:rsidP="00156FB3">
            <w:r>
              <w:t xml:space="preserve">    function testFormat(parsed, entry) {</w:t>
            </w:r>
          </w:p>
          <w:p w:rsidR="00156FB3" w:rsidRDefault="00156FB3" w:rsidP="00156FB3">
            <w:r>
              <w:t xml:space="preserve">        parsed.format = entry;</w:t>
            </w:r>
          </w:p>
          <w:p w:rsidR="00156FB3" w:rsidRDefault="00156FB3" w:rsidP="00156FB3">
            <w:r>
              <w:t xml:space="preserve">        validateFormat(entry);</w:t>
            </w:r>
          </w:p>
          <w:p w:rsidR="00156FB3" w:rsidRDefault="00156FB3" w:rsidP="00156FB3">
            <w:r>
              <w:t xml:space="preserve">    }</w:t>
            </w:r>
          </w:p>
          <w:p w:rsidR="00156FB3" w:rsidRDefault="00156FB3" w:rsidP="00156FB3"/>
          <w:p w:rsidR="00156FB3" w:rsidRDefault="00156FB3" w:rsidP="00156FB3">
            <w:r>
              <w:t xml:space="preserve">    function testKeyboardSupport(parsed, entry) {</w:t>
            </w:r>
          </w:p>
          <w:p w:rsidR="00156FB3" w:rsidRDefault="00156FB3" w:rsidP="00156FB3">
            <w:r>
              <w:t xml:space="preserve">        parsed.keyboardSupport = entry;</w:t>
            </w:r>
          </w:p>
          <w:p w:rsidR="00156FB3" w:rsidRDefault="00156FB3" w:rsidP="00156FB3"/>
          <w:p w:rsidR="00156FB3" w:rsidRDefault="00156FB3" w:rsidP="00156FB3">
            <w:r>
              <w:t xml:space="preserve">        if (typeof entry !== "boolean") {</w:t>
            </w:r>
          </w:p>
          <w:p w:rsidR="00156FB3" w:rsidRDefault="00156FB3" w:rsidP="00156FB3">
            <w:r>
              <w:t xml:space="preserve">            throw new Error("noUiSlider (" + VERSION + "): 'keyboardSupport' option must be a boolean.");</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testDocumentElement(parsed, entry) {</w:t>
            </w:r>
          </w:p>
          <w:p w:rsidR="00156FB3" w:rsidRDefault="00156FB3" w:rsidP="00156FB3">
            <w:r>
              <w:t xml:space="preserve">        // This is an advanced option. Passed values are used without validation.</w:t>
            </w:r>
          </w:p>
          <w:p w:rsidR="00156FB3" w:rsidRDefault="00156FB3" w:rsidP="00156FB3">
            <w:r>
              <w:t xml:space="preserve">        parsed.documentElement = entry;</w:t>
            </w:r>
          </w:p>
          <w:p w:rsidR="00156FB3" w:rsidRDefault="00156FB3" w:rsidP="00156FB3">
            <w:r>
              <w:t xml:space="preserve">    }</w:t>
            </w:r>
          </w:p>
          <w:p w:rsidR="00156FB3" w:rsidRDefault="00156FB3" w:rsidP="00156FB3"/>
          <w:p w:rsidR="00156FB3" w:rsidRDefault="00156FB3" w:rsidP="00156FB3">
            <w:r>
              <w:t xml:space="preserve">    function testCssPrefix(parsed, entry) {</w:t>
            </w:r>
          </w:p>
          <w:p w:rsidR="00156FB3" w:rsidRDefault="00156FB3" w:rsidP="00156FB3">
            <w:r>
              <w:t xml:space="preserve">        if (typeof entry !== "string" &amp;&amp; entry !== false) {</w:t>
            </w:r>
          </w:p>
          <w:p w:rsidR="00156FB3" w:rsidRDefault="00156FB3" w:rsidP="00156FB3">
            <w:r>
              <w:t xml:space="preserve">            throw new Error("noUiSlider (" + VERSION + "): 'cssPrefix' must be a string or `false`.");</w:t>
            </w:r>
          </w:p>
          <w:p w:rsidR="00156FB3" w:rsidRDefault="00156FB3" w:rsidP="00156FB3">
            <w:r>
              <w:t xml:space="preserve">        }</w:t>
            </w:r>
          </w:p>
          <w:p w:rsidR="00156FB3" w:rsidRDefault="00156FB3" w:rsidP="00156FB3"/>
          <w:p w:rsidR="00156FB3" w:rsidRDefault="00156FB3" w:rsidP="00156FB3">
            <w:r>
              <w:lastRenderedPageBreak/>
              <w:t xml:space="preserve">        parsed.cssPrefix = entry;</w:t>
            </w:r>
          </w:p>
          <w:p w:rsidR="00156FB3" w:rsidRDefault="00156FB3" w:rsidP="00156FB3">
            <w:r>
              <w:t xml:space="preserve">    }</w:t>
            </w:r>
          </w:p>
          <w:p w:rsidR="00156FB3" w:rsidRDefault="00156FB3" w:rsidP="00156FB3"/>
          <w:p w:rsidR="00156FB3" w:rsidRDefault="00156FB3" w:rsidP="00156FB3">
            <w:r>
              <w:t xml:space="preserve">    function testCssClasses(parsed, entry) {</w:t>
            </w:r>
          </w:p>
          <w:p w:rsidR="00156FB3" w:rsidRDefault="00156FB3" w:rsidP="00156FB3">
            <w:r>
              <w:t xml:space="preserve">        if (typeof entry !== "object") {</w:t>
            </w:r>
          </w:p>
          <w:p w:rsidR="00156FB3" w:rsidRDefault="00156FB3" w:rsidP="00156FB3">
            <w:r>
              <w:t xml:space="preserve">            throw new Error("noUiSlider (" + VERSION + "): 'cssClasses' must be an object.");</w:t>
            </w:r>
          </w:p>
          <w:p w:rsidR="00156FB3" w:rsidRDefault="00156FB3" w:rsidP="00156FB3">
            <w:r>
              <w:t xml:space="preserve">        }</w:t>
            </w:r>
          </w:p>
          <w:p w:rsidR="00156FB3" w:rsidRDefault="00156FB3" w:rsidP="00156FB3"/>
          <w:p w:rsidR="00156FB3" w:rsidRDefault="00156FB3" w:rsidP="00156FB3">
            <w:r>
              <w:t xml:space="preserve">        if (typeof parsed.cssPrefix === "string") {</w:t>
            </w:r>
          </w:p>
          <w:p w:rsidR="00156FB3" w:rsidRDefault="00156FB3" w:rsidP="00156FB3">
            <w:r>
              <w:t xml:space="preserve">            parsed.cssClasses = {};</w:t>
            </w:r>
          </w:p>
          <w:p w:rsidR="00156FB3" w:rsidRDefault="00156FB3" w:rsidP="00156FB3"/>
          <w:p w:rsidR="00156FB3" w:rsidRDefault="00156FB3" w:rsidP="00156FB3">
            <w:r>
              <w:t xml:space="preserve">            for (var key in entry) {</w:t>
            </w:r>
          </w:p>
          <w:p w:rsidR="00156FB3" w:rsidRDefault="00156FB3" w:rsidP="00156FB3">
            <w:r>
              <w:t xml:space="preserve">                if (!entry.hasOwnProperty(key)) {</w:t>
            </w:r>
          </w:p>
          <w:p w:rsidR="00156FB3" w:rsidRDefault="00156FB3" w:rsidP="00156FB3">
            <w:r>
              <w:t xml:space="preserve">                    continue;</w:t>
            </w:r>
          </w:p>
          <w:p w:rsidR="00156FB3" w:rsidRDefault="00156FB3" w:rsidP="00156FB3">
            <w:r>
              <w:t xml:space="preserve">                }</w:t>
            </w:r>
          </w:p>
          <w:p w:rsidR="00156FB3" w:rsidRDefault="00156FB3" w:rsidP="00156FB3"/>
          <w:p w:rsidR="00156FB3" w:rsidRDefault="00156FB3" w:rsidP="00156FB3">
            <w:r>
              <w:t xml:space="preserve">                parsed.cssClasses[key] = parsed.cssPrefix + entry[key];</w:t>
            </w:r>
          </w:p>
          <w:p w:rsidR="00156FB3" w:rsidRDefault="00156FB3" w:rsidP="00156FB3">
            <w:r>
              <w:t xml:space="preserve">            }</w:t>
            </w:r>
          </w:p>
          <w:p w:rsidR="00156FB3" w:rsidRDefault="00156FB3" w:rsidP="00156FB3">
            <w:r>
              <w:t xml:space="preserve">        } else {</w:t>
            </w:r>
          </w:p>
          <w:p w:rsidR="00156FB3" w:rsidRDefault="00156FB3" w:rsidP="00156FB3">
            <w:r>
              <w:t xml:space="preserve">            parsed.cssClasses = entry;</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Test all developer settings and parse to assumption-safe values.</w:t>
            </w:r>
          </w:p>
          <w:p w:rsidR="00156FB3" w:rsidRDefault="00156FB3" w:rsidP="00156FB3">
            <w:r>
              <w:t xml:space="preserve">    function testOptions(options) {</w:t>
            </w:r>
          </w:p>
          <w:p w:rsidR="00156FB3" w:rsidRDefault="00156FB3" w:rsidP="00156FB3">
            <w:r>
              <w:t xml:space="preserve">        // To prove a fix for #537, freeze options here.</w:t>
            </w:r>
          </w:p>
          <w:p w:rsidR="00156FB3" w:rsidRDefault="00156FB3" w:rsidP="00156FB3">
            <w:r>
              <w:t xml:space="preserve">        // If the object is modified, an error will be thrown.</w:t>
            </w:r>
          </w:p>
          <w:p w:rsidR="00156FB3" w:rsidRDefault="00156FB3" w:rsidP="00156FB3">
            <w:r>
              <w:t xml:space="preserve">        // Object.freeze(options);</w:t>
            </w:r>
          </w:p>
          <w:p w:rsidR="00156FB3" w:rsidRDefault="00156FB3" w:rsidP="00156FB3"/>
          <w:p w:rsidR="00156FB3" w:rsidRDefault="00156FB3" w:rsidP="00156FB3">
            <w:r>
              <w:t xml:space="preserve">        var parsed = {</w:t>
            </w:r>
          </w:p>
          <w:p w:rsidR="00156FB3" w:rsidRDefault="00156FB3" w:rsidP="00156FB3">
            <w:r>
              <w:t xml:space="preserve">            margin: 0,</w:t>
            </w:r>
          </w:p>
          <w:p w:rsidR="00156FB3" w:rsidRDefault="00156FB3" w:rsidP="00156FB3">
            <w:r>
              <w:t xml:space="preserve">            limit: 0,</w:t>
            </w:r>
          </w:p>
          <w:p w:rsidR="00156FB3" w:rsidRDefault="00156FB3" w:rsidP="00156FB3">
            <w:r>
              <w:t xml:space="preserve">            padding: 0,</w:t>
            </w:r>
          </w:p>
          <w:p w:rsidR="00156FB3" w:rsidRDefault="00156FB3" w:rsidP="00156FB3">
            <w:r>
              <w:t xml:space="preserve">            animate: true,</w:t>
            </w:r>
          </w:p>
          <w:p w:rsidR="00156FB3" w:rsidRDefault="00156FB3" w:rsidP="00156FB3">
            <w:r>
              <w:t xml:space="preserve">            animationDuration: 300,</w:t>
            </w:r>
          </w:p>
          <w:p w:rsidR="00156FB3" w:rsidRDefault="00156FB3" w:rsidP="00156FB3">
            <w:r>
              <w:t xml:space="preserve">            ariaFormat: defaultFormatter,</w:t>
            </w:r>
          </w:p>
          <w:p w:rsidR="00156FB3" w:rsidRDefault="00156FB3" w:rsidP="00156FB3">
            <w:r>
              <w:t xml:space="preserve">            format: defaultFormatter</w:t>
            </w:r>
          </w:p>
          <w:p w:rsidR="00156FB3" w:rsidRDefault="00156FB3" w:rsidP="00156FB3">
            <w:r>
              <w:t xml:space="preserve">        };</w:t>
            </w:r>
          </w:p>
          <w:p w:rsidR="00156FB3" w:rsidRDefault="00156FB3" w:rsidP="00156FB3"/>
          <w:p w:rsidR="00156FB3" w:rsidRDefault="00156FB3" w:rsidP="00156FB3">
            <w:r>
              <w:t xml:space="preserve">        // Tests are executed in the order they are presented here.</w:t>
            </w:r>
          </w:p>
          <w:p w:rsidR="00156FB3" w:rsidRDefault="00156FB3" w:rsidP="00156FB3">
            <w:r>
              <w:t xml:space="preserve">        var tests = {</w:t>
            </w:r>
          </w:p>
          <w:p w:rsidR="00156FB3" w:rsidRDefault="00156FB3" w:rsidP="00156FB3">
            <w:r>
              <w:t xml:space="preserve">            step: { r: false, t: testStep },</w:t>
            </w:r>
          </w:p>
          <w:p w:rsidR="00156FB3" w:rsidRDefault="00156FB3" w:rsidP="00156FB3">
            <w:r>
              <w:t xml:space="preserve">            start: { r: true, t: testStart },</w:t>
            </w:r>
          </w:p>
          <w:p w:rsidR="00156FB3" w:rsidRDefault="00156FB3" w:rsidP="00156FB3">
            <w:r>
              <w:t xml:space="preserve">            connect: { r: true, t: testConnect },</w:t>
            </w:r>
          </w:p>
          <w:p w:rsidR="00156FB3" w:rsidRDefault="00156FB3" w:rsidP="00156FB3">
            <w:r>
              <w:t xml:space="preserve">            direction: { r: true, t: testDirection },</w:t>
            </w:r>
          </w:p>
          <w:p w:rsidR="00156FB3" w:rsidRDefault="00156FB3" w:rsidP="00156FB3">
            <w:r>
              <w:t xml:space="preserve">            snap: { r: false, t: testSnap },</w:t>
            </w:r>
          </w:p>
          <w:p w:rsidR="00156FB3" w:rsidRDefault="00156FB3" w:rsidP="00156FB3">
            <w:r>
              <w:t xml:space="preserve">            animate: { r: false, t: testAnimate },</w:t>
            </w:r>
          </w:p>
          <w:p w:rsidR="00156FB3" w:rsidRDefault="00156FB3" w:rsidP="00156FB3">
            <w:r>
              <w:t xml:space="preserve">            animationDuration: { r: false, t: testAnimationDuration },</w:t>
            </w:r>
          </w:p>
          <w:p w:rsidR="00156FB3" w:rsidRDefault="00156FB3" w:rsidP="00156FB3">
            <w:r>
              <w:lastRenderedPageBreak/>
              <w:t xml:space="preserve">            range: { r: true, t: testRange },</w:t>
            </w:r>
          </w:p>
          <w:p w:rsidR="00156FB3" w:rsidRDefault="00156FB3" w:rsidP="00156FB3">
            <w:r>
              <w:t xml:space="preserve">            orientation: { r: false, t: testOrientation },</w:t>
            </w:r>
          </w:p>
          <w:p w:rsidR="00156FB3" w:rsidRDefault="00156FB3" w:rsidP="00156FB3">
            <w:r>
              <w:t xml:space="preserve">            margin: { r: false, t: testMargin },</w:t>
            </w:r>
          </w:p>
          <w:p w:rsidR="00156FB3" w:rsidRDefault="00156FB3" w:rsidP="00156FB3">
            <w:r>
              <w:t xml:space="preserve">            limit: { r: false, t: testLimit },</w:t>
            </w:r>
          </w:p>
          <w:p w:rsidR="00156FB3" w:rsidRDefault="00156FB3" w:rsidP="00156FB3">
            <w:r>
              <w:t xml:space="preserve">            padding: { r: false, t: testPadding },</w:t>
            </w:r>
          </w:p>
          <w:p w:rsidR="00156FB3" w:rsidRDefault="00156FB3" w:rsidP="00156FB3">
            <w:r>
              <w:t xml:space="preserve">            behaviour: { r: true, t: testBehaviour },</w:t>
            </w:r>
          </w:p>
          <w:p w:rsidR="00156FB3" w:rsidRDefault="00156FB3" w:rsidP="00156FB3">
            <w:r>
              <w:t xml:space="preserve">            ariaFormat: { r: false, t: testAriaFormat },</w:t>
            </w:r>
          </w:p>
          <w:p w:rsidR="00156FB3" w:rsidRDefault="00156FB3" w:rsidP="00156FB3">
            <w:r>
              <w:t xml:space="preserve">            format: { r: false, t: testFormat },</w:t>
            </w:r>
          </w:p>
          <w:p w:rsidR="00156FB3" w:rsidRDefault="00156FB3" w:rsidP="00156FB3">
            <w:r>
              <w:t xml:space="preserve">            tooltips: { r: false, t: testTooltips },</w:t>
            </w:r>
          </w:p>
          <w:p w:rsidR="00156FB3" w:rsidRDefault="00156FB3" w:rsidP="00156FB3">
            <w:r>
              <w:t xml:space="preserve">            keyboardSupport: { r: true, t: testKeyboardSupport },</w:t>
            </w:r>
          </w:p>
          <w:p w:rsidR="00156FB3" w:rsidRDefault="00156FB3" w:rsidP="00156FB3">
            <w:r>
              <w:t xml:space="preserve">            documentElement: { r: false, t: testDocumentElement },</w:t>
            </w:r>
          </w:p>
          <w:p w:rsidR="00156FB3" w:rsidRDefault="00156FB3" w:rsidP="00156FB3">
            <w:r>
              <w:t xml:space="preserve">            cssPrefix: { r: true, t: testCssPrefix },</w:t>
            </w:r>
          </w:p>
          <w:p w:rsidR="00156FB3" w:rsidRDefault="00156FB3" w:rsidP="00156FB3">
            <w:r>
              <w:t xml:space="preserve">            cssClasses: { r: true, t: testCssClasses }</w:t>
            </w:r>
          </w:p>
          <w:p w:rsidR="00156FB3" w:rsidRDefault="00156FB3" w:rsidP="00156FB3">
            <w:r>
              <w:t xml:space="preserve">        };</w:t>
            </w:r>
          </w:p>
          <w:p w:rsidR="00156FB3" w:rsidRDefault="00156FB3" w:rsidP="00156FB3"/>
          <w:p w:rsidR="00156FB3" w:rsidRDefault="00156FB3" w:rsidP="00156FB3">
            <w:r>
              <w:t xml:space="preserve">        var defaults = {</w:t>
            </w:r>
          </w:p>
          <w:p w:rsidR="00156FB3" w:rsidRDefault="00156FB3" w:rsidP="00156FB3">
            <w:r>
              <w:t xml:space="preserve">            connect: false,</w:t>
            </w:r>
          </w:p>
          <w:p w:rsidR="00156FB3" w:rsidRDefault="00156FB3" w:rsidP="00156FB3">
            <w:r>
              <w:t xml:space="preserve">            direction: "ltr",</w:t>
            </w:r>
          </w:p>
          <w:p w:rsidR="00156FB3" w:rsidRDefault="00156FB3" w:rsidP="00156FB3">
            <w:r>
              <w:t xml:space="preserve">            behaviour: "tap",</w:t>
            </w:r>
          </w:p>
          <w:p w:rsidR="00156FB3" w:rsidRDefault="00156FB3" w:rsidP="00156FB3">
            <w:r>
              <w:t xml:space="preserve">            orientation: "horizontal",</w:t>
            </w:r>
          </w:p>
          <w:p w:rsidR="00156FB3" w:rsidRDefault="00156FB3" w:rsidP="00156FB3">
            <w:r>
              <w:t xml:space="preserve">            keyboardSupport: true,</w:t>
            </w:r>
          </w:p>
          <w:p w:rsidR="00156FB3" w:rsidRDefault="00156FB3" w:rsidP="00156FB3">
            <w:r>
              <w:t xml:space="preserve">            cssPrefix: "noUi-",</w:t>
            </w:r>
          </w:p>
          <w:p w:rsidR="00156FB3" w:rsidRDefault="00156FB3" w:rsidP="00156FB3">
            <w:r>
              <w:t xml:space="preserve">            cssClasses: {</w:t>
            </w:r>
          </w:p>
          <w:p w:rsidR="00156FB3" w:rsidRDefault="00156FB3" w:rsidP="00156FB3">
            <w:r>
              <w:t xml:space="preserve">                target: "target",</w:t>
            </w:r>
          </w:p>
          <w:p w:rsidR="00156FB3" w:rsidRDefault="00156FB3" w:rsidP="00156FB3">
            <w:r>
              <w:t xml:space="preserve">                base: "base",</w:t>
            </w:r>
          </w:p>
          <w:p w:rsidR="00156FB3" w:rsidRDefault="00156FB3" w:rsidP="00156FB3">
            <w:r>
              <w:t xml:space="preserve">                origin: "origin",</w:t>
            </w:r>
          </w:p>
          <w:p w:rsidR="00156FB3" w:rsidRDefault="00156FB3" w:rsidP="00156FB3">
            <w:r>
              <w:t xml:space="preserve">                handle: "handle",</w:t>
            </w:r>
          </w:p>
          <w:p w:rsidR="00156FB3" w:rsidRDefault="00156FB3" w:rsidP="00156FB3">
            <w:r>
              <w:t xml:space="preserve">                handleLower: "handle-lower",</w:t>
            </w:r>
          </w:p>
          <w:p w:rsidR="00156FB3" w:rsidRDefault="00156FB3" w:rsidP="00156FB3">
            <w:r>
              <w:t xml:space="preserve">                handleUpper: "handle-upper",</w:t>
            </w:r>
          </w:p>
          <w:p w:rsidR="00156FB3" w:rsidRDefault="00156FB3" w:rsidP="00156FB3">
            <w:r>
              <w:t xml:space="preserve">                touchArea: "touch-area",</w:t>
            </w:r>
          </w:p>
          <w:p w:rsidR="00156FB3" w:rsidRDefault="00156FB3" w:rsidP="00156FB3">
            <w:r>
              <w:t xml:space="preserve">                horizontal: "horizontal",</w:t>
            </w:r>
          </w:p>
          <w:p w:rsidR="00156FB3" w:rsidRDefault="00156FB3" w:rsidP="00156FB3">
            <w:r>
              <w:t xml:space="preserve">                vertical: "vertical",</w:t>
            </w:r>
          </w:p>
          <w:p w:rsidR="00156FB3" w:rsidRDefault="00156FB3" w:rsidP="00156FB3">
            <w:r>
              <w:t xml:space="preserve">                background: "background",</w:t>
            </w:r>
          </w:p>
          <w:p w:rsidR="00156FB3" w:rsidRDefault="00156FB3" w:rsidP="00156FB3">
            <w:r>
              <w:t xml:space="preserve">                connect: "connect",</w:t>
            </w:r>
          </w:p>
          <w:p w:rsidR="00156FB3" w:rsidRDefault="00156FB3" w:rsidP="00156FB3">
            <w:r>
              <w:t xml:space="preserve">                connects: "connects",</w:t>
            </w:r>
          </w:p>
          <w:p w:rsidR="00156FB3" w:rsidRDefault="00156FB3" w:rsidP="00156FB3">
            <w:r>
              <w:t xml:space="preserve">                ltr: "ltr",</w:t>
            </w:r>
          </w:p>
          <w:p w:rsidR="00156FB3" w:rsidRDefault="00156FB3" w:rsidP="00156FB3">
            <w:r>
              <w:t xml:space="preserve">                rtl: "rtl",</w:t>
            </w:r>
          </w:p>
          <w:p w:rsidR="00156FB3" w:rsidRDefault="00156FB3" w:rsidP="00156FB3">
            <w:r>
              <w:t xml:space="preserve">                textDirectionLtr: "txt-dir-ltr",</w:t>
            </w:r>
          </w:p>
          <w:p w:rsidR="00156FB3" w:rsidRDefault="00156FB3" w:rsidP="00156FB3">
            <w:r>
              <w:t xml:space="preserve">                textDirectionRtl: "txt-dir-rtl",</w:t>
            </w:r>
          </w:p>
          <w:p w:rsidR="00156FB3" w:rsidRDefault="00156FB3" w:rsidP="00156FB3">
            <w:r>
              <w:t xml:space="preserve">                draggable: "draggable",</w:t>
            </w:r>
          </w:p>
          <w:p w:rsidR="00156FB3" w:rsidRDefault="00156FB3" w:rsidP="00156FB3">
            <w:r>
              <w:t xml:space="preserve">                drag: "state-drag",</w:t>
            </w:r>
          </w:p>
          <w:p w:rsidR="00156FB3" w:rsidRDefault="00156FB3" w:rsidP="00156FB3">
            <w:r>
              <w:t xml:space="preserve">                tap: "state-tap",</w:t>
            </w:r>
          </w:p>
          <w:p w:rsidR="00156FB3" w:rsidRDefault="00156FB3" w:rsidP="00156FB3">
            <w:r>
              <w:t xml:space="preserve">                active: "active",</w:t>
            </w:r>
          </w:p>
          <w:p w:rsidR="00156FB3" w:rsidRDefault="00156FB3" w:rsidP="00156FB3">
            <w:r>
              <w:t xml:space="preserve">                tooltip: "tooltip",</w:t>
            </w:r>
          </w:p>
          <w:p w:rsidR="00156FB3" w:rsidRDefault="00156FB3" w:rsidP="00156FB3">
            <w:r>
              <w:t xml:space="preserve">                pips: "pips",</w:t>
            </w:r>
          </w:p>
          <w:p w:rsidR="00156FB3" w:rsidRDefault="00156FB3" w:rsidP="00156FB3">
            <w:r>
              <w:t xml:space="preserve">                pipsHorizontal: "pips-horizontal",</w:t>
            </w:r>
          </w:p>
          <w:p w:rsidR="00156FB3" w:rsidRDefault="00156FB3" w:rsidP="00156FB3">
            <w:r>
              <w:t xml:space="preserve">                pipsVertical: "pips-vertical",</w:t>
            </w:r>
          </w:p>
          <w:p w:rsidR="00156FB3" w:rsidRDefault="00156FB3" w:rsidP="00156FB3">
            <w:r>
              <w:t xml:space="preserve">                marker: "marker",</w:t>
            </w:r>
          </w:p>
          <w:p w:rsidR="00156FB3" w:rsidRDefault="00156FB3" w:rsidP="00156FB3">
            <w:r>
              <w:lastRenderedPageBreak/>
              <w:t xml:space="preserve">                markerHorizontal: "marker-horizontal",</w:t>
            </w:r>
          </w:p>
          <w:p w:rsidR="00156FB3" w:rsidRDefault="00156FB3" w:rsidP="00156FB3">
            <w:r>
              <w:t xml:space="preserve">                markerVertical: "marker-vertical",</w:t>
            </w:r>
          </w:p>
          <w:p w:rsidR="00156FB3" w:rsidRDefault="00156FB3" w:rsidP="00156FB3">
            <w:r>
              <w:t xml:space="preserve">                markerNormal: "marker-normal",</w:t>
            </w:r>
          </w:p>
          <w:p w:rsidR="00156FB3" w:rsidRDefault="00156FB3" w:rsidP="00156FB3">
            <w:r>
              <w:t xml:space="preserve">                markerLarge: "marker-large",</w:t>
            </w:r>
          </w:p>
          <w:p w:rsidR="00156FB3" w:rsidRDefault="00156FB3" w:rsidP="00156FB3">
            <w:r>
              <w:t xml:space="preserve">                markerSub: "marker-sub",</w:t>
            </w:r>
          </w:p>
          <w:p w:rsidR="00156FB3" w:rsidRDefault="00156FB3" w:rsidP="00156FB3">
            <w:r>
              <w:t xml:space="preserve">                value: "value",</w:t>
            </w:r>
          </w:p>
          <w:p w:rsidR="00156FB3" w:rsidRDefault="00156FB3" w:rsidP="00156FB3">
            <w:r>
              <w:t xml:space="preserve">                valueHorizontal: "value-horizontal",</w:t>
            </w:r>
          </w:p>
          <w:p w:rsidR="00156FB3" w:rsidRDefault="00156FB3" w:rsidP="00156FB3">
            <w:r>
              <w:t xml:space="preserve">                valueVertical: "value-vertical",</w:t>
            </w:r>
          </w:p>
          <w:p w:rsidR="00156FB3" w:rsidRDefault="00156FB3" w:rsidP="00156FB3">
            <w:r>
              <w:t xml:space="preserve">                valueNormal: "value-normal",</w:t>
            </w:r>
          </w:p>
          <w:p w:rsidR="00156FB3" w:rsidRDefault="00156FB3" w:rsidP="00156FB3">
            <w:r>
              <w:t xml:space="preserve">                valueLarge: "value-large",</w:t>
            </w:r>
          </w:p>
          <w:p w:rsidR="00156FB3" w:rsidRDefault="00156FB3" w:rsidP="00156FB3">
            <w:r>
              <w:t xml:space="preserve">                valueSub: "value-sub"</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AriaFormat defaults to regular format, if any.</w:t>
            </w:r>
          </w:p>
          <w:p w:rsidR="00156FB3" w:rsidRDefault="00156FB3" w:rsidP="00156FB3">
            <w:r>
              <w:t xml:space="preserve">        if (options.format &amp;&amp; !options.ariaFormat) {</w:t>
            </w:r>
          </w:p>
          <w:p w:rsidR="00156FB3" w:rsidRDefault="00156FB3" w:rsidP="00156FB3">
            <w:r>
              <w:t xml:space="preserve">            options.ariaFormat = options.format;</w:t>
            </w:r>
          </w:p>
          <w:p w:rsidR="00156FB3" w:rsidRDefault="00156FB3" w:rsidP="00156FB3">
            <w:r>
              <w:t xml:space="preserve">        }</w:t>
            </w:r>
          </w:p>
          <w:p w:rsidR="00156FB3" w:rsidRDefault="00156FB3" w:rsidP="00156FB3"/>
          <w:p w:rsidR="00156FB3" w:rsidRDefault="00156FB3" w:rsidP="00156FB3">
            <w:r>
              <w:t xml:space="preserve">        // Run all options through a testing mechanism to ensure correct</w:t>
            </w:r>
          </w:p>
          <w:p w:rsidR="00156FB3" w:rsidRDefault="00156FB3" w:rsidP="00156FB3">
            <w:r>
              <w:t xml:space="preserve">        // input. It should be noted that options might get modified to</w:t>
            </w:r>
          </w:p>
          <w:p w:rsidR="00156FB3" w:rsidRDefault="00156FB3" w:rsidP="00156FB3">
            <w:r>
              <w:t xml:space="preserve">        // be handled properly. E.g. wrapping integers in arrays.</w:t>
            </w:r>
          </w:p>
          <w:p w:rsidR="00156FB3" w:rsidRDefault="00156FB3" w:rsidP="00156FB3">
            <w:r>
              <w:t xml:space="preserve">        Object.keys(tests).forEach(function(name) {</w:t>
            </w:r>
          </w:p>
          <w:p w:rsidR="00156FB3" w:rsidRDefault="00156FB3" w:rsidP="00156FB3">
            <w:r>
              <w:t xml:space="preserve">            // If the option isn't set, but it is required, throw an error.</w:t>
            </w:r>
          </w:p>
          <w:p w:rsidR="00156FB3" w:rsidRDefault="00156FB3" w:rsidP="00156FB3">
            <w:r>
              <w:t xml:space="preserve">            if (!isSet(options[name]) &amp;&amp; defaults[name] === undefined) {</w:t>
            </w:r>
          </w:p>
          <w:p w:rsidR="00156FB3" w:rsidRDefault="00156FB3" w:rsidP="00156FB3">
            <w:r>
              <w:t xml:space="preserve">                if (tests[name].r) {</w:t>
            </w:r>
          </w:p>
          <w:p w:rsidR="00156FB3" w:rsidRDefault="00156FB3" w:rsidP="00156FB3">
            <w:r>
              <w:t xml:space="preserve">                    throw new Error("noUiSlider (" + VERSION + "): '" + name + "' is required.");</w:t>
            </w:r>
          </w:p>
          <w:p w:rsidR="00156FB3" w:rsidRDefault="00156FB3" w:rsidP="00156FB3">
            <w:r>
              <w:t xml:space="preserve">                }</w:t>
            </w:r>
          </w:p>
          <w:p w:rsidR="00156FB3" w:rsidRDefault="00156FB3" w:rsidP="00156FB3"/>
          <w:p w:rsidR="00156FB3" w:rsidRDefault="00156FB3" w:rsidP="00156FB3">
            <w:r>
              <w:t xml:space="preserve">                return true;</w:t>
            </w:r>
          </w:p>
          <w:p w:rsidR="00156FB3" w:rsidRDefault="00156FB3" w:rsidP="00156FB3">
            <w:r>
              <w:t xml:space="preserve">            }</w:t>
            </w:r>
          </w:p>
          <w:p w:rsidR="00156FB3" w:rsidRDefault="00156FB3" w:rsidP="00156FB3"/>
          <w:p w:rsidR="00156FB3" w:rsidRDefault="00156FB3" w:rsidP="00156FB3">
            <w:r>
              <w:t xml:space="preserve">            tests[name].t(parsed, !isSet(options[name]) ? defaults[name] : options[name]);</w:t>
            </w:r>
          </w:p>
          <w:p w:rsidR="00156FB3" w:rsidRDefault="00156FB3" w:rsidP="00156FB3">
            <w:r>
              <w:t xml:space="preserve">        });</w:t>
            </w:r>
          </w:p>
          <w:p w:rsidR="00156FB3" w:rsidRDefault="00156FB3" w:rsidP="00156FB3"/>
          <w:p w:rsidR="00156FB3" w:rsidRDefault="00156FB3" w:rsidP="00156FB3">
            <w:r>
              <w:t xml:space="preserve">        // Forward pips options</w:t>
            </w:r>
          </w:p>
          <w:p w:rsidR="00156FB3" w:rsidRDefault="00156FB3" w:rsidP="00156FB3">
            <w:r>
              <w:t xml:space="preserve">        parsed.pips = options.pips;</w:t>
            </w:r>
          </w:p>
          <w:p w:rsidR="00156FB3" w:rsidRDefault="00156FB3" w:rsidP="00156FB3"/>
          <w:p w:rsidR="00156FB3" w:rsidRDefault="00156FB3" w:rsidP="00156FB3">
            <w:r>
              <w:t xml:space="preserve">        // All recent browsers accept unprefixed transform.</w:t>
            </w:r>
          </w:p>
          <w:p w:rsidR="00156FB3" w:rsidRDefault="00156FB3" w:rsidP="00156FB3">
            <w:r>
              <w:t xml:space="preserve">        // We need -ms- for IE9 and -webkit- for older Android;</w:t>
            </w:r>
          </w:p>
          <w:p w:rsidR="00156FB3" w:rsidRDefault="00156FB3" w:rsidP="00156FB3">
            <w:r>
              <w:t xml:space="preserve">        // Assume use of -webkit- if unprefixed and -ms- are not supported.</w:t>
            </w:r>
          </w:p>
          <w:p w:rsidR="00156FB3" w:rsidRDefault="00156FB3" w:rsidP="00156FB3">
            <w:r>
              <w:t xml:space="preserve">        // https://caniuse.com/#feat=transforms2d</w:t>
            </w:r>
          </w:p>
          <w:p w:rsidR="00156FB3" w:rsidRDefault="00156FB3" w:rsidP="00156FB3">
            <w:r>
              <w:t xml:space="preserve">        var d = document.createElement("div");</w:t>
            </w:r>
          </w:p>
          <w:p w:rsidR="00156FB3" w:rsidRDefault="00156FB3" w:rsidP="00156FB3">
            <w:r>
              <w:t xml:space="preserve">        var msPrefix = d.style.msTransform !== undefined;</w:t>
            </w:r>
          </w:p>
          <w:p w:rsidR="00156FB3" w:rsidRDefault="00156FB3" w:rsidP="00156FB3">
            <w:r>
              <w:t xml:space="preserve">        var noPrefix = d.style.transform !== undefined;</w:t>
            </w:r>
          </w:p>
          <w:p w:rsidR="00156FB3" w:rsidRDefault="00156FB3" w:rsidP="00156FB3"/>
          <w:p w:rsidR="00156FB3" w:rsidRDefault="00156FB3" w:rsidP="00156FB3">
            <w:r>
              <w:t xml:space="preserve">        parsed.transformRule = noPrefix ? "transform" : msPrefix ? "msTransform" : "webkitTransform";</w:t>
            </w:r>
          </w:p>
          <w:p w:rsidR="00156FB3" w:rsidRDefault="00156FB3" w:rsidP="00156FB3"/>
          <w:p w:rsidR="00156FB3" w:rsidRDefault="00156FB3" w:rsidP="00156FB3">
            <w:r>
              <w:lastRenderedPageBreak/>
              <w:t xml:space="preserve">        // Pips don't move, so we can place them using left/top.</w:t>
            </w:r>
          </w:p>
          <w:p w:rsidR="00156FB3" w:rsidRDefault="00156FB3" w:rsidP="00156FB3">
            <w:r>
              <w:t xml:space="preserve">        var styles = [["left", "top"], ["right", "bottom"]];</w:t>
            </w:r>
          </w:p>
          <w:p w:rsidR="00156FB3" w:rsidRDefault="00156FB3" w:rsidP="00156FB3"/>
          <w:p w:rsidR="00156FB3" w:rsidRDefault="00156FB3" w:rsidP="00156FB3">
            <w:r>
              <w:t xml:space="preserve">        parsed.style = styles[parsed.dir][parsed.ort];</w:t>
            </w:r>
          </w:p>
          <w:p w:rsidR="00156FB3" w:rsidRDefault="00156FB3" w:rsidP="00156FB3"/>
          <w:p w:rsidR="00156FB3" w:rsidRDefault="00156FB3" w:rsidP="00156FB3">
            <w:r>
              <w:t xml:space="preserve">        return parsed;</w:t>
            </w:r>
          </w:p>
          <w:p w:rsidR="00156FB3" w:rsidRDefault="00156FB3" w:rsidP="00156FB3">
            <w:r>
              <w:t xml:space="preserve">    }</w:t>
            </w:r>
          </w:p>
          <w:p w:rsidR="00156FB3" w:rsidRDefault="00156FB3" w:rsidP="00156FB3"/>
          <w:p w:rsidR="00156FB3" w:rsidRDefault="00156FB3" w:rsidP="00156FB3">
            <w:r>
              <w:t xml:space="preserve">    //endregion</w:t>
            </w:r>
          </w:p>
          <w:p w:rsidR="00156FB3" w:rsidRDefault="00156FB3" w:rsidP="00156FB3"/>
          <w:p w:rsidR="00156FB3" w:rsidRDefault="00156FB3" w:rsidP="00156FB3">
            <w:r>
              <w:t xml:space="preserve">    function scope(target, options, originalOptions) {</w:t>
            </w:r>
          </w:p>
          <w:p w:rsidR="00156FB3" w:rsidRDefault="00156FB3" w:rsidP="00156FB3">
            <w:r>
              <w:t xml:space="preserve">        var actions = getActions();</w:t>
            </w:r>
          </w:p>
          <w:p w:rsidR="00156FB3" w:rsidRDefault="00156FB3" w:rsidP="00156FB3">
            <w:r>
              <w:t xml:space="preserve">        var supportsTouchActionNone = getSupportsTouchActionNone();</w:t>
            </w:r>
          </w:p>
          <w:p w:rsidR="00156FB3" w:rsidRDefault="00156FB3" w:rsidP="00156FB3">
            <w:r>
              <w:t xml:space="preserve">        var supportsPassive = supportsTouchActionNone &amp;&amp; getSupportsPassive();</w:t>
            </w:r>
          </w:p>
          <w:p w:rsidR="00156FB3" w:rsidRDefault="00156FB3" w:rsidP="00156FB3"/>
          <w:p w:rsidR="00156FB3" w:rsidRDefault="00156FB3" w:rsidP="00156FB3">
            <w:r>
              <w:t xml:space="preserve">        // All variables local to 'scope' are prefixed with 'scope_'</w:t>
            </w:r>
          </w:p>
          <w:p w:rsidR="00156FB3" w:rsidRDefault="00156FB3" w:rsidP="00156FB3"/>
          <w:p w:rsidR="00156FB3" w:rsidRDefault="00156FB3" w:rsidP="00156FB3">
            <w:r>
              <w:t xml:space="preserve">        // Slider DOM Nodes</w:t>
            </w:r>
          </w:p>
          <w:p w:rsidR="00156FB3" w:rsidRDefault="00156FB3" w:rsidP="00156FB3">
            <w:r>
              <w:t xml:space="preserve">        var scope_Target = target;</w:t>
            </w:r>
          </w:p>
          <w:p w:rsidR="00156FB3" w:rsidRDefault="00156FB3" w:rsidP="00156FB3">
            <w:r>
              <w:t xml:space="preserve">        var scope_Base;</w:t>
            </w:r>
          </w:p>
          <w:p w:rsidR="00156FB3" w:rsidRDefault="00156FB3" w:rsidP="00156FB3">
            <w:r>
              <w:t xml:space="preserve">        var scope_Handles;</w:t>
            </w:r>
          </w:p>
          <w:p w:rsidR="00156FB3" w:rsidRDefault="00156FB3" w:rsidP="00156FB3">
            <w:r>
              <w:t xml:space="preserve">        var scope_Connects;</w:t>
            </w:r>
          </w:p>
          <w:p w:rsidR="00156FB3" w:rsidRDefault="00156FB3" w:rsidP="00156FB3">
            <w:r>
              <w:t xml:space="preserve">        var scope_Pips;</w:t>
            </w:r>
          </w:p>
          <w:p w:rsidR="00156FB3" w:rsidRDefault="00156FB3" w:rsidP="00156FB3">
            <w:r>
              <w:t xml:space="preserve">        var scope_Tooltips;</w:t>
            </w:r>
          </w:p>
          <w:p w:rsidR="00156FB3" w:rsidRDefault="00156FB3" w:rsidP="00156FB3"/>
          <w:p w:rsidR="00156FB3" w:rsidRDefault="00156FB3" w:rsidP="00156FB3">
            <w:r>
              <w:t xml:space="preserve">        // Slider state values</w:t>
            </w:r>
          </w:p>
          <w:p w:rsidR="00156FB3" w:rsidRDefault="00156FB3" w:rsidP="00156FB3">
            <w:r>
              <w:t xml:space="preserve">        var scope_Spectrum = options.spectrum;</w:t>
            </w:r>
          </w:p>
          <w:p w:rsidR="00156FB3" w:rsidRDefault="00156FB3" w:rsidP="00156FB3">
            <w:r>
              <w:t xml:space="preserve">        var scope_Values = [];</w:t>
            </w:r>
          </w:p>
          <w:p w:rsidR="00156FB3" w:rsidRDefault="00156FB3" w:rsidP="00156FB3">
            <w:r>
              <w:t xml:space="preserve">        var scope_Locations = [];</w:t>
            </w:r>
          </w:p>
          <w:p w:rsidR="00156FB3" w:rsidRDefault="00156FB3" w:rsidP="00156FB3">
            <w:r>
              <w:t xml:space="preserve">        var scope_HandleNumbers = [];</w:t>
            </w:r>
          </w:p>
          <w:p w:rsidR="00156FB3" w:rsidRDefault="00156FB3" w:rsidP="00156FB3">
            <w:r>
              <w:t xml:space="preserve">        var scope_ActiveHandlesCount = 0;</w:t>
            </w:r>
          </w:p>
          <w:p w:rsidR="00156FB3" w:rsidRDefault="00156FB3" w:rsidP="00156FB3">
            <w:r>
              <w:t xml:space="preserve">        var scope_Events = {};</w:t>
            </w:r>
          </w:p>
          <w:p w:rsidR="00156FB3" w:rsidRDefault="00156FB3" w:rsidP="00156FB3"/>
          <w:p w:rsidR="00156FB3" w:rsidRDefault="00156FB3" w:rsidP="00156FB3">
            <w:r>
              <w:t xml:space="preserve">        // Exposed API</w:t>
            </w:r>
          </w:p>
          <w:p w:rsidR="00156FB3" w:rsidRDefault="00156FB3" w:rsidP="00156FB3">
            <w:r>
              <w:t xml:space="preserve">        var scope_Self;</w:t>
            </w:r>
          </w:p>
          <w:p w:rsidR="00156FB3" w:rsidRDefault="00156FB3" w:rsidP="00156FB3"/>
          <w:p w:rsidR="00156FB3" w:rsidRDefault="00156FB3" w:rsidP="00156FB3">
            <w:r>
              <w:t xml:space="preserve">        // Document Nodes</w:t>
            </w:r>
          </w:p>
          <w:p w:rsidR="00156FB3" w:rsidRDefault="00156FB3" w:rsidP="00156FB3">
            <w:r>
              <w:t xml:space="preserve">        var scope_Document = target.ownerDocument;</w:t>
            </w:r>
          </w:p>
          <w:p w:rsidR="00156FB3" w:rsidRDefault="00156FB3" w:rsidP="00156FB3">
            <w:r>
              <w:t xml:space="preserve">        var scope_DocumentElement = options.documentElement || scope_Document.documentElement;</w:t>
            </w:r>
          </w:p>
          <w:p w:rsidR="00156FB3" w:rsidRDefault="00156FB3" w:rsidP="00156FB3">
            <w:r>
              <w:t xml:space="preserve">        var scope_Body = scope_Document.body;</w:t>
            </w:r>
          </w:p>
          <w:p w:rsidR="00156FB3" w:rsidRDefault="00156FB3" w:rsidP="00156FB3"/>
          <w:p w:rsidR="00156FB3" w:rsidRDefault="00156FB3" w:rsidP="00156FB3">
            <w:r>
              <w:t xml:space="preserve">        // Pips constants</w:t>
            </w:r>
          </w:p>
          <w:p w:rsidR="00156FB3" w:rsidRDefault="00156FB3" w:rsidP="00156FB3">
            <w:r>
              <w:t xml:space="preserve">        var PIPS_NONE = -1;</w:t>
            </w:r>
          </w:p>
          <w:p w:rsidR="00156FB3" w:rsidRDefault="00156FB3" w:rsidP="00156FB3">
            <w:r>
              <w:t xml:space="preserve">        var PIPS_NO_VALUE = 0;</w:t>
            </w:r>
          </w:p>
          <w:p w:rsidR="00156FB3" w:rsidRDefault="00156FB3" w:rsidP="00156FB3">
            <w:r>
              <w:t xml:space="preserve">        var PIPS_LARGE_VALUE = 1;</w:t>
            </w:r>
          </w:p>
          <w:p w:rsidR="00156FB3" w:rsidRDefault="00156FB3" w:rsidP="00156FB3">
            <w:r>
              <w:t xml:space="preserve">        var PIPS_SMALL_VALUE = 2;</w:t>
            </w:r>
          </w:p>
          <w:p w:rsidR="00156FB3" w:rsidRDefault="00156FB3" w:rsidP="00156FB3"/>
          <w:p w:rsidR="00156FB3" w:rsidRDefault="00156FB3" w:rsidP="00156FB3">
            <w:r>
              <w:t xml:space="preserve">        // For horizontal sliders in standard ltr documents,</w:t>
            </w:r>
          </w:p>
          <w:p w:rsidR="00156FB3" w:rsidRDefault="00156FB3" w:rsidP="00156FB3">
            <w:r>
              <w:lastRenderedPageBreak/>
              <w:t xml:space="preserve">        // make .noUi-origin overflow to the left so the document doesn't scroll.</w:t>
            </w:r>
          </w:p>
          <w:p w:rsidR="00156FB3" w:rsidRDefault="00156FB3" w:rsidP="00156FB3">
            <w:r>
              <w:t xml:space="preserve">        var scope_DirOffset = scope_Document.dir === "rtl" || options.ort === 1 ? 0 : 100;</w:t>
            </w:r>
          </w:p>
          <w:p w:rsidR="00156FB3" w:rsidRDefault="00156FB3" w:rsidP="00156FB3"/>
          <w:p w:rsidR="00156FB3" w:rsidRDefault="00156FB3" w:rsidP="00156FB3">
            <w:r>
              <w:t xml:space="preserve">        // Creates a node, adds it to target, returns the new node.</w:t>
            </w:r>
          </w:p>
          <w:p w:rsidR="00156FB3" w:rsidRDefault="00156FB3" w:rsidP="00156FB3">
            <w:r>
              <w:t xml:space="preserve">        function addNodeTo(addTarget, className) {</w:t>
            </w:r>
          </w:p>
          <w:p w:rsidR="00156FB3" w:rsidRDefault="00156FB3" w:rsidP="00156FB3">
            <w:r>
              <w:t xml:space="preserve">            var div = scope_Document.createElement("div");</w:t>
            </w:r>
          </w:p>
          <w:p w:rsidR="00156FB3" w:rsidRDefault="00156FB3" w:rsidP="00156FB3"/>
          <w:p w:rsidR="00156FB3" w:rsidRDefault="00156FB3" w:rsidP="00156FB3">
            <w:r>
              <w:t xml:space="preserve">            if (className) {</w:t>
            </w:r>
          </w:p>
          <w:p w:rsidR="00156FB3" w:rsidRDefault="00156FB3" w:rsidP="00156FB3">
            <w:r>
              <w:t xml:space="preserve">                addClass(div, className);</w:t>
            </w:r>
          </w:p>
          <w:p w:rsidR="00156FB3" w:rsidRDefault="00156FB3" w:rsidP="00156FB3">
            <w:r>
              <w:t xml:space="preserve">            }</w:t>
            </w:r>
          </w:p>
          <w:p w:rsidR="00156FB3" w:rsidRDefault="00156FB3" w:rsidP="00156FB3"/>
          <w:p w:rsidR="00156FB3" w:rsidRDefault="00156FB3" w:rsidP="00156FB3">
            <w:r>
              <w:t xml:space="preserve">            addTarget.appendChild(div);</w:t>
            </w:r>
          </w:p>
          <w:p w:rsidR="00156FB3" w:rsidRDefault="00156FB3" w:rsidP="00156FB3"/>
          <w:p w:rsidR="00156FB3" w:rsidRDefault="00156FB3" w:rsidP="00156FB3">
            <w:r>
              <w:t xml:space="preserve">            return div;</w:t>
            </w:r>
          </w:p>
          <w:p w:rsidR="00156FB3" w:rsidRDefault="00156FB3" w:rsidP="00156FB3">
            <w:r>
              <w:t xml:space="preserve">        }</w:t>
            </w:r>
          </w:p>
          <w:p w:rsidR="00156FB3" w:rsidRDefault="00156FB3" w:rsidP="00156FB3"/>
          <w:p w:rsidR="00156FB3" w:rsidRDefault="00156FB3" w:rsidP="00156FB3">
            <w:r>
              <w:t xml:space="preserve">        // Append a origin to the base</w:t>
            </w:r>
          </w:p>
          <w:p w:rsidR="00156FB3" w:rsidRDefault="00156FB3" w:rsidP="00156FB3">
            <w:r>
              <w:t xml:space="preserve">        function addOrigin(base, handleNumber) {</w:t>
            </w:r>
          </w:p>
          <w:p w:rsidR="00156FB3" w:rsidRDefault="00156FB3" w:rsidP="00156FB3">
            <w:r>
              <w:t xml:space="preserve">            var origin = addNodeTo(base, options.cssClasses.origin);</w:t>
            </w:r>
          </w:p>
          <w:p w:rsidR="00156FB3" w:rsidRDefault="00156FB3" w:rsidP="00156FB3">
            <w:r>
              <w:t xml:space="preserve">            var handle = addNodeTo(origin, options.cssClasses.handle);</w:t>
            </w:r>
          </w:p>
          <w:p w:rsidR="00156FB3" w:rsidRDefault="00156FB3" w:rsidP="00156FB3"/>
          <w:p w:rsidR="00156FB3" w:rsidRDefault="00156FB3" w:rsidP="00156FB3">
            <w:r>
              <w:t xml:space="preserve">            addNodeTo(handle, options.cssClasses.touchArea);</w:t>
            </w:r>
          </w:p>
          <w:p w:rsidR="00156FB3" w:rsidRDefault="00156FB3" w:rsidP="00156FB3"/>
          <w:p w:rsidR="00156FB3" w:rsidRDefault="00156FB3" w:rsidP="00156FB3">
            <w:r>
              <w:t xml:space="preserve">            handle.setAttribute("data-handle", handleNumber);</w:t>
            </w:r>
          </w:p>
          <w:p w:rsidR="00156FB3" w:rsidRDefault="00156FB3" w:rsidP="00156FB3"/>
          <w:p w:rsidR="00156FB3" w:rsidRDefault="00156FB3" w:rsidP="00156FB3">
            <w:r>
              <w:t xml:space="preserve">            if (options.keyboardSupport) {</w:t>
            </w:r>
          </w:p>
          <w:p w:rsidR="00156FB3" w:rsidRDefault="00156FB3" w:rsidP="00156FB3">
            <w:r>
              <w:t xml:space="preserve">                // https://developer.mozilla.org/en-US/docs/Web/HTML/Global_attributes/tabindex</w:t>
            </w:r>
          </w:p>
          <w:p w:rsidR="00156FB3" w:rsidRDefault="00156FB3" w:rsidP="00156FB3">
            <w:r>
              <w:t xml:space="preserve">                // 0 = focusable and reachable</w:t>
            </w:r>
          </w:p>
          <w:p w:rsidR="00156FB3" w:rsidRDefault="00156FB3" w:rsidP="00156FB3">
            <w:r>
              <w:t xml:space="preserve">                handle.setAttribute("tabindex", "0");</w:t>
            </w:r>
          </w:p>
          <w:p w:rsidR="00156FB3" w:rsidRDefault="00156FB3" w:rsidP="00156FB3">
            <w:r>
              <w:t xml:space="preserve">                handle.addEventListener("keydown", function(event) {</w:t>
            </w:r>
          </w:p>
          <w:p w:rsidR="00156FB3" w:rsidRDefault="00156FB3" w:rsidP="00156FB3">
            <w:r>
              <w:t xml:space="preserve">                    return eventKeydown(event, handleNumber);</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handle.setAttribute("role", "slider");</w:t>
            </w:r>
          </w:p>
          <w:p w:rsidR="00156FB3" w:rsidRDefault="00156FB3" w:rsidP="00156FB3">
            <w:r>
              <w:t xml:space="preserve">            handle.setAttribute("aria-orientation", options.ort ? "vertical" : "horizontal");</w:t>
            </w:r>
          </w:p>
          <w:p w:rsidR="00156FB3" w:rsidRDefault="00156FB3" w:rsidP="00156FB3"/>
          <w:p w:rsidR="00156FB3" w:rsidRDefault="00156FB3" w:rsidP="00156FB3">
            <w:r>
              <w:t xml:space="preserve">            if (handleNumber === 0) {</w:t>
            </w:r>
          </w:p>
          <w:p w:rsidR="00156FB3" w:rsidRDefault="00156FB3" w:rsidP="00156FB3">
            <w:r>
              <w:t xml:space="preserve">                addClass(handle, options.cssClasses.handleLower);</w:t>
            </w:r>
          </w:p>
          <w:p w:rsidR="00156FB3" w:rsidRDefault="00156FB3" w:rsidP="00156FB3">
            <w:r>
              <w:t xml:space="preserve">            } else if (handleNumber === options.handles - 1) {</w:t>
            </w:r>
          </w:p>
          <w:p w:rsidR="00156FB3" w:rsidRDefault="00156FB3" w:rsidP="00156FB3">
            <w:r>
              <w:t xml:space="preserve">                addClass(handle, options.cssClasses.handleUpper);</w:t>
            </w:r>
          </w:p>
          <w:p w:rsidR="00156FB3" w:rsidRDefault="00156FB3" w:rsidP="00156FB3">
            <w:r>
              <w:t xml:space="preserve">            }</w:t>
            </w:r>
          </w:p>
          <w:p w:rsidR="00156FB3" w:rsidRDefault="00156FB3" w:rsidP="00156FB3"/>
          <w:p w:rsidR="00156FB3" w:rsidRDefault="00156FB3" w:rsidP="00156FB3">
            <w:r>
              <w:t xml:space="preserve">            return origin;</w:t>
            </w:r>
          </w:p>
          <w:p w:rsidR="00156FB3" w:rsidRDefault="00156FB3" w:rsidP="00156FB3">
            <w:r>
              <w:t xml:space="preserve">        }</w:t>
            </w:r>
          </w:p>
          <w:p w:rsidR="00156FB3" w:rsidRDefault="00156FB3" w:rsidP="00156FB3"/>
          <w:p w:rsidR="00156FB3" w:rsidRDefault="00156FB3" w:rsidP="00156FB3">
            <w:r>
              <w:t xml:space="preserve">        // Insert nodes for connect elements</w:t>
            </w:r>
          </w:p>
          <w:p w:rsidR="00156FB3" w:rsidRDefault="00156FB3" w:rsidP="00156FB3">
            <w:r>
              <w:t xml:space="preserve">        function addConnect(base, add) {</w:t>
            </w:r>
          </w:p>
          <w:p w:rsidR="00156FB3" w:rsidRDefault="00156FB3" w:rsidP="00156FB3">
            <w:r>
              <w:lastRenderedPageBreak/>
              <w:t xml:space="preserve">            if (!add)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return addNodeTo(base, options.cssClasses.connect);</w:t>
            </w:r>
          </w:p>
          <w:p w:rsidR="00156FB3" w:rsidRDefault="00156FB3" w:rsidP="00156FB3">
            <w:r>
              <w:t xml:space="preserve">        }</w:t>
            </w:r>
          </w:p>
          <w:p w:rsidR="00156FB3" w:rsidRDefault="00156FB3" w:rsidP="00156FB3"/>
          <w:p w:rsidR="00156FB3" w:rsidRDefault="00156FB3" w:rsidP="00156FB3">
            <w:r>
              <w:t xml:space="preserve">        // Add handles to the slider base.</w:t>
            </w:r>
          </w:p>
          <w:p w:rsidR="00156FB3" w:rsidRDefault="00156FB3" w:rsidP="00156FB3">
            <w:r>
              <w:t xml:space="preserve">        function addElements(connectOptions, base) {</w:t>
            </w:r>
          </w:p>
          <w:p w:rsidR="00156FB3" w:rsidRDefault="00156FB3" w:rsidP="00156FB3">
            <w:r>
              <w:t xml:space="preserve">            var connectBase = addNodeTo(base, options.cssClasses.connects);</w:t>
            </w:r>
          </w:p>
          <w:p w:rsidR="00156FB3" w:rsidRDefault="00156FB3" w:rsidP="00156FB3"/>
          <w:p w:rsidR="00156FB3" w:rsidRDefault="00156FB3" w:rsidP="00156FB3">
            <w:r>
              <w:t xml:space="preserve">            scope_Handles = [];</w:t>
            </w:r>
          </w:p>
          <w:p w:rsidR="00156FB3" w:rsidRDefault="00156FB3" w:rsidP="00156FB3">
            <w:r>
              <w:t xml:space="preserve">            scope_Connects = [];</w:t>
            </w:r>
          </w:p>
          <w:p w:rsidR="00156FB3" w:rsidRDefault="00156FB3" w:rsidP="00156FB3"/>
          <w:p w:rsidR="00156FB3" w:rsidRDefault="00156FB3" w:rsidP="00156FB3">
            <w:r>
              <w:t xml:space="preserve">            scope_Connects.push(addConnect(connectBase, connectOptions[0]));</w:t>
            </w:r>
          </w:p>
          <w:p w:rsidR="00156FB3" w:rsidRDefault="00156FB3" w:rsidP="00156FB3"/>
          <w:p w:rsidR="00156FB3" w:rsidRDefault="00156FB3" w:rsidP="00156FB3">
            <w:r>
              <w:t xml:space="preserve">            // [::::O====O====O====]</w:t>
            </w:r>
          </w:p>
          <w:p w:rsidR="00156FB3" w:rsidRDefault="00156FB3" w:rsidP="00156FB3">
            <w:r>
              <w:t xml:space="preserve">            // connectOptions = [0, 1, 1, 1]</w:t>
            </w:r>
          </w:p>
          <w:p w:rsidR="00156FB3" w:rsidRDefault="00156FB3" w:rsidP="00156FB3"/>
          <w:p w:rsidR="00156FB3" w:rsidRDefault="00156FB3" w:rsidP="00156FB3">
            <w:r>
              <w:t xml:space="preserve">            for (var i = 0; i &lt; options.handles; i++) {</w:t>
            </w:r>
          </w:p>
          <w:p w:rsidR="00156FB3" w:rsidRDefault="00156FB3" w:rsidP="00156FB3">
            <w:r>
              <w:t xml:space="preserve">                // Keep a list of all added handles.</w:t>
            </w:r>
          </w:p>
          <w:p w:rsidR="00156FB3" w:rsidRDefault="00156FB3" w:rsidP="00156FB3">
            <w:r>
              <w:t xml:space="preserve">                scope_Handles.push(addOrigin(base, i));</w:t>
            </w:r>
          </w:p>
          <w:p w:rsidR="00156FB3" w:rsidRDefault="00156FB3" w:rsidP="00156FB3">
            <w:r>
              <w:t xml:space="preserve">                scope_HandleNumbers[i] = i;</w:t>
            </w:r>
          </w:p>
          <w:p w:rsidR="00156FB3" w:rsidRDefault="00156FB3" w:rsidP="00156FB3">
            <w:r>
              <w:t xml:space="preserve">                scope_Connects.push(addConnect(connectBase, connectOptions[i + 1]));</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Initialize a single slider.</w:t>
            </w:r>
          </w:p>
          <w:p w:rsidR="00156FB3" w:rsidRDefault="00156FB3" w:rsidP="00156FB3">
            <w:r>
              <w:t xml:space="preserve">        function addSlider(addTarget) {</w:t>
            </w:r>
          </w:p>
          <w:p w:rsidR="00156FB3" w:rsidRDefault="00156FB3" w:rsidP="00156FB3">
            <w:r>
              <w:t xml:space="preserve">            // Apply classes and data to the target.</w:t>
            </w:r>
          </w:p>
          <w:p w:rsidR="00156FB3" w:rsidRDefault="00156FB3" w:rsidP="00156FB3">
            <w:r>
              <w:t xml:space="preserve">            addClass(addTarget, options.cssClasses.target);</w:t>
            </w:r>
          </w:p>
          <w:p w:rsidR="00156FB3" w:rsidRDefault="00156FB3" w:rsidP="00156FB3"/>
          <w:p w:rsidR="00156FB3" w:rsidRDefault="00156FB3" w:rsidP="00156FB3">
            <w:r>
              <w:t xml:space="preserve">            if (options.dir === 0) {</w:t>
            </w:r>
          </w:p>
          <w:p w:rsidR="00156FB3" w:rsidRDefault="00156FB3" w:rsidP="00156FB3">
            <w:r>
              <w:t xml:space="preserve">                addClass(addTarget, options.cssClasses.ltr);</w:t>
            </w:r>
          </w:p>
          <w:p w:rsidR="00156FB3" w:rsidRDefault="00156FB3" w:rsidP="00156FB3">
            <w:r>
              <w:t xml:space="preserve">            } else {</w:t>
            </w:r>
          </w:p>
          <w:p w:rsidR="00156FB3" w:rsidRDefault="00156FB3" w:rsidP="00156FB3">
            <w:r>
              <w:t xml:space="preserve">                addClass(addTarget, options.cssClasses.rtl);</w:t>
            </w:r>
          </w:p>
          <w:p w:rsidR="00156FB3" w:rsidRDefault="00156FB3" w:rsidP="00156FB3">
            <w:r>
              <w:t xml:space="preserve">            }</w:t>
            </w:r>
          </w:p>
          <w:p w:rsidR="00156FB3" w:rsidRDefault="00156FB3" w:rsidP="00156FB3"/>
          <w:p w:rsidR="00156FB3" w:rsidRDefault="00156FB3" w:rsidP="00156FB3">
            <w:r>
              <w:t xml:space="preserve">            if (options.ort === 0) {</w:t>
            </w:r>
          </w:p>
          <w:p w:rsidR="00156FB3" w:rsidRDefault="00156FB3" w:rsidP="00156FB3">
            <w:r>
              <w:t xml:space="preserve">                addClass(addTarget, options.cssClasses.horizontal);</w:t>
            </w:r>
          </w:p>
          <w:p w:rsidR="00156FB3" w:rsidRDefault="00156FB3" w:rsidP="00156FB3">
            <w:r>
              <w:t xml:space="preserve">            } else {</w:t>
            </w:r>
          </w:p>
          <w:p w:rsidR="00156FB3" w:rsidRDefault="00156FB3" w:rsidP="00156FB3">
            <w:r>
              <w:t xml:space="preserve">                addClass(addTarget, options.cssClasses.vertical);</w:t>
            </w:r>
          </w:p>
          <w:p w:rsidR="00156FB3" w:rsidRDefault="00156FB3" w:rsidP="00156FB3">
            <w:r>
              <w:t xml:space="preserve">            }</w:t>
            </w:r>
          </w:p>
          <w:p w:rsidR="00156FB3" w:rsidRDefault="00156FB3" w:rsidP="00156FB3"/>
          <w:p w:rsidR="00156FB3" w:rsidRDefault="00156FB3" w:rsidP="00156FB3">
            <w:r>
              <w:t xml:space="preserve">            var textDirection = getComputedStyle(addTarget).direction;</w:t>
            </w:r>
          </w:p>
          <w:p w:rsidR="00156FB3" w:rsidRDefault="00156FB3" w:rsidP="00156FB3"/>
          <w:p w:rsidR="00156FB3" w:rsidRDefault="00156FB3" w:rsidP="00156FB3">
            <w:r>
              <w:t xml:space="preserve">            if (textDirection === "rtl") {</w:t>
            </w:r>
          </w:p>
          <w:p w:rsidR="00156FB3" w:rsidRDefault="00156FB3" w:rsidP="00156FB3">
            <w:r>
              <w:t xml:space="preserve">                addClass(addTarget, options.cssClasses.textDirectionRtl);</w:t>
            </w:r>
          </w:p>
          <w:p w:rsidR="00156FB3" w:rsidRDefault="00156FB3" w:rsidP="00156FB3">
            <w:r>
              <w:lastRenderedPageBreak/>
              <w:t xml:space="preserve">            } else {</w:t>
            </w:r>
          </w:p>
          <w:p w:rsidR="00156FB3" w:rsidRDefault="00156FB3" w:rsidP="00156FB3">
            <w:r>
              <w:t xml:space="preserve">                addClass(addTarget, options.cssClasses.textDirectionLtr);</w:t>
            </w:r>
          </w:p>
          <w:p w:rsidR="00156FB3" w:rsidRDefault="00156FB3" w:rsidP="00156FB3">
            <w:r>
              <w:t xml:space="preserve">            }</w:t>
            </w:r>
          </w:p>
          <w:p w:rsidR="00156FB3" w:rsidRDefault="00156FB3" w:rsidP="00156FB3"/>
          <w:p w:rsidR="00156FB3" w:rsidRDefault="00156FB3" w:rsidP="00156FB3">
            <w:r>
              <w:t xml:space="preserve">            return addNodeTo(addTarget, options.cssClasses.base);</w:t>
            </w:r>
          </w:p>
          <w:p w:rsidR="00156FB3" w:rsidRDefault="00156FB3" w:rsidP="00156FB3">
            <w:r>
              <w:t xml:space="preserve">        }</w:t>
            </w:r>
          </w:p>
          <w:p w:rsidR="00156FB3" w:rsidRDefault="00156FB3" w:rsidP="00156FB3"/>
          <w:p w:rsidR="00156FB3" w:rsidRDefault="00156FB3" w:rsidP="00156FB3">
            <w:r>
              <w:t xml:space="preserve">        function addTooltip(handle, handleNumber) {</w:t>
            </w:r>
          </w:p>
          <w:p w:rsidR="00156FB3" w:rsidRDefault="00156FB3" w:rsidP="00156FB3">
            <w:r>
              <w:t xml:space="preserve">            if (!options.tooltips[handleNumber])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return addNodeTo(handle.firstChild, options.cssClasses.tooltip);</w:t>
            </w:r>
          </w:p>
          <w:p w:rsidR="00156FB3" w:rsidRDefault="00156FB3" w:rsidP="00156FB3">
            <w:r>
              <w:t xml:space="preserve">        }</w:t>
            </w:r>
          </w:p>
          <w:p w:rsidR="00156FB3" w:rsidRDefault="00156FB3" w:rsidP="00156FB3"/>
          <w:p w:rsidR="00156FB3" w:rsidRDefault="00156FB3" w:rsidP="00156FB3">
            <w:r>
              <w:t xml:space="preserve">        function isSliderDisabled() {</w:t>
            </w:r>
          </w:p>
          <w:p w:rsidR="00156FB3" w:rsidRDefault="00156FB3" w:rsidP="00156FB3">
            <w:r>
              <w:t xml:space="preserve">            return scope_Target.hasAttribute("disabled");</w:t>
            </w:r>
          </w:p>
          <w:p w:rsidR="00156FB3" w:rsidRDefault="00156FB3" w:rsidP="00156FB3">
            <w:r>
              <w:t xml:space="preserve">        }</w:t>
            </w:r>
          </w:p>
          <w:p w:rsidR="00156FB3" w:rsidRDefault="00156FB3" w:rsidP="00156FB3"/>
          <w:p w:rsidR="00156FB3" w:rsidRDefault="00156FB3" w:rsidP="00156FB3">
            <w:r>
              <w:t xml:space="preserve">        // Disable the slider dragging if any handle is disabled</w:t>
            </w:r>
          </w:p>
          <w:p w:rsidR="00156FB3" w:rsidRDefault="00156FB3" w:rsidP="00156FB3">
            <w:r>
              <w:t xml:space="preserve">        function isHandleDisabled(handleNumber) {</w:t>
            </w:r>
          </w:p>
          <w:p w:rsidR="00156FB3" w:rsidRDefault="00156FB3" w:rsidP="00156FB3">
            <w:r>
              <w:t xml:space="preserve">            var handleOrigin = scope_Handles[handleNumber];</w:t>
            </w:r>
          </w:p>
          <w:p w:rsidR="00156FB3" w:rsidRDefault="00156FB3" w:rsidP="00156FB3">
            <w:r>
              <w:t xml:space="preserve">            return handleOrigin.hasAttribute("disabled");</w:t>
            </w:r>
          </w:p>
          <w:p w:rsidR="00156FB3" w:rsidRDefault="00156FB3" w:rsidP="00156FB3">
            <w:r>
              <w:t xml:space="preserve">        }</w:t>
            </w:r>
          </w:p>
          <w:p w:rsidR="00156FB3" w:rsidRDefault="00156FB3" w:rsidP="00156FB3"/>
          <w:p w:rsidR="00156FB3" w:rsidRDefault="00156FB3" w:rsidP="00156FB3">
            <w:r>
              <w:t xml:space="preserve">        function removeTooltips() {</w:t>
            </w:r>
          </w:p>
          <w:p w:rsidR="00156FB3" w:rsidRDefault="00156FB3" w:rsidP="00156FB3">
            <w:r>
              <w:t xml:space="preserve">            if (scope_Tooltips) {</w:t>
            </w:r>
          </w:p>
          <w:p w:rsidR="00156FB3" w:rsidRDefault="00156FB3" w:rsidP="00156FB3">
            <w:r>
              <w:t xml:space="preserve">                removeEvent("update.tooltips");</w:t>
            </w:r>
          </w:p>
          <w:p w:rsidR="00156FB3" w:rsidRDefault="00156FB3" w:rsidP="00156FB3">
            <w:r>
              <w:t xml:space="preserve">                scope_Tooltips.forEach(function(tooltip) {</w:t>
            </w:r>
          </w:p>
          <w:p w:rsidR="00156FB3" w:rsidRDefault="00156FB3" w:rsidP="00156FB3">
            <w:r>
              <w:t xml:space="preserve">                    if (tooltip) {</w:t>
            </w:r>
          </w:p>
          <w:p w:rsidR="00156FB3" w:rsidRDefault="00156FB3" w:rsidP="00156FB3">
            <w:r>
              <w:t xml:space="preserve">                        removeElement(tooltip);</w:t>
            </w:r>
          </w:p>
          <w:p w:rsidR="00156FB3" w:rsidRDefault="00156FB3" w:rsidP="00156FB3">
            <w:r>
              <w:t xml:space="preserve">                    }</w:t>
            </w:r>
          </w:p>
          <w:p w:rsidR="00156FB3" w:rsidRDefault="00156FB3" w:rsidP="00156FB3">
            <w:r>
              <w:t xml:space="preserve">                });</w:t>
            </w:r>
          </w:p>
          <w:p w:rsidR="00156FB3" w:rsidRDefault="00156FB3" w:rsidP="00156FB3">
            <w:r>
              <w:t xml:space="preserve">                scope_Tooltips = null;</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The tooltips option is a shorthand for using the 'update' event.</w:t>
            </w:r>
          </w:p>
          <w:p w:rsidR="00156FB3" w:rsidRDefault="00156FB3" w:rsidP="00156FB3">
            <w:r>
              <w:t xml:space="preserve">        function tooltips() {</w:t>
            </w:r>
          </w:p>
          <w:p w:rsidR="00156FB3" w:rsidRDefault="00156FB3" w:rsidP="00156FB3">
            <w:r>
              <w:t xml:space="preserve">            removeTooltips();</w:t>
            </w:r>
          </w:p>
          <w:p w:rsidR="00156FB3" w:rsidRDefault="00156FB3" w:rsidP="00156FB3"/>
          <w:p w:rsidR="00156FB3" w:rsidRDefault="00156FB3" w:rsidP="00156FB3">
            <w:r>
              <w:t xml:space="preserve">            // Tooltips are added with options.tooltips in original order.</w:t>
            </w:r>
          </w:p>
          <w:p w:rsidR="00156FB3" w:rsidRDefault="00156FB3" w:rsidP="00156FB3">
            <w:r>
              <w:t xml:space="preserve">            scope_Tooltips = scope_Handles.map(addTooltip);</w:t>
            </w:r>
          </w:p>
          <w:p w:rsidR="00156FB3" w:rsidRDefault="00156FB3" w:rsidP="00156FB3"/>
          <w:p w:rsidR="00156FB3" w:rsidRDefault="00156FB3" w:rsidP="00156FB3">
            <w:r>
              <w:t xml:space="preserve">            bindEvent("update.tooltips", function(values, handleNumber, unencoded) {</w:t>
            </w:r>
          </w:p>
          <w:p w:rsidR="00156FB3" w:rsidRDefault="00156FB3" w:rsidP="00156FB3">
            <w:r>
              <w:t xml:space="preserve">                if (!scope_Tooltips[handleNumber])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var formattedValue = values[handleNumber];</w:t>
            </w:r>
          </w:p>
          <w:p w:rsidR="00156FB3" w:rsidRDefault="00156FB3" w:rsidP="00156FB3"/>
          <w:p w:rsidR="00156FB3" w:rsidRDefault="00156FB3" w:rsidP="00156FB3">
            <w:r>
              <w:t xml:space="preserve">                if (options.tooltips[handleNumber] !== true) {</w:t>
            </w:r>
          </w:p>
          <w:p w:rsidR="00156FB3" w:rsidRDefault="00156FB3" w:rsidP="00156FB3">
            <w:r>
              <w:t xml:space="preserve">                    formattedValue = options.tooltips[handleNumber].to(unencoded[handleNumber]);</w:t>
            </w:r>
          </w:p>
          <w:p w:rsidR="00156FB3" w:rsidRDefault="00156FB3" w:rsidP="00156FB3">
            <w:r>
              <w:t xml:space="preserve">                }</w:t>
            </w:r>
          </w:p>
          <w:p w:rsidR="00156FB3" w:rsidRDefault="00156FB3" w:rsidP="00156FB3"/>
          <w:p w:rsidR="00156FB3" w:rsidRDefault="00156FB3" w:rsidP="00156FB3">
            <w:r>
              <w:t xml:space="preserve">                scope_Tooltips[handleNumber].innerHTML = formattedVal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aria() {</w:t>
            </w:r>
          </w:p>
          <w:p w:rsidR="00156FB3" w:rsidRDefault="00156FB3" w:rsidP="00156FB3">
            <w:r>
              <w:t xml:space="preserve">            bindEvent("update", function(values, handleNumber, unencoded, tap, positions) {</w:t>
            </w:r>
          </w:p>
          <w:p w:rsidR="00156FB3" w:rsidRDefault="00156FB3" w:rsidP="00156FB3">
            <w:r>
              <w:t xml:space="preserve">                // Update Aria Values for all handles, as a change in one changes min and max values for the next.</w:t>
            </w:r>
          </w:p>
          <w:p w:rsidR="00156FB3" w:rsidRDefault="00156FB3" w:rsidP="00156FB3">
            <w:r>
              <w:t xml:space="preserve">                scope_HandleNumbers.forEach(function(index) {</w:t>
            </w:r>
          </w:p>
          <w:p w:rsidR="00156FB3" w:rsidRDefault="00156FB3" w:rsidP="00156FB3">
            <w:r>
              <w:t xml:space="preserve">                    var handle = scope_Handles[index];</w:t>
            </w:r>
          </w:p>
          <w:p w:rsidR="00156FB3" w:rsidRDefault="00156FB3" w:rsidP="00156FB3"/>
          <w:p w:rsidR="00156FB3" w:rsidRDefault="00156FB3" w:rsidP="00156FB3">
            <w:r>
              <w:t xml:space="preserve">                    var min = checkHandlePosition(scope_Locations, index, 0, true, true, true);</w:t>
            </w:r>
          </w:p>
          <w:p w:rsidR="00156FB3" w:rsidRDefault="00156FB3" w:rsidP="00156FB3">
            <w:r>
              <w:t xml:space="preserve">                    var max = checkHandlePosition(scope_Locations, index, 100, true, true, true);</w:t>
            </w:r>
          </w:p>
          <w:p w:rsidR="00156FB3" w:rsidRDefault="00156FB3" w:rsidP="00156FB3"/>
          <w:p w:rsidR="00156FB3" w:rsidRDefault="00156FB3" w:rsidP="00156FB3">
            <w:r>
              <w:t xml:space="preserve">                    var now = positions[index];</w:t>
            </w:r>
          </w:p>
          <w:p w:rsidR="00156FB3" w:rsidRDefault="00156FB3" w:rsidP="00156FB3"/>
          <w:p w:rsidR="00156FB3" w:rsidRDefault="00156FB3" w:rsidP="00156FB3">
            <w:r>
              <w:t xml:space="preserve">                    // Formatted value for display</w:t>
            </w:r>
          </w:p>
          <w:p w:rsidR="00156FB3" w:rsidRDefault="00156FB3" w:rsidP="00156FB3">
            <w:r>
              <w:t xml:space="preserve">                    var text = options.ariaFormat.to(unencoded[index]);</w:t>
            </w:r>
          </w:p>
          <w:p w:rsidR="00156FB3" w:rsidRDefault="00156FB3" w:rsidP="00156FB3"/>
          <w:p w:rsidR="00156FB3" w:rsidRDefault="00156FB3" w:rsidP="00156FB3">
            <w:r>
              <w:t xml:space="preserve">                    // Map to slider range values</w:t>
            </w:r>
          </w:p>
          <w:p w:rsidR="00156FB3" w:rsidRDefault="00156FB3" w:rsidP="00156FB3">
            <w:r>
              <w:t xml:space="preserve">                    min = scope_Spectrum.fromStepping(min).toFixed(1);</w:t>
            </w:r>
          </w:p>
          <w:p w:rsidR="00156FB3" w:rsidRDefault="00156FB3" w:rsidP="00156FB3">
            <w:r>
              <w:t xml:space="preserve">                    max = scope_Spectrum.fromStepping(max).toFixed(1);</w:t>
            </w:r>
          </w:p>
          <w:p w:rsidR="00156FB3" w:rsidRDefault="00156FB3" w:rsidP="00156FB3">
            <w:r>
              <w:t xml:space="preserve">                    now = scope_Spectrum.fromStepping(now).toFixed(1);</w:t>
            </w:r>
          </w:p>
          <w:p w:rsidR="00156FB3" w:rsidRDefault="00156FB3" w:rsidP="00156FB3"/>
          <w:p w:rsidR="00156FB3" w:rsidRDefault="00156FB3" w:rsidP="00156FB3">
            <w:r>
              <w:t xml:space="preserve">                    handle.children[0].setAttribute("aria-valuemin", min);</w:t>
            </w:r>
          </w:p>
          <w:p w:rsidR="00156FB3" w:rsidRDefault="00156FB3" w:rsidP="00156FB3">
            <w:r>
              <w:t xml:space="preserve">                    handle.children[0].setAttribute("aria-valuemax", max);</w:t>
            </w:r>
          </w:p>
          <w:p w:rsidR="00156FB3" w:rsidRDefault="00156FB3" w:rsidP="00156FB3">
            <w:r>
              <w:t xml:space="preserve">                    handle.children[0].setAttribute("aria-valuenow", now);</w:t>
            </w:r>
          </w:p>
          <w:p w:rsidR="00156FB3" w:rsidRDefault="00156FB3" w:rsidP="00156FB3">
            <w:r>
              <w:t xml:space="preserve">                    handle.children[0].setAttribute("aria-valuetext", text);</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getGroup(mode, values, stepped) {</w:t>
            </w:r>
          </w:p>
          <w:p w:rsidR="00156FB3" w:rsidRDefault="00156FB3" w:rsidP="00156FB3">
            <w:r>
              <w:t xml:space="preserve">            // Use the range.</w:t>
            </w:r>
          </w:p>
          <w:p w:rsidR="00156FB3" w:rsidRDefault="00156FB3" w:rsidP="00156FB3">
            <w:r>
              <w:t xml:space="preserve">            if (mode === "range" || mode === "steps") {</w:t>
            </w:r>
          </w:p>
          <w:p w:rsidR="00156FB3" w:rsidRDefault="00156FB3" w:rsidP="00156FB3">
            <w:r>
              <w:t xml:space="preserve">                return scope_Spectrum.xVal;</w:t>
            </w:r>
          </w:p>
          <w:p w:rsidR="00156FB3" w:rsidRDefault="00156FB3" w:rsidP="00156FB3">
            <w:r>
              <w:t xml:space="preserve">            }</w:t>
            </w:r>
          </w:p>
          <w:p w:rsidR="00156FB3" w:rsidRDefault="00156FB3" w:rsidP="00156FB3"/>
          <w:p w:rsidR="00156FB3" w:rsidRDefault="00156FB3" w:rsidP="00156FB3">
            <w:r>
              <w:t xml:space="preserve">            if (mode === "count") {</w:t>
            </w:r>
          </w:p>
          <w:p w:rsidR="00156FB3" w:rsidRDefault="00156FB3" w:rsidP="00156FB3">
            <w:r>
              <w:t xml:space="preserve">                if (values &lt; 2) {</w:t>
            </w:r>
          </w:p>
          <w:p w:rsidR="00156FB3" w:rsidRDefault="00156FB3" w:rsidP="00156FB3">
            <w:r>
              <w:t xml:space="preserve">                    throw new Error("noUiSlider (" + VERSION + "): 'values' (&gt;= 2) required for mode 'count'.");</w:t>
            </w:r>
          </w:p>
          <w:p w:rsidR="00156FB3" w:rsidRDefault="00156FB3" w:rsidP="00156FB3">
            <w:r>
              <w:lastRenderedPageBreak/>
              <w:t xml:space="preserve">                }</w:t>
            </w:r>
          </w:p>
          <w:p w:rsidR="00156FB3" w:rsidRDefault="00156FB3" w:rsidP="00156FB3"/>
          <w:p w:rsidR="00156FB3" w:rsidRDefault="00156FB3" w:rsidP="00156FB3">
            <w:r>
              <w:t xml:space="preserve">                // Divide 0 - 100 in 'count' parts.</w:t>
            </w:r>
          </w:p>
          <w:p w:rsidR="00156FB3" w:rsidRDefault="00156FB3" w:rsidP="00156FB3">
            <w:r>
              <w:t xml:space="preserve">                var interval = values - 1;</w:t>
            </w:r>
          </w:p>
          <w:p w:rsidR="00156FB3" w:rsidRDefault="00156FB3" w:rsidP="00156FB3">
            <w:r>
              <w:t xml:space="preserve">                var spread = 100 / interval;</w:t>
            </w:r>
          </w:p>
          <w:p w:rsidR="00156FB3" w:rsidRDefault="00156FB3" w:rsidP="00156FB3"/>
          <w:p w:rsidR="00156FB3" w:rsidRDefault="00156FB3" w:rsidP="00156FB3">
            <w:r>
              <w:t xml:space="preserve">                values = [];</w:t>
            </w:r>
          </w:p>
          <w:p w:rsidR="00156FB3" w:rsidRDefault="00156FB3" w:rsidP="00156FB3"/>
          <w:p w:rsidR="00156FB3" w:rsidRDefault="00156FB3" w:rsidP="00156FB3">
            <w:r>
              <w:t xml:space="preserve">                // List these parts and have them handled as 'positions'.</w:t>
            </w:r>
          </w:p>
          <w:p w:rsidR="00156FB3" w:rsidRDefault="00156FB3" w:rsidP="00156FB3">
            <w:r>
              <w:t xml:space="preserve">                while (interval--) {</w:t>
            </w:r>
          </w:p>
          <w:p w:rsidR="00156FB3" w:rsidRDefault="00156FB3" w:rsidP="00156FB3">
            <w:r>
              <w:t xml:space="preserve">                    values[interval] = interval * spread;</w:t>
            </w:r>
          </w:p>
          <w:p w:rsidR="00156FB3" w:rsidRDefault="00156FB3" w:rsidP="00156FB3">
            <w:r>
              <w:t xml:space="preserve">                }</w:t>
            </w:r>
          </w:p>
          <w:p w:rsidR="00156FB3" w:rsidRDefault="00156FB3" w:rsidP="00156FB3"/>
          <w:p w:rsidR="00156FB3" w:rsidRDefault="00156FB3" w:rsidP="00156FB3">
            <w:r>
              <w:t xml:space="preserve">                values.push(100);</w:t>
            </w:r>
          </w:p>
          <w:p w:rsidR="00156FB3" w:rsidRDefault="00156FB3" w:rsidP="00156FB3"/>
          <w:p w:rsidR="00156FB3" w:rsidRDefault="00156FB3" w:rsidP="00156FB3">
            <w:r>
              <w:t xml:space="preserve">                mode = "positions";</w:t>
            </w:r>
          </w:p>
          <w:p w:rsidR="00156FB3" w:rsidRDefault="00156FB3" w:rsidP="00156FB3">
            <w:r>
              <w:t xml:space="preserve">            }</w:t>
            </w:r>
          </w:p>
          <w:p w:rsidR="00156FB3" w:rsidRDefault="00156FB3" w:rsidP="00156FB3"/>
          <w:p w:rsidR="00156FB3" w:rsidRDefault="00156FB3" w:rsidP="00156FB3">
            <w:r>
              <w:t xml:space="preserve">            if (mode === "positions") {</w:t>
            </w:r>
          </w:p>
          <w:p w:rsidR="00156FB3" w:rsidRDefault="00156FB3" w:rsidP="00156FB3">
            <w:r>
              <w:t xml:space="preserve">                // Map all percentages to on-range values.</w:t>
            </w:r>
          </w:p>
          <w:p w:rsidR="00156FB3" w:rsidRDefault="00156FB3" w:rsidP="00156FB3">
            <w:r>
              <w:t xml:space="preserve">                return values.map(function(value) {</w:t>
            </w:r>
          </w:p>
          <w:p w:rsidR="00156FB3" w:rsidRDefault="00156FB3" w:rsidP="00156FB3">
            <w:r>
              <w:t xml:space="preserve">                    return scope_Spectrum.fromStepping(stepped ? scope_Spectrum.getStep(value) : val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if (mode === "values") {</w:t>
            </w:r>
          </w:p>
          <w:p w:rsidR="00156FB3" w:rsidRDefault="00156FB3" w:rsidP="00156FB3">
            <w:r>
              <w:t xml:space="preserve">                // If the value must be stepped, it needs to be converted to a percentage first.</w:t>
            </w:r>
          </w:p>
          <w:p w:rsidR="00156FB3" w:rsidRDefault="00156FB3" w:rsidP="00156FB3">
            <w:r>
              <w:t xml:space="preserve">                if (stepped) {</w:t>
            </w:r>
          </w:p>
          <w:p w:rsidR="00156FB3" w:rsidRDefault="00156FB3" w:rsidP="00156FB3">
            <w:r>
              <w:t xml:space="preserve">                    return values.map(function(value) {</w:t>
            </w:r>
          </w:p>
          <w:p w:rsidR="00156FB3" w:rsidRDefault="00156FB3" w:rsidP="00156FB3">
            <w:r>
              <w:t xml:space="preserve">                        // Convert to percentage, apply step, return to value.</w:t>
            </w:r>
          </w:p>
          <w:p w:rsidR="00156FB3" w:rsidRDefault="00156FB3" w:rsidP="00156FB3">
            <w:r>
              <w:t xml:space="preserve">                        return scope_Spectrum.fromStepping(scope_Spectrum.getStep(scope_Spectrum.toStepping(val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Otherwise, we can simply use the values.</w:t>
            </w:r>
          </w:p>
          <w:p w:rsidR="00156FB3" w:rsidRDefault="00156FB3" w:rsidP="00156FB3">
            <w:r>
              <w:t xml:space="preserve">                return value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generateSpread(density, mode, group) {</w:t>
            </w:r>
          </w:p>
          <w:p w:rsidR="00156FB3" w:rsidRDefault="00156FB3" w:rsidP="00156FB3">
            <w:r>
              <w:t xml:space="preserve">            function safeIncrement(value, increment) {</w:t>
            </w:r>
          </w:p>
          <w:p w:rsidR="00156FB3" w:rsidRDefault="00156FB3" w:rsidP="00156FB3">
            <w:r>
              <w:t xml:space="preserve">                // Avoid floating point variance by dropping the smallest decimal places.</w:t>
            </w:r>
          </w:p>
          <w:p w:rsidR="00156FB3" w:rsidRDefault="00156FB3" w:rsidP="00156FB3">
            <w:r>
              <w:t xml:space="preserve">                return (value + increment).toFixed(7) / 1;</w:t>
            </w:r>
          </w:p>
          <w:p w:rsidR="00156FB3" w:rsidRDefault="00156FB3" w:rsidP="00156FB3">
            <w:r>
              <w:t xml:space="preserve">            }</w:t>
            </w:r>
          </w:p>
          <w:p w:rsidR="00156FB3" w:rsidRDefault="00156FB3" w:rsidP="00156FB3"/>
          <w:p w:rsidR="00156FB3" w:rsidRDefault="00156FB3" w:rsidP="00156FB3">
            <w:r>
              <w:t xml:space="preserve">            var indexes = {};</w:t>
            </w:r>
          </w:p>
          <w:p w:rsidR="00156FB3" w:rsidRDefault="00156FB3" w:rsidP="00156FB3">
            <w:r>
              <w:t xml:space="preserve">            var firstInRange = scope_Spectrum.xVal[0];</w:t>
            </w:r>
          </w:p>
          <w:p w:rsidR="00156FB3" w:rsidRDefault="00156FB3" w:rsidP="00156FB3">
            <w:r>
              <w:lastRenderedPageBreak/>
              <w:t xml:space="preserve">            var lastInRange = scope_Spectrum.xVal[scope_Spectrum.xVal.length - 1];</w:t>
            </w:r>
          </w:p>
          <w:p w:rsidR="00156FB3" w:rsidRDefault="00156FB3" w:rsidP="00156FB3">
            <w:r>
              <w:t xml:space="preserve">            var ignoreFirst = false;</w:t>
            </w:r>
          </w:p>
          <w:p w:rsidR="00156FB3" w:rsidRDefault="00156FB3" w:rsidP="00156FB3">
            <w:r>
              <w:t xml:space="preserve">            var ignoreLast = false;</w:t>
            </w:r>
          </w:p>
          <w:p w:rsidR="00156FB3" w:rsidRDefault="00156FB3" w:rsidP="00156FB3">
            <w:r>
              <w:t xml:space="preserve">            var prevPct = 0;</w:t>
            </w:r>
          </w:p>
          <w:p w:rsidR="00156FB3" w:rsidRDefault="00156FB3" w:rsidP="00156FB3"/>
          <w:p w:rsidR="00156FB3" w:rsidRDefault="00156FB3" w:rsidP="00156FB3">
            <w:r>
              <w:t xml:space="preserve">            // Create a copy of the group, sort it and filter away all duplicates.</w:t>
            </w:r>
          </w:p>
          <w:p w:rsidR="00156FB3" w:rsidRDefault="00156FB3" w:rsidP="00156FB3">
            <w:r>
              <w:t xml:space="preserve">            group = unique(</w:t>
            </w:r>
          </w:p>
          <w:p w:rsidR="00156FB3" w:rsidRDefault="00156FB3" w:rsidP="00156FB3">
            <w:r>
              <w:t xml:space="preserve">                group.slice().sort(function(a, b) {</w:t>
            </w:r>
          </w:p>
          <w:p w:rsidR="00156FB3" w:rsidRDefault="00156FB3" w:rsidP="00156FB3">
            <w:r>
              <w:t xml:space="preserve">                    return a - b;</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Make sure the range starts with the first element.</w:t>
            </w:r>
          </w:p>
          <w:p w:rsidR="00156FB3" w:rsidRDefault="00156FB3" w:rsidP="00156FB3">
            <w:r>
              <w:t xml:space="preserve">            if (group[0] !== firstInRange) {</w:t>
            </w:r>
          </w:p>
          <w:p w:rsidR="00156FB3" w:rsidRDefault="00156FB3" w:rsidP="00156FB3">
            <w:r>
              <w:t xml:space="preserve">                group.unshift(firstInRange);</w:t>
            </w:r>
          </w:p>
          <w:p w:rsidR="00156FB3" w:rsidRDefault="00156FB3" w:rsidP="00156FB3">
            <w:r>
              <w:t xml:space="preserve">                ignoreFirst = true;</w:t>
            </w:r>
          </w:p>
          <w:p w:rsidR="00156FB3" w:rsidRDefault="00156FB3" w:rsidP="00156FB3">
            <w:r>
              <w:t xml:space="preserve">            }</w:t>
            </w:r>
          </w:p>
          <w:p w:rsidR="00156FB3" w:rsidRDefault="00156FB3" w:rsidP="00156FB3"/>
          <w:p w:rsidR="00156FB3" w:rsidRDefault="00156FB3" w:rsidP="00156FB3">
            <w:r>
              <w:t xml:space="preserve">            // Likewise for the last one.</w:t>
            </w:r>
          </w:p>
          <w:p w:rsidR="00156FB3" w:rsidRDefault="00156FB3" w:rsidP="00156FB3">
            <w:r>
              <w:t xml:space="preserve">            if (group[group.length - 1] !== lastInRange) {</w:t>
            </w:r>
          </w:p>
          <w:p w:rsidR="00156FB3" w:rsidRDefault="00156FB3" w:rsidP="00156FB3">
            <w:r>
              <w:t xml:space="preserve">                group.push(lastInRange);</w:t>
            </w:r>
          </w:p>
          <w:p w:rsidR="00156FB3" w:rsidRDefault="00156FB3" w:rsidP="00156FB3">
            <w:r>
              <w:t xml:space="preserve">                ignoreLast = true;</w:t>
            </w:r>
          </w:p>
          <w:p w:rsidR="00156FB3" w:rsidRDefault="00156FB3" w:rsidP="00156FB3">
            <w:r>
              <w:t xml:space="preserve">            }</w:t>
            </w:r>
          </w:p>
          <w:p w:rsidR="00156FB3" w:rsidRDefault="00156FB3" w:rsidP="00156FB3"/>
          <w:p w:rsidR="00156FB3" w:rsidRDefault="00156FB3" w:rsidP="00156FB3">
            <w:r>
              <w:t xml:space="preserve">            group.forEach(function(current, index) {</w:t>
            </w:r>
          </w:p>
          <w:p w:rsidR="00156FB3" w:rsidRDefault="00156FB3" w:rsidP="00156FB3">
            <w:r>
              <w:t xml:space="preserve">                // Get the current step and the lower + upper positions.</w:t>
            </w:r>
          </w:p>
          <w:p w:rsidR="00156FB3" w:rsidRDefault="00156FB3" w:rsidP="00156FB3">
            <w:r>
              <w:t xml:space="preserve">                var step;</w:t>
            </w:r>
          </w:p>
          <w:p w:rsidR="00156FB3" w:rsidRDefault="00156FB3" w:rsidP="00156FB3">
            <w:r>
              <w:t xml:space="preserve">                var i;</w:t>
            </w:r>
          </w:p>
          <w:p w:rsidR="00156FB3" w:rsidRDefault="00156FB3" w:rsidP="00156FB3">
            <w:r>
              <w:t xml:space="preserve">                var q;</w:t>
            </w:r>
          </w:p>
          <w:p w:rsidR="00156FB3" w:rsidRDefault="00156FB3" w:rsidP="00156FB3">
            <w:r>
              <w:t xml:space="preserve">                var low = current;</w:t>
            </w:r>
          </w:p>
          <w:p w:rsidR="00156FB3" w:rsidRDefault="00156FB3" w:rsidP="00156FB3">
            <w:r>
              <w:t xml:space="preserve">                var high = group[index + 1];</w:t>
            </w:r>
          </w:p>
          <w:p w:rsidR="00156FB3" w:rsidRDefault="00156FB3" w:rsidP="00156FB3">
            <w:r>
              <w:t xml:space="preserve">                var newPct;</w:t>
            </w:r>
          </w:p>
          <w:p w:rsidR="00156FB3" w:rsidRDefault="00156FB3" w:rsidP="00156FB3">
            <w:r>
              <w:t xml:space="preserve">                var pctDifference;</w:t>
            </w:r>
          </w:p>
          <w:p w:rsidR="00156FB3" w:rsidRDefault="00156FB3" w:rsidP="00156FB3">
            <w:r>
              <w:t xml:space="preserve">                var pctPos;</w:t>
            </w:r>
          </w:p>
          <w:p w:rsidR="00156FB3" w:rsidRDefault="00156FB3" w:rsidP="00156FB3">
            <w:r>
              <w:t xml:space="preserve">                var type;</w:t>
            </w:r>
          </w:p>
          <w:p w:rsidR="00156FB3" w:rsidRDefault="00156FB3" w:rsidP="00156FB3">
            <w:r>
              <w:t xml:space="preserve">                var steps;</w:t>
            </w:r>
          </w:p>
          <w:p w:rsidR="00156FB3" w:rsidRDefault="00156FB3" w:rsidP="00156FB3">
            <w:r>
              <w:t xml:space="preserve">                var realSteps;</w:t>
            </w:r>
          </w:p>
          <w:p w:rsidR="00156FB3" w:rsidRDefault="00156FB3" w:rsidP="00156FB3">
            <w:r>
              <w:t xml:space="preserve">                var stepSize;</w:t>
            </w:r>
          </w:p>
          <w:p w:rsidR="00156FB3" w:rsidRDefault="00156FB3" w:rsidP="00156FB3">
            <w:r>
              <w:t xml:space="preserve">                var isSteps = mode === "steps";</w:t>
            </w:r>
          </w:p>
          <w:p w:rsidR="00156FB3" w:rsidRDefault="00156FB3" w:rsidP="00156FB3"/>
          <w:p w:rsidR="00156FB3" w:rsidRDefault="00156FB3" w:rsidP="00156FB3">
            <w:r>
              <w:t xml:space="preserve">                // When using 'steps' mode, use the provided steps.</w:t>
            </w:r>
          </w:p>
          <w:p w:rsidR="00156FB3" w:rsidRDefault="00156FB3" w:rsidP="00156FB3">
            <w:r>
              <w:t xml:space="preserve">                // Otherwise, we'll step on to the next subrange.</w:t>
            </w:r>
          </w:p>
          <w:p w:rsidR="00156FB3" w:rsidRDefault="00156FB3" w:rsidP="00156FB3">
            <w:r>
              <w:t xml:space="preserve">                if (isSteps) {</w:t>
            </w:r>
          </w:p>
          <w:p w:rsidR="00156FB3" w:rsidRDefault="00156FB3" w:rsidP="00156FB3">
            <w:r>
              <w:t xml:space="preserve">                    step = scope_Spectrum.xNumSteps[index];</w:t>
            </w:r>
          </w:p>
          <w:p w:rsidR="00156FB3" w:rsidRDefault="00156FB3" w:rsidP="00156FB3">
            <w:r>
              <w:t xml:space="preserve">                }</w:t>
            </w:r>
          </w:p>
          <w:p w:rsidR="00156FB3" w:rsidRDefault="00156FB3" w:rsidP="00156FB3"/>
          <w:p w:rsidR="00156FB3" w:rsidRDefault="00156FB3" w:rsidP="00156FB3">
            <w:r>
              <w:t xml:space="preserve">                // Default to a 'full' step.</w:t>
            </w:r>
          </w:p>
          <w:p w:rsidR="00156FB3" w:rsidRDefault="00156FB3" w:rsidP="00156FB3">
            <w:r>
              <w:t xml:space="preserve">                if (!step) {</w:t>
            </w:r>
          </w:p>
          <w:p w:rsidR="00156FB3" w:rsidRDefault="00156FB3" w:rsidP="00156FB3">
            <w:r>
              <w:lastRenderedPageBreak/>
              <w:t xml:space="preserve">                    step = high - low;</w:t>
            </w:r>
          </w:p>
          <w:p w:rsidR="00156FB3" w:rsidRDefault="00156FB3" w:rsidP="00156FB3">
            <w:r>
              <w:t xml:space="preserve">                }</w:t>
            </w:r>
          </w:p>
          <w:p w:rsidR="00156FB3" w:rsidRDefault="00156FB3" w:rsidP="00156FB3"/>
          <w:p w:rsidR="00156FB3" w:rsidRDefault="00156FB3" w:rsidP="00156FB3">
            <w:r>
              <w:t xml:space="preserve">                // Low can be 0, so test for false. If high is undefined,</w:t>
            </w:r>
          </w:p>
          <w:p w:rsidR="00156FB3" w:rsidRDefault="00156FB3" w:rsidP="00156FB3">
            <w:r>
              <w:t xml:space="preserve">                // we are at the last subrange. Index 0 is already handled.</w:t>
            </w:r>
          </w:p>
          <w:p w:rsidR="00156FB3" w:rsidRDefault="00156FB3" w:rsidP="00156FB3">
            <w:r>
              <w:t xml:space="preserve">                if (low === false || high === undefined)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 Make sure step isn't 0, which would cause an infinite loop (#654)</w:t>
            </w:r>
          </w:p>
          <w:p w:rsidR="00156FB3" w:rsidRDefault="00156FB3" w:rsidP="00156FB3">
            <w:r>
              <w:t xml:space="preserve">                step = Math.max(step, 0.0000001);</w:t>
            </w:r>
          </w:p>
          <w:p w:rsidR="00156FB3" w:rsidRDefault="00156FB3" w:rsidP="00156FB3"/>
          <w:p w:rsidR="00156FB3" w:rsidRDefault="00156FB3" w:rsidP="00156FB3">
            <w:r>
              <w:t xml:space="preserve">                // Find all steps in the subrange.</w:t>
            </w:r>
          </w:p>
          <w:p w:rsidR="00156FB3" w:rsidRDefault="00156FB3" w:rsidP="00156FB3">
            <w:r>
              <w:t xml:space="preserve">                for (i = low; i &lt;= high; i = safeIncrement(i, step)) {</w:t>
            </w:r>
          </w:p>
          <w:p w:rsidR="00156FB3" w:rsidRDefault="00156FB3" w:rsidP="00156FB3">
            <w:r>
              <w:t xml:space="preserve">                    // Get the percentage value for the current step,</w:t>
            </w:r>
          </w:p>
          <w:p w:rsidR="00156FB3" w:rsidRDefault="00156FB3" w:rsidP="00156FB3">
            <w:r>
              <w:t xml:space="preserve">                    // calculate the size for the subrange.</w:t>
            </w:r>
          </w:p>
          <w:p w:rsidR="00156FB3" w:rsidRDefault="00156FB3" w:rsidP="00156FB3">
            <w:r>
              <w:t xml:space="preserve">                    newPct = scope_Spectrum.toStepping(i);</w:t>
            </w:r>
          </w:p>
          <w:p w:rsidR="00156FB3" w:rsidRDefault="00156FB3" w:rsidP="00156FB3">
            <w:r>
              <w:t xml:space="preserve">                    pctDifference = newPct - prevPct;</w:t>
            </w:r>
          </w:p>
          <w:p w:rsidR="00156FB3" w:rsidRDefault="00156FB3" w:rsidP="00156FB3"/>
          <w:p w:rsidR="00156FB3" w:rsidRDefault="00156FB3" w:rsidP="00156FB3">
            <w:r>
              <w:t xml:space="preserve">                    steps = pctDifference / density;</w:t>
            </w:r>
          </w:p>
          <w:p w:rsidR="00156FB3" w:rsidRDefault="00156FB3" w:rsidP="00156FB3">
            <w:r>
              <w:t xml:space="preserve">                    realSteps = Math.round(steps);</w:t>
            </w:r>
          </w:p>
          <w:p w:rsidR="00156FB3" w:rsidRDefault="00156FB3" w:rsidP="00156FB3"/>
          <w:p w:rsidR="00156FB3" w:rsidRDefault="00156FB3" w:rsidP="00156FB3">
            <w:r>
              <w:t xml:space="preserve">                    // This ratio represents the amount of percentage-space a point indicates.</w:t>
            </w:r>
          </w:p>
          <w:p w:rsidR="00156FB3" w:rsidRDefault="00156FB3" w:rsidP="00156FB3">
            <w:r>
              <w:t xml:space="preserve">                    // For a density 1 the points/percentage = 1. For density 2, that percentage needs to be re-divided.</w:t>
            </w:r>
          </w:p>
          <w:p w:rsidR="00156FB3" w:rsidRDefault="00156FB3" w:rsidP="00156FB3">
            <w:r>
              <w:t xml:space="preserve">                    // Round the percentage offset to an even number, then divide by two</w:t>
            </w:r>
          </w:p>
          <w:p w:rsidR="00156FB3" w:rsidRDefault="00156FB3" w:rsidP="00156FB3">
            <w:r>
              <w:t xml:space="preserve">                    // to spread the offset on both sides of the range.</w:t>
            </w:r>
          </w:p>
          <w:p w:rsidR="00156FB3" w:rsidRDefault="00156FB3" w:rsidP="00156FB3">
            <w:r>
              <w:t xml:space="preserve">                    stepSize = pctDifference / realSteps;</w:t>
            </w:r>
          </w:p>
          <w:p w:rsidR="00156FB3" w:rsidRDefault="00156FB3" w:rsidP="00156FB3"/>
          <w:p w:rsidR="00156FB3" w:rsidRDefault="00156FB3" w:rsidP="00156FB3">
            <w:r>
              <w:t xml:space="preserve">                    // Divide all points evenly, adding the correct number to this subrange.</w:t>
            </w:r>
          </w:p>
          <w:p w:rsidR="00156FB3" w:rsidRDefault="00156FB3" w:rsidP="00156FB3">
            <w:r>
              <w:t xml:space="preserve">                    // Run up to &lt;= so that 100% gets a point, event if ignoreLast is set.</w:t>
            </w:r>
          </w:p>
          <w:p w:rsidR="00156FB3" w:rsidRDefault="00156FB3" w:rsidP="00156FB3">
            <w:r>
              <w:t xml:space="preserve">                    for (q = 1; q &lt;= realSteps; q += 1) {</w:t>
            </w:r>
          </w:p>
          <w:p w:rsidR="00156FB3" w:rsidRDefault="00156FB3" w:rsidP="00156FB3">
            <w:r>
              <w:t xml:space="preserve">                        // The ratio between the rounded value and the actual size might be ~1% off.</w:t>
            </w:r>
          </w:p>
          <w:p w:rsidR="00156FB3" w:rsidRDefault="00156FB3" w:rsidP="00156FB3">
            <w:r>
              <w:t xml:space="preserve">                        // Correct the percentage offset by the number of points</w:t>
            </w:r>
          </w:p>
          <w:p w:rsidR="00156FB3" w:rsidRDefault="00156FB3" w:rsidP="00156FB3">
            <w:r>
              <w:t xml:space="preserve">                        // per subrange. density = 1 will result in 100 points on the</w:t>
            </w:r>
          </w:p>
          <w:p w:rsidR="00156FB3" w:rsidRDefault="00156FB3" w:rsidP="00156FB3">
            <w:r>
              <w:t xml:space="preserve">                        // full range, 2 for 50, 4 for 25, etc.</w:t>
            </w:r>
          </w:p>
          <w:p w:rsidR="00156FB3" w:rsidRDefault="00156FB3" w:rsidP="00156FB3">
            <w:r>
              <w:t xml:space="preserve">                        pctPos = prevPct + q * stepSize;</w:t>
            </w:r>
          </w:p>
          <w:p w:rsidR="00156FB3" w:rsidRDefault="00156FB3" w:rsidP="00156FB3">
            <w:r>
              <w:t xml:space="preserve">                        indexes[pctPos.toFixed(5)] = [scope_Spectrum.fromStepping(pctPos), 0];</w:t>
            </w:r>
          </w:p>
          <w:p w:rsidR="00156FB3" w:rsidRDefault="00156FB3" w:rsidP="00156FB3">
            <w:r>
              <w:t xml:space="preserve">                    }</w:t>
            </w:r>
          </w:p>
          <w:p w:rsidR="00156FB3" w:rsidRDefault="00156FB3" w:rsidP="00156FB3"/>
          <w:p w:rsidR="00156FB3" w:rsidRDefault="00156FB3" w:rsidP="00156FB3">
            <w:r>
              <w:t xml:space="preserve">                    // Determine the point type.</w:t>
            </w:r>
          </w:p>
          <w:p w:rsidR="00156FB3" w:rsidRDefault="00156FB3" w:rsidP="00156FB3">
            <w:r>
              <w:t xml:space="preserve">                    type = group.indexOf(i) &gt; -1 ? PIPS_LARGE_VALUE : isSteps ? PIPS_SMALL_VALUE : PIPS_NO_VALUE;</w:t>
            </w:r>
          </w:p>
          <w:p w:rsidR="00156FB3" w:rsidRDefault="00156FB3" w:rsidP="00156FB3"/>
          <w:p w:rsidR="00156FB3" w:rsidRDefault="00156FB3" w:rsidP="00156FB3">
            <w:r>
              <w:t xml:space="preserve">                    // Enforce the 'ignoreFirst' option by overwriting the type for 0.</w:t>
            </w:r>
          </w:p>
          <w:p w:rsidR="00156FB3" w:rsidRDefault="00156FB3" w:rsidP="00156FB3">
            <w:r>
              <w:t xml:space="preserve">                    if (!index &amp;&amp; ignoreFirst) {</w:t>
            </w:r>
          </w:p>
          <w:p w:rsidR="00156FB3" w:rsidRDefault="00156FB3" w:rsidP="00156FB3">
            <w:r>
              <w:t xml:space="preserve">                        type = 0;</w:t>
            </w:r>
          </w:p>
          <w:p w:rsidR="00156FB3" w:rsidRDefault="00156FB3" w:rsidP="00156FB3">
            <w:r>
              <w:t xml:space="preserve">                    }</w:t>
            </w:r>
          </w:p>
          <w:p w:rsidR="00156FB3" w:rsidRDefault="00156FB3" w:rsidP="00156FB3"/>
          <w:p w:rsidR="00156FB3" w:rsidRDefault="00156FB3" w:rsidP="00156FB3">
            <w:r>
              <w:t xml:space="preserve">                    if (!(i === high &amp;&amp; ignoreLast)) {</w:t>
            </w:r>
          </w:p>
          <w:p w:rsidR="00156FB3" w:rsidRDefault="00156FB3" w:rsidP="00156FB3">
            <w:r>
              <w:t xml:space="preserve">                        // Mark the 'type' of this point. 0 = plain, 1 = real value, 2 = step value.</w:t>
            </w:r>
          </w:p>
          <w:p w:rsidR="00156FB3" w:rsidRDefault="00156FB3" w:rsidP="00156FB3">
            <w:r>
              <w:t xml:space="preserve">                        indexes[newPct.toFixed(5)] = [i, type];</w:t>
            </w:r>
          </w:p>
          <w:p w:rsidR="00156FB3" w:rsidRDefault="00156FB3" w:rsidP="00156FB3">
            <w:r>
              <w:t xml:space="preserve">                    }</w:t>
            </w:r>
          </w:p>
          <w:p w:rsidR="00156FB3" w:rsidRDefault="00156FB3" w:rsidP="00156FB3"/>
          <w:p w:rsidR="00156FB3" w:rsidRDefault="00156FB3" w:rsidP="00156FB3">
            <w:r>
              <w:t xml:space="preserve">                    // Update the percentage count.</w:t>
            </w:r>
          </w:p>
          <w:p w:rsidR="00156FB3" w:rsidRDefault="00156FB3" w:rsidP="00156FB3">
            <w:r>
              <w:t xml:space="preserve">                    prevPct = newPc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indexes;</w:t>
            </w:r>
          </w:p>
          <w:p w:rsidR="00156FB3" w:rsidRDefault="00156FB3" w:rsidP="00156FB3">
            <w:r>
              <w:t xml:space="preserve">        }</w:t>
            </w:r>
          </w:p>
          <w:p w:rsidR="00156FB3" w:rsidRDefault="00156FB3" w:rsidP="00156FB3"/>
          <w:p w:rsidR="00156FB3" w:rsidRDefault="00156FB3" w:rsidP="00156FB3">
            <w:r>
              <w:t xml:space="preserve">        function addMarking(spread, filterFunc, formatter) {</w:t>
            </w:r>
          </w:p>
          <w:p w:rsidR="00156FB3" w:rsidRDefault="00156FB3" w:rsidP="00156FB3">
            <w:r>
              <w:t xml:space="preserve">            var element = scope_Document.createElement("div");</w:t>
            </w:r>
          </w:p>
          <w:p w:rsidR="00156FB3" w:rsidRDefault="00156FB3" w:rsidP="00156FB3"/>
          <w:p w:rsidR="00156FB3" w:rsidRDefault="00156FB3" w:rsidP="00156FB3">
            <w:r>
              <w:t xml:space="preserve">            var valueSizeClasses = [];</w:t>
            </w:r>
          </w:p>
          <w:p w:rsidR="00156FB3" w:rsidRDefault="00156FB3" w:rsidP="00156FB3">
            <w:r>
              <w:t xml:space="preserve">            valueSizeClasses[PIPS_NO_VALUE] = options.cssClasses.valueNormal;</w:t>
            </w:r>
          </w:p>
          <w:p w:rsidR="00156FB3" w:rsidRDefault="00156FB3" w:rsidP="00156FB3">
            <w:r>
              <w:t xml:space="preserve">            valueSizeClasses[PIPS_LARGE_VALUE] = options.cssClasses.valueLarge;</w:t>
            </w:r>
          </w:p>
          <w:p w:rsidR="00156FB3" w:rsidRDefault="00156FB3" w:rsidP="00156FB3">
            <w:r>
              <w:t xml:space="preserve">            valueSizeClasses[PIPS_SMALL_VALUE] = options.cssClasses.valueSub;</w:t>
            </w:r>
          </w:p>
          <w:p w:rsidR="00156FB3" w:rsidRDefault="00156FB3" w:rsidP="00156FB3"/>
          <w:p w:rsidR="00156FB3" w:rsidRDefault="00156FB3" w:rsidP="00156FB3">
            <w:r>
              <w:t xml:space="preserve">            var markerSizeClasses = [];</w:t>
            </w:r>
          </w:p>
          <w:p w:rsidR="00156FB3" w:rsidRDefault="00156FB3" w:rsidP="00156FB3">
            <w:r>
              <w:t xml:space="preserve">            markerSizeClasses[PIPS_NO_VALUE] = options.cssClasses.markerNormal;</w:t>
            </w:r>
          </w:p>
          <w:p w:rsidR="00156FB3" w:rsidRDefault="00156FB3" w:rsidP="00156FB3">
            <w:r>
              <w:t xml:space="preserve">            markerSizeClasses[PIPS_LARGE_VALUE] = options.cssClasses.markerLarge;</w:t>
            </w:r>
          </w:p>
          <w:p w:rsidR="00156FB3" w:rsidRDefault="00156FB3" w:rsidP="00156FB3">
            <w:r>
              <w:t xml:space="preserve">            markerSizeClasses[PIPS_SMALL_VALUE] = options.cssClasses.markerSub;</w:t>
            </w:r>
          </w:p>
          <w:p w:rsidR="00156FB3" w:rsidRDefault="00156FB3" w:rsidP="00156FB3"/>
          <w:p w:rsidR="00156FB3" w:rsidRDefault="00156FB3" w:rsidP="00156FB3">
            <w:r>
              <w:t xml:space="preserve">            var valueOrientationClasses = [options.cssClasses.valueHorizontal, options.cssClasses.valueVertical];</w:t>
            </w:r>
          </w:p>
          <w:p w:rsidR="00156FB3" w:rsidRDefault="00156FB3" w:rsidP="00156FB3">
            <w:r>
              <w:t xml:space="preserve">            var markerOrientationClasses = [options.cssClasses.markerHorizontal, options.cssClasses.markerVertical];</w:t>
            </w:r>
          </w:p>
          <w:p w:rsidR="00156FB3" w:rsidRDefault="00156FB3" w:rsidP="00156FB3"/>
          <w:p w:rsidR="00156FB3" w:rsidRDefault="00156FB3" w:rsidP="00156FB3">
            <w:r>
              <w:t xml:space="preserve">            addClass(element, options.cssClasses.pips);</w:t>
            </w:r>
          </w:p>
          <w:p w:rsidR="00156FB3" w:rsidRDefault="00156FB3" w:rsidP="00156FB3">
            <w:r>
              <w:t xml:space="preserve">            addClass(element, options.ort === 0 ? options.cssClasses.pipsHorizontal : options.cssClasses.pipsVertical);</w:t>
            </w:r>
          </w:p>
          <w:p w:rsidR="00156FB3" w:rsidRDefault="00156FB3" w:rsidP="00156FB3"/>
          <w:p w:rsidR="00156FB3" w:rsidRDefault="00156FB3" w:rsidP="00156FB3">
            <w:r>
              <w:t xml:space="preserve">            function getClasses(type, source) {</w:t>
            </w:r>
          </w:p>
          <w:p w:rsidR="00156FB3" w:rsidRDefault="00156FB3" w:rsidP="00156FB3">
            <w:r>
              <w:t xml:space="preserve">                var a = source === options.cssClasses.value;</w:t>
            </w:r>
          </w:p>
          <w:p w:rsidR="00156FB3" w:rsidRDefault="00156FB3" w:rsidP="00156FB3">
            <w:r>
              <w:t xml:space="preserve">                var orientationClasses = a ? valueOrientationClasses : markerOrientationClasses;</w:t>
            </w:r>
          </w:p>
          <w:p w:rsidR="00156FB3" w:rsidRDefault="00156FB3" w:rsidP="00156FB3">
            <w:r>
              <w:t xml:space="preserve">                var sizeClasses = a ? valueSizeClasses : markerSizeClasses;</w:t>
            </w:r>
          </w:p>
          <w:p w:rsidR="00156FB3" w:rsidRDefault="00156FB3" w:rsidP="00156FB3"/>
          <w:p w:rsidR="00156FB3" w:rsidRDefault="00156FB3" w:rsidP="00156FB3">
            <w:r>
              <w:t xml:space="preserve">                return source + " " + orientationClasses[options.ort] + " " + sizeClasses[type];</w:t>
            </w:r>
          </w:p>
          <w:p w:rsidR="00156FB3" w:rsidRDefault="00156FB3" w:rsidP="00156FB3">
            <w:r>
              <w:t xml:space="preserve">            }</w:t>
            </w:r>
          </w:p>
          <w:p w:rsidR="00156FB3" w:rsidRDefault="00156FB3" w:rsidP="00156FB3"/>
          <w:p w:rsidR="00156FB3" w:rsidRDefault="00156FB3" w:rsidP="00156FB3">
            <w:r>
              <w:t xml:space="preserve">            function addSpread(offset, value, type) {</w:t>
            </w:r>
          </w:p>
          <w:p w:rsidR="00156FB3" w:rsidRDefault="00156FB3" w:rsidP="00156FB3">
            <w:r>
              <w:t xml:space="preserve">                // Apply the filter function, if it is set.</w:t>
            </w:r>
          </w:p>
          <w:p w:rsidR="00156FB3" w:rsidRDefault="00156FB3" w:rsidP="00156FB3">
            <w:r>
              <w:t xml:space="preserve">                type = filterFunc ? filterFunc(value, type) : type;</w:t>
            </w:r>
          </w:p>
          <w:p w:rsidR="00156FB3" w:rsidRDefault="00156FB3" w:rsidP="00156FB3"/>
          <w:p w:rsidR="00156FB3" w:rsidRDefault="00156FB3" w:rsidP="00156FB3">
            <w:r>
              <w:lastRenderedPageBreak/>
              <w:t xml:space="preserve">                if (type === PIPS_NONE)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 Add a marker for every point</w:t>
            </w:r>
          </w:p>
          <w:p w:rsidR="00156FB3" w:rsidRDefault="00156FB3" w:rsidP="00156FB3">
            <w:r>
              <w:t xml:space="preserve">                var node = addNodeTo(element, false);</w:t>
            </w:r>
          </w:p>
          <w:p w:rsidR="00156FB3" w:rsidRDefault="00156FB3" w:rsidP="00156FB3">
            <w:r>
              <w:t xml:space="preserve">                node.className = getClasses(type, options.cssClasses.marker);</w:t>
            </w:r>
          </w:p>
          <w:p w:rsidR="00156FB3" w:rsidRDefault="00156FB3" w:rsidP="00156FB3">
            <w:r>
              <w:t xml:space="preserve">                node.style[options.style] = offset + "%";</w:t>
            </w:r>
          </w:p>
          <w:p w:rsidR="00156FB3" w:rsidRDefault="00156FB3" w:rsidP="00156FB3"/>
          <w:p w:rsidR="00156FB3" w:rsidRDefault="00156FB3" w:rsidP="00156FB3">
            <w:r>
              <w:t xml:space="preserve">                // Values are only appended for points marked '1' or '2'.</w:t>
            </w:r>
          </w:p>
          <w:p w:rsidR="00156FB3" w:rsidRDefault="00156FB3" w:rsidP="00156FB3">
            <w:r>
              <w:t xml:space="preserve">                if (type &gt; PIPS_NO_VALUE) {</w:t>
            </w:r>
          </w:p>
          <w:p w:rsidR="00156FB3" w:rsidRDefault="00156FB3" w:rsidP="00156FB3">
            <w:r>
              <w:t xml:space="preserve">                    node = addNodeTo(element, false);</w:t>
            </w:r>
          </w:p>
          <w:p w:rsidR="00156FB3" w:rsidRDefault="00156FB3" w:rsidP="00156FB3">
            <w:r>
              <w:t xml:space="preserve">                    node.className = getClasses(type, options.cssClasses.value);</w:t>
            </w:r>
          </w:p>
          <w:p w:rsidR="00156FB3" w:rsidRDefault="00156FB3" w:rsidP="00156FB3">
            <w:r>
              <w:t xml:space="preserve">                    node.setAttribute("data-value", value);</w:t>
            </w:r>
          </w:p>
          <w:p w:rsidR="00156FB3" w:rsidRDefault="00156FB3" w:rsidP="00156FB3">
            <w:r>
              <w:t xml:space="preserve">                    node.style[options.style] = offset + "%";</w:t>
            </w:r>
          </w:p>
          <w:p w:rsidR="00156FB3" w:rsidRDefault="00156FB3" w:rsidP="00156FB3">
            <w:r>
              <w:t xml:space="preserve">                    node.innerHTML = formatter.to(val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Append all points.</w:t>
            </w:r>
          </w:p>
          <w:p w:rsidR="00156FB3" w:rsidRDefault="00156FB3" w:rsidP="00156FB3">
            <w:r>
              <w:t xml:space="preserve">            Object.keys(spread).forEach(function(offset) {</w:t>
            </w:r>
          </w:p>
          <w:p w:rsidR="00156FB3" w:rsidRDefault="00156FB3" w:rsidP="00156FB3">
            <w:r>
              <w:t xml:space="preserve">                addSpread(offset, spread[offset][0], spread[offset][1]);</w:t>
            </w:r>
          </w:p>
          <w:p w:rsidR="00156FB3" w:rsidRDefault="00156FB3" w:rsidP="00156FB3">
            <w:r>
              <w:t xml:space="preserve">            });</w:t>
            </w:r>
          </w:p>
          <w:p w:rsidR="00156FB3" w:rsidRDefault="00156FB3" w:rsidP="00156FB3"/>
          <w:p w:rsidR="00156FB3" w:rsidRDefault="00156FB3" w:rsidP="00156FB3">
            <w:r>
              <w:t xml:space="preserve">            return element;</w:t>
            </w:r>
          </w:p>
          <w:p w:rsidR="00156FB3" w:rsidRDefault="00156FB3" w:rsidP="00156FB3">
            <w:r>
              <w:t xml:space="preserve">        }</w:t>
            </w:r>
          </w:p>
          <w:p w:rsidR="00156FB3" w:rsidRDefault="00156FB3" w:rsidP="00156FB3"/>
          <w:p w:rsidR="00156FB3" w:rsidRDefault="00156FB3" w:rsidP="00156FB3">
            <w:r>
              <w:t xml:space="preserve">        function removePips() {</w:t>
            </w:r>
          </w:p>
          <w:p w:rsidR="00156FB3" w:rsidRDefault="00156FB3" w:rsidP="00156FB3">
            <w:r>
              <w:t xml:space="preserve">            if (scope_Pips) {</w:t>
            </w:r>
          </w:p>
          <w:p w:rsidR="00156FB3" w:rsidRDefault="00156FB3" w:rsidP="00156FB3">
            <w:r>
              <w:t xml:space="preserve">                removeElement(scope_Pips);</w:t>
            </w:r>
          </w:p>
          <w:p w:rsidR="00156FB3" w:rsidRDefault="00156FB3" w:rsidP="00156FB3">
            <w:r>
              <w:t xml:space="preserve">                scope_Pips = null;</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pips(grid) {</w:t>
            </w:r>
          </w:p>
          <w:p w:rsidR="00156FB3" w:rsidRDefault="00156FB3" w:rsidP="00156FB3">
            <w:r>
              <w:t xml:space="preserve">            // Fix #669</w:t>
            </w:r>
          </w:p>
          <w:p w:rsidR="00156FB3" w:rsidRDefault="00156FB3" w:rsidP="00156FB3">
            <w:r>
              <w:t xml:space="preserve">            removePips();</w:t>
            </w:r>
          </w:p>
          <w:p w:rsidR="00156FB3" w:rsidRDefault="00156FB3" w:rsidP="00156FB3"/>
          <w:p w:rsidR="00156FB3" w:rsidRDefault="00156FB3" w:rsidP="00156FB3">
            <w:r>
              <w:t xml:space="preserve">            var mode = grid.mode;</w:t>
            </w:r>
          </w:p>
          <w:p w:rsidR="00156FB3" w:rsidRDefault="00156FB3" w:rsidP="00156FB3">
            <w:r>
              <w:t xml:space="preserve">            var density = grid.density || 1;</w:t>
            </w:r>
          </w:p>
          <w:p w:rsidR="00156FB3" w:rsidRDefault="00156FB3" w:rsidP="00156FB3">
            <w:r>
              <w:t xml:space="preserve">            var filter = grid.filter || false;</w:t>
            </w:r>
          </w:p>
          <w:p w:rsidR="00156FB3" w:rsidRDefault="00156FB3" w:rsidP="00156FB3">
            <w:r>
              <w:t xml:space="preserve">            var values = grid.values || false;</w:t>
            </w:r>
          </w:p>
          <w:p w:rsidR="00156FB3" w:rsidRDefault="00156FB3" w:rsidP="00156FB3">
            <w:r>
              <w:t xml:space="preserve">            var stepped = grid.stepped || false;</w:t>
            </w:r>
          </w:p>
          <w:p w:rsidR="00156FB3" w:rsidRDefault="00156FB3" w:rsidP="00156FB3">
            <w:r>
              <w:t xml:space="preserve">            var group = getGroup(mode, values, stepped);</w:t>
            </w:r>
          </w:p>
          <w:p w:rsidR="00156FB3" w:rsidRDefault="00156FB3" w:rsidP="00156FB3">
            <w:r>
              <w:t xml:space="preserve">            var spread = generateSpread(density, mode, group);</w:t>
            </w:r>
          </w:p>
          <w:p w:rsidR="00156FB3" w:rsidRDefault="00156FB3" w:rsidP="00156FB3">
            <w:r>
              <w:t xml:space="preserve">            var format = grid.format || {</w:t>
            </w:r>
          </w:p>
          <w:p w:rsidR="00156FB3" w:rsidRDefault="00156FB3" w:rsidP="00156FB3">
            <w:r>
              <w:t xml:space="preserve">                to: Math.round</w:t>
            </w:r>
          </w:p>
          <w:p w:rsidR="00156FB3" w:rsidRDefault="00156FB3" w:rsidP="00156FB3">
            <w:r>
              <w:t xml:space="preserve">            };</w:t>
            </w:r>
          </w:p>
          <w:p w:rsidR="00156FB3" w:rsidRDefault="00156FB3" w:rsidP="00156FB3"/>
          <w:p w:rsidR="00156FB3" w:rsidRDefault="00156FB3" w:rsidP="00156FB3">
            <w:r>
              <w:t xml:space="preserve">            scope_Pips = scope_Target.appendChild(addMarking(spread, filter, format));</w:t>
            </w:r>
          </w:p>
          <w:p w:rsidR="00156FB3" w:rsidRDefault="00156FB3" w:rsidP="00156FB3"/>
          <w:p w:rsidR="00156FB3" w:rsidRDefault="00156FB3" w:rsidP="00156FB3">
            <w:r>
              <w:t xml:space="preserve">            return scope_Pips;</w:t>
            </w:r>
          </w:p>
          <w:p w:rsidR="00156FB3" w:rsidRDefault="00156FB3" w:rsidP="00156FB3">
            <w:r>
              <w:t xml:space="preserve">        }</w:t>
            </w:r>
          </w:p>
          <w:p w:rsidR="00156FB3" w:rsidRDefault="00156FB3" w:rsidP="00156FB3"/>
          <w:p w:rsidR="00156FB3" w:rsidRDefault="00156FB3" w:rsidP="00156FB3">
            <w:r>
              <w:t xml:space="preserve">        // Shorthand for base dimensions.</w:t>
            </w:r>
          </w:p>
          <w:p w:rsidR="00156FB3" w:rsidRDefault="00156FB3" w:rsidP="00156FB3">
            <w:r>
              <w:t xml:space="preserve">        function baseSize() {</w:t>
            </w:r>
          </w:p>
          <w:p w:rsidR="00156FB3" w:rsidRDefault="00156FB3" w:rsidP="00156FB3">
            <w:r>
              <w:t xml:space="preserve">            var rect = scope_Base.getBoundingClientRect();</w:t>
            </w:r>
          </w:p>
          <w:p w:rsidR="00156FB3" w:rsidRDefault="00156FB3" w:rsidP="00156FB3">
            <w:r>
              <w:t xml:space="preserve">            var alt = "offset" + ["Width", "Height"][options.ort];</w:t>
            </w:r>
          </w:p>
          <w:p w:rsidR="00156FB3" w:rsidRDefault="00156FB3" w:rsidP="00156FB3">
            <w:r>
              <w:t xml:space="preserve">            return options.ort === 0 ? rect.width || scope_Base[alt] : rect.height || scope_Base[alt];</w:t>
            </w:r>
          </w:p>
          <w:p w:rsidR="00156FB3" w:rsidRDefault="00156FB3" w:rsidP="00156FB3">
            <w:r>
              <w:t xml:space="preserve">        }</w:t>
            </w:r>
          </w:p>
          <w:p w:rsidR="00156FB3" w:rsidRDefault="00156FB3" w:rsidP="00156FB3"/>
          <w:p w:rsidR="00156FB3" w:rsidRDefault="00156FB3" w:rsidP="00156FB3">
            <w:r>
              <w:t xml:space="preserve">        // Handler for attaching events trough a proxy.</w:t>
            </w:r>
          </w:p>
          <w:p w:rsidR="00156FB3" w:rsidRDefault="00156FB3" w:rsidP="00156FB3">
            <w:r>
              <w:t xml:space="preserve">        function attachEvent(events, element, callback, data) {</w:t>
            </w:r>
          </w:p>
          <w:p w:rsidR="00156FB3" w:rsidRDefault="00156FB3" w:rsidP="00156FB3">
            <w:r>
              <w:t xml:space="preserve">            // This function can be used to 'filter' events to the slider.</w:t>
            </w:r>
          </w:p>
          <w:p w:rsidR="00156FB3" w:rsidRDefault="00156FB3" w:rsidP="00156FB3">
            <w:r>
              <w:t xml:space="preserve">            // element is a node, not a nodeList</w:t>
            </w:r>
          </w:p>
          <w:p w:rsidR="00156FB3" w:rsidRDefault="00156FB3" w:rsidP="00156FB3"/>
          <w:p w:rsidR="00156FB3" w:rsidRDefault="00156FB3" w:rsidP="00156FB3">
            <w:r>
              <w:t xml:space="preserve">            var method = function(e) {</w:t>
            </w:r>
          </w:p>
          <w:p w:rsidR="00156FB3" w:rsidRDefault="00156FB3" w:rsidP="00156FB3">
            <w:r>
              <w:t xml:space="preserve">                e = fixEvent(e, data.pageOffset, data.target || element);</w:t>
            </w:r>
          </w:p>
          <w:p w:rsidR="00156FB3" w:rsidRDefault="00156FB3" w:rsidP="00156FB3"/>
          <w:p w:rsidR="00156FB3" w:rsidRDefault="00156FB3" w:rsidP="00156FB3">
            <w:r>
              <w:t xml:space="preserve">                // fixEvent returns false if this event has a different target</w:t>
            </w:r>
          </w:p>
          <w:p w:rsidR="00156FB3" w:rsidRDefault="00156FB3" w:rsidP="00156FB3">
            <w:r>
              <w:t xml:space="preserve">                // when handling (multi-) touch events;</w:t>
            </w:r>
          </w:p>
          <w:p w:rsidR="00156FB3" w:rsidRDefault="00156FB3" w:rsidP="00156FB3">
            <w:r>
              <w:t xml:space="preserve">                if (!e)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 doNotReject is passed by all end events to make sure released touches</w:t>
            </w:r>
          </w:p>
          <w:p w:rsidR="00156FB3" w:rsidRDefault="00156FB3" w:rsidP="00156FB3">
            <w:r>
              <w:t xml:space="preserve">                // are not rejected, leaving the slider "stuck" to the cursor;</w:t>
            </w:r>
          </w:p>
          <w:p w:rsidR="00156FB3" w:rsidRDefault="00156FB3" w:rsidP="00156FB3">
            <w:r>
              <w:t xml:space="preserve">                if (isSliderDisabled() &amp;&amp; !data.doNotReject)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 Stop if an active 'tap' transition is taking place.</w:t>
            </w:r>
          </w:p>
          <w:p w:rsidR="00156FB3" w:rsidRDefault="00156FB3" w:rsidP="00156FB3">
            <w:r>
              <w:t xml:space="preserve">                if (hasClass(scope_Target, options.cssClasses.tap) &amp;&amp; !data.doNotReject)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 Ignore right or middle clicks on start #454</w:t>
            </w:r>
          </w:p>
          <w:p w:rsidR="00156FB3" w:rsidRDefault="00156FB3" w:rsidP="00156FB3">
            <w:r>
              <w:t xml:space="preserve">                if (events === actions.start &amp;&amp; e.buttons !== undefined &amp;&amp; e.buttons &gt; 1)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 Ignore right or middle clicks on start #454</w:t>
            </w:r>
          </w:p>
          <w:p w:rsidR="00156FB3" w:rsidRDefault="00156FB3" w:rsidP="00156FB3">
            <w:r>
              <w:t xml:space="preserve">                if (data.hover &amp;&amp; e.buttons)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lastRenderedPageBreak/>
              <w:t xml:space="preserve">                // 'supportsPassive' is only true if a browser also supports touch-action: none in CSS.</w:t>
            </w:r>
          </w:p>
          <w:p w:rsidR="00156FB3" w:rsidRDefault="00156FB3" w:rsidP="00156FB3">
            <w:r>
              <w:t xml:space="preserve">                // iOS safari does not, so it doesn't get to benefit from passive scrolling. iOS does support</w:t>
            </w:r>
          </w:p>
          <w:p w:rsidR="00156FB3" w:rsidRDefault="00156FB3" w:rsidP="00156FB3">
            <w:r>
              <w:t xml:space="preserve">                // touch-action: manipulation, but that allows panning, which breaks</w:t>
            </w:r>
          </w:p>
          <w:p w:rsidR="00156FB3" w:rsidRDefault="00156FB3" w:rsidP="00156FB3">
            <w:r>
              <w:t xml:space="preserve">                // sliders after zooming/on non-responsive pages.</w:t>
            </w:r>
          </w:p>
          <w:p w:rsidR="00156FB3" w:rsidRDefault="00156FB3" w:rsidP="00156FB3">
            <w:r>
              <w:t xml:space="preserve">                // See: https://bugs.webkit.org/show_bug.cgi?id=133112</w:t>
            </w:r>
          </w:p>
          <w:p w:rsidR="00156FB3" w:rsidRDefault="00156FB3" w:rsidP="00156FB3">
            <w:r>
              <w:t xml:space="preserve">                if (!supportsPassive) {</w:t>
            </w:r>
          </w:p>
          <w:p w:rsidR="00156FB3" w:rsidRDefault="00156FB3" w:rsidP="00156FB3">
            <w:r>
              <w:t xml:space="preserve">                    e.preventDefault();</w:t>
            </w:r>
          </w:p>
          <w:p w:rsidR="00156FB3" w:rsidRDefault="00156FB3" w:rsidP="00156FB3">
            <w:r>
              <w:t xml:space="preserve">                }</w:t>
            </w:r>
          </w:p>
          <w:p w:rsidR="00156FB3" w:rsidRDefault="00156FB3" w:rsidP="00156FB3"/>
          <w:p w:rsidR="00156FB3" w:rsidRDefault="00156FB3" w:rsidP="00156FB3">
            <w:r>
              <w:t xml:space="preserve">                e.calcPoint = e.points[options.ort];</w:t>
            </w:r>
          </w:p>
          <w:p w:rsidR="00156FB3" w:rsidRDefault="00156FB3" w:rsidP="00156FB3"/>
          <w:p w:rsidR="00156FB3" w:rsidRDefault="00156FB3" w:rsidP="00156FB3">
            <w:r>
              <w:t xml:space="preserve">                // Call the event handler with the event [ and additional data ].</w:t>
            </w:r>
          </w:p>
          <w:p w:rsidR="00156FB3" w:rsidRDefault="00156FB3" w:rsidP="00156FB3">
            <w:r>
              <w:t xml:space="preserve">                callback(e, data);</w:t>
            </w:r>
          </w:p>
          <w:p w:rsidR="00156FB3" w:rsidRDefault="00156FB3" w:rsidP="00156FB3">
            <w:r>
              <w:t xml:space="preserve">            };</w:t>
            </w:r>
          </w:p>
          <w:p w:rsidR="00156FB3" w:rsidRDefault="00156FB3" w:rsidP="00156FB3"/>
          <w:p w:rsidR="00156FB3" w:rsidRDefault="00156FB3" w:rsidP="00156FB3">
            <w:r>
              <w:t xml:space="preserve">            var methods = [];</w:t>
            </w:r>
          </w:p>
          <w:p w:rsidR="00156FB3" w:rsidRDefault="00156FB3" w:rsidP="00156FB3"/>
          <w:p w:rsidR="00156FB3" w:rsidRDefault="00156FB3" w:rsidP="00156FB3">
            <w:r>
              <w:t xml:space="preserve">            // Bind a closure on the target for every event type.</w:t>
            </w:r>
          </w:p>
          <w:p w:rsidR="00156FB3" w:rsidRDefault="00156FB3" w:rsidP="00156FB3">
            <w:r>
              <w:t xml:space="preserve">            events.split(" ").forEach(function(eventName) {</w:t>
            </w:r>
          </w:p>
          <w:p w:rsidR="00156FB3" w:rsidRDefault="00156FB3" w:rsidP="00156FB3">
            <w:r>
              <w:t xml:space="preserve">                element.addEventListener(eventName, method, supportsPassive ? { passive: true } : false);</w:t>
            </w:r>
          </w:p>
          <w:p w:rsidR="00156FB3" w:rsidRDefault="00156FB3" w:rsidP="00156FB3">
            <w:r>
              <w:t xml:space="preserve">                methods.push([eventName, method]);</w:t>
            </w:r>
          </w:p>
          <w:p w:rsidR="00156FB3" w:rsidRDefault="00156FB3" w:rsidP="00156FB3">
            <w:r>
              <w:t xml:space="preserve">            });</w:t>
            </w:r>
          </w:p>
          <w:p w:rsidR="00156FB3" w:rsidRDefault="00156FB3" w:rsidP="00156FB3"/>
          <w:p w:rsidR="00156FB3" w:rsidRDefault="00156FB3" w:rsidP="00156FB3">
            <w:r>
              <w:t xml:space="preserve">            return methods;</w:t>
            </w:r>
          </w:p>
          <w:p w:rsidR="00156FB3" w:rsidRDefault="00156FB3" w:rsidP="00156FB3">
            <w:r>
              <w:t xml:space="preserve">        }</w:t>
            </w:r>
          </w:p>
          <w:p w:rsidR="00156FB3" w:rsidRDefault="00156FB3" w:rsidP="00156FB3"/>
          <w:p w:rsidR="00156FB3" w:rsidRDefault="00156FB3" w:rsidP="00156FB3">
            <w:r>
              <w:t xml:space="preserve">        // Provide a clean event with standardized offset values.</w:t>
            </w:r>
          </w:p>
          <w:p w:rsidR="00156FB3" w:rsidRDefault="00156FB3" w:rsidP="00156FB3">
            <w:r>
              <w:t xml:space="preserve">        function fixEvent(e, pageOffset, eventTarget) {</w:t>
            </w:r>
          </w:p>
          <w:p w:rsidR="00156FB3" w:rsidRDefault="00156FB3" w:rsidP="00156FB3">
            <w:r>
              <w:t xml:space="preserve">            // Filter the event to register the type, which can be</w:t>
            </w:r>
          </w:p>
          <w:p w:rsidR="00156FB3" w:rsidRDefault="00156FB3" w:rsidP="00156FB3">
            <w:r>
              <w:t xml:space="preserve">            // touch, mouse or pointer. Offset changes need to be</w:t>
            </w:r>
          </w:p>
          <w:p w:rsidR="00156FB3" w:rsidRDefault="00156FB3" w:rsidP="00156FB3">
            <w:r>
              <w:t xml:space="preserve">            // made on an event specific basis.</w:t>
            </w:r>
          </w:p>
          <w:p w:rsidR="00156FB3" w:rsidRDefault="00156FB3" w:rsidP="00156FB3">
            <w:r>
              <w:t xml:space="preserve">            var touch = e.type.indexOf("touch") === 0;</w:t>
            </w:r>
          </w:p>
          <w:p w:rsidR="00156FB3" w:rsidRDefault="00156FB3" w:rsidP="00156FB3">
            <w:r>
              <w:t xml:space="preserve">            var mouse = e.type.indexOf("mouse") === 0;</w:t>
            </w:r>
          </w:p>
          <w:p w:rsidR="00156FB3" w:rsidRDefault="00156FB3" w:rsidP="00156FB3">
            <w:r>
              <w:t xml:space="preserve">            var pointer = e.type.indexOf("pointer") === 0;</w:t>
            </w:r>
          </w:p>
          <w:p w:rsidR="00156FB3" w:rsidRDefault="00156FB3" w:rsidP="00156FB3"/>
          <w:p w:rsidR="00156FB3" w:rsidRDefault="00156FB3" w:rsidP="00156FB3">
            <w:r>
              <w:t xml:space="preserve">            var x;</w:t>
            </w:r>
          </w:p>
          <w:p w:rsidR="00156FB3" w:rsidRDefault="00156FB3" w:rsidP="00156FB3">
            <w:r>
              <w:t xml:space="preserve">            var y;</w:t>
            </w:r>
          </w:p>
          <w:p w:rsidR="00156FB3" w:rsidRDefault="00156FB3" w:rsidP="00156FB3"/>
          <w:p w:rsidR="00156FB3" w:rsidRDefault="00156FB3" w:rsidP="00156FB3">
            <w:r>
              <w:t xml:space="preserve">            // IE10 implemented pointer events with a prefix;</w:t>
            </w:r>
          </w:p>
          <w:p w:rsidR="00156FB3" w:rsidRDefault="00156FB3" w:rsidP="00156FB3">
            <w:r>
              <w:t xml:space="preserve">            if (e.type.indexOf("MSPointer") === 0) {</w:t>
            </w:r>
          </w:p>
          <w:p w:rsidR="00156FB3" w:rsidRDefault="00156FB3" w:rsidP="00156FB3">
            <w:r>
              <w:t xml:space="preserve">                pointer = true;</w:t>
            </w:r>
          </w:p>
          <w:p w:rsidR="00156FB3" w:rsidRDefault="00156FB3" w:rsidP="00156FB3">
            <w:r>
              <w:t xml:space="preserve">            }</w:t>
            </w:r>
          </w:p>
          <w:p w:rsidR="00156FB3" w:rsidRDefault="00156FB3" w:rsidP="00156FB3"/>
          <w:p w:rsidR="00156FB3" w:rsidRDefault="00156FB3" w:rsidP="00156FB3">
            <w:r>
              <w:t xml:space="preserve">            // The only thing one handle should be concerned about is the touches that originated on top of it.</w:t>
            </w:r>
          </w:p>
          <w:p w:rsidR="00156FB3" w:rsidRDefault="00156FB3" w:rsidP="00156FB3">
            <w:r>
              <w:t xml:space="preserve">            if (touch) {</w:t>
            </w:r>
          </w:p>
          <w:p w:rsidR="00156FB3" w:rsidRDefault="00156FB3" w:rsidP="00156FB3">
            <w:r>
              <w:t xml:space="preserve">                // Returns true if a touch originated on the target.</w:t>
            </w:r>
          </w:p>
          <w:p w:rsidR="00156FB3" w:rsidRDefault="00156FB3" w:rsidP="00156FB3">
            <w:r>
              <w:t xml:space="preserve">                var isTouchOnTarget = function(checkTouch) {</w:t>
            </w:r>
          </w:p>
          <w:p w:rsidR="00156FB3" w:rsidRDefault="00156FB3" w:rsidP="00156FB3">
            <w:r>
              <w:lastRenderedPageBreak/>
              <w:t xml:space="preserve">                    return checkTouch.target === eventTarget || eventTarget.contains(checkTouch.target);</w:t>
            </w:r>
          </w:p>
          <w:p w:rsidR="00156FB3" w:rsidRDefault="00156FB3" w:rsidP="00156FB3">
            <w:r>
              <w:t xml:space="preserve">                };</w:t>
            </w:r>
          </w:p>
          <w:p w:rsidR="00156FB3" w:rsidRDefault="00156FB3" w:rsidP="00156FB3"/>
          <w:p w:rsidR="00156FB3" w:rsidRDefault="00156FB3" w:rsidP="00156FB3">
            <w:r>
              <w:t xml:space="preserve">                // In the case of touchstart events, we need to make sure there is still no more than one</w:t>
            </w:r>
          </w:p>
          <w:p w:rsidR="00156FB3" w:rsidRDefault="00156FB3" w:rsidP="00156FB3">
            <w:r>
              <w:t xml:space="preserve">                // touch on the target so we look amongst all touches.</w:t>
            </w:r>
          </w:p>
          <w:p w:rsidR="00156FB3" w:rsidRDefault="00156FB3" w:rsidP="00156FB3">
            <w:r>
              <w:t xml:space="preserve">                if (e.type === "touchstart") {</w:t>
            </w:r>
          </w:p>
          <w:p w:rsidR="00156FB3" w:rsidRDefault="00156FB3" w:rsidP="00156FB3">
            <w:r>
              <w:t xml:space="preserve">                    var targetTouches = Array.prototype.filter.call(e.touches, isTouchOnTarget);</w:t>
            </w:r>
          </w:p>
          <w:p w:rsidR="00156FB3" w:rsidRDefault="00156FB3" w:rsidP="00156FB3"/>
          <w:p w:rsidR="00156FB3" w:rsidRDefault="00156FB3" w:rsidP="00156FB3">
            <w:r>
              <w:t xml:space="preserve">                    // Do not support more than one touch per handle.</w:t>
            </w:r>
          </w:p>
          <w:p w:rsidR="00156FB3" w:rsidRDefault="00156FB3" w:rsidP="00156FB3">
            <w:r>
              <w:t xml:space="preserve">                    if (targetTouches.length &gt; 1)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x = targetTouches[0].pageX;</w:t>
            </w:r>
          </w:p>
          <w:p w:rsidR="00156FB3" w:rsidRDefault="00156FB3" w:rsidP="00156FB3">
            <w:r>
              <w:t xml:space="preserve">                    y = targetTouches[0].pageY;</w:t>
            </w:r>
          </w:p>
          <w:p w:rsidR="00156FB3" w:rsidRDefault="00156FB3" w:rsidP="00156FB3">
            <w:r>
              <w:t xml:space="preserve">                } else {</w:t>
            </w:r>
          </w:p>
          <w:p w:rsidR="00156FB3" w:rsidRDefault="00156FB3" w:rsidP="00156FB3">
            <w:r>
              <w:t xml:space="preserve">                    // In the other cases, find on changedTouches is enough.</w:t>
            </w:r>
          </w:p>
          <w:p w:rsidR="00156FB3" w:rsidRDefault="00156FB3" w:rsidP="00156FB3">
            <w:r>
              <w:t xml:space="preserve">                    var targetTouch = Array.prototype.find.call(e.changedTouches, isTouchOnTarget);</w:t>
            </w:r>
          </w:p>
          <w:p w:rsidR="00156FB3" w:rsidRDefault="00156FB3" w:rsidP="00156FB3"/>
          <w:p w:rsidR="00156FB3" w:rsidRDefault="00156FB3" w:rsidP="00156FB3">
            <w:r>
              <w:t xml:space="preserve">                    // Cancel if the target touch has not moved.</w:t>
            </w:r>
          </w:p>
          <w:p w:rsidR="00156FB3" w:rsidRDefault="00156FB3" w:rsidP="00156FB3">
            <w:r>
              <w:t xml:space="preserve">                    if (!targetTouch)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x = targetTouch.pageX;</w:t>
            </w:r>
          </w:p>
          <w:p w:rsidR="00156FB3" w:rsidRDefault="00156FB3" w:rsidP="00156FB3">
            <w:r>
              <w:t xml:space="preserve">                    y = targetTouch.pageY;</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pageOffset = pageOffset || getPageOffset(scope_Document);</w:t>
            </w:r>
          </w:p>
          <w:p w:rsidR="00156FB3" w:rsidRDefault="00156FB3" w:rsidP="00156FB3"/>
          <w:p w:rsidR="00156FB3" w:rsidRDefault="00156FB3" w:rsidP="00156FB3">
            <w:r>
              <w:t xml:space="preserve">            if (mouse || pointer) {</w:t>
            </w:r>
          </w:p>
          <w:p w:rsidR="00156FB3" w:rsidRDefault="00156FB3" w:rsidP="00156FB3">
            <w:r>
              <w:t xml:space="preserve">                x = e.clientX + pageOffset.x;</w:t>
            </w:r>
          </w:p>
          <w:p w:rsidR="00156FB3" w:rsidRDefault="00156FB3" w:rsidP="00156FB3">
            <w:r>
              <w:t xml:space="preserve">                y = e.clientY + pageOffset.y;</w:t>
            </w:r>
          </w:p>
          <w:p w:rsidR="00156FB3" w:rsidRDefault="00156FB3" w:rsidP="00156FB3">
            <w:r>
              <w:t xml:space="preserve">            }</w:t>
            </w:r>
          </w:p>
          <w:p w:rsidR="00156FB3" w:rsidRDefault="00156FB3" w:rsidP="00156FB3"/>
          <w:p w:rsidR="00156FB3" w:rsidRDefault="00156FB3" w:rsidP="00156FB3">
            <w:r>
              <w:t xml:space="preserve">            e.pageOffset = pageOffset;</w:t>
            </w:r>
          </w:p>
          <w:p w:rsidR="00156FB3" w:rsidRDefault="00156FB3" w:rsidP="00156FB3">
            <w:r>
              <w:t xml:space="preserve">            e.points = [x, y];</w:t>
            </w:r>
          </w:p>
          <w:p w:rsidR="00156FB3" w:rsidRDefault="00156FB3" w:rsidP="00156FB3">
            <w:r>
              <w:t xml:space="preserve">            e.cursor = mouse || pointer; // Fix #435</w:t>
            </w:r>
          </w:p>
          <w:p w:rsidR="00156FB3" w:rsidRDefault="00156FB3" w:rsidP="00156FB3"/>
          <w:p w:rsidR="00156FB3" w:rsidRDefault="00156FB3" w:rsidP="00156FB3">
            <w:r>
              <w:t xml:space="preserve">            return e;</w:t>
            </w:r>
          </w:p>
          <w:p w:rsidR="00156FB3" w:rsidRDefault="00156FB3" w:rsidP="00156FB3">
            <w:r>
              <w:t xml:space="preserve">        }</w:t>
            </w:r>
          </w:p>
          <w:p w:rsidR="00156FB3" w:rsidRDefault="00156FB3" w:rsidP="00156FB3"/>
          <w:p w:rsidR="00156FB3" w:rsidRDefault="00156FB3" w:rsidP="00156FB3">
            <w:r>
              <w:t xml:space="preserve">        // Translate a coordinate in the document to a percentage on the slider</w:t>
            </w:r>
          </w:p>
          <w:p w:rsidR="00156FB3" w:rsidRDefault="00156FB3" w:rsidP="00156FB3">
            <w:r>
              <w:t xml:space="preserve">        function calcPointToPercentage(calcPoint) {</w:t>
            </w:r>
          </w:p>
          <w:p w:rsidR="00156FB3" w:rsidRDefault="00156FB3" w:rsidP="00156FB3">
            <w:r>
              <w:t xml:space="preserve">            var location = calcPoint - offset(scope_Base, options.ort);</w:t>
            </w:r>
          </w:p>
          <w:p w:rsidR="00156FB3" w:rsidRDefault="00156FB3" w:rsidP="00156FB3">
            <w:r>
              <w:t xml:space="preserve">            var proposal = (location * 100) / baseSize();</w:t>
            </w:r>
          </w:p>
          <w:p w:rsidR="00156FB3" w:rsidRDefault="00156FB3" w:rsidP="00156FB3"/>
          <w:p w:rsidR="00156FB3" w:rsidRDefault="00156FB3" w:rsidP="00156FB3">
            <w:r>
              <w:lastRenderedPageBreak/>
              <w:t xml:space="preserve">            // Clamp proposal between 0% and 100%</w:t>
            </w:r>
          </w:p>
          <w:p w:rsidR="00156FB3" w:rsidRDefault="00156FB3" w:rsidP="00156FB3">
            <w:r>
              <w:t xml:space="preserve">            // Out-of-bound coordinates may occur when .noUi-base pseudo-elements</w:t>
            </w:r>
          </w:p>
          <w:p w:rsidR="00156FB3" w:rsidRDefault="00156FB3" w:rsidP="00156FB3">
            <w:r>
              <w:t xml:space="preserve">            // are used (e.g. contained handles feature)</w:t>
            </w:r>
          </w:p>
          <w:p w:rsidR="00156FB3" w:rsidRDefault="00156FB3" w:rsidP="00156FB3">
            <w:r>
              <w:t xml:space="preserve">            proposal = limit(proposal);</w:t>
            </w:r>
          </w:p>
          <w:p w:rsidR="00156FB3" w:rsidRDefault="00156FB3" w:rsidP="00156FB3"/>
          <w:p w:rsidR="00156FB3" w:rsidRDefault="00156FB3" w:rsidP="00156FB3">
            <w:r>
              <w:t xml:space="preserve">            return options.dir ? 100 - proposal : proposal;</w:t>
            </w:r>
          </w:p>
          <w:p w:rsidR="00156FB3" w:rsidRDefault="00156FB3" w:rsidP="00156FB3">
            <w:r>
              <w:t xml:space="preserve">        }</w:t>
            </w:r>
          </w:p>
          <w:p w:rsidR="00156FB3" w:rsidRDefault="00156FB3" w:rsidP="00156FB3"/>
          <w:p w:rsidR="00156FB3" w:rsidRDefault="00156FB3" w:rsidP="00156FB3">
            <w:r>
              <w:t xml:space="preserve">        // Find handle closest to a certain percentage on the slider</w:t>
            </w:r>
          </w:p>
          <w:p w:rsidR="00156FB3" w:rsidRDefault="00156FB3" w:rsidP="00156FB3">
            <w:r>
              <w:t xml:space="preserve">        function getClosestHandle(clickedPosition) {</w:t>
            </w:r>
          </w:p>
          <w:p w:rsidR="00156FB3" w:rsidRDefault="00156FB3" w:rsidP="00156FB3">
            <w:r>
              <w:t xml:space="preserve">            var smallestDifference = 100;</w:t>
            </w:r>
          </w:p>
          <w:p w:rsidR="00156FB3" w:rsidRDefault="00156FB3" w:rsidP="00156FB3">
            <w:r>
              <w:t xml:space="preserve">            var handleNumber = false;</w:t>
            </w:r>
          </w:p>
          <w:p w:rsidR="00156FB3" w:rsidRDefault="00156FB3" w:rsidP="00156FB3"/>
          <w:p w:rsidR="00156FB3" w:rsidRDefault="00156FB3" w:rsidP="00156FB3">
            <w:r>
              <w:t xml:space="preserve">            scope_Handles.forEach(function(handle, index) {</w:t>
            </w:r>
          </w:p>
          <w:p w:rsidR="00156FB3" w:rsidRDefault="00156FB3" w:rsidP="00156FB3">
            <w:r>
              <w:t xml:space="preserve">                // Disabled handles are ignored</w:t>
            </w:r>
          </w:p>
          <w:p w:rsidR="00156FB3" w:rsidRDefault="00156FB3" w:rsidP="00156FB3">
            <w:r>
              <w:t xml:space="preserve">                if (isHandleDisabled(index))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var handlePosition = scope_Locations[index];</w:t>
            </w:r>
          </w:p>
          <w:p w:rsidR="00156FB3" w:rsidRDefault="00156FB3" w:rsidP="00156FB3">
            <w:r>
              <w:t xml:space="preserve">                var differenceWithThisHandle = Math.abs(handlePosition - clickedPosition);</w:t>
            </w:r>
          </w:p>
          <w:p w:rsidR="00156FB3" w:rsidRDefault="00156FB3" w:rsidP="00156FB3"/>
          <w:p w:rsidR="00156FB3" w:rsidRDefault="00156FB3" w:rsidP="00156FB3">
            <w:r>
              <w:t xml:space="preserve">                // Initial state</w:t>
            </w:r>
          </w:p>
          <w:p w:rsidR="00156FB3" w:rsidRDefault="00156FB3" w:rsidP="00156FB3">
            <w:r>
              <w:t xml:space="preserve">                var clickAtEdge = differenceWithThisHandle === 100 &amp;&amp; smallestDifference === 100;</w:t>
            </w:r>
          </w:p>
          <w:p w:rsidR="00156FB3" w:rsidRDefault="00156FB3" w:rsidP="00156FB3"/>
          <w:p w:rsidR="00156FB3" w:rsidRDefault="00156FB3" w:rsidP="00156FB3">
            <w:r>
              <w:t xml:space="preserve">                // Difference with this handle is smaller than the previously checked handle</w:t>
            </w:r>
          </w:p>
          <w:p w:rsidR="00156FB3" w:rsidRDefault="00156FB3" w:rsidP="00156FB3">
            <w:r>
              <w:t xml:space="preserve">                var isCloser = differenceWithThisHandle &lt; smallestDifference;</w:t>
            </w:r>
          </w:p>
          <w:p w:rsidR="00156FB3" w:rsidRDefault="00156FB3" w:rsidP="00156FB3">
            <w:r>
              <w:t xml:space="preserve">                var isCloserAfter = differenceWithThisHandle &lt;= smallestDifference &amp;&amp; clickedPosition &gt; handlePosition;</w:t>
            </w:r>
          </w:p>
          <w:p w:rsidR="00156FB3" w:rsidRDefault="00156FB3" w:rsidP="00156FB3"/>
          <w:p w:rsidR="00156FB3" w:rsidRDefault="00156FB3" w:rsidP="00156FB3">
            <w:r>
              <w:t xml:space="preserve">                if (isCloser || isCloserAfter || clickAtEdge) {</w:t>
            </w:r>
          </w:p>
          <w:p w:rsidR="00156FB3" w:rsidRDefault="00156FB3" w:rsidP="00156FB3">
            <w:r>
              <w:t xml:space="preserve">                    handleNumber = index;</w:t>
            </w:r>
          </w:p>
          <w:p w:rsidR="00156FB3" w:rsidRDefault="00156FB3" w:rsidP="00156FB3">
            <w:r>
              <w:t xml:space="preserve">                    smallestDifference = differenceWithThisHandl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handleNumber;</w:t>
            </w:r>
          </w:p>
          <w:p w:rsidR="00156FB3" w:rsidRDefault="00156FB3" w:rsidP="00156FB3">
            <w:r>
              <w:t xml:space="preserve">        }</w:t>
            </w:r>
          </w:p>
          <w:p w:rsidR="00156FB3" w:rsidRDefault="00156FB3" w:rsidP="00156FB3"/>
          <w:p w:rsidR="00156FB3" w:rsidRDefault="00156FB3" w:rsidP="00156FB3">
            <w:r>
              <w:t xml:space="preserve">        // Fire 'end' when a mouse or pen leaves the document.</w:t>
            </w:r>
          </w:p>
          <w:p w:rsidR="00156FB3" w:rsidRDefault="00156FB3" w:rsidP="00156FB3">
            <w:r>
              <w:t xml:space="preserve">        function documentLeave(event, data) {</w:t>
            </w:r>
          </w:p>
          <w:p w:rsidR="00156FB3" w:rsidRDefault="00156FB3" w:rsidP="00156FB3">
            <w:r>
              <w:t xml:space="preserve">            if (event.type === "mouseout" &amp;&amp; event.target.nodeName === "HTML" &amp;&amp; event.relatedTarget === null) {</w:t>
            </w:r>
          </w:p>
          <w:p w:rsidR="00156FB3" w:rsidRDefault="00156FB3" w:rsidP="00156FB3">
            <w:r>
              <w:t xml:space="preserve">                eventEnd(event, data);</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Handle movement on document for handle and range drag.</w:t>
            </w:r>
          </w:p>
          <w:p w:rsidR="00156FB3" w:rsidRDefault="00156FB3" w:rsidP="00156FB3">
            <w:r>
              <w:lastRenderedPageBreak/>
              <w:t xml:space="preserve">        function eventMove(event, data) {</w:t>
            </w:r>
          </w:p>
          <w:p w:rsidR="00156FB3" w:rsidRDefault="00156FB3" w:rsidP="00156FB3">
            <w:r>
              <w:t xml:space="preserve">            // Fix #498</w:t>
            </w:r>
          </w:p>
          <w:p w:rsidR="00156FB3" w:rsidRDefault="00156FB3" w:rsidP="00156FB3">
            <w:r>
              <w:t xml:space="preserve">            // Check value of .buttons in 'start' to work around a bug in IE10 mobile (data.buttonsProperty).</w:t>
            </w:r>
          </w:p>
          <w:p w:rsidR="00156FB3" w:rsidRDefault="00156FB3" w:rsidP="00156FB3">
            <w:r>
              <w:t xml:space="preserve">            // https://connect.microsoft.com/IE/feedback/details/927005/mobile-ie10-windows-phone-buttons-property-of-pointermove-event-always-zero</w:t>
            </w:r>
          </w:p>
          <w:p w:rsidR="00156FB3" w:rsidRDefault="00156FB3" w:rsidP="00156FB3">
            <w:r>
              <w:t xml:space="preserve">            // IE9 has .buttons and .which zero on mousemove.</w:t>
            </w:r>
          </w:p>
          <w:p w:rsidR="00156FB3" w:rsidRDefault="00156FB3" w:rsidP="00156FB3">
            <w:r>
              <w:t xml:space="preserve">            // Firefox breaks the spec MDN defines.</w:t>
            </w:r>
          </w:p>
          <w:p w:rsidR="00156FB3" w:rsidRDefault="00156FB3" w:rsidP="00156FB3">
            <w:r>
              <w:t xml:space="preserve">            if (navigator.appVersion.indexOf("MSIE 9") === -1 &amp;&amp; event.buttons === 0 &amp;&amp; data.buttonsProperty !== 0) {</w:t>
            </w:r>
          </w:p>
          <w:p w:rsidR="00156FB3" w:rsidRDefault="00156FB3" w:rsidP="00156FB3">
            <w:r>
              <w:t xml:space="preserve">                return eventEnd(event, data);</w:t>
            </w:r>
          </w:p>
          <w:p w:rsidR="00156FB3" w:rsidRDefault="00156FB3" w:rsidP="00156FB3">
            <w:r>
              <w:t xml:space="preserve">            }</w:t>
            </w:r>
          </w:p>
          <w:p w:rsidR="00156FB3" w:rsidRDefault="00156FB3" w:rsidP="00156FB3"/>
          <w:p w:rsidR="00156FB3" w:rsidRDefault="00156FB3" w:rsidP="00156FB3">
            <w:r>
              <w:t xml:space="preserve">            // Check if we are moving up or down</w:t>
            </w:r>
          </w:p>
          <w:p w:rsidR="00156FB3" w:rsidRDefault="00156FB3" w:rsidP="00156FB3">
            <w:r>
              <w:t xml:space="preserve">            var movement = (options.dir ? -1 : 1) * (event.calcPoint - data.startCalcPoint);</w:t>
            </w:r>
          </w:p>
          <w:p w:rsidR="00156FB3" w:rsidRDefault="00156FB3" w:rsidP="00156FB3"/>
          <w:p w:rsidR="00156FB3" w:rsidRDefault="00156FB3" w:rsidP="00156FB3">
            <w:r>
              <w:t xml:space="preserve">            // Convert the movement into a percentage of the slider width/height</w:t>
            </w:r>
          </w:p>
          <w:p w:rsidR="00156FB3" w:rsidRDefault="00156FB3" w:rsidP="00156FB3">
            <w:r>
              <w:t xml:space="preserve">            var proposal = (movement * 100) / data.baseSize;</w:t>
            </w:r>
          </w:p>
          <w:p w:rsidR="00156FB3" w:rsidRDefault="00156FB3" w:rsidP="00156FB3"/>
          <w:p w:rsidR="00156FB3" w:rsidRDefault="00156FB3" w:rsidP="00156FB3">
            <w:r>
              <w:t xml:space="preserve">            moveHandles(movement &gt; 0, proposal, data.locations, data.handleNumbers);</w:t>
            </w:r>
          </w:p>
          <w:p w:rsidR="00156FB3" w:rsidRDefault="00156FB3" w:rsidP="00156FB3">
            <w:r>
              <w:t xml:space="preserve">        }</w:t>
            </w:r>
          </w:p>
          <w:p w:rsidR="00156FB3" w:rsidRDefault="00156FB3" w:rsidP="00156FB3"/>
          <w:p w:rsidR="00156FB3" w:rsidRDefault="00156FB3" w:rsidP="00156FB3">
            <w:r>
              <w:t xml:space="preserve">        // Unbind move events on document, call callbacks.</w:t>
            </w:r>
          </w:p>
          <w:p w:rsidR="00156FB3" w:rsidRDefault="00156FB3" w:rsidP="00156FB3">
            <w:r>
              <w:t xml:space="preserve">        function eventEnd(event, data) {</w:t>
            </w:r>
          </w:p>
          <w:p w:rsidR="00156FB3" w:rsidRDefault="00156FB3" w:rsidP="00156FB3">
            <w:r>
              <w:t xml:space="preserve">            // The handle is no longer active, so remove the class.</w:t>
            </w:r>
          </w:p>
          <w:p w:rsidR="00156FB3" w:rsidRDefault="00156FB3" w:rsidP="00156FB3">
            <w:r>
              <w:t xml:space="preserve">            if (data.handle) {</w:t>
            </w:r>
          </w:p>
          <w:p w:rsidR="00156FB3" w:rsidRDefault="00156FB3" w:rsidP="00156FB3">
            <w:r>
              <w:t xml:space="preserve">                removeClass(data.handle, options.cssClasses.active);</w:t>
            </w:r>
          </w:p>
          <w:p w:rsidR="00156FB3" w:rsidRDefault="00156FB3" w:rsidP="00156FB3">
            <w:r>
              <w:t xml:space="preserve">                scope_ActiveHandlesCount -= 1;</w:t>
            </w:r>
          </w:p>
          <w:p w:rsidR="00156FB3" w:rsidRDefault="00156FB3" w:rsidP="00156FB3">
            <w:r>
              <w:t xml:space="preserve">            }</w:t>
            </w:r>
          </w:p>
          <w:p w:rsidR="00156FB3" w:rsidRDefault="00156FB3" w:rsidP="00156FB3"/>
          <w:p w:rsidR="00156FB3" w:rsidRDefault="00156FB3" w:rsidP="00156FB3">
            <w:r>
              <w:t xml:space="preserve">            // Unbind the move and end events, which are added on 'start'.</w:t>
            </w:r>
          </w:p>
          <w:p w:rsidR="00156FB3" w:rsidRDefault="00156FB3" w:rsidP="00156FB3">
            <w:r>
              <w:t xml:space="preserve">            data.listeners.forEach(function(c) {</w:t>
            </w:r>
          </w:p>
          <w:p w:rsidR="00156FB3" w:rsidRDefault="00156FB3" w:rsidP="00156FB3">
            <w:r>
              <w:t xml:space="preserve">                scope_DocumentElement.removeEventListener(c[0], c[1]);</w:t>
            </w:r>
          </w:p>
          <w:p w:rsidR="00156FB3" w:rsidRDefault="00156FB3" w:rsidP="00156FB3">
            <w:r>
              <w:t xml:space="preserve">            });</w:t>
            </w:r>
          </w:p>
          <w:p w:rsidR="00156FB3" w:rsidRDefault="00156FB3" w:rsidP="00156FB3"/>
          <w:p w:rsidR="00156FB3" w:rsidRDefault="00156FB3" w:rsidP="00156FB3">
            <w:r>
              <w:t xml:space="preserve">            if (scope_ActiveHandlesCount === 0) {</w:t>
            </w:r>
          </w:p>
          <w:p w:rsidR="00156FB3" w:rsidRDefault="00156FB3" w:rsidP="00156FB3">
            <w:r>
              <w:t xml:space="preserve">                // Remove dragging class.</w:t>
            </w:r>
          </w:p>
          <w:p w:rsidR="00156FB3" w:rsidRDefault="00156FB3" w:rsidP="00156FB3">
            <w:r>
              <w:t xml:space="preserve">                removeClass(scope_Target, options.cssClasses.drag);</w:t>
            </w:r>
          </w:p>
          <w:p w:rsidR="00156FB3" w:rsidRDefault="00156FB3" w:rsidP="00156FB3">
            <w:r>
              <w:t xml:space="preserve">                setZindex();</w:t>
            </w:r>
          </w:p>
          <w:p w:rsidR="00156FB3" w:rsidRDefault="00156FB3" w:rsidP="00156FB3"/>
          <w:p w:rsidR="00156FB3" w:rsidRDefault="00156FB3" w:rsidP="00156FB3">
            <w:r>
              <w:t xml:space="preserve">                // Remove cursor styles and text-selection events bound to the body.</w:t>
            </w:r>
          </w:p>
          <w:p w:rsidR="00156FB3" w:rsidRDefault="00156FB3" w:rsidP="00156FB3">
            <w:r>
              <w:t xml:space="preserve">                if (event.cursor) {</w:t>
            </w:r>
          </w:p>
          <w:p w:rsidR="00156FB3" w:rsidRDefault="00156FB3" w:rsidP="00156FB3">
            <w:r>
              <w:t xml:space="preserve">                    scope_Body.style.cursor = "";</w:t>
            </w:r>
          </w:p>
          <w:p w:rsidR="00156FB3" w:rsidRDefault="00156FB3" w:rsidP="00156FB3">
            <w:r>
              <w:t xml:space="preserve">                    scope_Body.removeEventListener("selectstart", preventDefaul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data.handleNumbers.forEach(function(handleNumber) {</w:t>
            </w:r>
          </w:p>
          <w:p w:rsidR="00156FB3" w:rsidRDefault="00156FB3" w:rsidP="00156FB3">
            <w:r>
              <w:t xml:space="preserve">                fireEvent("change", handleNumber);</w:t>
            </w:r>
          </w:p>
          <w:p w:rsidR="00156FB3" w:rsidRDefault="00156FB3" w:rsidP="00156FB3">
            <w:r>
              <w:lastRenderedPageBreak/>
              <w:t xml:space="preserve">                fireEvent("set", handleNumber);</w:t>
            </w:r>
          </w:p>
          <w:p w:rsidR="00156FB3" w:rsidRDefault="00156FB3" w:rsidP="00156FB3">
            <w:r>
              <w:t xml:space="preserve">                fireEvent("end", handleNumber);</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Bind move events on document.</w:t>
            </w:r>
          </w:p>
          <w:p w:rsidR="00156FB3" w:rsidRDefault="00156FB3" w:rsidP="00156FB3">
            <w:r>
              <w:t xml:space="preserve">        function eventStart(event, data) {</w:t>
            </w:r>
          </w:p>
          <w:p w:rsidR="00156FB3" w:rsidRDefault="00156FB3" w:rsidP="00156FB3">
            <w:r>
              <w:t xml:space="preserve">            // Ignore event if any handle is disabled</w:t>
            </w:r>
          </w:p>
          <w:p w:rsidR="00156FB3" w:rsidRDefault="00156FB3" w:rsidP="00156FB3">
            <w:r>
              <w:t xml:space="preserve">            if (data.handleNumbers.some(isHandleDisabled))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var handle;</w:t>
            </w:r>
          </w:p>
          <w:p w:rsidR="00156FB3" w:rsidRDefault="00156FB3" w:rsidP="00156FB3"/>
          <w:p w:rsidR="00156FB3" w:rsidRDefault="00156FB3" w:rsidP="00156FB3">
            <w:r>
              <w:t xml:space="preserve">            if (data.handleNumbers.length === 1) {</w:t>
            </w:r>
          </w:p>
          <w:p w:rsidR="00156FB3" w:rsidRDefault="00156FB3" w:rsidP="00156FB3">
            <w:r>
              <w:t xml:space="preserve">                var handleOrigin = scope_Handles[data.handleNumbers[0]];</w:t>
            </w:r>
          </w:p>
          <w:p w:rsidR="00156FB3" w:rsidRDefault="00156FB3" w:rsidP="00156FB3"/>
          <w:p w:rsidR="00156FB3" w:rsidRDefault="00156FB3" w:rsidP="00156FB3">
            <w:r>
              <w:t xml:space="preserve">                handle = handleOrigin.children[0];</w:t>
            </w:r>
          </w:p>
          <w:p w:rsidR="00156FB3" w:rsidRDefault="00156FB3" w:rsidP="00156FB3">
            <w:r>
              <w:t xml:space="preserve">                scope_ActiveHandlesCount += 1;</w:t>
            </w:r>
          </w:p>
          <w:p w:rsidR="00156FB3" w:rsidRDefault="00156FB3" w:rsidP="00156FB3"/>
          <w:p w:rsidR="00156FB3" w:rsidRDefault="00156FB3" w:rsidP="00156FB3">
            <w:r>
              <w:t xml:space="preserve">                // Mark the handle as 'active' so it can be styled.</w:t>
            </w:r>
          </w:p>
          <w:p w:rsidR="00156FB3" w:rsidRDefault="00156FB3" w:rsidP="00156FB3">
            <w:r>
              <w:t xml:space="preserve">                addClass(handle, options.cssClasses.active);</w:t>
            </w:r>
          </w:p>
          <w:p w:rsidR="00156FB3" w:rsidRDefault="00156FB3" w:rsidP="00156FB3">
            <w:r>
              <w:t xml:space="preserve">            }</w:t>
            </w:r>
          </w:p>
          <w:p w:rsidR="00156FB3" w:rsidRDefault="00156FB3" w:rsidP="00156FB3"/>
          <w:p w:rsidR="00156FB3" w:rsidRDefault="00156FB3" w:rsidP="00156FB3">
            <w:r>
              <w:t xml:space="preserve">            // A drag should never propagate up to the 'tap' event.</w:t>
            </w:r>
          </w:p>
          <w:p w:rsidR="00156FB3" w:rsidRDefault="00156FB3" w:rsidP="00156FB3">
            <w:r>
              <w:t xml:space="preserve">            event.stopPropagation();</w:t>
            </w:r>
          </w:p>
          <w:p w:rsidR="00156FB3" w:rsidRDefault="00156FB3" w:rsidP="00156FB3"/>
          <w:p w:rsidR="00156FB3" w:rsidRDefault="00156FB3" w:rsidP="00156FB3">
            <w:r>
              <w:t xml:space="preserve">            // Record the event listeners.</w:t>
            </w:r>
          </w:p>
          <w:p w:rsidR="00156FB3" w:rsidRDefault="00156FB3" w:rsidP="00156FB3">
            <w:r>
              <w:t xml:space="preserve">            var listeners = [];</w:t>
            </w:r>
          </w:p>
          <w:p w:rsidR="00156FB3" w:rsidRDefault="00156FB3" w:rsidP="00156FB3"/>
          <w:p w:rsidR="00156FB3" w:rsidRDefault="00156FB3" w:rsidP="00156FB3">
            <w:r>
              <w:t xml:space="preserve">            // Attach the move and end events.</w:t>
            </w:r>
          </w:p>
          <w:p w:rsidR="00156FB3" w:rsidRDefault="00156FB3" w:rsidP="00156FB3">
            <w:r>
              <w:t xml:space="preserve">            var moveEvent = attachEvent(actions.move, scope_DocumentElement, eventMove, {</w:t>
            </w:r>
          </w:p>
          <w:p w:rsidR="00156FB3" w:rsidRDefault="00156FB3" w:rsidP="00156FB3">
            <w:r>
              <w:t xml:space="preserve">                // The event target has changed so we need to propagate the original one so that we keep</w:t>
            </w:r>
          </w:p>
          <w:p w:rsidR="00156FB3" w:rsidRDefault="00156FB3" w:rsidP="00156FB3">
            <w:r>
              <w:t xml:space="preserve">                // relying on it to extract target touches.</w:t>
            </w:r>
          </w:p>
          <w:p w:rsidR="00156FB3" w:rsidRDefault="00156FB3" w:rsidP="00156FB3">
            <w:r>
              <w:t xml:space="preserve">                target: event.target,</w:t>
            </w:r>
          </w:p>
          <w:p w:rsidR="00156FB3" w:rsidRDefault="00156FB3" w:rsidP="00156FB3">
            <w:r>
              <w:t xml:space="preserve">                handle: handle,</w:t>
            </w:r>
          </w:p>
          <w:p w:rsidR="00156FB3" w:rsidRDefault="00156FB3" w:rsidP="00156FB3">
            <w:r>
              <w:t xml:space="preserve">                listeners: listeners,</w:t>
            </w:r>
          </w:p>
          <w:p w:rsidR="00156FB3" w:rsidRDefault="00156FB3" w:rsidP="00156FB3">
            <w:r>
              <w:t xml:space="preserve">                startCalcPoint: event.calcPoint,</w:t>
            </w:r>
          </w:p>
          <w:p w:rsidR="00156FB3" w:rsidRDefault="00156FB3" w:rsidP="00156FB3">
            <w:r>
              <w:t xml:space="preserve">                baseSize: baseSize(),</w:t>
            </w:r>
          </w:p>
          <w:p w:rsidR="00156FB3" w:rsidRDefault="00156FB3" w:rsidP="00156FB3">
            <w:r>
              <w:t xml:space="preserve">                pageOffset: event.pageOffset,</w:t>
            </w:r>
          </w:p>
          <w:p w:rsidR="00156FB3" w:rsidRDefault="00156FB3" w:rsidP="00156FB3">
            <w:r>
              <w:t xml:space="preserve">                handleNumbers: data.handleNumbers,</w:t>
            </w:r>
          </w:p>
          <w:p w:rsidR="00156FB3" w:rsidRDefault="00156FB3" w:rsidP="00156FB3">
            <w:r>
              <w:t xml:space="preserve">                buttonsProperty: event.buttons,</w:t>
            </w:r>
          </w:p>
          <w:p w:rsidR="00156FB3" w:rsidRDefault="00156FB3" w:rsidP="00156FB3">
            <w:r>
              <w:t xml:space="preserve">                locations: scope_Locations.slice()</w:t>
            </w:r>
          </w:p>
          <w:p w:rsidR="00156FB3" w:rsidRDefault="00156FB3" w:rsidP="00156FB3">
            <w:r>
              <w:t xml:space="preserve">            });</w:t>
            </w:r>
          </w:p>
          <w:p w:rsidR="00156FB3" w:rsidRDefault="00156FB3" w:rsidP="00156FB3"/>
          <w:p w:rsidR="00156FB3" w:rsidRDefault="00156FB3" w:rsidP="00156FB3">
            <w:r>
              <w:t xml:space="preserve">            var endEvent = attachEvent(actions.end, scope_DocumentElement, eventEnd, {</w:t>
            </w:r>
          </w:p>
          <w:p w:rsidR="00156FB3" w:rsidRDefault="00156FB3" w:rsidP="00156FB3">
            <w:r>
              <w:t xml:space="preserve">                target: event.target,</w:t>
            </w:r>
          </w:p>
          <w:p w:rsidR="00156FB3" w:rsidRDefault="00156FB3" w:rsidP="00156FB3">
            <w:r>
              <w:t xml:space="preserve">                handle: handle,</w:t>
            </w:r>
          </w:p>
          <w:p w:rsidR="00156FB3" w:rsidRDefault="00156FB3" w:rsidP="00156FB3">
            <w:r>
              <w:lastRenderedPageBreak/>
              <w:t xml:space="preserve">                listeners: listeners,</w:t>
            </w:r>
          </w:p>
          <w:p w:rsidR="00156FB3" w:rsidRDefault="00156FB3" w:rsidP="00156FB3">
            <w:r>
              <w:t xml:space="preserve">                doNotReject: true,</w:t>
            </w:r>
          </w:p>
          <w:p w:rsidR="00156FB3" w:rsidRDefault="00156FB3" w:rsidP="00156FB3">
            <w:r>
              <w:t xml:space="preserve">                handleNumbers: data.handleNumbers</w:t>
            </w:r>
          </w:p>
          <w:p w:rsidR="00156FB3" w:rsidRDefault="00156FB3" w:rsidP="00156FB3">
            <w:r>
              <w:t xml:space="preserve">            });</w:t>
            </w:r>
          </w:p>
          <w:p w:rsidR="00156FB3" w:rsidRDefault="00156FB3" w:rsidP="00156FB3"/>
          <w:p w:rsidR="00156FB3" w:rsidRDefault="00156FB3" w:rsidP="00156FB3">
            <w:r>
              <w:t xml:space="preserve">            var outEvent = attachEvent("mouseout", scope_DocumentElement, documentLeave, {</w:t>
            </w:r>
          </w:p>
          <w:p w:rsidR="00156FB3" w:rsidRDefault="00156FB3" w:rsidP="00156FB3">
            <w:r>
              <w:t xml:space="preserve">                target: event.target,</w:t>
            </w:r>
          </w:p>
          <w:p w:rsidR="00156FB3" w:rsidRDefault="00156FB3" w:rsidP="00156FB3">
            <w:r>
              <w:t xml:space="preserve">                handle: handle,</w:t>
            </w:r>
          </w:p>
          <w:p w:rsidR="00156FB3" w:rsidRDefault="00156FB3" w:rsidP="00156FB3">
            <w:r>
              <w:t xml:space="preserve">                listeners: listeners,</w:t>
            </w:r>
          </w:p>
          <w:p w:rsidR="00156FB3" w:rsidRDefault="00156FB3" w:rsidP="00156FB3">
            <w:r>
              <w:t xml:space="preserve">                doNotReject: true,</w:t>
            </w:r>
          </w:p>
          <w:p w:rsidR="00156FB3" w:rsidRDefault="00156FB3" w:rsidP="00156FB3">
            <w:r>
              <w:t xml:space="preserve">                handleNumbers: data.handleNumbers</w:t>
            </w:r>
          </w:p>
          <w:p w:rsidR="00156FB3" w:rsidRDefault="00156FB3" w:rsidP="00156FB3">
            <w:r>
              <w:t xml:space="preserve">            });</w:t>
            </w:r>
          </w:p>
          <w:p w:rsidR="00156FB3" w:rsidRDefault="00156FB3" w:rsidP="00156FB3"/>
          <w:p w:rsidR="00156FB3" w:rsidRDefault="00156FB3" w:rsidP="00156FB3">
            <w:r>
              <w:t xml:space="preserve">            // We want to make sure we pushed the listeners in the listener list rather than creating</w:t>
            </w:r>
          </w:p>
          <w:p w:rsidR="00156FB3" w:rsidRDefault="00156FB3" w:rsidP="00156FB3">
            <w:r>
              <w:t xml:space="preserve">            // a new one as it has already been passed to the event handlers.</w:t>
            </w:r>
          </w:p>
          <w:p w:rsidR="00156FB3" w:rsidRDefault="00156FB3" w:rsidP="00156FB3">
            <w:r>
              <w:t xml:space="preserve">            listeners.push.apply(listeners, moveEvent.concat(endEvent, outEvent));</w:t>
            </w:r>
          </w:p>
          <w:p w:rsidR="00156FB3" w:rsidRDefault="00156FB3" w:rsidP="00156FB3"/>
          <w:p w:rsidR="00156FB3" w:rsidRDefault="00156FB3" w:rsidP="00156FB3">
            <w:r>
              <w:t xml:space="preserve">            // Text selection isn't an issue on touch devices,</w:t>
            </w:r>
          </w:p>
          <w:p w:rsidR="00156FB3" w:rsidRDefault="00156FB3" w:rsidP="00156FB3">
            <w:r>
              <w:t xml:space="preserve">            // so adding cursor styles can be skipped.</w:t>
            </w:r>
          </w:p>
          <w:p w:rsidR="00156FB3" w:rsidRDefault="00156FB3" w:rsidP="00156FB3">
            <w:r>
              <w:t xml:space="preserve">            if (event.cursor) {</w:t>
            </w:r>
          </w:p>
          <w:p w:rsidR="00156FB3" w:rsidRDefault="00156FB3" w:rsidP="00156FB3">
            <w:r>
              <w:t xml:space="preserve">                // Prevent the 'I' cursor and extend the range-drag cursor.</w:t>
            </w:r>
          </w:p>
          <w:p w:rsidR="00156FB3" w:rsidRDefault="00156FB3" w:rsidP="00156FB3">
            <w:r>
              <w:t xml:space="preserve">                scope_Body.style.cursor = getComputedStyle(event.target).cursor;</w:t>
            </w:r>
          </w:p>
          <w:p w:rsidR="00156FB3" w:rsidRDefault="00156FB3" w:rsidP="00156FB3"/>
          <w:p w:rsidR="00156FB3" w:rsidRDefault="00156FB3" w:rsidP="00156FB3">
            <w:r>
              <w:t xml:space="preserve">                // Mark the target with a dragging state.</w:t>
            </w:r>
          </w:p>
          <w:p w:rsidR="00156FB3" w:rsidRDefault="00156FB3" w:rsidP="00156FB3">
            <w:r>
              <w:t xml:space="preserve">                if (scope_Handles.length &gt; 1) {</w:t>
            </w:r>
          </w:p>
          <w:p w:rsidR="00156FB3" w:rsidRDefault="00156FB3" w:rsidP="00156FB3">
            <w:r>
              <w:t xml:space="preserve">                    addClass(scope_Target, options.cssClasses.drag);</w:t>
            </w:r>
          </w:p>
          <w:p w:rsidR="00156FB3" w:rsidRDefault="00156FB3" w:rsidP="00156FB3">
            <w:r>
              <w:t xml:space="preserve">                }</w:t>
            </w:r>
          </w:p>
          <w:p w:rsidR="00156FB3" w:rsidRDefault="00156FB3" w:rsidP="00156FB3"/>
          <w:p w:rsidR="00156FB3" w:rsidRDefault="00156FB3" w:rsidP="00156FB3">
            <w:r>
              <w:t xml:space="preserve">                // Prevent text selection when dragging the handles.</w:t>
            </w:r>
          </w:p>
          <w:p w:rsidR="00156FB3" w:rsidRDefault="00156FB3" w:rsidP="00156FB3">
            <w:r>
              <w:t xml:space="preserve">                // In noUiSlider &lt;= 9.2.0, this was handled by calling preventDefault on mouse/touch start/move,</w:t>
            </w:r>
          </w:p>
          <w:p w:rsidR="00156FB3" w:rsidRDefault="00156FB3" w:rsidP="00156FB3">
            <w:r>
              <w:t xml:space="preserve">                // which is scroll blocking. The selectstart event is supported by FireFox starting from version 52,</w:t>
            </w:r>
          </w:p>
          <w:p w:rsidR="00156FB3" w:rsidRDefault="00156FB3" w:rsidP="00156FB3">
            <w:r>
              <w:t xml:space="preserve">                // meaning the only holdout is iOS Safari. This doesn't matter: text selection isn't triggered there.</w:t>
            </w:r>
          </w:p>
          <w:p w:rsidR="00156FB3" w:rsidRDefault="00156FB3" w:rsidP="00156FB3">
            <w:r>
              <w:t xml:space="preserve">                // The 'cursor' flag is false.</w:t>
            </w:r>
          </w:p>
          <w:p w:rsidR="00156FB3" w:rsidRDefault="00156FB3" w:rsidP="00156FB3">
            <w:r>
              <w:t xml:space="preserve">                // See: http://caniuse.com/#search=selectstart</w:t>
            </w:r>
          </w:p>
          <w:p w:rsidR="00156FB3" w:rsidRDefault="00156FB3" w:rsidP="00156FB3">
            <w:r>
              <w:t xml:space="preserve">                scope_Body.addEventListener("selectstart", preventDefault, false);</w:t>
            </w:r>
          </w:p>
          <w:p w:rsidR="00156FB3" w:rsidRDefault="00156FB3" w:rsidP="00156FB3">
            <w:r>
              <w:t xml:space="preserve">            }</w:t>
            </w:r>
          </w:p>
          <w:p w:rsidR="00156FB3" w:rsidRDefault="00156FB3" w:rsidP="00156FB3"/>
          <w:p w:rsidR="00156FB3" w:rsidRDefault="00156FB3" w:rsidP="00156FB3">
            <w:r>
              <w:t xml:space="preserve">            data.handleNumbers.forEach(function(handleNumber) {</w:t>
            </w:r>
          </w:p>
          <w:p w:rsidR="00156FB3" w:rsidRDefault="00156FB3" w:rsidP="00156FB3">
            <w:r>
              <w:t xml:space="preserve">                fireEvent("start", handleNumber);</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Move closest handle to tapped location.</w:t>
            </w:r>
          </w:p>
          <w:p w:rsidR="00156FB3" w:rsidRDefault="00156FB3" w:rsidP="00156FB3">
            <w:r>
              <w:t xml:space="preserve">        function eventTap(event) {</w:t>
            </w:r>
          </w:p>
          <w:p w:rsidR="00156FB3" w:rsidRDefault="00156FB3" w:rsidP="00156FB3">
            <w:r>
              <w:t xml:space="preserve">            // The tap event shouldn't propagate up</w:t>
            </w:r>
          </w:p>
          <w:p w:rsidR="00156FB3" w:rsidRDefault="00156FB3" w:rsidP="00156FB3">
            <w:r>
              <w:lastRenderedPageBreak/>
              <w:t xml:space="preserve">            event.stopPropagation();</w:t>
            </w:r>
          </w:p>
          <w:p w:rsidR="00156FB3" w:rsidRDefault="00156FB3" w:rsidP="00156FB3"/>
          <w:p w:rsidR="00156FB3" w:rsidRDefault="00156FB3" w:rsidP="00156FB3">
            <w:r>
              <w:t xml:space="preserve">            var proposal = calcPointToPercentage(event.calcPoint);</w:t>
            </w:r>
          </w:p>
          <w:p w:rsidR="00156FB3" w:rsidRDefault="00156FB3" w:rsidP="00156FB3">
            <w:r>
              <w:t xml:space="preserve">            var handleNumber = getClosestHandle(proposal);</w:t>
            </w:r>
          </w:p>
          <w:p w:rsidR="00156FB3" w:rsidRDefault="00156FB3" w:rsidP="00156FB3"/>
          <w:p w:rsidR="00156FB3" w:rsidRDefault="00156FB3" w:rsidP="00156FB3">
            <w:r>
              <w:t xml:space="preserve">            // Tackle the case that all handles are 'disabled'.</w:t>
            </w:r>
          </w:p>
          <w:p w:rsidR="00156FB3" w:rsidRDefault="00156FB3" w:rsidP="00156FB3">
            <w:r>
              <w:t xml:space="preserve">            if (handleNumber === false)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 Flag the slider as it is now in a transitional state.</w:t>
            </w:r>
          </w:p>
          <w:p w:rsidR="00156FB3" w:rsidRDefault="00156FB3" w:rsidP="00156FB3">
            <w:r>
              <w:t xml:space="preserve">            // Transition takes a configurable amount of ms (default 300). Re-enable the slider after that.</w:t>
            </w:r>
          </w:p>
          <w:p w:rsidR="00156FB3" w:rsidRDefault="00156FB3" w:rsidP="00156FB3">
            <w:r>
              <w:t xml:space="preserve">            if (!options.events.snap) {</w:t>
            </w:r>
          </w:p>
          <w:p w:rsidR="00156FB3" w:rsidRDefault="00156FB3" w:rsidP="00156FB3">
            <w:r>
              <w:t xml:space="preserve">                addClassFor(scope_Target, options.cssClasses.tap, options.animationDuration);</w:t>
            </w:r>
          </w:p>
          <w:p w:rsidR="00156FB3" w:rsidRDefault="00156FB3" w:rsidP="00156FB3">
            <w:r>
              <w:t xml:space="preserve">            }</w:t>
            </w:r>
          </w:p>
          <w:p w:rsidR="00156FB3" w:rsidRDefault="00156FB3" w:rsidP="00156FB3"/>
          <w:p w:rsidR="00156FB3" w:rsidRDefault="00156FB3" w:rsidP="00156FB3">
            <w:r>
              <w:t xml:space="preserve">            setHandle(handleNumber, proposal, true, true);</w:t>
            </w:r>
          </w:p>
          <w:p w:rsidR="00156FB3" w:rsidRDefault="00156FB3" w:rsidP="00156FB3"/>
          <w:p w:rsidR="00156FB3" w:rsidRDefault="00156FB3" w:rsidP="00156FB3">
            <w:r>
              <w:t xml:space="preserve">            setZindex();</w:t>
            </w:r>
          </w:p>
          <w:p w:rsidR="00156FB3" w:rsidRDefault="00156FB3" w:rsidP="00156FB3"/>
          <w:p w:rsidR="00156FB3" w:rsidRDefault="00156FB3" w:rsidP="00156FB3">
            <w:r>
              <w:t xml:space="preserve">            fireEvent("slide", handleNumber, true);</w:t>
            </w:r>
          </w:p>
          <w:p w:rsidR="00156FB3" w:rsidRDefault="00156FB3" w:rsidP="00156FB3">
            <w:r>
              <w:t xml:space="preserve">            fireEvent("update", handleNumber, true);</w:t>
            </w:r>
          </w:p>
          <w:p w:rsidR="00156FB3" w:rsidRDefault="00156FB3" w:rsidP="00156FB3">
            <w:r>
              <w:t xml:space="preserve">            fireEvent("change", handleNumber, true);</w:t>
            </w:r>
          </w:p>
          <w:p w:rsidR="00156FB3" w:rsidRDefault="00156FB3" w:rsidP="00156FB3">
            <w:r>
              <w:t xml:space="preserve">            fireEvent("set", handleNumber, true);</w:t>
            </w:r>
          </w:p>
          <w:p w:rsidR="00156FB3" w:rsidRDefault="00156FB3" w:rsidP="00156FB3"/>
          <w:p w:rsidR="00156FB3" w:rsidRDefault="00156FB3" w:rsidP="00156FB3">
            <w:r>
              <w:t xml:space="preserve">            if (options.events.snap) {</w:t>
            </w:r>
          </w:p>
          <w:p w:rsidR="00156FB3" w:rsidRDefault="00156FB3" w:rsidP="00156FB3">
            <w:r>
              <w:t xml:space="preserve">                eventStart(event, { handleNumbers: [handleNumber]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Fires a 'hover' event for a hovered mouse/pen position.</w:t>
            </w:r>
          </w:p>
          <w:p w:rsidR="00156FB3" w:rsidRDefault="00156FB3" w:rsidP="00156FB3">
            <w:r>
              <w:t xml:space="preserve">        function eventHover(event) {</w:t>
            </w:r>
          </w:p>
          <w:p w:rsidR="00156FB3" w:rsidRDefault="00156FB3" w:rsidP="00156FB3">
            <w:r>
              <w:t xml:space="preserve">            var proposal = calcPointToPercentage(event.calcPoint);</w:t>
            </w:r>
          </w:p>
          <w:p w:rsidR="00156FB3" w:rsidRDefault="00156FB3" w:rsidP="00156FB3"/>
          <w:p w:rsidR="00156FB3" w:rsidRDefault="00156FB3" w:rsidP="00156FB3">
            <w:r>
              <w:t xml:space="preserve">            var to = scope_Spectrum.getStep(proposal);</w:t>
            </w:r>
          </w:p>
          <w:p w:rsidR="00156FB3" w:rsidRDefault="00156FB3" w:rsidP="00156FB3">
            <w:r>
              <w:t xml:space="preserve">            var value = scope_Spectrum.fromStepping(to);</w:t>
            </w:r>
          </w:p>
          <w:p w:rsidR="00156FB3" w:rsidRDefault="00156FB3" w:rsidP="00156FB3"/>
          <w:p w:rsidR="00156FB3" w:rsidRDefault="00156FB3" w:rsidP="00156FB3">
            <w:r>
              <w:t xml:space="preserve">            Object.keys(scope_Events).forEach(function(targetEvent) {</w:t>
            </w:r>
          </w:p>
          <w:p w:rsidR="00156FB3" w:rsidRDefault="00156FB3" w:rsidP="00156FB3">
            <w:r>
              <w:t xml:space="preserve">                if ("hover" === targetEvent.split(".")[0]) {</w:t>
            </w:r>
          </w:p>
          <w:p w:rsidR="00156FB3" w:rsidRDefault="00156FB3" w:rsidP="00156FB3">
            <w:r>
              <w:t xml:space="preserve">                    scope_Events[targetEvent].forEach(function(callback) {</w:t>
            </w:r>
          </w:p>
          <w:p w:rsidR="00156FB3" w:rsidRDefault="00156FB3" w:rsidP="00156FB3">
            <w:r>
              <w:t xml:space="preserve">                        callback.call(scope_Self, value);</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Handles keydown on focused handles</w:t>
            </w:r>
          </w:p>
          <w:p w:rsidR="00156FB3" w:rsidRDefault="00156FB3" w:rsidP="00156FB3">
            <w:r>
              <w:t xml:space="preserve">        // Don't move the document when pressing arrow keys on focused handles</w:t>
            </w:r>
          </w:p>
          <w:p w:rsidR="00156FB3" w:rsidRDefault="00156FB3" w:rsidP="00156FB3">
            <w:r>
              <w:lastRenderedPageBreak/>
              <w:t xml:space="preserve">        function eventKeydown(event, handleNumber) {</w:t>
            </w:r>
          </w:p>
          <w:p w:rsidR="00156FB3" w:rsidRDefault="00156FB3" w:rsidP="00156FB3">
            <w:r>
              <w:t xml:space="preserve">            if (isSliderDisabled() || isHandleDisabled(handleNumber))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var horizontalKeys = ["Left", "Right"];</w:t>
            </w:r>
          </w:p>
          <w:p w:rsidR="00156FB3" w:rsidRDefault="00156FB3" w:rsidP="00156FB3">
            <w:r>
              <w:t xml:space="preserve">            var verticalKeys = ["Down", "Up"];</w:t>
            </w:r>
          </w:p>
          <w:p w:rsidR="00156FB3" w:rsidRDefault="00156FB3" w:rsidP="00156FB3">
            <w:r>
              <w:t xml:space="preserve">            var largeStepKeys = ["PageDown", "PageUp"];</w:t>
            </w:r>
          </w:p>
          <w:p w:rsidR="00156FB3" w:rsidRDefault="00156FB3" w:rsidP="00156FB3">
            <w:r>
              <w:t xml:space="preserve">            var edgeKeys = ["Home", "End"];</w:t>
            </w:r>
          </w:p>
          <w:p w:rsidR="00156FB3" w:rsidRDefault="00156FB3" w:rsidP="00156FB3"/>
          <w:p w:rsidR="00156FB3" w:rsidRDefault="00156FB3" w:rsidP="00156FB3">
            <w:r>
              <w:t xml:space="preserve">            if (options.dir &amp;&amp; !options.ort) {</w:t>
            </w:r>
          </w:p>
          <w:p w:rsidR="00156FB3" w:rsidRDefault="00156FB3" w:rsidP="00156FB3">
            <w:r>
              <w:t xml:space="preserve">                // On an right-to-left slider, the left and right keys act inverted</w:t>
            </w:r>
          </w:p>
          <w:p w:rsidR="00156FB3" w:rsidRDefault="00156FB3" w:rsidP="00156FB3">
            <w:r>
              <w:t xml:space="preserve">                horizontalKeys.reverse();</w:t>
            </w:r>
          </w:p>
          <w:p w:rsidR="00156FB3" w:rsidRDefault="00156FB3" w:rsidP="00156FB3">
            <w:r>
              <w:t xml:space="preserve">            } else if (options.ort &amp;&amp; !options.dir) {</w:t>
            </w:r>
          </w:p>
          <w:p w:rsidR="00156FB3" w:rsidRDefault="00156FB3" w:rsidP="00156FB3">
            <w:r>
              <w:t xml:space="preserve">                // On a top-to-bottom slider, the up and down keys act inverted</w:t>
            </w:r>
          </w:p>
          <w:p w:rsidR="00156FB3" w:rsidRDefault="00156FB3" w:rsidP="00156FB3">
            <w:r>
              <w:t xml:space="preserve">                verticalKeys.reverse();</w:t>
            </w:r>
          </w:p>
          <w:p w:rsidR="00156FB3" w:rsidRDefault="00156FB3" w:rsidP="00156FB3">
            <w:r>
              <w:t xml:space="preserve">                largeStepKeys.reverse();</w:t>
            </w:r>
          </w:p>
          <w:p w:rsidR="00156FB3" w:rsidRDefault="00156FB3" w:rsidP="00156FB3">
            <w:r>
              <w:t xml:space="preserve">            }</w:t>
            </w:r>
          </w:p>
          <w:p w:rsidR="00156FB3" w:rsidRDefault="00156FB3" w:rsidP="00156FB3"/>
          <w:p w:rsidR="00156FB3" w:rsidRDefault="00156FB3" w:rsidP="00156FB3">
            <w:r>
              <w:t xml:space="preserve">            // Strip "Arrow" for IE compatibility. https://developer.mozilla.org/en-US/docs/Web/API/KeyboardEvent/key</w:t>
            </w:r>
          </w:p>
          <w:p w:rsidR="00156FB3" w:rsidRDefault="00156FB3" w:rsidP="00156FB3">
            <w:r>
              <w:t xml:space="preserve">            var key = event.key.replace("Arrow", "");</w:t>
            </w:r>
          </w:p>
          <w:p w:rsidR="00156FB3" w:rsidRDefault="00156FB3" w:rsidP="00156FB3"/>
          <w:p w:rsidR="00156FB3" w:rsidRDefault="00156FB3" w:rsidP="00156FB3">
            <w:r>
              <w:t xml:space="preserve">            var isLargeDown = key === largeStepKeys[0];</w:t>
            </w:r>
          </w:p>
          <w:p w:rsidR="00156FB3" w:rsidRDefault="00156FB3" w:rsidP="00156FB3">
            <w:r>
              <w:t xml:space="preserve">            var isLargeUp = key === largeStepKeys[1];</w:t>
            </w:r>
          </w:p>
          <w:p w:rsidR="00156FB3" w:rsidRDefault="00156FB3" w:rsidP="00156FB3">
            <w:r>
              <w:t xml:space="preserve">            var isDown = key === verticalKeys[0] || key === horizontalKeys[0] || isLargeDown;</w:t>
            </w:r>
          </w:p>
          <w:p w:rsidR="00156FB3" w:rsidRDefault="00156FB3" w:rsidP="00156FB3">
            <w:r>
              <w:t xml:space="preserve">            var isUp = key === verticalKeys[1] || key === horizontalKeys[1] || isLargeUp;</w:t>
            </w:r>
          </w:p>
          <w:p w:rsidR="00156FB3" w:rsidRDefault="00156FB3" w:rsidP="00156FB3">
            <w:r>
              <w:t xml:space="preserve">            var isMin = key === edgeKeys[0];</w:t>
            </w:r>
          </w:p>
          <w:p w:rsidR="00156FB3" w:rsidRDefault="00156FB3" w:rsidP="00156FB3">
            <w:r>
              <w:t xml:space="preserve">            var isMax = key === edgeKeys[1];</w:t>
            </w:r>
          </w:p>
          <w:p w:rsidR="00156FB3" w:rsidRDefault="00156FB3" w:rsidP="00156FB3"/>
          <w:p w:rsidR="00156FB3" w:rsidRDefault="00156FB3" w:rsidP="00156FB3">
            <w:r>
              <w:t xml:space="preserve">            if (!isDown &amp;&amp; !isUp &amp;&amp; !isMin &amp;&amp; !isMax) {</w:t>
            </w:r>
          </w:p>
          <w:p w:rsidR="00156FB3" w:rsidRDefault="00156FB3" w:rsidP="00156FB3">
            <w:r>
              <w:t xml:space="preserve">                return true;</w:t>
            </w:r>
          </w:p>
          <w:p w:rsidR="00156FB3" w:rsidRDefault="00156FB3" w:rsidP="00156FB3">
            <w:r>
              <w:t xml:space="preserve">            }</w:t>
            </w:r>
          </w:p>
          <w:p w:rsidR="00156FB3" w:rsidRDefault="00156FB3" w:rsidP="00156FB3"/>
          <w:p w:rsidR="00156FB3" w:rsidRDefault="00156FB3" w:rsidP="00156FB3">
            <w:r>
              <w:t xml:space="preserve">            event.preventDefault();</w:t>
            </w:r>
          </w:p>
          <w:p w:rsidR="00156FB3" w:rsidRDefault="00156FB3" w:rsidP="00156FB3"/>
          <w:p w:rsidR="00156FB3" w:rsidRDefault="00156FB3" w:rsidP="00156FB3">
            <w:r>
              <w:t xml:space="preserve">            var to;</w:t>
            </w:r>
          </w:p>
          <w:p w:rsidR="00156FB3" w:rsidRDefault="00156FB3" w:rsidP="00156FB3"/>
          <w:p w:rsidR="00156FB3" w:rsidRDefault="00156FB3" w:rsidP="00156FB3">
            <w:r>
              <w:t xml:space="preserve">            if (isUp || isDown) {</w:t>
            </w:r>
          </w:p>
          <w:p w:rsidR="00156FB3" w:rsidRDefault="00156FB3" w:rsidP="00156FB3">
            <w:r>
              <w:t xml:space="preserve">                var multiplier = 5;</w:t>
            </w:r>
          </w:p>
          <w:p w:rsidR="00156FB3" w:rsidRDefault="00156FB3" w:rsidP="00156FB3">
            <w:r>
              <w:t xml:space="preserve">                var direction = isDown ? 0 : 1;</w:t>
            </w:r>
          </w:p>
          <w:p w:rsidR="00156FB3" w:rsidRDefault="00156FB3" w:rsidP="00156FB3">
            <w:r>
              <w:t xml:space="preserve">                var steps = getNextStepsForHandle(handleNumber);</w:t>
            </w:r>
          </w:p>
          <w:p w:rsidR="00156FB3" w:rsidRDefault="00156FB3" w:rsidP="00156FB3">
            <w:r>
              <w:t xml:space="preserve">                var step = steps[direction];</w:t>
            </w:r>
          </w:p>
          <w:p w:rsidR="00156FB3" w:rsidRDefault="00156FB3" w:rsidP="00156FB3"/>
          <w:p w:rsidR="00156FB3" w:rsidRDefault="00156FB3" w:rsidP="00156FB3">
            <w:r>
              <w:t xml:space="preserve">                // At the edge of a slider, do nothing</w:t>
            </w:r>
          </w:p>
          <w:p w:rsidR="00156FB3" w:rsidRDefault="00156FB3" w:rsidP="00156FB3">
            <w:r>
              <w:t xml:space="preserve">                if (step === null)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 No step set, use the default of 10% of the sub-range</w:t>
            </w:r>
          </w:p>
          <w:p w:rsidR="00156FB3" w:rsidRDefault="00156FB3" w:rsidP="00156FB3">
            <w:r>
              <w:t xml:space="preserve">                if (step === false) {</w:t>
            </w:r>
          </w:p>
          <w:p w:rsidR="00156FB3" w:rsidRDefault="00156FB3" w:rsidP="00156FB3">
            <w:r>
              <w:t xml:space="preserve">                    step = scope_Spectrum.getDefaultStep(scope_Locations[handleNumber], isDown, 10);</w:t>
            </w:r>
          </w:p>
          <w:p w:rsidR="00156FB3" w:rsidRDefault="00156FB3" w:rsidP="00156FB3">
            <w:r>
              <w:t xml:space="preserve">                }</w:t>
            </w:r>
          </w:p>
          <w:p w:rsidR="00156FB3" w:rsidRDefault="00156FB3" w:rsidP="00156FB3"/>
          <w:p w:rsidR="00156FB3" w:rsidRDefault="00156FB3" w:rsidP="00156FB3">
            <w:r>
              <w:t xml:space="preserve">                if (isLargeUp || isLargeDown) {</w:t>
            </w:r>
          </w:p>
          <w:p w:rsidR="00156FB3" w:rsidRDefault="00156FB3" w:rsidP="00156FB3">
            <w:r>
              <w:t xml:space="preserve">                    step *= multiplier;</w:t>
            </w:r>
          </w:p>
          <w:p w:rsidR="00156FB3" w:rsidRDefault="00156FB3" w:rsidP="00156FB3">
            <w:r>
              <w:t xml:space="preserve">                }</w:t>
            </w:r>
          </w:p>
          <w:p w:rsidR="00156FB3" w:rsidRDefault="00156FB3" w:rsidP="00156FB3"/>
          <w:p w:rsidR="00156FB3" w:rsidRDefault="00156FB3" w:rsidP="00156FB3">
            <w:r>
              <w:t xml:space="preserve">                // Step over zero-length ranges (#948);</w:t>
            </w:r>
          </w:p>
          <w:p w:rsidR="00156FB3" w:rsidRDefault="00156FB3" w:rsidP="00156FB3">
            <w:r>
              <w:t xml:space="preserve">                step = Math.max(step, 0.0000001);</w:t>
            </w:r>
          </w:p>
          <w:p w:rsidR="00156FB3" w:rsidRDefault="00156FB3" w:rsidP="00156FB3"/>
          <w:p w:rsidR="00156FB3" w:rsidRDefault="00156FB3" w:rsidP="00156FB3">
            <w:r>
              <w:t xml:space="preserve">                // Decrement for down steps</w:t>
            </w:r>
          </w:p>
          <w:p w:rsidR="00156FB3" w:rsidRDefault="00156FB3" w:rsidP="00156FB3">
            <w:r>
              <w:t xml:space="preserve">                step = (isDown ? -1 : 1) * step;</w:t>
            </w:r>
          </w:p>
          <w:p w:rsidR="00156FB3" w:rsidRDefault="00156FB3" w:rsidP="00156FB3"/>
          <w:p w:rsidR="00156FB3" w:rsidRDefault="00156FB3" w:rsidP="00156FB3">
            <w:r>
              <w:t xml:space="preserve">                to = scope_Values[handleNumber] + step;</w:t>
            </w:r>
          </w:p>
          <w:p w:rsidR="00156FB3" w:rsidRDefault="00156FB3" w:rsidP="00156FB3">
            <w:r>
              <w:t xml:space="preserve">            } else if (isMax) {</w:t>
            </w:r>
          </w:p>
          <w:p w:rsidR="00156FB3" w:rsidRDefault="00156FB3" w:rsidP="00156FB3">
            <w:r>
              <w:t xml:space="preserve">                // End key</w:t>
            </w:r>
          </w:p>
          <w:p w:rsidR="00156FB3" w:rsidRDefault="00156FB3" w:rsidP="00156FB3">
            <w:r>
              <w:t xml:space="preserve">                to = options.spectrum.xVal[options.spectrum.xVal.length - 1];</w:t>
            </w:r>
          </w:p>
          <w:p w:rsidR="00156FB3" w:rsidRDefault="00156FB3" w:rsidP="00156FB3">
            <w:r>
              <w:t xml:space="preserve">            } else {</w:t>
            </w:r>
          </w:p>
          <w:p w:rsidR="00156FB3" w:rsidRDefault="00156FB3" w:rsidP="00156FB3">
            <w:r>
              <w:t xml:space="preserve">                // Home key</w:t>
            </w:r>
          </w:p>
          <w:p w:rsidR="00156FB3" w:rsidRDefault="00156FB3" w:rsidP="00156FB3">
            <w:r>
              <w:t xml:space="preserve">                to = options.spectrum.xVal[0];</w:t>
            </w:r>
          </w:p>
          <w:p w:rsidR="00156FB3" w:rsidRDefault="00156FB3" w:rsidP="00156FB3">
            <w:r>
              <w:t xml:space="preserve">            }</w:t>
            </w:r>
          </w:p>
          <w:p w:rsidR="00156FB3" w:rsidRDefault="00156FB3" w:rsidP="00156FB3"/>
          <w:p w:rsidR="00156FB3" w:rsidRDefault="00156FB3" w:rsidP="00156FB3">
            <w:r>
              <w:t xml:space="preserve">            setHandle(handleNumber, scope_Spectrum.toStepping(to), true, true);</w:t>
            </w:r>
          </w:p>
          <w:p w:rsidR="00156FB3" w:rsidRDefault="00156FB3" w:rsidP="00156FB3"/>
          <w:p w:rsidR="00156FB3" w:rsidRDefault="00156FB3" w:rsidP="00156FB3">
            <w:r>
              <w:t xml:space="preserve">            fireEvent("slide", handleNumber);</w:t>
            </w:r>
          </w:p>
          <w:p w:rsidR="00156FB3" w:rsidRDefault="00156FB3" w:rsidP="00156FB3">
            <w:r>
              <w:t xml:space="preserve">            fireEvent("update", handleNumber);</w:t>
            </w:r>
          </w:p>
          <w:p w:rsidR="00156FB3" w:rsidRDefault="00156FB3" w:rsidP="00156FB3">
            <w:r>
              <w:t xml:space="preserve">            fireEvent("change", handleNumber);</w:t>
            </w:r>
          </w:p>
          <w:p w:rsidR="00156FB3" w:rsidRDefault="00156FB3" w:rsidP="00156FB3">
            <w:r>
              <w:t xml:space="preserve">            fireEvent("set", handleNumber);</w:t>
            </w:r>
          </w:p>
          <w:p w:rsidR="00156FB3" w:rsidRDefault="00156FB3" w:rsidP="00156FB3"/>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 Attach events to several slider parts.</w:t>
            </w:r>
          </w:p>
          <w:p w:rsidR="00156FB3" w:rsidRDefault="00156FB3" w:rsidP="00156FB3">
            <w:r>
              <w:t xml:space="preserve">        function bindSliderEvents(behaviour) {</w:t>
            </w:r>
          </w:p>
          <w:p w:rsidR="00156FB3" w:rsidRDefault="00156FB3" w:rsidP="00156FB3">
            <w:r>
              <w:t xml:space="preserve">            // Attach the standard drag event to the handles.</w:t>
            </w:r>
          </w:p>
          <w:p w:rsidR="00156FB3" w:rsidRDefault="00156FB3" w:rsidP="00156FB3">
            <w:r>
              <w:t xml:space="preserve">            if (!behaviour.fixed) {</w:t>
            </w:r>
          </w:p>
          <w:p w:rsidR="00156FB3" w:rsidRDefault="00156FB3" w:rsidP="00156FB3">
            <w:r>
              <w:t xml:space="preserve">                scope_Handles.forEach(function(handle, index) {</w:t>
            </w:r>
          </w:p>
          <w:p w:rsidR="00156FB3" w:rsidRDefault="00156FB3" w:rsidP="00156FB3">
            <w:r>
              <w:t xml:space="preserve">                    // These events are only bound to the visual handle</w:t>
            </w:r>
          </w:p>
          <w:p w:rsidR="00156FB3" w:rsidRDefault="00156FB3" w:rsidP="00156FB3">
            <w:r>
              <w:t xml:space="preserve">                    // element, not the 'real' origin element.</w:t>
            </w:r>
          </w:p>
          <w:p w:rsidR="00156FB3" w:rsidRDefault="00156FB3" w:rsidP="00156FB3">
            <w:r>
              <w:t xml:space="preserve">                    attachEvent(actions.start, handle.children[0], eventStart, {</w:t>
            </w:r>
          </w:p>
          <w:p w:rsidR="00156FB3" w:rsidRDefault="00156FB3" w:rsidP="00156FB3">
            <w:r>
              <w:t xml:space="preserve">                        handleNumbers: [index]</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lastRenderedPageBreak/>
              <w:t xml:space="preserve">            // Attach the tap event to the slider base.</w:t>
            </w:r>
          </w:p>
          <w:p w:rsidR="00156FB3" w:rsidRDefault="00156FB3" w:rsidP="00156FB3">
            <w:r>
              <w:t xml:space="preserve">            if (behaviour.tap) {</w:t>
            </w:r>
          </w:p>
          <w:p w:rsidR="00156FB3" w:rsidRDefault="00156FB3" w:rsidP="00156FB3">
            <w:r>
              <w:t xml:space="preserve">                attachEvent(actions.start, scope_Base, eventTap, {});</w:t>
            </w:r>
          </w:p>
          <w:p w:rsidR="00156FB3" w:rsidRDefault="00156FB3" w:rsidP="00156FB3">
            <w:r>
              <w:t xml:space="preserve">            }</w:t>
            </w:r>
          </w:p>
          <w:p w:rsidR="00156FB3" w:rsidRDefault="00156FB3" w:rsidP="00156FB3"/>
          <w:p w:rsidR="00156FB3" w:rsidRDefault="00156FB3" w:rsidP="00156FB3">
            <w:r>
              <w:t xml:space="preserve">            // Fire hover events</w:t>
            </w:r>
          </w:p>
          <w:p w:rsidR="00156FB3" w:rsidRDefault="00156FB3" w:rsidP="00156FB3">
            <w:r>
              <w:t xml:space="preserve">            if (behaviour.hover) {</w:t>
            </w:r>
          </w:p>
          <w:p w:rsidR="00156FB3" w:rsidRDefault="00156FB3" w:rsidP="00156FB3">
            <w:r>
              <w:t xml:space="preserve">                attachEvent(actions.move, scope_Base, eventHover, {</w:t>
            </w:r>
          </w:p>
          <w:p w:rsidR="00156FB3" w:rsidRDefault="00156FB3" w:rsidP="00156FB3">
            <w:r>
              <w:t xml:space="preserve">                    hover: tr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Make the range draggable.</w:t>
            </w:r>
          </w:p>
          <w:p w:rsidR="00156FB3" w:rsidRDefault="00156FB3" w:rsidP="00156FB3">
            <w:r>
              <w:t xml:space="preserve">            if (behaviour.drag) {</w:t>
            </w:r>
          </w:p>
          <w:p w:rsidR="00156FB3" w:rsidRDefault="00156FB3" w:rsidP="00156FB3">
            <w:r>
              <w:t xml:space="preserve">                scope_Connects.forEach(function(connect, index) {</w:t>
            </w:r>
          </w:p>
          <w:p w:rsidR="00156FB3" w:rsidRDefault="00156FB3" w:rsidP="00156FB3">
            <w:r>
              <w:t xml:space="preserve">                    if (connect === false || index === 0 || index === scope_Connects.length - 1)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var handleBefore = scope_Handles[index - 1];</w:t>
            </w:r>
          </w:p>
          <w:p w:rsidR="00156FB3" w:rsidRDefault="00156FB3" w:rsidP="00156FB3">
            <w:r>
              <w:t xml:space="preserve">                    var handleAfter = scope_Handles[index];</w:t>
            </w:r>
          </w:p>
          <w:p w:rsidR="00156FB3" w:rsidRDefault="00156FB3" w:rsidP="00156FB3">
            <w:r>
              <w:t xml:space="preserve">                    var eventHolders = [connect];</w:t>
            </w:r>
          </w:p>
          <w:p w:rsidR="00156FB3" w:rsidRDefault="00156FB3" w:rsidP="00156FB3"/>
          <w:p w:rsidR="00156FB3" w:rsidRDefault="00156FB3" w:rsidP="00156FB3">
            <w:r>
              <w:t xml:space="preserve">                    addClass(connect, options.cssClasses.draggable);</w:t>
            </w:r>
          </w:p>
          <w:p w:rsidR="00156FB3" w:rsidRDefault="00156FB3" w:rsidP="00156FB3"/>
          <w:p w:rsidR="00156FB3" w:rsidRDefault="00156FB3" w:rsidP="00156FB3">
            <w:r>
              <w:t xml:space="preserve">                    // When the range is fixed, the entire range can</w:t>
            </w:r>
          </w:p>
          <w:p w:rsidR="00156FB3" w:rsidRDefault="00156FB3" w:rsidP="00156FB3">
            <w:r>
              <w:t xml:space="preserve">                    // be dragged by the handles. The handle in the first</w:t>
            </w:r>
          </w:p>
          <w:p w:rsidR="00156FB3" w:rsidRDefault="00156FB3" w:rsidP="00156FB3">
            <w:r>
              <w:t xml:space="preserve">                    // origin will propagate the start event upward,</w:t>
            </w:r>
          </w:p>
          <w:p w:rsidR="00156FB3" w:rsidRDefault="00156FB3" w:rsidP="00156FB3">
            <w:r>
              <w:t xml:space="preserve">                    // but it needs to be bound manually on the other.</w:t>
            </w:r>
          </w:p>
          <w:p w:rsidR="00156FB3" w:rsidRDefault="00156FB3" w:rsidP="00156FB3">
            <w:r>
              <w:t xml:space="preserve">                    if (behaviour.fixed) {</w:t>
            </w:r>
          </w:p>
          <w:p w:rsidR="00156FB3" w:rsidRDefault="00156FB3" w:rsidP="00156FB3">
            <w:r>
              <w:t xml:space="preserve">                        eventHolders.push(handleBefore.children[0]);</w:t>
            </w:r>
          </w:p>
          <w:p w:rsidR="00156FB3" w:rsidRDefault="00156FB3" w:rsidP="00156FB3">
            <w:r>
              <w:t xml:space="preserve">                        eventHolders.push(handleAfter.children[0]);</w:t>
            </w:r>
          </w:p>
          <w:p w:rsidR="00156FB3" w:rsidRDefault="00156FB3" w:rsidP="00156FB3">
            <w:r>
              <w:t xml:space="preserve">                    }</w:t>
            </w:r>
          </w:p>
          <w:p w:rsidR="00156FB3" w:rsidRDefault="00156FB3" w:rsidP="00156FB3"/>
          <w:p w:rsidR="00156FB3" w:rsidRDefault="00156FB3" w:rsidP="00156FB3">
            <w:r>
              <w:t xml:space="preserve">                    eventHolders.forEach(function(eventHolder) {</w:t>
            </w:r>
          </w:p>
          <w:p w:rsidR="00156FB3" w:rsidRDefault="00156FB3" w:rsidP="00156FB3">
            <w:r>
              <w:t xml:space="preserve">                        attachEvent(actions.start, eventHolder, eventStart, {</w:t>
            </w:r>
          </w:p>
          <w:p w:rsidR="00156FB3" w:rsidRDefault="00156FB3" w:rsidP="00156FB3">
            <w:r>
              <w:t xml:space="preserve">                            handles: [handleBefore, handleAfter],</w:t>
            </w:r>
          </w:p>
          <w:p w:rsidR="00156FB3" w:rsidRDefault="00156FB3" w:rsidP="00156FB3">
            <w:r>
              <w:t xml:space="preserve">                            handleNumbers: [index - 1, index]</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Attach an event to this slider, possibly including a namespace</w:t>
            </w:r>
          </w:p>
          <w:p w:rsidR="00156FB3" w:rsidRDefault="00156FB3" w:rsidP="00156FB3">
            <w:r>
              <w:t xml:space="preserve">        function bindEvent(namespacedEvent, callback) {</w:t>
            </w:r>
          </w:p>
          <w:p w:rsidR="00156FB3" w:rsidRDefault="00156FB3" w:rsidP="00156FB3">
            <w:r>
              <w:t xml:space="preserve">            scope_Events[namespacedEvent] = scope_Events[namespacedEvent] || [];</w:t>
            </w:r>
          </w:p>
          <w:p w:rsidR="00156FB3" w:rsidRDefault="00156FB3" w:rsidP="00156FB3">
            <w:r>
              <w:t xml:space="preserve">            scope_Events[namespacedEvent].push(callback);</w:t>
            </w:r>
          </w:p>
          <w:p w:rsidR="00156FB3" w:rsidRDefault="00156FB3" w:rsidP="00156FB3"/>
          <w:p w:rsidR="00156FB3" w:rsidRDefault="00156FB3" w:rsidP="00156FB3">
            <w:r>
              <w:t xml:space="preserve">            // If the event bound is 'update,' fire it immediately for all handles.</w:t>
            </w:r>
          </w:p>
          <w:p w:rsidR="00156FB3" w:rsidRDefault="00156FB3" w:rsidP="00156FB3">
            <w:r>
              <w:t xml:space="preserve">            if (namespacedEvent.split(".")[0] === "update") {</w:t>
            </w:r>
          </w:p>
          <w:p w:rsidR="00156FB3" w:rsidRDefault="00156FB3" w:rsidP="00156FB3">
            <w:r>
              <w:t xml:space="preserve">                scope_Handles.forEach(function(a, index) {</w:t>
            </w:r>
          </w:p>
          <w:p w:rsidR="00156FB3" w:rsidRDefault="00156FB3" w:rsidP="00156FB3">
            <w:r>
              <w:t xml:space="preserve">                    fireEvent("update", index);</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Undo attachment of event</w:t>
            </w:r>
          </w:p>
          <w:p w:rsidR="00156FB3" w:rsidRDefault="00156FB3" w:rsidP="00156FB3">
            <w:r>
              <w:t xml:space="preserve">        function removeEvent(namespacedEvent) {</w:t>
            </w:r>
          </w:p>
          <w:p w:rsidR="00156FB3" w:rsidRDefault="00156FB3" w:rsidP="00156FB3">
            <w:r>
              <w:t xml:space="preserve">            var event = namespacedEvent &amp;&amp; namespacedEvent.split(".")[0];</w:t>
            </w:r>
          </w:p>
          <w:p w:rsidR="00156FB3" w:rsidRDefault="00156FB3" w:rsidP="00156FB3">
            <w:r>
              <w:t xml:space="preserve">            var namespace = event &amp;&amp; namespacedEvent.substring(event.length);</w:t>
            </w:r>
          </w:p>
          <w:p w:rsidR="00156FB3" w:rsidRDefault="00156FB3" w:rsidP="00156FB3"/>
          <w:p w:rsidR="00156FB3" w:rsidRDefault="00156FB3" w:rsidP="00156FB3">
            <w:r>
              <w:t xml:space="preserve">            Object.keys(scope_Events).forEach(function(bind) {</w:t>
            </w:r>
          </w:p>
          <w:p w:rsidR="00156FB3" w:rsidRDefault="00156FB3" w:rsidP="00156FB3">
            <w:r>
              <w:t xml:space="preserve">                var tEvent = bind.split(".")[0];</w:t>
            </w:r>
          </w:p>
          <w:p w:rsidR="00156FB3" w:rsidRDefault="00156FB3" w:rsidP="00156FB3">
            <w:r>
              <w:t xml:space="preserve">                var tNamespace = bind.substring(tEvent.length);</w:t>
            </w:r>
          </w:p>
          <w:p w:rsidR="00156FB3" w:rsidRDefault="00156FB3" w:rsidP="00156FB3"/>
          <w:p w:rsidR="00156FB3" w:rsidRDefault="00156FB3" w:rsidP="00156FB3">
            <w:r>
              <w:t xml:space="preserve">                if ((!event || event === tEvent) &amp;&amp; (!namespace || namespace === tNamespace)) {</w:t>
            </w:r>
          </w:p>
          <w:p w:rsidR="00156FB3" w:rsidRDefault="00156FB3" w:rsidP="00156FB3">
            <w:r>
              <w:t xml:space="preserve">                    delete scope_Events[bind];</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External event handling</w:t>
            </w:r>
          </w:p>
          <w:p w:rsidR="00156FB3" w:rsidRDefault="00156FB3" w:rsidP="00156FB3">
            <w:r>
              <w:t xml:space="preserve">        function fireEvent(eventName, handleNumber, tap) {</w:t>
            </w:r>
          </w:p>
          <w:p w:rsidR="00156FB3" w:rsidRDefault="00156FB3" w:rsidP="00156FB3">
            <w:r>
              <w:t xml:space="preserve">            Object.keys(scope_Events).forEach(function(targetEvent) {</w:t>
            </w:r>
          </w:p>
          <w:p w:rsidR="00156FB3" w:rsidRDefault="00156FB3" w:rsidP="00156FB3">
            <w:r>
              <w:t xml:space="preserve">                var eventType = targetEvent.split(".")[0];</w:t>
            </w:r>
          </w:p>
          <w:p w:rsidR="00156FB3" w:rsidRDefault="00156FB3" w:rsidP="00156FB3"/>
          <w:p w:rsidR="00156FB3" w:rsidRDefault="00156FB3" w:rsidP="00156FB3">
            <w:r>
              <w:t xml:space="preserve">                if (eventName === eventType) {</w:t>
            </w:r>
          </w:p>
          <w:p w:rsidR="00156FB3" w:rsidRDefault="00156FB3" w:rsidP="00156FB3">
            <w:r>
              <w:t xml:space="preserve">                    scope_Events[targetEvent].forEach(function(callback) {</w:t>
            </w:r>
          </w:p>
          <w:p w:rsidR="00156FB3" w:rsidRDefault="00156FB3" w:rsidP="00156FB3">
            <w:r>
              <w:t xml:space="preserve">                        callback.call(</w:t>
            </w:r>
          </w:p>
          <w:p w:rsidR="00156FB3" w:rsidRDefault="00156FB3" w:rsidP="00156FB3">
            <w:r>
              <w:t xml:space="preserve">                            // Use the slider public API as the scope ('this')</w:t>
            </w:r>
          </w:p>
          <w:p w:rsidR="00156FB3" w:rsidRDefault="00156FB3" w:rsidP="00156FB3">
            <w:r>
              <w:t xml:space="preserve">                            scope_Self,</w:t>
            </w:r>
          </w:p>
          <w:p w:rsidR="00156FB3" w:rsidRDefault="00156FB3" w:rsidP="00156FB3">
            <w:r>
              <w:t xml:space="preserve">                            // Return values as array, so arg_1[arg_2] is always valid.</w:t>
            </w:r>
          </w:p>
          <w:p w:rsidR="00156FB3" w:rsidRDefault="00156FB3" w:rsidP="00156FB3">
            <w:r>
              <w:t xml:space="preserve">                            scope_Values.map(options.format.to),</w:t>
            </w:r>
          </w:p>
          <w:p w:rsidR="00156FB3" w:rsidRDefault="00156FB3" w:rsidP="00156FB3">
            <w:r>
              <w:t xml:space="preserve">                            // Handle index, 0 or 1</w:t>
            </w:r>
          </w:p>
          <w:p w:rsidR="00156FB3" w:rsidRDefault="00156FB3" w:rsidP="00156FB3">
            <w:r>
              <w:t xml:space="preserve">                            handleNumber,</w:t>
            </w:r>
          </w:p>
          <w:p w:rsidR="00156FB3" w:rsidRDefault="00156FB3" w:rsidP="00156FB3">
            <w:r>
              <w:t xml:space="preserve">                            // Un-formatted slider values</w:t>
            </w:r>
          </w:p>
          <w:p w:rsidR="00156FB3" w:rsidRDefault="00156FB3" w:rsidP="00156FB3">
            <w:r>
              <w:t xml:space="preserve">                            scope_Values.slice(),</w:t>
            </w:r>
          </w:p>
          <w:p w:rsidR="00156FB3" w:rsidRDefault="00156FB3" w:rsidP="00156FB3">
            <w:r>
              <w:t xml:space="preserve">                            // Event is fired by tap, true or false</w:t>
            </w:r>
          </w:p>
          <w:p w:rsidR="00156FB3" w:rsidRDefault="00156FB3" w:rsidP="00156FB3">
            <w:r>
              <w:t xml:space="preserve">                            tap || false,</w:t>
            </w:r>
          </w:p>
          <w:p w:rsidR="00156FB3" w:rsidRDefault="00156FB3" w:rsidP="00156FB3">
            <w:r>
              <w:t xml:space="preserve">                            // Left offset of the handle, in relation to the slider</w:t>
            </w:r>
          </w:p>
          <w:p w:rsidR="00156FB3" w:rsidRDefault="00156FB3" w:rsidP="00156FB3">
            <w:r>
              <w:t xml:space="preserve">                            scope_Locations.slice()</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lastRenderedPageBreak/>
              <w:t xml:space="preserve">        }</w:t>
            </w:r>
          </w:p>
          <w:p w:rsidR="00156FB3" w:rsidRDefault="00156FB3" w:rsidP="00156FB3"/>
          <w:p w:rsidR="00156FB3" w:rsidRDefault="00156FB3" w:rsidP="00156FB3">
            <w:r>
              <w:t xml:space="preserve">        // Split out the handle positioning logic so the Move event can use it, too</w:t>
            </w:r>
          </w:p>
          <w:p w:rsidR="00156FB3" w:rsidRDefault="00156FB3" w:rsidP="00156FB3">
            <w:r>
              <w:t xml:space="preserve">        function checkHandlePosition(reference, handleNumber, to, lookBackward, lookForward, getValue) {</w:t>
            </w:r>
          </w:p>
          <w:p w:rsidR="00156FB3" w:rsidRDefault="00156FB3" w:rsidP="00156FB3">
            <w:r>
              <w:t xml:space="preserve">            // For sliders with multiple handles, limit movement to the other handle.</w:t>
            </w:r>
          </w:p>
          <w:p w:rsidR="00156FB3" w:rsidRDefault="00156FB3" w:rsidP="00156FB3">
            <w:r>
              <w:t xml:space="preserve">            // Apply the margin option by adding it to the handle positions.</w:t>
            </w:r>
          </w:p>
          <w:p w:rsidR="00156FB3" w:rsidRDefault="00156FB3" w:rsidP="00156FB3">
            <w:r>
              <w:t xml:space="preserve">            if (scope_Handles.length &gt; 1 &amp;&amp; !options.events.unconstrained) {</w:t>
            </w:r>
          </w:p>
          <w:p w:rsidR="00156FB3" w:rsidRDefault="00156FB3" w:rsidP="00156FB3">
            <w:r>
              <w:t xml:space="preserve">                if (lookBackward &amp;&amp; handleNumber &gt; 0) {</w:t>
            </w:r>
          </w:p>
          <w:p w:rsidR="00156FB3" w:rsidRDefault="00156FB3" w:rsidP="00156FB3">
            <w:r>
              <w:t xml:space="preserve">                    to = Math.max(to, reference[handleNumber - 1] + options.margin);</w:t>
            </w:r>
          </w:p>
          <w:p w:rsidR="00156FB3" w:rsidRDefault="00156FB3" w:rsidP="00156FB3">
            <w:r>
              <w:t xml:space="preserve">                }</w:t>
            </w:r>
          </w:p>
          <w:p w:rsidR="00156FB3" w:rsidRDefault="00156FB3" w:rsidP="00156FB3"/>
          <w:p w:rsidR="00156FB3" w:rsidRDefault="00156FB3" w:rsidP="00156FB3">
            <w:r>
              <w:t xml:space="preserve">                if (lookForward &amp;&amp; handleNumber &lt; scope_Handles.length - 1) {</w:t>
            </w:r>
          </w:p>
          <w:p w:rsidR="00156FB3" w:rsidRDefault="00156FB3" w:rsidP="00156FB3">
            <w:r>
              <w:t xml:space="preserve">                    to = Math.min(to, reference[handleNumber + 1] - options.margin);</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The limit option has the opposite effect, limiting handles to a</w:t>
            </w:r>
          </w:p>
          <w:p w:rsidR="00156FB3" w:rsidRDefault="00156FB3" w:rsidP="00156FB3">
            <w:r>
              <w:t xml:space="preserve">            // maximum distance from another. Limit must be &gt; 0, as otherwise</w:t>
            </w:r>
          </w:p>
          <w:p w:rsidR="00156FB3" w:rsidRDefault="00156FB3" w:rsidP="00156FB3">
            <w:r>
              <w:t xml:space="preserve">            // handles would be unmovable.</w:t>
            </w:r>
          </w:p>
          <w:p w:rsidR="00156FB3" w:rsidRDefault="00156FB3" w:rsidP="00156FB3">
            <w:r>
              <w:t xml:space="preserve">            if (scope_Handles.length &gt; 1 &amp;&amp; options.limit) {</w:t>
            </w:r>
          </w:p>
          <w:p w:rsidR="00156FB3" w:rsidRDefault="00156FB3" w:rsidP="00156FB3">
            <w:r>
              <w:t xml:space="preserve">                if (lookBackward &amp;&amp; handleNumber &gt; 0) {</w:t>
            </w:r>
          </w:p>
          <w:p w:rsidR="00156FB3" w:rsidRDefault="00156FB3" w:rsidP="00156FB3">
            <w:r>
              <w:t xml:space="preserve">                    to = Math.min(to, reference[handleNumber - 1] + options.limit);</w:t>
            </w:r>
          </w:p>
          <w:p w:rsidR="00156FB3" w:rsidRDefault="00156FB3" w:rsidP="00156FB3">
            <w:r>
              <w:t xml:space="preserve">                }</w:t>
            </w:r>
          </w:p>
          <w:p w:rsidR="00156FB3" w:rsidRDefault="00156FB3" w:rsidP="00156FB3"/>
          <w:p w:rsidR="00156FB3" w:rsidRDefault="00156FB3" w:rsidP="00156FB3">
            <w:r>
              <w:t xml:space="preserve">                if (lookForward &amp;&amp; handleNumber &lt; scope_Handles.length - 1) {</w:t>
            </w:r>
          </w:p>
          <w:p w:rsidR="00156FB3" w:rsidRDefault="00156FB3" w:rsidP="00156FB3">
            <w:r>
              <w:t xml:space="preserve">                    to = Math.max(to, reference[handleNumber + 1] - options.limi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The padding option keeps the handles a certain distance from the</w:t>
            </w:r>
          </w:p>
          <w:p w:rsidR="00156FB3" w:rsidRDefault="00156FB3" w:rsidP="00156FB3">
            <w:r>
              <w:t xml:space="preserve">            // edges of the slider. Padding must be &gt; 0.</w:t>
            </w:r>
          </w:p>
          <w:p w:rsidR="00156FB3" w:rsidRDefault="00156FB3" w:rsidP="00156FB3">
            <w:r>
              <w:t xml:space="preserve">            if (options.padding) {</w:t>
            </w:r>
          </w:p>
          <w:p w:rsidR="00156FB3" w:rsidRDefault="00156FB3" w:rsidP="00156FB3">
            <w:r>
              <w:t xml:space="preserve">                if (handleNumber === 0) {</w:t>
            </w:r>
          </w:p>
          <w:p w:rsidR="00156FB3" w:rsidRDefault="00156FB3" w:rsidP="00156FB3">
            <w:r>
              <w:t xml:space="preserve">                    to = Math.max(to, options.padding[0]);</w:t>
            </w:r>
          </w:p>
          <w:p w:rsidR="00156FB3" w:rsidRDefault="00156FB3" w:rsidP="00156FB3">
            <w:r>
              <w:t xml:space="preserve">                }</w:t>
            </w:r>
          </w:p>
          <w:p w:rsidR="00156FB3" w:rsidRDefault="00156FB3" w:rsidP="00156FB3"/>
          <w:p w:rsidR="00156FB3" w:rsidRDefault="00156FB3" w:rsidP="00156FB3">
            <w:r>
              <w:t xml:space="preserve">                if (handleNumber === scope_Handles.length - 1) {</w:t>
            </w:r>
          </w:p>
          <w:p w:rsidR="00156FB3" w:rsidRDefault="00156FB3" w:rsidP="00156FB3">
            <w:r>
              <w:t xml:space="preserve">                    to = Math.min(to, 100 - options.padding[1]);</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to = scope_Spectrum.getStep(to);</w:t>
            </w:r>
          </w:p>
          <w:p w:rsidR="00156FB3" w:rsidRDefault="00156FB3" w:rsidP="00156FB3"/>
          <w:p w:rsidR="00156FB3" w:rsidRDefault="00156FB3" w:rsidP="00156FB3">
            <w:r>
              <w:t xml:space="preserve">            // Limit percentage to the 0 - 100 range</w:t>
            </w:r>
          </w:p>
          <w:p w:rsidR="00156FB3" w:rsidRDefault="00156FB3" w:rsidP="00156FB3">
            <w:r>
              <w:t xml:space="preserve">            to = limit(to);</w:t>
            </w:r>
          </w:p>
          <w:p w:rsidR="00156FB3" w:rsidRDefault="00156FB3" w:rsidP="00156FB3"/>
          <w:p w:rsidR="00156FB3" w:rsidRDefault="00156FB3" w:rsidP="00156FB3">
            <w:r>
              <w:t xml:space="preserve">            // Return false if handle can't move</w:t>
            </w:r>
          </w:p>
          <w:p w:rsidR="00156FB3" w:rsidRDefault="00156FB3" w:rsidP="00156FB3">
            <w:r>
              <w:lastRenderedPageBreak/>
              <w:t xml:space="preserve">            if (to === reference[handleNumber] &amp;&amp; !getValue)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return to;</w:t>
            </w:r>
          </w:p>
          <w:p w:rsidR="00156FB3" w:rsidRDefault="00156FB3" w:rsidP="00156FB3">
            <w:r>
              <w:t xml:space="preserve">        }</w:t>
            </w:r>
          </w:p>
          <w:p w:rsidR="00156FB3" w:rsidRDefault="00156FB3" w:rsidP="00156FB3"/>
          <w:p w:rsidR="00156FB3" w:rsidRDefault="00156FB3" w:rsidP="00156FB3">
            <w:r>
              <w:t xml:space="preserve">        // Uses slider orientation to create CSS rules. a = base value;</w:t>
            </w:r>
          </w:p>
          <w:p w:rsidR="00156FB3" w:rsidRDefault="00156FB3" w:rsidP="00156FB3">
            <w:r>
              <w:t xml:space="preserve">        function inRuleOrder(v, a) {</w:t>
            </w:r>
          </w:p>
          <w:p w:rsidR="00156FB3" w:rsidRDefault="00156FB3" w:rsidP="00156FB3">
            <w:r>
              <w:t xml:space="preserve">            var o = options.ort;</w:t>
            </w:r>
          </w:p>
          <w:p w:rsidR="00156FB3" w:rsidRDefault="00156FB3" w:rsidP="00156FB3">
            <w:r>
              <w:t xml:space="preserve">            return (o ? a : v) + ", " + (o ? v : a);</w:t>
            </w:r>
          </w:p>
          <w:p w:rsidR="00156FB3" w:rsidRDefault="00156FB3" w:rsidP="00156FB3">
            <w:r>
              <w:t xml:space="preserve">        }</w:t>
            </w:r>
          </w:p>
          <w:p w:rsidR="00156FB3" w:rsidRDefault="00156FB3" w:rsidP="00156FB3"/>
          <w:p w:rsidR="00156FB3" w:rsidRDefault="00156FB3" w:rsidP="00156FB3">
            <w:r>
              <w:t xml:space="preserve">        // Moves handle(s) by a percentage</w:t>
            </w:r>
          </w:p>
          <w:p w:rsidR="00156FB3" w:rsidRDefault="00156FB3" w:rsidP="00156FB3">
            <w:r>
              <w:t xml:space="preserve">        // (bool, % to move, [% where handle started, ...], [index in scope_Handles, ...])</w:t>
            </w:r>
          </w:p>
          <w:p w:rsidR="00156FB3" w:rsidRDefault="00156FB3" w:rsidP="00156FB3">
            <w:r>
              <w:t xml:space="preserve">        function moveHandles(upward, proposal, locations, handleNumbers) {</w:t>
            </w:r>
          </w:p>
          <w:p w:rsidR="00156FB3" w:rsidRDefault="00156FB3" w:rsidP="00156FB3">
            <w:r>
              <w:t xml:space="preserve">            var proposals = locations.slice();</w:t>
            </w:r>
          </w:p>
          <w:p w:rsidR="00156FB3" w:rsidRDefault="00156FB3" w:rsidP="00156FB3"/>
          <w:p w:rsidR="00156FB3" w:rsidRDefault="00156FB3" w:rsidP="00156FB3">
            <w:r>
              <w:t xml:space="preserve">            var b = [!upward, upward];</w:t>
            </w:r>
          </w:p>
          <w:p w:rsidR="00156FB3" w:rsidRDefault="00156FB3" w:rsidP="00156FB3">
            <w:r>
              <w:t xml:space="preserve">            var f = [upward, !upward];</w:t>
            </w:r>
          </w:p>
          <w:p w:rsidR="00156FB3" w:rsidRDefault="00156FB3" w:rsidP="00156FB3"/>
          <w:p w:rsidR="00156FB3" w:rsidRDefault="00156FB3" w:rsidP="00156FB3">
            <w:r>
              <w:t xml:space="preserve">            // Copy handleNumbers so we don't change the dataset</w:t>
            </w:r>
          </w:p>
          <w:p w:rsidR="00156FB3" w:rsidRDefault="00156FB3" w:rsidP="00156FB3">
            <w:r>
              <w:t xml:space="preserve">            handleNumbers = handleNumbers.slice();</w:t>
            </w:r>
          </w:p>
          <w:p w:rsidR="00156FB3" w:rsidRDefault="00156FB3" w:rsidP="00156FB3"/>
          <w:p w:rsidR="00156FB3" w:rsidRDefault="00156FB3" w:rsidP="00156FB3">
            <w:r>
              <w:t xml:space="preserve">            // Check to see which handle is 'leading'.</w:t>
            </w:r>
          </w:p>
          <w:p w:rsidR="00156FB3" w:rsidRDefault="00156FB3" w:rsidP="00156FB3">
            <w:r>
              <w:t xml:space="preserve">            // If that one can't move the second can't either.</w:t>
            </w:r>
          </w:p>
          <w:p w:rsidR="00156FB3" w:rsidRDefault="00156FB3" w:rsidP="00156FB3">
            <w:r>
              <w:t xml:space="preserve">            if (upward) {</w:t>
            </w:r>
          </w:p>
          <w:p w:rsidR="00156FB3" w:rsidRDefault="00156FB3" w:rsidP="00156FB3">
            <w:r>
              <w:t xml:space="preserve">                handleNumbers.reverse();</w:t>
            </w:r>
          </w:p>
          <w:p w:rsidR="00156FB3" w:rsidRDefault="00156FB3" w:rsidP="00156FB3">
            <w:r>
              <w:t xml:space="preserve">            }</w:t>
            </w:r>
          </w:p>
          <w:p w:rsidR="00156FB3" w:rsidRDefault="00156FB3" w:rsidP="00156FB3"/>
          <w:p w:rsidR="00156FB3" w:rsidRDefault="00156FB3" w:rsidP="00156FB3">
            <w:r>
              <w:t xml:space="preserve">            // Step 1: get the maximum percentage that any of the handles can move</w:t>
            </w:r>
          </w:p>
          <w:p w:rsidR="00156FB3" w:rsidRDefault="00156FB3" w:rsidP="00156FB3">
            <w:r>
              <w:t xml:space="preserve">            if (handleNumbers.length &gt; 1) {</w:t>
            </w:r>
          </w:p>
          <w:p w:rsidR="00156FB3" w:rsidRDefault="00156FB3" w:rsidP="00156FB3">
            <w:r>
              <w:t xml:space="preserve">                handleNumbers.forEach(function(handleNumber, o) {</w:t>
            </w:r>
          </w:p>
          <w:p w:rsidR="00156FB3" w:rsidRDefault="00156FB3" w:rsidP="00156FB3">
            <w:r>
              <w:t xml:space="preserve">                    var to = checkHandlePosition(</w:t>
            </w:r>
          </w:p>
          <w:p w:rsidR="00156FB3" w:rsidRDefault="00156FB3" w:rsidP="00156FB3">
            <w:r>
              <w:t xml:space="preserve">                        proposals,</w:t>
            </w:r>
          </w:p>
          <w:p w:rsidR="00156FB3" w:rsidRDefault="00156FB3" w:rsidP="00156FB3">
            <w:r>
              <w:t xml:space="preserve">                        handleNumber,</w:t>
            </w:r>
          </w:p>
          <w:p w:rsidR="00156FB3" w:rsidRDefault="00156FB3" w:rsidP="00156FB3">
            <w:r>
              <w:t xml:space="preserve">                        proposals[handleNumber] + proposal,</w:t>
            </w:r>
          </w:p>
          <w:p w:rsidR="00156FB3" w:rsidRDefault="00156FB3" w:rsidP="00156FB3">
            <w:r>
              <w:t xml:space="preserve">                        b[o],</w:t>
            </w:r>
          </w:p>
          <w:p w:rsidR="00156FB3" w:rsidRDefault="00156FB3" w:rsidP="00156FB3">
            <w:r>
              <w:t xml:space="preserve">                        f[o],</w:t>
            </w:r>
          </w:p>
          <w:p w:rsidR="00156FB3" w:rsidRDefault="00156FB3" w:rsidP="00156FB3">
            <w:r>
              <w:t xml:space="preserve">                        false</w:t>
            </w:r>
          </w:p>
          <w:p w:rsidR="00156FB3" w:rsidRDefault="00156FB3" w:rsidP="00156FB3">
            <w:r>
              <w:t xml:space="preserve">                    );</w:t>
            </w:r>
          </w:p>
          <w:p w:rsidR="00156FB3" w:rsidRDefault="00156FB3" w:rsidP="00156FB3"/>
          <w:p w:rsidR="00156FB3" w:rsidRDefault="00156FB3" w:rsidP="00156FB3">
            <w:r>
              <w:t xml:space="preserve">                    // Stop if one of the handles can't move.</w:t>
            </w:r>
          </w:p>
          <w:p w:rsidR="00156FB3" w:rsidRDefault="00156FB3" w:rsidP="00156FB3">
            <w:r>
              <w:t xml:space="preserve">                    if (to === false) {</w:t>
            </w:r>
          </w:p>
          <w:p w:rsidR="00156FB3" w:rsidRDefault="00156FB3" w:rsidP="00156FB3">
            <w:r>
              <w:t xml:space="preserve">                        proposal = 0;</w:t>
            </w:r>
          </w:p>
          <w:p w:rsidR="00156FB3" w:rsidRDefault="00156FB3" w:rsidP="00156FB3">
            <w:r>
              <w:t xml:space="preserve">                    } else {</w:t>
            </w:r>
          </w:p>
          <w:p w:rsidR="00156FB3" w:rsidRDefault="00156FB3" w:rsidP="00156FB3">
            <w:r>
              <w:t xml:space="preserve">                        proposal = to - proposals[handleNumber];</w:t>
            </w:r>
          </w:p>
          <w:p w:rsidR="00156FB3" w:rsidRDefault="00156FB3" w:rsidP="00156FB3">
            <w:r>
              <w:t xml:space="preserve">                        proposals[handleNumber] = to;</w:t>
            </w:r>
          </w:p>
          <w:p w:rsidR="00156FB3" w:rsidRDefault="00156FB3" w:rsidP="00156FB3">
            <w:r>
              <w:lastRenderedPageBreak/>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If using one handle, check backward AND forward</w:t>
            </w:r>
          </w:p>
          <w:p w:rsidR="00156FB3" w:rsidRDefault="00156FB3" w:rsidP="00156FB3">
            <w:r>
              <w:t xml:space="preserve">            else {</w:t>
            </w:r>
          </w:p>
          <w:p w:rsidR="00156FB3" w:rsidRDefault="00156FB3" w:rsidP="00156FB3">
            <w:r>
              <w:t xml:space="preserve">                b = f = [true];</w:t>
            </w:r>
          </w:p>
          <w:p w:rsidR="00156FB3" w:rsidRDefault="00156FB3" w:rsidP="00156FB3">
            <w:r>
              <w:t xml:space="preserve">            }</w:t>
            </w:r>
          </w:p>
          <w:p w:rsidR="00156FB3" w:rsidRDefault="00156FB3" w:rsidP="00156FB3"/>
          <w:p w:rsidR="00156FB3" w:rsidRDefault="00156FB3" w:rsidP="00156FB3">
            <w:r>
              <w:t xml:space="preserve">            var state = false;</w:t>
            </w:r>
          </w:p>
          <w:p w:rsidR="00156FB3" w:rsidRDefault="00156FB3" w:rsidP="00156FB3"/>
          <w:p w:rsidR="00156FB3" w:rsidRDefault="00156FB3" w:rsidP="00156FB3">
            <w:r>
              <w:t xml:space="preserve">            // Step 2: Try to set the handles with the found percentage</w:t>
            </w:r>
          </w:p>
          <w:p w:rsidR="00156FB3" w:rsidRDefault="00156FB3" w:rsidP="00156FB3">
            <w:r>
              <w:t xml:space="preserve">            handleNumbers.forEach(function(handleNumber, o) {</w:t>
            </w:r>
          </w:p>
          <w:p w:rsidR="00156FB3" w:rsidRDefault="00156FB3" w:rsidP="00156FB3">
            <w:r>
              <w:t xml:space="preserve">                state = setHandle(handleNumber, locations[handleNumber] + proposal, b[o], f[o]) || state;</w:t>
            </w:r>
          </w:p>
          <w:p w:rsidR="00156FB3" w:rsidRDefault="00156FB3" w:rsidP="00156FB3">
            <w:r>
              <w:t xml:space="preserve">            });</w:t>
            </w:r>
          </w:p>
          <w:p w:rsidR="00156FB3" w:rsidRDefault="00156FB3" w:rsidP="00156FB3"/>
          <w:p w:rsidR="00156FB3" w:rsidRDefault="00156FB3" w:rsidP="00156FB3">
            <w:r>
              <w:t xml:space="preserve">            // Step 3: If a handle moved, fire events</w:t>
            </w:r>
          </w:p>
          <w:p w:rsidR="00156FB3" w:rsidRDefault="00156FB3" w:rsidP="00156FB3">
            <w:r>
              <w:t xml:space="preserve">            if (state) {</w:t>
            </w:r>
          </w:p>
          <w:p w:rsidR="00156FB3" w:rsidRDefault="00156FB3" w:rsidP="00156FB3">
            <w:r>
              <w:t xml:space="preserve">                handleNumbers.forEach(function(handleNumber) {</w:t>
            </w:r>
          </w:p>
          <w:p w:rsidR="00156FB3" w:rsidRDefault="00156FB3" w:rsidP="00156FB3">
            <w:r>
              <w:t xml:space="preserve">                    fireEvent("update", handleNumber);</w:t>
            </w:r>
          </w:p>
          <w:p w:rsidR="00156FB3" w:rsidRDefault="00156FB3" w:rsidP="00156FB3">
            <w:r>
              <w:t xml:space="preserve">                    fireEvent("slide", handleNumber);</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Takes a base value and an offset. This offset is used for the connect bar size.</w:t>
            </w:r>
          </w:p>
          <w:p w:rsidR="00156FB3" w:rsidRDefault="00156FB3" w:rsidP="00156FB3">
            <w:r>
              <w:t xml:space="preserve">        // In the initial design for this feature, the origin element was 1% wide.</w:t>
            </w:r>
          </w:p>
          <w:p w:rsidR="00156FB3" w:rsidRDefault="00156FB3" w:rsidP="00156FB3">
            <w:r>
              <w:t xml:space="preserve">        // Unfortunately, a rounding bug in Chrome makes it impossible to implement this feature</w:t>
            </w:r>
          </w:p>
          <w:p w:rsidR="00156FB3" w:rsidRDefault="00156FB3" w:rsidP="00156FB3">
            <w:r>
              <w:t xml:space="preserve">        // in this manner: https://bugs.chromium.org/p/chromium/issues/detail?id=798223</w:t>
            </w:r>
          </w:p>
          <w:p w:rsidR="00156FB3" w:rsidRDefault="00156FB3" w:rsidP="00156FB3">
            <w:r>
              <w:t xml:space="preserve">        function transformDirection(a, b) {</w:t>
            </w:r>
          </w:p>
          <w:p w:rsidR="00156FB3" w:rsidRDefault="00156FB3" w:rsidP="00156FB3">
            <w:r>
              <w:t xml:space="preserve">            return options.dir ? 100 - a - b : a;</w:t>
            </w:r>
          </w:p>
          <w:p w:rsidR="00156FB3" w:rsidRDefault="00156FB3" w:rsidP="00156FB3">
            <w:r>
              <w:t xml:space="preserve">        }</w:t>
            </w:r>
          </w:p>
          <w:p w:rsidR="00156FB3" w:rsidRDefault="00156FB3" w:rsidP="00156FB3"/>
          <w:p w:rsidR="00156FB3" w:rsidRDefault="00156FB3" w:rsidP="00156FB3">
            <w:r>
              <w:t xml:space="preserve">        // Updates scope_Locations and scope_Values, updates visual state</w:t>
            </w:r>
          </w:p>
          <w:p w:rsidR="00156FB3" w:rsidRDefault="00156FB3" w:rsidP="00156FB3">
            <w:r>
              <w:t xml:space="preserve">        function updateHandlePosition(handleNumber, to) {</w:t>
            </w:r>
          </w:p>
          <w:p w:rsidR="00156FB3" w:rsidRDefault="00156FB3" w:rsidP="00156FB3">
            <w:r>
              <w:t xml:space="preserve">            // Update locations.</w:t>
            </w:r>
          </w:p>
          <w:p w:rsidR="00156FB3" w:rsidRDefault="00156FB3" w:rsidP="00156FB3">
            <w:r>
              <w:t xml:space="preserve">            scope_Locations[handleNumber] = to;</w:t>
            </w:r>
          </w:p>
          <w:p w:rsidR="00156FB3" w:rsidRDefault="00156FB3" w:rsidP="00156FB3"/>
          <w:p w:rsidR="00156FB3" w:rsidRDefault="00156FB3" w:rsidP="00156FB3">
            <w:r>
              <w:t xml:space="preserve">            // Convert the value to the slider stepping/range.</w:t>
            </w:r>
          </w:p>
          <w:p w:rsidR="00156FB3" w:rsidRDefault="00156FB3" w:rsidP="00156FB3">
            <w:r>
              <w:t xml:space="preserve">            scope_Values[handleNumber] = scope_Spectrum.fromStepping(to);</w:t>
            </w:r>
          </w:p>
          <w:p w:rsidR="00156FB3" w:rsidRDefault="00156FB3" w:rsidP="00156FB3"/>
          <w:p w:rsidR="00156FB3" w:rsidRDefault="00156FB3" w:rsidP="00156FB3">
            <w:r>
              <w:t xml:space="preserve">            var translation = 10 * (transformDirection(to, 0) - scope_DirOffset);</w:t>
            </w:r>
          </w:p>
          <w:p w:rsidR="00156FB3" w:rsidRDefault="00156FB3" w:rsidP="00156FB3">
            <w:r>
              <w:t xml:space="preserve">            var translateRule = "translate(" + inRuleOrder(translation + "%", "0") + ")";</w:t>
            </w:r>
          </w:p>
          <w:p w:rsidR="00156FB3" w:rsidRDefault="00156FB3" w:rsidP="00156FB3"/>
          <w:p w:rsidR="00156FB3" w:rsidRDefault="00156FB3" w:rsidP="00156FB3">
            <w:r>
              <w:t xml:space="preserve">            scope_Handles[handleNumber].style[options.transformRule] = translateRule;</w:t>
            </w:r>
          </w:p>
          <w:p w:rsidR="00156FB3" w:rsidRDefault="00156FB3" w:rsidP="00156FB3"/>
          <w:p w:rsidR="00156FB3" w:rsidRDefault="00156FB3" w:rsidP="00156FB3">
            <w:r>
              <w:t xml:space="preserve">            updateConnect(handleNumber);</w:t>
            </w:r>
          </w:p>
          <w:p w:rsidR="00156FB3" w:rsidRDefault="00156FB3" w:rsidP="00156FB3">
            <w:r>
              <w:t xml:space="preserve">            updateConnect(handleNumber + 1);</w:t>
            </w:r>
          </w:p>
          <w:p w:rsidR="00156FB3" w:rsidRDefault="00156FB3" w:rsidP="00156FB3">
            <w:r>
              <w:lastRenderedPageBreak/>
              <w:t xml:space="preserve">        }</w:t>
            </w:r>
          </w:p>
          <w:p w:rsidR="00156FB3" w:rsidRDefault="00156FB3" w:rsidP="00156FB3"/>
          <w:p w:rsidR="00156FB3" w:rsidRDefault="00156FB3" w:rsidP="00156FB3">
            <w:r>
              <w:t xml:space="preserve">        // Handles before the slider middle are stacked later = higher,</w:t>
            </w:r>
          </w:p>
          <w:p w:rsidR="00156FB3" w:rsidRDefault="00156FB3" w:rsidP="00156FB3">
            <w:r>
              <w:t xml:space="preserve">        // Handles after the middle later is lower</w:t>
            </w:r>
          </w:p>
          <w:p w:rsidR="00156FB3" w:rsidRDefault="00156FB3" w:rsidP="00156FB3">
            <w:r>
              <w:t xml:space="preserve">        // [[7] [8] .......... | .......... [5] [4]</w:t>
            </w:r>
          </w:p>
          <w:p w:rsidR="00156FB3" w:rsidRDefault="00156FB3" w:rsidP="00156FB3">
            <w:r>
              <w:t xml:space="preserve">        function setZindex() {</w:t>
            </w:r>
          </w:p>
          <w:p w:rsidR="00156FB3" w:rsidRDefault="00156FB3" w:rsidP="00156FB3">
            <w:r>
              <w:t xml:space="preserve">            scope_HandleNumbers.forEach(function(handleNumber) {</w:t>
            </w:r>
          </w:p>
          <w:p w:rsidR="00156FB3" w:rsidRDefault="00156FB3" w:rsidP="00156FB3">
            <w:r>
              <w:t xml:space="preserve">                var dir = scope_Locations[handleNumber] &gt; 50 ? -1 : 1;</w:t>
            </w:r>
          </w:p>
          <w:p w:rsidR="00156FB3" w:rsidRDefault="00156FB3" w:rsidP="00156FB3">
            <w:r>
              <w:t xml:space="preserve">                var zIndex = 3 + (scope_Handles.length + dir * handleNumber);</w:t>
            </w:r>
          </w:p>
          <w:p w:rsidR="00156FB3" w:rsidRDefault="00156FB3" w:rsidP="00156FB3">
            <w:r>
              <w:t xml:space="preserve">                scope_Handles[handleNumber].style.zIndex = zIndex;</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Test suggested values and apply margin, step.</w:t>
            </w:r>
          </w:p>
          <w:p w:rsidR="00156FB3" w:rsidRDefault="00156FB3" w:rsidP="00156FB3">
            <w:r>
              <w:t xml:space="preserve">        function setHandle(handleNumber, to, lookBackward, lookForward) {</w:t>
            </w:r>
          </w:p>
          <w:p w:rsidR="00156FB3" w:rsidRDefault="00156FB3" w:rsidP="00156FB3">
            <w:r>
              <w:t xml:space="preserve">            to = checkHandlePosition(scope_Locations, handleNumber, to, lookBackward, lookForward, false);</w:t>
            </w:r>
          </w:p>
          <w:p w:rsidR="00156FB3" w:rsidRDefault="00156FB3" w:rsidP="00156FB3"/>
          <w:p w:rsidR="00156FB3" w:rsidRDefault="00156FB3" w:rsidP="00156FB3">
            <w:r>
              <w:t xml:space="preserve">            if (to === false)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updateHandlePosition(handleNumber, to);</w:t>
            </w:r>
          </w:p>
          <w:p w:rsidR="00156FB3" w:rsidRDefault="00156FB3" w:rsidP="00156FB3"/>
          <w:p w:rsidR="00156FB3" w:rsidRDefault="00156FB3" w:rsidP="00156FB3">
            <w:r>
              <w:t xml:space="preserve">            return true;</w:t>
            </w:r>
          </w:p>
          <w:p w:rsidR="00156FB3" w:rsidRDefault="00156FB3" w:rsidP="00156FB3">
            <w:r>
              <w:t xml:space="preserve">        }</w:t>
            </w:r>
          </w:p>
          <w:p w:rsidR="00156FB3" w:rsidRDefault="00156FB3" w:rsidP="00156FB3"/>
          <w:p w:rsidR="00156FB3" w:rsidRDefault="00156FB3" w:rsidP="00156FB3">
            <w:r>
              <w:t xml:space="preserve">        // Updates style attribute for connect nodes</w:t>
            </w:r>
          </w:p>
          <w:p w:rsidR="00156FB3" w:rsidRDefault="00156FB3" w:rsidP="00156FB3">
            <w:r>
              <w:t xml:space="preserve">        function updateConnect(index) {</w:t>
            </w:r>
          </w:p>
          <w:p w:rsidR="00156FB3" w:rsidRDefault="00156FB3" w:rsidP="00156FB3">
            <w:r>
              <w:t xml:space="preserve">            // Skip connects set to false</w:t>
            </w:r>
          </w:p>
          <w:p w:rsidR="00156FB3" w:rsidRDefault="00156FB3" w:rsidP="00156FB3">
            <w:r>
              <w:t xml:space="preserve">            if (!scope_Connects[index])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var l = 0;</w:t>
            </w:r>
          </w:p>
          <w:p w:rsidR="00156FB3" w:rsidRDefault="00156FB3" w:rsidP="00156FB3">
            <w:r>
              <w:t xml:space="preserve">            var h = 100;</w:t>
            </w:r>
          </w:p>
          <w:p w:rsidR="00156FB3" w:rsidRDefault="00156FB3" w:rsidP="00156FB3"/>
          <w:p w:rsidR="00156FB3" w:rsidRDefault="00156FB3" w:rsidP="00156FB3">
            <w:r>
              <w:t xml:space="preserve">            if (index !== 0) {</w:t>
            </w:r>
          </w:p>
          <w:p w:rsidR="00156FB3" w:rsidRDefault="00156FB3" w:rsidP="00156FB3">
            <w:r>
              <w:t xml:space="preserve">                l = scope_Locations[index - 1];</w:t>
            </w:r>
          </w:p>
          <w:p w:rsidR="00156FB3" w:rsidRDefault="00156FB3" w:rsidP="00156FB3">
            <w:r>
              <w:t xml:space="preserve">            }</w:t>
            </w:r>
          </w:p>
          <w:p w:rsidR="00156FB3" w:rsidRDefault="00156FB3" w:rsidP="00156FB3"/>
          <w:p w:rsidR="00156FB3" w:rsidRDefault="00156FB3" w:rsidP="00156FB3">
            <w:r>
              <w:t xml:space="preserve">            if (index !== scope_Connects.length - 1) {</w:t>
            </w:r>
          </w:p>
          <w:p w:rsidR="00156FB3" w:rsidRDefault="00156FB3" w:rsidP="00156FB3">
            <w:r>
              <w:t xml:space="preserve">                h = scope_Locations[index];</w:t>
            </w:r>
          </w:p>
          <w:p w:rsidR="00156FB3" w:rsidRDefault="00156FB3" w:rsidP="00156FB3">
            <w:r>
              <w:t xml:space="preserve">            }</w:t>
            </w:r>
          </w:p>
          <w:p w:rsidR="00156FB3" w:rsidRDefault="00156FB3" w:rsidP="00156FB3"/>
          <w:p w:rsidR="00156FB3" w:rsidRDefault="00156FB3" w:rsidP="00156FB3">
            <w:r>
              <w:t xml:space="preserve">            // We use two rules:</w:t>
            </w:r>
          </w:p>
          <w:p w:rsidR="00156FB3" w:rsidRDefault="00156FB3" w:rsidP="00156FB3">
            <w:r>
              <w:t xml:space="preserve">            // 'translate' to change the left/top offset;</w:t>
            </w:r>
          </w:p>
          <w:p w:rsidR="00156FB3" w:rsidRDefault="00156FB3" w:rsidP="00156FB3">
            <w:r>
              <w:t xml:space="preserve">            // 'scale' to change the width of the element;</w:t>
            </w:r>
          </w:p>
          <w:p w:rsidR="00156FB3" w:rsidRDefault="00156FB3" w:rsidP="00156FB3">
            <w:r>
              <w:lastRenderedPageBreak/>
              <w:t xml:space="preserve">            // As the element has a width of 100%, a translation of 100% is equal to 100% of the parent (.noUi-base)</w:t>
            </w:r>
          </w:p>
          <w:p w:rsidR="00156FB3" w:rsidRDefault="00156FB3" w:rsidP="00156FB3">
            <w:r>
              <w:t xml:space="preserve">            var connectWidth = h - l;</w:t>
            </w:r>
          </w:p>
          <w:p w:rsidR="00156FB3" w:rsidRDefault="00156FB3" w:rsidP="00156FB3">
            <w:r>
              <w:t xml:space="preserve">            var translateRule = "translate(" + inRuleOrder(transformDirection(l, connectWidth) + "%", "0") + ")";</w:t>
            </w:r>
          </w:p>
          <w:p w:rsidR="00156FB3" w:rsidRDefault="00156FB3" w:rsidP="00156FB3">
            <w:r>
              <w:t xml:space="preserve">            var scaleRule = "scale(" + inRuleOrder(connectWidth / 100, "1") + ")";</w:t>
            </w:r>
          </w:p>
          <w:p w:rsidR="00156FB3" w:rsidRDefault="00156FB3" w:rsidP="00156FB3"/>
          <w:p w:rsidR="00156FB3" w:rsidRDefault="00156FB3" w:rsidP="00156FB3">
            <w:r>
              <w:t xml:space="preserve">            scope_Connects[index].style[options.transformRule] = translateRule + " " + scaleRule;</w:t>
            </w:r>
          </w:p>
          <w:p w:rsidR="00156FB3" w:rsidRDefault="00156FB3" w:rsidP="00156FB3">
            <w:r>
              <w:t xml:space="preserve">        }</w:t>
            </w:r>
          </w:p>
          <w:p w:rsidR="00156FB3" w:rsidRDefault="00156FB3" w:rsidP="00156FB3"/>
          <w:p w:rsidR="00156FB3" w:rsidRDefault="00156FB3" w:rsidP="00156FB3">
            <w:r>
              <w:t xml:space="preserve">        // Parses value passed to .set method. Returns current value if not parse-able.</w:t>
            </w:r>
          </w:p>
          <w:p w:rsidR="00156FB3" w:rsidRDefault="00156FB3" w:rsidP="00156FB3">
            <w:r>
              <w:t xml:space="preserve">        function resolveToValue(to, handleNumber) {</w:t>
            </w:r>
          </w:p>
          <w:p w:rsidR="00156FB3" w:rsidRDefault="00156FB3" w:rsidP="00156FB3">
            <w:r>
              <w:t xml:space="preserve">            // Setting with null indicates an 'ignore'.</w:t>
            </w:r>
          </w:p>
          <w:p w:rsidR="00156FB3" w:rsidRDefault="00156FB3" w:rsidP="00156FB3">
            <w:r>
              <w:t xml:space="preserve">            // Inputting 'false' is invalid.</w:t>
            </w:r>
          </w:p>
          <w:p w:rsidR="00156FB3" w:rsidRDefault="00156FB3" w:rsidP="00156FB3">
            <w:r>
              <w:t xml:space="preserve">            if (to === null || to === false || to === undefined) {</w:t>
            </w:r>
          </w:p>
          <w:p w:rsidR="00156FB3" w:rsidRDefault="00156FB3" w:rsidP="00156FB3">
            <w:r>
              <w:t xml:space="preserve">                return scope_Locations[handleNumber];</w:t>
            </w:r>
          </w:p>
          <w:p w:rsidR="00156FB3" w:rsidRDefault="00156FB3" w:rsidP="00156FB3">
            <w:r>
              <w:t xml:space="preserve">            }</w:t>
            </w:r>
          </w:p>
          <w:p w:rsidR="00156FB3" w:rsidRDefault="00156FB3" w:rsidP="00156FB3"/>
          <w:p w:rsidR="00156FB3" w:rsidRDefault="00156FB3" w:rsidP="00156FB3">
            <w:r>
              <w:t xml:space="preserve">            // If a formatted number was passed, attempt to decode it.</w:t>
            </w:r>
          </w:p>
          <w:p w:rsidR="00156FB3" w:rsidRDefault="00156FB3" w:rsidP="00156FB3">
            <w:r>
              <w:t xml:space="preserve">            if (typeof to === "number") {</w:t>
            </w:r>
          </w:p>
          <w:p w:rsidR="00156FB3" w:rsidRDefault="00156FB3" w:rsidP="00156FB3">
            <w:r>
              <w:t xml:space="preserve">                to = String(to);</w:t>
            </w:r>
          </w:p>
          <w:p w:rsidR="00156FB3" w:rsidRDefault="00156FB3" w:rsidP="00156FB3">
            <w:r>
              <w:t xml:space="preserve">            }</w:t>
            </w:r>
          </w:p>
          <w:p w:rsidR="00156FB3" w:rsidRDefault="00156FB3" w:rsidP="00156FB3"/>
          <w:p w:rsidR="00156FB3" w:rsidRDefault="00156FB3" w:rsidP="00156FB3">
            <w:r>
              <w:t xml:space="preserve">            to = options.format.from(to);</w:t>
            </w:r>
          </w:p>
          <w:p w:rsidR="00156FB3" w:rsidRDefault="00156FB3" w:rsidP="00156FB3">
            <w:r>
              <w:t xml:space="preserve">            to = scope_Spectrum.toStepping(to);</w:t>
            </w:r>
          </w:p>
          <w:p w:rsidR="00156FB3" w:rsidRDefault="00156FB3" w:rsidP="00156FB3"/>
          <w:p w:rsidR="00156FB3" w:rsidRDefault="00156FB3" w:rsidP="00156FB3">
            <w:r>
              <w:t xml:space="preserve">            // If parsing the number failed, use the current value.</w:t>
            </w:r>
          </w:p>
          <w:p w:rsidR="00156FB3" w:rsidRDefault="00156FB3" w:rsidP="00156FB3">
            <w:r>
              <w:t xml:space="preserve">            if (to === false || isNaN(to)) {</w:t>
            </w:r>
          </w:p>
          <w:p w:rsidR="00156FB3" w:rsidRDefault="00156FB3" w:rsidP="00156FB3">
            <w:r>
              <w:t xml:space="preserve">                return scope_Locations[handleNumber];</w:t>
            </w:r>
          </w:p>
          <w:p w:rsidR="00156FB3" w:rsidRDefault="00156FB3" w:rsidP="00156FB3">
            <w:r>
              <w:t xml:space="preserve">            }</w:t>
            </w:r>
          </w:p>
          <w:p w:rsidR="00156FB3" w:rsidRDefault="00156FB3" w:rsidP="00156FB3"/>
          <w:p w:rsidR="00156FB3" w:rsidRDefault="00156FB3" w:rsidP="00156FB3">
            <w:r>
              <w:t xml:space="preserve">            return to;</w:t>
            </w:r>
          </w:p>
          <w:p w:rsidR="00156FB3" w:rsidRDefault="00156FB3" w:rsidP="00156FB3">
            <w:r>
              <w:t xml:space="preserve">        }</w:t>
            </w:r>
          </w:p>
          <w:p w:rsidR="00156FB3" w:rsidRDefault="00156FB3" w:rsidP="00156FB3"/>
          <w:p w:rsidR="00156FB3" w:rsidRDefault="00156FB3" w:rsidP="00156FB3">
            <w:r>
              <w:t xml:space="preserve">        // Set the slider value.</w:t>
            </w:r>
          </w:p>
          <w:p w:rsidR="00156FB3" w:rsidRDefault="00156FB3" w:rsidP="00156FB3">
            <w:r>
              <w:t xml:space="preserve">        function valueSet(input, fireSetEvent) {</w:t>
            </w:r>
          </w:p>
          <w:p w:rsidR="00156FB3" w:rsidRDefault="00156FB3" w:rsidP="00156FB3">
            <w:r>
              <w:t xml:space="preserve">            var values = asArray(input);</w:t>
            </w:r>
          </w:p>
          <w:p w:rsidR="00156FB3" w:rsidRDefault="00156FB3" w:rsidP="00156FB3">
            <w:r>
              <w:t xml:space="preserve">            var isInit = scope_Locations[0] === undefined;</w:t>
            </w:r>
          </w:p>
          <w:p w:rsidR="00156FB3" w:rsidRDefault="00156FB3" w:rsidP="00156FB3"/>
          <w:p w:rsidR="00156FB3" w:rsidRDefault="00156FB3" w:rsidP="00156FB3">
            <w:r>
              <w:t xml:space="preserve">            // Event fires by default</w:t>
            </w:r>
          </w:p>
          <w:p w:rsidR="00156FB3" w:rsidRDefault="00156FB3" w:rsidP="00156FB3">
            <w:r>
              <w:t xml:space="preserve">            fireSetEvent = fireSetEvent === undefined ? true : !!fireSetEvent;</w:t>
            </w:r>
          </w:p>
          <w:p w:rsidR="00156FB3" w:rsidRDefault="00156FB3" w:rsidP="00156FB3"/>
          <w:p w:rsidR="00156FB3" w:rsidRDefault="00156FB3" w:rsidP="00156FB3">
            <w:r>
              <w:t xml:space="preserve">            // Animation is optional.</w:t>
            </w:r>
          </w:p>
          <w:p w:rsidR="00156FB3" w:rsidRDefault="00156FB3" w:rsidP="00156FB3">
            <w:r>
              <w:t xml:space="preserve">            // Make sure the initial values were set before using animated placement.</w:t>
            </w:r>
          </w:p>
          <w:p w:rsidR="00156FB3" w:rsidRDefault="00156FB3" w:rsidP="00156FB3">
            <w:r>
              <w:t xml:space="preserve">            if (options.animate &amp;&amp; !isInit) {</w:t>
            </w:r>
          </w:p>
          <w:p w:rsidR="00156FB3" w:rsidRDefault="00156FB3" w:rsidP="00156FB3">
            <w:r>
              <w:t xml:space="preserve">                addClassFor(scope_Target, options.cssClasses.tap, options.animationDuration);</w:t>
            </w:r>
          </w:p>
          <w:p w:rsidR="00156FB3" w:rsidRDefault="00156FB3" w:rsidP="00156FB3">
            <w:r>
              <w:t xml:space="preserve">            }</w:t>
            </w:r>
          </w:p>
          <w:p w:rsidR="00156FB3" w:rsidRDefault="00156FB3" w:rsidP="00156FB3"/>
          <w:p w:rsidR="00156FB3" w:rsidRDefault="00156FB3" w:rsidP="00156FB3">
            <w:r>
              <w:lastRenderedPageBreak/>
              <w:t xml:space="preserve">            // First pass, without lookAhead but with lookBackward. Values are set from left to right.</w:t>
            </w:r>
          </w:p>
          <w:p w:rsidR="00156FB3" w:rsidRDefault="00156FB3" w:rsidP="00156FB3">
            <w:r>
              <w:t xml:space="preserve">            scope_HandleNumbers.forEach(function(handleNumber) {</w:t>
            </w:r>
          </w:p>
          <w:p w:rsidR="00156FB3" w:rsidRDefault="00156FB3" w:rsidP="00156FB3">
            <w:r>
              <w:t xml:space="preserve">                setHandle(handleNumber, resolveToValue(values[handleNumber], handleNumber), true, false);</w:t>
            </w:r>
          </w:p>
          <w:p w:rsidR="00156FB3" w:rsidRDefault="00156FB3" w:rsidP="00156FB3">
            <w:r>
              <w:t xml:space="preserve">            });</w:t>
            </w:r>
          </w:p>
          <w:p w:rsidR="00156FB3" w:rsidRDefault="00156FB3" w:rsidP="00156FB3"/>
          <w:p w:rsidR="00156FB3" w:rsidRDefault="00156FB3" w:rsidP="00156FB3">
            <w:r>
              <w:t xml:space="preserve">            var i = scope_HandleNumbers.length === 1 ? 0 : 1;</w:t>
            </w:r>
          </w:p>
          <w:p w:rsidR="00156FB3" w:rsidRDefault="00156FB3" w:rsidP="00156FB3"/>
          <w:p w:rsidR="00156FB3" w:rsidRDefault="00156FB3" w:rsidP="00156FB3">
            <w:r>
              <w:t xml:space="preserve">            // Secondary passes. Now that all base values are set, apply constraints.</w:t>
            </w:r>
          </w:p>
          <w:p w:rsidR="00156FB3" w:rsidRDefault="00156FB3" w:rsidP="00156FB3">
            <w:r>
              <w:t xml:space="preserve">            // Iterate all handles to ensure constraints are applied for the entire slider (Issue #1009)</w:t>
            </w:r>
          </w:p>
          <w:p w:rsidR="00156FB3" w:rsidRDefault="00156FB3" w:rsidP="00156FB3">
            <w:r>
              <w:t xml:space="preserve">            for (; i &lt; scope_HandleNumbers.length; ++i) {</w:t>
            </w:r>
          </w:p>
          <w:p w:rsidR="00156FB3" w:rsidRDefault="00156FB3" w:rsidP="00156FB3">
            <w:r>
              <w:t xml:space="preserve">                scope_HandleNumbers.forEach(function(handleNumber) {</w:t>
            </w:r>
          </w:p>
          <w:p w:rsidR="00156FB3" w:rsidRDefault="00156FB3" w:rsidP="00156FB3">
            <w:r>
              <w:t xml:space="preserve">                    setHandle(handleNumber, scope_Locations[handleNumber], true, tr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setZindex();</w:t>
            </w:r>
          </w:p>
          <w:p w:rsidR="00156FB3" w:rsidRDefault="00156FB3" w:rsidP="00156FB3"/>
          <w:p w:rsidR="00156FB3" w:rsidRDefault="00156FB3" w:rsidP="00156FB3">
            <w:r>
              <w:t xml:space="preserve">            scope_HandleNumbers.forEach(function(handleNumber) {</w:t>
            </w:r>
          </w:p>
          <w:p w:rsidR="00156FB3" w:rsidRDefault="00156FB3" w:rsidP="00156FB3">
            <w:r>
              <w:t xml:space="preserve">                fireEvent("update", handleNumber);</w:t>
            </w:r>
          </w:p>
          <w:p w:rsidR="00156FB3" w:rsidRDefault="00156FB3" w:rsidP="00156FB3"/>
          <w:p w:rsidR="00156FB3" w:rsidRDefault="00156FB3" w:rsidP="00156FB3">
            <w:r>
              <w:t xml:space="preserve">                // Fire the event only for handles that received a new value, as per #579</w:t>
            </w:r>
          </w:p>
          <w:p w:rsidR="00156FB3" w:rsidRDefault="00156FB3" w:rsidP="00156FB3">
            <w:r>
              <w:t xml:space="preserve">                if (values[handleNumber] !== null &amp;&amp; fireSetEvent) {</w:t>
            </w:r>
          </w:p>
          <w:p w:rsidR="00156FB3" w:rsidRDefault="00156FB3" w:rsidP="00156FB3">
            <w:r>
              <w:t xml:space="preserve">                    fireEvent("set", handleNumber);</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Reset slider to initial values</w:t>
            </w:r>
          </w:p>
          <w:p w:rsidR="00156FB3" w:rsidRDefault="00156FB3" w:rsidP="00156FB3">
            <w:r>
              <w:t xml:space="preserve">        function valueReset(fireSetEvent) {</w:t>
            </w:r>
          </w:p>
          <w:p w:rsidR="00156FB3" w:rsidRDefault="00156FB3" w:rsidP="00156FB3">
            <w:r>
              <w:t xml:space="preserve">            valueSet(options.start, fireSetEvent);</w:t>
            </w:r>
          </w:p>
          <w:p w:rsidR="00156FB3" w:rsidRDefault="00156FB3" w:rsidP="00156FB3">
            <w:r>
              <w:t xml:space="preserve">        }</w:t>
            </w:r>
          </w:p>
          <w:p w:rsidR="00156FB3" w:rsidRDefault="00156FB3" w:rsidP="00156FB3"/>
          <w:p w:rsidR="00156FB3" w:rsidRDefault="00156FB3" w:rsidP="00156FB3">
            <w:r>
              <w:t xml:space="preserve">        // Set value for a single handle</w:t>
            </w:r>
          </w:p>
          <w:p w:rsidR="00156FB3" w:rsidRDefault="00156FB3" w:rsidP="00156FB3">
            <w:r>
              <w:t xml:space="preserve">        function valueSetHandle(handleNumber, value, fireSetEvent) {</w:t>
            </w:r>
          </w:p>
          <w:p w:rsidR="00156FB3" w:rsidRDefault="00156FB3" w:rsidP="00156FB3">
            <w:r>
              <w:t xml:space="preserve">            // Ensure numeric input</w:t>
            </w:r>
          </w:p>
          <w:p w:rsidR="00156FB3" w:rsidRDefault="00156FB3" w:rsidP="00156FB3">
            <w:r>
              <w:t xml:space="preserve">            handleNumber = Number(handleNumber);</w:t>
            </w:r>
          </w:p>
          <w:p w:rsidR="00156FB3" w:rsidRDefault="00156FB3" w:rsidP="00156FB3"/>
          <w:p w:rsidR="00156FB3" w:rsidRDefault="00156FB3" w:rsidP="00156FB3">
            <w:r>
              <w:t xml:space="preserve">            if (!(handleNumber &gt;= 0 &amp;&amp; handleNumber &lt; scope_HandleNumbers.length)) {</w:t>
            </w:r>
          </w:p>
          <w:p w:rsidR="00156FB3" w:rsidRDefault="00156FB3" w:rsidP="00156FB3">
            <w:r>
              <w:t xml:space="preserve">                throw new Error("noUiSlider (" + VERSION + "): invalid handle number, got: " + handleNumber);</w:t>
            </w:r>
          </w:p>
          <w:p w:rsidR="00156FB3" w:rsidRDefault="00156FB3" w:rsidP="00156FB3">
            <w:r>
              <w:t xml:space="preserve">            }</w:t>
            </w:r>
          </w:p>
          <w:p w:rsidR="00156FB3" w:rsidRDefault="00156FB3" w:rsidP="00156FB3"/>
          <w:p w:rsidR="00156FB3" w:rsidRDefault="00156FB3" w:rsidP="00156FB3">
            <w:r>
              <w:t xml:space="preserve">            // Look both backward and forward, since we don't want this handle to "push" other handles (#960);</w:t>
            </w:r>
          </w:p>
          <w:p w:rsidR="00156FB3" w:rsidRDefault="00156FB3" w:rsidP="00156FB3">
            <w:r>
              <w:t xml:space="preserve">            setHandle(handleNumber, resolveToValue(value, handleNumber), true, true);</w:t>
            </w:r>
          </w:p>
          <w:p w:rsidR="00156FB3" w:rsidRDefault="00156FB3" w:rsidP="00156FB3"/>
          <w:p w:rsidR="00156FB3" w:rsidRDefault="00156FB3" w:rsidP="00156FB3">
            <w:r>
              <w:t xml:space="preserve">            fireEvent("update", handleNumber);</w:t>
            </w:r>
          </w:p>
          <w:p w:rsidR="00156FB3" w:rsidRDefault="00156FB3" w:rsidP="00156FB3"/>
          <w:p w:rsidR="00156FB3" w:rsidRDefault="00156FB3" w:rsidP="00156FB3">
            <w:r>
              <w:t xml:space="preserve">            if (fireSetEvent) {</w:t>
            </w:r>
          </w:p>
          <w:p w:rsidR="00156FB3" w:rsidRDefault="00156FB3" w:rsidP="00156FB3">
            <w:r>
              <w:lastRenderedPageBreak/>
              <w:t xml:space="preserve">                fireEvent("set", handleNumber);</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Get the slider value.</w:t>
            </w:r>
          </w:p>
          <w:p w:rsidR="00156FB3" w:rsidRDefault="00156FB3" w:rsidP="00156FB3">
            <w:r>
              <w:t xml:space="preserve">        function valueGet() {</w:t>
            </w:r>
          </w:p>
          <w:p w:rsidR="00156FB3" w:rsidRDefault="00156FB3" w:rsidP="00156FB3">
            <w:r>
              <w:t xml:space="preserve">            var values = scope_Values.map(options.format.to);</w:t>
            </w:r>
          </w:p>
          <w:p w:rsidR="00156FB3" w:rsidRDefault="00156FB3" w:rsidP="00156FB3"/>
          <w:p w:rsidR="00156FB3" w:rsidRDefault="00156FB3" w:rsidP="00156FB3">
            <w:r>
              <w:t xml:space="preserve">            // If only one handle is used, return a single value.</w:t>
            </w:r>
          </w:p>
          <w:p w:rsidR="00156FB3" w:rsidRDefault="00156FB3" w:rsidP="00156FB3">
            <w:r>
              <w:t xml:space="preserve">            if (values.length === 1) {</w:t>
            </w:r>
          </w:p>
          <w:p w:rsidR="00156FB3" w:rsidRDefault="00156FB3" w:rsidP="00156FB3">
            <w:r>
              <w:t xml:space="preserve">                return values[0];</w:t>
            </w:r>
          </w:p>
          <w:p w:rsidR="00156FB3" w:rsidRDefault="00156FB3" w:rsidP="00156FB3">
            <w:r>
              <w:t xml:space="preserve">            }</w:t>
            </w:r>
          </w:p>
          <w:p w:rsidR="00156FB3" w:rsidRDefault="00156FB3" w:rsidP="00156FB3"/>
          <w:p w:rsidR="00156FB3" w:rsidRDefault="00156FB3" w:rsidP="00156FB3">
            <w:r>
              <w:t xml:space="preserve">            return values;</w:t>
            </w:r>
          </w:p>
          <w:p w:rsidR="00156FB3" w:rsidRDefault="00156FB3" w:rsidP="00156FB3">
            <w:r>
              <w:t xml:space="preserve">        }</w:t>
            </w:r>
          </w:p>
          <w:p w:rsidR="00156FB3" w:rsidRDefault="00156FB3" w:rsidP="00156FB3"/>
          <w:p w:rsidR="00156FB3" w:rsidRDefault="00156FB3" w:rsidP="00156FB3">
            <w:r>
              <w:t xml:space="preserve">        // Removes classes from the root and empties it.</w:t>
            </w:r>
          </w:p>
          <w:p w:rsidR="00156FB3" w:rsidRDefault="00156FB3" w:rsidP="00156FB3">
            <w:r>
              <w:t xml:space="preserve">        function destroy() {</w:t>
            </w:r>
          </w:p>
          <w:p w:rsidR="00156FB3" w:rsidRDefault="00156FB3" w:rsidP="00156FB3">
            <w:r>
              <w:t xml:space="preserve">            for (var key in options.cssClasses) {</w:t>
            </w:r>
          </w:p>
          <w:p w:rsidR="00156FB3" w:rsidRDefault="00156FB3" w:rsidP="00156FB3">
            <w:r>
              <w:t xml:space="preserve">                if (!options.cssClasses.hasOwnProperty(key)) {</w:t>
            </w:r>
          </w:p>
          <w:p w:rsidR="00156FB3" w:rsidRDefault="00156FB3" w:rsidP="00156FB3">
            <w:r>
              <w:t xml:space="preserve">                    continue;</w:t>
            </w:r>
          </w:p>
          <w:p w:rsidR="00156FB3" w:rsidRDefault="00156FB3" w:rsidP="00156FB3">
            <w:r>
              <w:t xml:space="preserve">                }</w:t>
            </w:r>
          </w:p>
          <w:p w:rsidR="00156FB3" w:rsidRDefault="00156FB3" w:rsidP="00156FB3">
            <w:r>
              <w:t xml:space="preserve">                removeClass(scope_Target, options.cssClasses[key]);</w:t>
            </w:r>
          </w:p>
          <w:p w:rsidR="00156FB3" w:rsidRDefault="00156FB3" w:rsidP="00156FB3">
            <w:r>
              <w:t xml:space="preserve">            }</w:t>
            </w:r>
          </w:p>
          <w:p w:rsidR="00156FB3" w:rsidRDefault="00156FB3" w:rsidP="00156FB3"/>
          <w:p w:rsidR="00156FB3" w:rsidRDefault="00156FB3" w:rsidP="00156FB3">
            <w:r>
              <w:t xml:space="preserve">            while (scope_Target.firstChild) {</w:t>
            </w:r>
          </w:p>
          <w:p w:rsidR="00156FB3" w:rsidRDefault="00156FB3" w:rsidP="00156FB3">
            <w:r>
              <w:t xml:space="preserve">                scope_Target.removeChild(scope_Target.firstChild);</w:t>
            </w:r>
          </w:p>
          <w:p w:rsidR="00156FB3" w:rsidRDefault="00156FB3" w:rsidP="00156FB3">
            <w:r>
              <w:t xml:space="preserve">            }</w:t>
            </w:r>
          </w:p>
          <w:p w:rsidR="00156FB3" w:rsidRDefault="00156FB3" w:rsidP="00156FB3"/>
          <w:p w:rsidR="00156FB3" w:rsidRDefault="00156FB3" w:rsidP="00156FB3">
            <w:r>
              <w:t xml:space="preserve">            delete scope_Target.noUiSlider;</w:t>
            </w:r>
          </w:p>
          <w:p w:rsidR="00156FB3" w:rsidRDefault="00156FB3" w:rsidP="00156FB3">
            <w:r>
              <w:t xml:space="preserve">        }</w:t>
            </w:r>
          </w:p>
          <w:p w:rsidR="00156FB3" w:rsidRDefault="00156FB3" w:rsidP="00156FB3"/>
          <w:p w:rsidR="00156FB3" w:rsidRDefault="00156FB3" w:rsidP="00156FB3">
            <w:r>
              <w:t xml:space="preserve">        function getNextStepsForHandle(handleNumber) {</w:t>
            </w:r>
          </w:p>
          <w:p w:rsidR="00156FB3" w:rsidRDefault="00156FB3" w:rsidP="00156FB3">
            <w:r>
              <w:t xml:space="preserve">            var location = scope_Locations[handleNumber];</w:t>
            </w:r>
          </w:p>
          <w:p w:rsidR="00156FB3" w:rsidRDefault="00156FB3" w:rsidP="00156FB3">
            <w:r>
              <w:t xml:space="preserve">            var nearbySteps = scope_Spectrum.getNearbySteps(location);</w:t>
            </w:r>
          </w:p>
          <w:p w:rsidR="00156FB3" w:rsidRDefault="00156FB3" w:rsidP="00156FB3">
            <w:r>
              <w:t xml:space="preserve">            var value = scope_Values[handleNumber];</w:t>
            </w:r>
          </w:p>
          <w:p w:rsidR="00156FB3" w:rsidRDefault="00156FB3" w:rsidP="00156FB3">
            <w:r>
              <w:t xml:space="preserve">            var increment = nearbySteps.thisStep.step;</w:t>
            </w:r>
          </w:p>
          <w:p w:rsidR="00156FB3" w:rsidRDefault="00156FB3" w:rsidP="00156FB3">
            <w:r>
              <w:t xml:space="preserve">            var decrement = null;</w:t>
            </w:r>
          </w:p>
          <w:p w:rsidR="00156FB3" w:rsidRDefault="00156FB3" w:rsidP="00156FB3"/>
          <w:p w:rsidR="00156FB3" w:rsidRDefault="00156FB3" w:rsidP="00156FB3">
            <w:r>
              <w:t xml:space="preserve">            // If snapped, directly use defined step value</w:t>
            </w:r>
          </w:p>
          <w:p w:rsidR="00156FB3" w:rsidRDefault="00156FB3" w:rsidP="00156FB3">
            <w:r>
              <w:t xml:space="preserve">            if (options.snap) {</w:t>
            </w:r>
          </w:p>
          <w:p w:rsidR="00156FB3" w:rsidRDefault="00156FB3" w:rsidP="00156FB3">
            <w:r>
              <w:t xml:space="preserve">                return [</w:t>
            </w:r>
          </w:p>
          <w:p w:rsidR="00156FB3" w:rsidRDefault="00156FB3" w:rsidP="00156FB3">
            <w:r>
              <w:t xml:space="preserve">                    value - nearbySteps.stepBefore.startValue || null,</w:t>
            </w:r>
          </w:p>
          <w:p w:rsidR="00156FB3" w:rsidRDefault="00156FB3" w:rsidP="00156FB3">
            <w:r>
              <w:t xml:space="preserve">                    nearbySteps.stepAfter.startValue - value || null</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If the next value in this step moves into the next step,</w:t>
            </w:r>
          </w:p>
          <w:p w:rsidR="00156FB3" w:rsidRDefault="00156FB3" w:rsidP="00156FB3">
            <w:r>
              <w:lastRenderedPageBreak/>
              <w:t xml:space="preserve">            // the increment is the start of the next step - the current value</w:t>
            </w:r>
          </w:p>
          <w:p w:rsidR="00156FB3" w:rsidRDefault="00156FB3" w:rsidP="00156FB3">
            <w:r>
              <w:t xml:space="preserve">            if (increment !== false) {</w:t>
            </w:r>
          </w:p>
          <w:p w:rsidR="00156FB3" w:rsidRDefault="00156FB3" w:rsidP="00156FB3">
            <w:r>
              <w:t xml:space="preserve">                if (value + increment &gt; nearbySteps.stepAfter.startValue) {</w:t>
            </w:r>
          </w:p>
          <w:p w:rsidR="00156FB3" w:rsidRDefault="00156FB3" w:rsidP="00156FB3">
            <w:r>
              <w:t xml:space="preserve">                    increment = nearbySteps.stepAfter.startValue - val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If the value is beyond the starting point</w:t>
            </w:r>
          </w:p>
          <w:p w:rsidR="00156FB3" w:rsidRDefault="00156FB3" w:rsidP="00156FB3">
            <w:r>
              <w:t xml:space="preserve">            if (value &gt; nearbySteps.thisStep.startValue) {</w:t>
            </w:r>
          </w:p>
          <w:p w:rsidR="00156FB3" w:rsidRDefault="00156FB3" w:rsidP="00156FB3">
            <w:r>
              <w:t xml:space="preserve">                decrement = nearbySteps.thisStep.step;</w:t>
            </w:r>
          </w:p>
          <w:p w:rsidR="00156FB3" w:rsidRDefault="00156FB3" w:rsidP="00156FB3">
            <w:r>
              <w:t xml:space="preserve">            } else if (nearbySteps.stepBefore.step === false) {</w:t>
            </w:r>
          </w:p>
          <w:p w:rsidR="00156FB3" w:rsidRDefault="00156FB3" w:rsidP="00156FB3">
            <w:r>
              <w:t xml:space="preserve">                decrement = false;</w:t>
            </w:r>
          </w:p>
          <w:p w:rsidR="00156FB3" w:rsidRDefault="00156FB3" w:rsidP="00156FB3">
            <w:r>
              <w:t xml:space="preserve">            }</w:t>
            </w:r>
          </w:p>
          <w:p w:rsidR="00156FB3" w:rsidRDefault="00156FB3" w:rsidP="00156FB3"/>
          <w:p w:rsidR="00156FB3" w:rsidRDefault="00156FB3" w:rsidP="00156FB3">
            <w:r>
              <w:t xml:space="preserve">            // If a handle is at the start of a step, it always steps back into the previous step first</w:t>
            </w:r>
          </w:p>
          <w:p w:rsidR="00156FB3" w:rsidRDefault="00156FB3" w:rsidP="00156FB3">
            <w:r>
              <w:t xml:space="preserve">            else {</w:t>
            </w:r>
          </w:p>
          <w:p w:rsidR="00156FB3" w:rsidRDefault="00156FB3" w:rsidP="00156FB3">
            <w:r>
              <w:t xml:space="preserve">                decrement = value - nearbySteps.stepBefore.highestStep;</w:t>
            </w:r>
          </w:p>
          <w:p w:rsidR="00156FB3" w:rsidRDefault="00156FB3" w:rsidP="00156FB3">
            <w:r>
              <w:t xml:space="preserve">            }</w:t>
            </w:r>
          </w:p>
          <w:p w:rsidR="00156FB3" w:rsidRDefault="00156FB3" w:rsidP="00156FB3"/>
          <w:p w:rsidR="00156FB3" w:rsidRDefault="00156FB3" w:rsidP="00156FB3">
            <w:r>
              <w:t xml:space="preserve">            // Now, if at the slider edges, there is no in/decrement</w:t>
            </w:r>
          </w:p>
          <w:p w:rsidR="00156FB3" w:rsidRDefault="00156FB3" w:rsidP="00156FB3">
            <w:r>
              <w:t xml:space="preserve">            if (location === 100) {</w:t>
            </w:r>
          </w:p>
          <w:p w:rsidR="00156FB3" w:rsidRDefault="00156FB3" w:rsidP="00156FB3">
            <w:r>
              <w:t xml:space="preserve">                increment = null;</w:t>
            </w:r>
          </w:p>
          <w:p w:rsidR="00156FB3" w:rsidRDefault="00156FB3" w:rsidP="00156FB3">
            <w:r>
              <w:t xml:space="preserve">            } else if (location === 0) {</w:t>
            </w:r>
          </w:p>
          <w:p w:rsidR="00156FB3" w:rsidRDefault="00156FB3" w:rsidP="00156FB3">
            <w:r>
              <w:t xml:space="preserve">                decrement = null;</w:t>
            </w:r>
          </w:p>
          <w:p w:rsidR="00156FB3" w:rsidRDefault="00156FB3" w:rsidP="00156FB3">
            <w:r>
              <w:t xml:space="preserve">            }</w:t>
            </w:r>
          </w:p>
          <w:p w:rsidR="00156FB3" w:rsidRDefault="00156FB3" w:rsidP="00156FB3"/>
          <w:p w:rsidR="00156FB3" w:rsidRDefault="00156FB3" w:rsidP="00156FB3">
            <w:r>
              <w:t xml:space="preserve">            // As per #391, the comparison for the decrement step can have some rounding issues.</w:t>
            </w:r>
          </w:p>
          <w:p w:rsidR="00156FB3" w:rsidRDefault="00156FB3" w:rsidP="00156FB3">
            <w:r>
              <w:t xml:space="preserve">            var stepDecimals = scope_Spectrum.countStepDecimals();</w:t>
            </w:r>
          </w:p>
          <w:p w:rsidR="00156FB3" w:rsidRDefault="00156FB3" w:rsidP="00156FB3"/>
          <w:p w:rsidR="00156FB3" w:rsidRDefault="00156FB3" w:rsidP="00156FB3">
            <w:r>
              <w:t xml:space="preserve">            // Round per #391</w:t>
            </w:r>
          </w:p>
          <w:p w:rsidR="00156FB3" w:rsidRDefault="00156FB3" w:rsidP="00156FB3">
            <w:r>
              <w:t xml:space="preserve">            if (increment !== null &amp;&amp; increment !== false) {</w:t>
            </w:r>
          </w:p>
          <w:p w:rsidR="00156FB3" w:rsidRDefault="00156FB3" w:rsidP="00156FB3">
            <w:r>
              <w:t xml:space="preserve">                increment = Number(increment.toFixed(stepDecimals));</w:t>
            </w:r>
          </w:p>
          <w:p w:rsidR="00156FB3" w:rsidRDefault="00156FB3" w:rsidP="00156FB3">
            <w:r>
              <w:t xml:space="preserve">            }</w:t>
            </w:r>
          </w:p>
          <w:p w:rsidR="00156FB3" w:rsidRDefault="00156FB3" w:rsidP="00156FB3"/>
          <w:p w:rsidR="00156FB3" w:rsidRDefault="00156FB3" w:rsidP="00156FB3">
            <w:r>
              <w:t xml:space="preserve">            if (decrement !== null &amp;&amp; decrement !== false) {</w:t>
            </w:r>
          </w:p>
          <w:p w:rsidR="00156FB3" w:rsidRDefault="00156FB3" w:rsidP="00156FB3">
            <w:r>
              <w:t xml:space="preserve">                decrement = Number(decrement.toFixed(stepDecimals));</w:t>
            </w:r>
          </w:p>
          <w:p w:rsidR="00156FB3" w:rsidRDefault="00156FB3" w:rsidP="00156FB3">
            <w:r>
              <w:t xml:space="preserve">            }</w:t>
            </w:r>
          </w:p>
          <w:p w:rsidR="00156FB3" w:rsidRDefault="00156FB3" w:rsidP="00156FB3"/>
          <w:p w:rsidR="00156FB3" w:rsidRDefault="00156FB3" w:rsidP="00156FB3">
            <w:r>
              <w:t xml:space="preserve">            return [decrement, increment];</w:t>
            </w:r>
          </w:p>
          <w:p w:rsidR="00156FB3" w:rsidRDefault="00156FB3" w:rsidP="00156FB3">
            <w:r>
              <w:t xml:space="preserve">        }</w:t>
            </w:r>
          </w:p>
          <w:p w:rsidR="00156FB3" w:rsidRDefault="00156FB3" w:rsidP="00156FB3"/>
          <w:p w:rsidR="00156FB3" w:rsidRDefault="00156FB3" w:rsidP="00156FB3">
            <w:r>
              <w:t xml:space="preserve">        // Get the current step size for the slider.</w:t>
            </w:r>
          </w:p>
          <w:p w:rsidR="00156FB3" w:rsidRDefault="00156FB3" w:rsidP="00156FB3">
            <w:r>
              <w:t xml:space="preserve">        function getNextSteps() {</w:t>
            </w:r>
          </w:p>
          <w:p w:rsidR="00156FB3" w:rsidRDefault="00156FB3" w:rsidP="00156FB3">
            <w:r>
              <w:t xml:space="preserve">            return scope_HandleNumbers.map(getNextStepsForHandle);</w:t>
            </w:r>
          </w:p>
          <w:p w:rsidR="00156FB3" w:rsidRDefault="00156FB3" w:rsidP="00156FB3">
            <w:r>
              <w:t xml:space="preserve">        }</w:t>
            </w:r>
          </w:p>
          <w:p w:rsidR="00156FB3" w:rsidRDefault="00156FB3" w:rsidP="00156FB3"/>
          <w:p w:rsidR="00156FB3" w:rsidRDefault="00156FB3" w:rsidP="00156FB3">
            <w:r>
              <w:t xml:space="preserve">        // Updateable: margin, limit, padding, step, range, animate, snap</w:t>
            </w:r>
          </w:p>
          <w:p w:rsidR="00156FB3" w:rsidRDefault="00156FB3" w:rsidP="00156FB3">
            <w:r>
              <w:t xml:space="preserve">        function updateOptions(optionsToUpdate, fireSetEvent) {</w:t>
            </w:r>
          </w:p>
          <w:p w:rsidR="00156FB3" w:rsidRDefault="00156FB3" w:rsidP="00156FB3">
            <w:r>
              <w:lastRenderedPageBreak/>
              <w:t xml:space="preserve">            // Spectrum is created using the range, snap, direction and step options.</w:t>
            </w:r>
          </w:p>
          <w:p w:rsidR="00156FB3" w:rsidRDefault="00156FB3" w:rsidP="00156FB3">
            <w:r>
              <w:t xml:space="preserve">            // 'snap' and 'step' can be updated.</w:t>
            </w:r>
          </w:p>
          <w:p w:rsidR="00156FB3" w:rsidRDefault="00156FB3" w:rsidP="00156FB3">
            <w:r>
              <w:t xml:space="preserve">            // If 'snap' and 'step' are not passed, they should remain unchanged.</w:t>
            </w:r>
          </w:p>
          <w:p w:rsidR="00156FB3" w:rsidRDefault="00156FB3" w:rsidP="00156FB3">
            <w:r>
              <w:t xml:space="preserve">            var v = valueGet();</w:t>
            </w:r>
          </w:p>
          <w:p w:rsidR="00156FB3" w:rsidRDefault="00156FB3" w:rsidP="00156FB3"/>
          <w:p w:rsidR="00156FB3" w:rsidRDefault="00156FB3" w:rsidP="00156FB3">
            <w:r>
              <w:t xml:space="preserve">            var updateAble = [</w:t>
            </w:r>
          </w:p>
          <w:p w:rsidR="00156FB3" w:rsidRDefault="00156FB3" w:rsidP="00156FB3">
            <w:r>
              <w:t xml:space="preserve">                "margin",</w:t>
            </w:r>
          </w:p>
          <w:p w:rsidR="00156FB3" w:rsidRDefault="00156FB3" w:rsidP="00156FB3">
            <w:r>
              <w:t xml:space="preserve">                "limit",</w:t>
            </w:r>
          </w:p>
          <w:p w:rsidR="00156FB3" w:rsidRDefault="00156FB3" w:rsidP="00156FB3">
            <w:r>
              <w:t xml:space="preserve">                "padding",</w:t>
            </w:r>
          </w:p>
          <w:p w:rsidR="00156FB3" w:rsidRDefault="00156FB3" w:rsidP="00156FB3">
            <w:r>
              <w:t xml:space="preserve">                "range",</w:t>
            </w:r>
          </w:p>
          <w:p w:rsidR="00156FB3" w:rsidRDefault="00156FB3" w:rsidP="00156FB3">
            <w:r>
              <w:t xml:space="preserve">                "animate",</w:t>
            </w:r>
          </w:p>
          <w:p w:rsidR="00156FB3" w:rsidRDefault="00156FB3" w:rsidP="00156FB3">
            <w:r>
              <w:t xml:space="preserve">                "snap",</w:t>
            </w:r>
          </w:p>
          <w:p w:rsidR="00156FB3" w:rsidRDefault="00156FB3" w:rsidP="00156FB3">
            <w:r>
              <w:t xml:space="preserve">                "step",</w:t>
            </w:r>
          </w:p>
          <w:p w:rsidR="00156FB3" w:rsidRDefault="00156FB3" w:rsidP="00156FB3">
            <w:r>
              <w:t xml:space="preserve">                "format",</w:t>
            </w:r>
          </w:p>
          <w:p w:rsidR="00156FB3" w:rsidRDefault="00156FB3" w:rsidP="00156FB3">
            <w:r>
              <w:t xml:space="preserve">                "pips",</w:t>
            </w:r>
          </w:p>
          <w:p w:rsidR="00156FB3" w:rsidRDefault="00156FB3" w:rsidP="00156FB3">
            <w:r>
              <w:t xml:space="preserve">                "tooltips"</w:t>
            </w:r>
          </w:p>
          <w:p w:rsidR="00156FB3" w:rsidRDefault="00156FB3" w:rsidP="00156FB3">
            <w:r>
              <w:t xml:space="preserve">            ];</w:t>
            </w:r>
          </w:p>
          <w:p w:rsidR="00156FB3" w:rsidRDefault="00156FB3" w:rsidP="00156FB3"/>
          <w:p w:rsidR="00156FB3" w:rsidRDefault="00156FB3" w:rsidP="00156FB3">
            <w:r>
              <w:t xml:space="preserve">            // Only change options that we're actually passed to update.</w:t>
            </w:r>
          </w:p>
          <w:p w:rsidR="00156FB3" w:rsidRDefault="00156FB3" w:rsidP="00156FB3">
            <w:r>
              <w:t xml:space="preserve">            updateAble.forEach(function(name) {</w:t>
            </w:r>
          </w:p>
          <w:p w:rsidR="00156FB3" w:rsidRDefault="00156FB3" w:rsidP="00156FB3">
            <w:r>
              <w:t xml:space="preserve">                // Check for undefined. null removes the value.</w:t>
            </w:r>
          </w:p>
          <w:p w:rsidR="00156FB3" w:rsidRDefault="00156FB3" w:rsidP="00156FB3">
            <w:r>
              <w:t xml:space="preserve">                if (optionsToUpdate[name] !== undefined) {</w:t>
            </w:r>
          </w:p>
          <w:p w:rsidR="00156FB3" w:rsidRDefault="00156FB3" w:rsidP="00156FB3">
            <w:r>
              <w:t xml:space="preserve">                    originalOptions[name] = optionsToUpdate[nam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newOptions = testOptions(originalOptions);</w:t>
            </w:r>
          </w:p>
          <w:p w:rsidR="00156FB3" w:rsidRDefault="00156FB3" w:rsidP="00156FB3"/>
          <w:p w:rsidR="00156FB3" w:rsidRDefault="00156FB3" w:rsidP="00156FB3">
            <w:r>
              <w:t xml:space="preserve">            // Load new options into the slider state</w:t>
            </w:r>
          </w:p>
          <w:p w:rsidR="00156FB3" w:rsidRDefault="00156FB3" w:rsidP="00156FB3">
            <w:r>
              <w:t xml:space="preserve">            updateAble.forEach(function(name) {</w:t>
            </w:r>
          </w:p>
          <w:p w:rsidR="00156FB3" w:rsidRDefault="00156FB3" w:rsidP="00156FB3">
            <w:r>
              <w:t xml:space="preserve">                if (optionsToUpdate[name] !== undefined) {</w:t>
            </w:r>
          </w:p>
          <w:p w:rsidR="00156FB3" w:rsidRDefault="00156FB3" w:rsidP="00156FB3">
            <w:r>
              <w:t xml:space="preserve">                    options[name] = newOptions[nam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scope_Spectrum = newOptions.spectrum;</w:t>
            </w:r>
          </w:p>
          <w:p w:rsidR="00156FB3" w:rsidRDefault="00156FB3" w:rsidP="00156FB3"/>
          <w:p w:rsidR="00156FB3" w:rsidRDefault="00156FB3" w:rsidP="00156FB3">
            <w:r>
              <w:t xml:space="preserve">            // Limit, margin and padding depend on the spectrum but are stored outside of it. (#677)</w:t>
            </w:r>
          </w:p>
          <w:p w:rsidR="00156FB3" w:rsidRDefault="00156FB3" w:rsidP="00156FB3">
            <w:r>
              <w:t xml:space="preserve">            options.margin = newOptions.margin;</w:t>
            </w:r>
          </w:p>
          <w:p w:rsidR="00156FB3" w:rsidRDefault="00156FB3" w:rsidP="00156FB3">
            <w:r>
              <w:t xml:space="preserve">            options.limit = newOptions.limit;</w:t>
            </w:r>
          </w:p>
          <w:p w:rsidR="00156FB3" w:rsidRDefault="00156FB3" w:rsidP="00156FB3">
            <w:r>
              <w:t xml:space="preserve">            options.padding = newOptions.padding;</w:t>
            </w:r>
          </w:p>
          <w:p w:rsidR="00156FB3" w:rsidRDefault="00156FB3" w:rsidP="00156FB3"/>
          <w:p w:rsidR="00156FB3" w:rsidRDefault="00156FB3" w:rsidP="00156FB3">
            <w:r>
              <w:t xml:space="preserve">            // Update pips, removes existing.</w:t>
            </w:r>
          </w:p>
          <w:p w:rsidR="00156FB3" w:rsidRDefault="00156FB3" w:rsidP="00156FB3">
            <w:r>
              <w:t xml:space="preserve">            if (options.pips) {</w:t>
            </w:r>
          </w:p>
          <w:p w:rsidR="00156FB3" w:rsidRDefault="00156FB3" w:rsidP="00156FB3">
            <w:r>
              <w:t xml:space="preserve">                pips(options.pips);</w:t>
            </w:r>
          </w:p>
          <w:p w:rsidR="00156FB3" w:rsidRDefault="00156FB3" w:rsidP="00156FB3">
            <w:r>
              <w:t xml:space="preserve">            } else {</w:t>
            </w:r>
          </w:p>
          <w:p w:rsidR="00156FB3" w:rsidRDefault="00156FB3" w:rsidP="00156FB3">
            <w:r>
              <w:t xml:space="preserve">                removePips();</w:t>
            </w:r>
          </w:p>
          <w:p w:rsidR="00156FB3" w:rsidRDefault="00156FB3" w:rsidP="00156FB3">
            <w:r>
              <w:t xml:space="preserve">            }</w:t>
            </w:r>
          </w:p>
          <w:p w:rsidR="00156FB3" w:rsidRDefault="00156FB3" w:rsidP="00156FB3"/>
          <w:p w:rsidR="00156FB3" w:rsidRDefault="00156FB3" w:rsidP="00156FB3">
            <w:r>
              <w:t xml:space="preserve">            // Update tooltips, removes existing.</w:t>
            </w:r>
          </w:p>
          <w:p w:rsidR="00156FB3" w:rsidRDefault="00156FB3" w:rsidP="00156FB3">
            <w:r>
              <w:t xml:space="preserve">            if (options.tooltips) {</w:t>
            </w:r>
          </w:p>
          <w:p w:rsidR="00156FB3" w:rsidRDefault="00156FB3" w:rsidP="00156FB3">
            <w:r>
              <w:t xml:space="preserve">                tooltips();</w:t>
            </w:r>
          </w:p>
          <w:p w:rsidR="00156FB3" w:rsidRDefault="00156FB3" w:rsidP="00156FB3">
            <w:r>
              <w:t xml:space="preserve">            } else {</w:t>
            </w:r>
          </w:p>
          <w:p w:rsidR="00156FB3" w:rsidRDefault="00156FB3" w:rsidP="00156FB3">
            <w:r>
              <w:t xml:space="preserve">                removeTooltips();</w:t>
            </w:r>
          </w:p>
          <w:p w:rsidR="00156FB3" w:rsidRDefault="00156FB3" w:rsidP="00156FB3">
            <w:r>
              <w:t xml:space="preserve">            }</w:t>
            </w:r>
          </w:p>
          <w:p w:rsidR="00156FB3" w:rsidRDefault="00156FB3" w:rsidP="00156FB3"/>
          <w:p w:rsidR="00156FB3" w:rsidRDefault="00156FB3" w:rsidP="00156FB3">
            <w:r>
              <w:t xml:space="preserve">            // Invalidate the current positioning so valueSet forces an update.</w:t>
            </w:r>
          </w:p>
          <w:p w:rsidR="00156FB3" w:rsidRDefault="00156FB3" w:rsidP="00156FB3">
            <w:r>
              <w:t xml:space="preserve">            scope_Locations = [];</w:t>
            </w:r>
          </w:p>
          <w:p w:rsidR="00156FB3" w:rsidRDefault="00156FB3" w:rsidP="00156FB3">
            <w:r>
              <w:t xml:space="preserve">            valueSet(optionsToUpdate.start || v, fireSetEvent);</w:t>
            </w:r>
          </w:p>
          <w:p w:rsidR="00156FB3" w:rsidRDefault="00156FB3" w:rsidP="00156FB3">
            <w:r>
              <w:t xml:space="preserve">        }</w:t>
            </w:r>
          </w:p>
          <w:p w:rsidR="00156FB3" w:rsidRDefault="00156FB3" w:rsidP="00156FB3"/>
          <w:p w:rsidR="00156FB3" w:rsidRDefault="00156FB3" w:rsidP="00156FB3">
            <w:r>
              <w:t xml:space="preserve">        // Initialization steps</w:t>
            </w:r>
          </w:p>
          <w:p w:rsidR="00156FB3" w:rsidRDefault="00156FB3" w:rsidP="00156FB3">
            <w:r>
              <w:t xml:space="preserve">        function setupSlider() {</w:t>
            </w:r>
          </w:p>
          <w:p w:rsidR="00156FB3" w:rsidRDefault="00156FB3" w:rsidP="00156FB3">
            <w:r>
              <w:t xml:space="preserve">            // Create the base element, initialize HTML and set classes.</w:t>
            </w:r>
          </w:p>
          <w:p w:rsidR="00156FB3" w:rsidRDefault="00156FB3" w:rsidP="00156FB3">
            <w:r>
              <w:t xml:space="preserve">            // Add handles and connect elements.</w:t>
            </w:r>
          </w:p>
          <w:p w:rsidR="00156FB3" w:rsidRDefault="00156FB3" w:rsidP="00156FB3">
            <w:r>
              <w:t xml:space="preserve">            scope_Base = addSlider(scope_Target);</w:t>
            </w:r>
          </w:p>
          <w:p w:rsidR="00156FB3" w:rsidRDefault="00156FB3" w:rsidP="00156FB3"/>
          <w:p w:rsidR="00156FB3" w:rsidRDefault="00156FB3" w:rsidP="00156FB3">
            <w:r>
              <w:t xml:space="preserve">            addElements(options.connect, scope_Base);</w:t>
            </w:r>
          </w:p>
          <w:p w:rsidR="00156FB3" w:rsidRDefault="00156FB3" w:rsidP="00156FB3"/>
          <w:p w:rsidR="00156FB3" w:rsidRDefault="00156FB3" w:rsidP="00156FB3">
            <w:r>
              <w:t xml:space="preserve">            // Attach user events.</w:t>
            </w:r>
          </w:p>
          <w:p w:rsidR="00156FB3" w:rsidRDefault="00156FB3" w:rsidP="00156FB3">
            <w:r>
              <w:t xml:space="preserve">            bindSliderEvents(options.events);</w:t>
            </w:r>
          </w:p>
          <w:p w:rsidR="00156FB3" w:rsidRDefault="00156FB3" w:rsidP="00156FB3"/>
          <w:p w:rsidR="00156FB3" w:rsidRDefault="00156FB3" w:rsidP="00156FB3">
            <w:r>
              <w:t xml:space="preserve">            // Use the public value method to set the start values.</w:t>
            </w:r>
          </w:p>
          <w:p w:rsidR="00156FB3" w:rsidRDefault="00156FB3" w:rsidP="00156FB3">
            <w:r>
              <w:t xml:space="preserve">            valueSet(options.start);</w:t>
            </w:r>
          </w:p>
          <w:p w:rsidR="00156FB3" w:rsidRDefault="00156FB3" w:rsidP="00156FB3"/>
          <w:p w:rsidR="00156FB3" w:rsidRDefault="00156FB3" w:rsidP="00156FB3">
            <w:r>
              <w:t xml:space="preserve">            if (options.pips) {</w:t>
            </w:r>
          </w:p>
          <w:p w:rsidR="00156FB3" w:rsidRDefault="00156FB3" w:rsidP="00156FB3">
            <w:r>
              <w:t xml:space="preserve">                pips(options.pips);</w:t>
            </w:r>
          </w:p>
          <w:p w:rsidR="00156FB3" w:rsidRDefault="00156FB3" w:rsidP="00156FB3">
            <w:r>
              <w:t xml:space="preserve">            }</w:t>
            </w:r>
          </w:p>
          <w:p w:rsidR="00156FB3" w:rsidRDefault="00156FB3" w:rsidP="00156FB3"/>
          <w:p w:rsidR="00156FB3" w:rsidRDefault="00156FB3" w:rsidP="00156FB3">
            <w:r>
              <w:t xml:space="preserve">            if (options.tooltips) {</w:t>
            </w:r>
          </w:p>
          <w:p w:rsidR="00156FB3" w:rsidRDefault="00156FB3" w:rsidP="00156FB3">
            <w:r>
              <w:t xml:space="preserve">                tooltips();</w:t>
            </w:r>
          </w:p>
          <w:p w:rsidR="00156FB3" w:rsidRDefault="00156FB3" w:rsidP="00156FB3">
            <w:r>
              <w:t xml:space="preserve">            }</w:t>
            </w:r>
          </w:p>
          <w:p w:rsidR="00156FB3" w:rsidRDefault="00156FB3" w:rsidP="00156FB3"/>
          <w:p w:rsidR="00156FB3" w:rsidRDefault="00156FB3" w:rsidP="00156FB3">
            <w:r>
              <w:t xml:space="preserve">            aria();</w:t>
            </w:r>
          </w:p>
          <w:p w:rsidR="00156FB3" w:rsidRDefault="00156FB3" w:rsidP="00156FB3">
            <w:r>
              <w:t xml:space="preserve">        }</w:t>
            </w:r>
          </w:p>
          <w:p w:rsidR="00156FB3" w:rsidRDefault="00156FB3" w:rsidP="00156FB3"/>
          <w:p w:rsidR="00156FB3" w:rsidRDefault="00156FB3" w:rsidP="00156FB3">
            <w:r>
              <w:t xml:space="preserve">        setupSlider();</w:t>
            </w:r>
          </w:p>
          <w:p w:rsidR="00156FB3" w:rsidRDefault="00156FB3" w:rsidP="00156FB3"/>
          <w:p w:rsidR="00156FB3" w:rsidRDefault="00156FB3" w:rsidP="00156FB3">
            <w:r>
              <w:t xml:space="preserve">        // noinspection JSUnusedGlobalSymbols</w:t>
            </w:r>
          </w:p>
          <w:p w:rsidR="00156FB3" w:rsidRDefault="00156FB3" w:rsidP="00156FB3">
            <w:r>
              <w:t xml:space="preserve">        scope_Self = {</w:t>
            </w:r>
          </w:p>
          <w:p w:rsidR="00156FB3" w:rsidRDefault="00156FB3" w:rsidP="00156FB3">
            <w:r>
              <w:t xml:space="preserve">            destroy: destroy,</w:t>
            </w:r>
          </w:p>
          <w:p w:rsidR="00156FB3" w:rsidRDefault="00156FB3" w:rsidP="00156FB3">
            <w:r>
              <w:t xml:space="preserve">            steps: getNextSteps,</w:t>
            </w:r>
          </w:p>
          <w:p w:rsidR="00156FB3" w:rsidRDefault="00156FB3" w:rsidP="00156FB3">
            <w:r>
              <w:t xml:space="preserve">            on: bindEvent,</w:t>
            </w:r>
          </w:p>
          <w:p w:rsidR="00156FB3" w:rsidRDefault="00156FB3" w:rsidP="00156FB3">
            <w:r>
              <w:t xml:space="preserve">            off: removeEvent,</w:t>
            </w:r>
          </w:p>
          <w:p w:rsidR="00156FB3" w:rsidRDefault="00156FB3" w:rsidP="00156FB3">
            <w:r>
              <w:t xml:space="preserve">            get: valueGet,</w:t>
            </w:r>
          </w:p>
          <w:p w:rsidR="00156FB3" w:rsidRDefault="00156FB3" w:rsidP="00156FB3">
            <w:r>
              <w:t xml:space="preserve">            set: valueSet,</w:t>
            </w:r>
          </w:p>
          <w:p w:rsidR="00156FB3" w:rsidRDefault="00156FB3" w:rsidP="00156FB3">
            <w:r>
              <w:lastRenderedPageBreak/>
              <w:t xml:space="preserve">            setHandle: valueSetHandle,</w:t>
            </w:r>
          </w:p>
          <w:p w:rsidR="00156FB3" w:rsidRDefault="00156FB3" w:rsidP="00156FB3">
            <w:r>
              <w:t xml:space="preserve">            reset: valueReset,</w:t>
            </w:r>
          </w:p>
          <w:p w:rsidR="00156FB3" w:rsidRDefault="00156FB3" w:rsidP="00156FB3">
            <w:r>
              <w:t xml:space="preserve">            // Exposed for unit testing, don't use this in your application.</w:t>
            </w:r>
          </w:p>
          <w:p w:rsidR="00156FB3" w:rsidRDefault="00156FB3" w:rsidP="00156FB3">
            <w:r>
              <w:t xml:space="preserve">            __moveHandles: function(a, b, c) {</w:t>
            </w:r>
          </w:p>
          <w:p w:rsidR="00156FB3" w:rsidRDefault="00156FB3" w:rsidP="00156FB3">
            <w:r>
              <w:t xml:space="preserve">                moveHandles(a, b, scope_Locations, c);</w:t>
            </w:r>
          </w:p>
          <w:p w:rsidR="00156FB3" w:rsidRDefault="00156FB3" w:rsidP="00156FB3">
            <w:r>
              <w:t xml:space="preserve">            },</w:t>
            </w:r>
          </w:p>
          <w:p w:rsidR="00156FB3" w:rsidRDefault="00156FB3" w:rsidP="00156FB3">
            <w:r>
              <w:t xml:space="preserve">            options: originalOptions, // Issue #600, #678</w:t>
            </w:r>
          </w:p>
          <w:p w:rsidR="00156FB3" w:rsidRDefault="00156FB3" w:rsidP="00156FB3">
            <w:r>
              <w:t xml:space="preserve">            updateOptions: updateOptions,</w:t>
            </w:r>
          </w:p>
          <w:p w:rsidR="00156FB3" w:rsidRDefault="00156FB3" w:rsidP="00156FB3">
            <w:r>
              <w:t xml:space="preserve">            target: scope_Target, // Issue #597</w:t>
            </w:r>
          </w:p>
          <w:p w:rsidR="00156FB3" w:rsidRDefault="00156FB3" w:rsidP="00156FB3">
            <w:r>
              <w:t xml:space="preserve">            removePips: removePips,</w:t>
            </w:r>
          </w:p>
          <w:p w:rsidR="00156FB3" w:rsidRDefault="00156FB3" w:rsidP="00156FB3">
            <w:r>
              <w:t xml:space="preserve">            removeTooltips: removeTooltips,</w:t>
            </w:r>
          </w:p>
          <w:p w:rsidR="00156FB3" w:rsidRDefault="00156FB3" w:rsidP="00156FB3">
            <w:r>
              <w:t xml:space="preserve">            pips: pips // Issue #594</w:t>
            </w:r>
          </w:p>
          <w:p w:rsidR="00156FB3" w:rsidRDefault="00156FB3" w:rsidP="00156FB3">
            <w:r>
              <w:t xml:space="preserve">        };</w:t>
            </w:r>
          </w:p>
          <w:p w:rsidR="00156FB3" w:rsidRDefault="00156FB3" w:rsidP="00156FB3"/>
          <w:p w:rsidR="00156FB3" w:rsidRDefault="00156FB3" w:rsidP="00156FB3">
            <w:r>
              <w:t xml:space="preserve">        return scope_Self;</w:t>
            </w:r>
          </w:p>
          <w:p w:rsidR="00156FB3" w:rsidRDefault="00156FB3" w:rsidP="00156FB3">
            <w:r>
              <w:t xml:space="preserve">    }</w:t>
            </w:r>
          </w:p>
          <w:p w:rsidR="00156FB3" w:rsidRDefault="00156FB3" w:rsidP="00156FB3"/>
          <w:p w:rsidR="00156FB3" w:rsidRDefault="00156FB3" w:rsidP="00156FB3">
            <w:r>
              <w:t xml:space="preserve">    // Run the standard initializer</w:t>
            </w:r>
          </w:p>
          <w:p w:rsidR="00156FB3" w:rsidRDefault="00156FB3" w:rsidP="00156FB3">
            <w:r>
              <w:t xml:space="preserve">    function initialize(target, originalOptions) {</w:t>
            </w:r>
          </w:p>
          <w:p w:rsidR="00156FB3" w:rsidRDefault="00156FB3" w:rsidP="00156FB3">
            <w:r>
              <w:t xml:space="preserve">        if (!target || !target.nodeName) {</w:t>
            </w:r>
          </w:p>
          <w:p w:rsidR="00156FB3" w:rsidRDefault="00156FB3" w:rsidP="00156FB3">
            <w:r>
              <w:t xml:space="preserve">            throw new Error("noUiSlider (" + VERSION + "): create requires a single element, got: " + target);</w:t>
            </w:r>
          </w:p>
          <w:p w:rsidR="00156FB3" w:rsidRDefault="00156FB3" w:rsidP="00156FB3">
            <w:r>
              <w:t xml:space="preserve">        }</w:t>
            </w:r>
          </w:p>
          <w:p w:rsidR="00156FB3" w:rsidRDefault="00156FB3" w:rsidP="00156FB3"/>
          <w:p w:rsidR="00156FB3" w:rsidRDefault="00156FB3" w:rsidP="00156FB3">
            <w:r>
              <w:t xml:space="preserve">        // Throw an error if the slider was already initialized.</w:t>
            </w:r>
          </w:p>
          <w:p w:rsidR="00156FB3" w:rsidRDefault="00156FB3" w:rsidP="00156FB3">
            <w:r>
              <w:t xml:space="preserve">        if (target.noUiSlider) {</w:t>
            </w:r>
          </w:p>
          <w:p w:rsidR="00156FB3" w:rsidRDefault="00156FB3" w:rsidP="00156FB3">
            <w:r>
              <w:t xml:space="preserve">            throw new Error("noUiSlider (" + VERSION + "): Slider was already initialized.");</w:t>
            </w:r>
          </w:p>
          <w:p w:rsidR="00156FB3" w:rsidRDefault="00156FB3" w:rsidP="00156FB3">
            <w:r>
              <w:t xml:space="preserve">        }</w:t>
            </w:r>
          </w:p>
          <w:p w:rsidR="00156FB3" w:rsidRDefault="00156FB3" w:rsidP="00156FB3"/>
          <w:p w:rsidR="00156FB3" w:rsidRDefault="00156FB3" w:rsidP="00156FB3">
            <w:r>
              <w:t xml:space="preserve">        // Test the options and create the slider environment;</w:t>
            </w:r>
          </w:p>
          <w:p w:rsidR="00156FB3" w:rsidRDefault="00156FB3" w:rsidP="00156FB3">
            <w:r>
              <w:t xml:space="preserve">        var options = testOptions(originalOptions, target);</w:t>
            </w:r>
          </w:p>
          <w:p w:rsidR="00156FB3" w:rsidRDefault="00156FB3" w:rsidP="00156FB3">
            <w:r>
              <w:t xml:space="preserve">        var api = scope(target, options, originalOptions);</w:t>
            </w:r>
          </w:p>
          <w:p w:rsidR="00156FB3" w:rsidRDefault="00156FB3" w:rsidP="00156FB3"/>
          <w:p w:rsidR="00156FB3" w:rsidRDefault="00156FB3" w:rsidP="00156FB3">
            <w:r>
              <w:t xml:space="preserve">        target.noUiSlider = api;</w:t>
            </w:r>
          </w:p>
          <w:p w:rsidR="00156FB3" w:rsidRDefault="00156FB3" w:rsidP="00156FB3"/>
          <w:p w:rsidR="00156FB3" w:rsidRDefault="00156FB3" w:rsidP="00156FB3">
            <w:r>
              <w:t xml:space="preserve">        return api;</w:t>
            </w:r>
          </w:p>
          <w:p w:rsidR="00156FB3" w:rsidRDefault="00156FB3" w:rsidP="00156FB3">
            <w:r>
              <w:t xml:space="preserve">    }</w:t>
            </w:r>
          </w:p>
          <w:p w:rsidR="00156FB3" w:rsidRDefault="00156FB3" w:rsidP="00156FB3"/>
          <w:p w:rsidR="00156FB3" w:rsidRDefault="00156FB3" w:rsidP="00156FB3">
            <w:r>
              <w:t xml:space="preserve">    // Use an object instead of a function for future expandability;</w:t>
            </w:r>
          </w:p>
          <w:p w:rsidR="00156FB3" w:rsidRDefault="00156FB3" w:rsidP="00156FB3">
            <w:r>
              <w:t xml:space="preserve">    return {</w:t>
            </w:r>
          </w:p>
          <w:p w:rsidR="00156FB3" w:rsidRDefault="00156FB3" w:rsidP="00156FB3">
            <w:r>
              <w:t xml:space="preserve">        // Exposed for unit testing, don't use this in your application.</w:t>
            </w:r>
          </w:p>
          <w:p w:rsidR="00156FB3" w:rsidRDefault="00156FB3" w:rsidP="00156FB3">
            <w:r>
              <w:t xml:space="preserve">        __spectrum: Spectrum,</w:t>
            </w:r>
          </w:p>
          <w:p w:rsidR="00156FB3" w:rsidRDefault="00156FB3" w:rsidP="00156FB3">
            <w:r>
              <w:t xml:space="preserve">        version: VERSION,</w:t>
            </w:r>
          </w:p>
          <w:p w:rsidR="00156FB3" w:rsidRDefault="00156FB3" w:rsidP="00156FB3">
            <w:r>
              <w:t xml:space="preserve">        create: initialize</w:t>
            </w:r>
          </w:p>
          <w:p w:rsidR="00156FB3" w:rsidRDefault="00156FB3" w:rsidP="00156FB3">
            <w:r>
              <w:t xml:space="preserve">    };</w:t>
            </w:r>
          </w:p>
          <w:p w:rsidR="0048012D" w:rsidRDefault="00156FB3" w:rsidP="00156FB3">
            <w:r>
              <w:t>});</w:t>
            </w:r>
          </w:p>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Popper.js</w:t>
            </w:r>
          </w:p>
        </w:tc>
      </w:tr>
      <w:tr w:rsidR="0048012D" w:rsidTr="0048012D">
        <w:tc>
          <w:tcPr>
            <w:tcW w:w="9576" w:type="dxa"/>
          </w:tcPr>
          <w:p w:rsidR="00156FB3" w:rsidRDefault="00156FB3" w:rsidP="00156FB3">
            <w:r>
              <w:t>/*</w:t>
            </w:r>
          </w:p>
          <w:p w:rsidR="00156FB3" w:rsidRDefault="00156FB3" w:rsidP="00156FB3">
            <w:r>
              <w:t xml:space="preserve"> Copyright (C) Federico Zivolo 2019</w:t>
            </w:r>
          </w:p>
          <w:p w:rsidR="00156FB3" w:rsidRDefault="00156FB3" w:rsidP="00156FB3">
            <w:r>
              <w:t xml:space="preserve"> Distributed under the MIT License (license terms are at http://opensource.org/licenses/MIT).</w:t>
            </w:r>
          </w:p>
          <w:p w:rsidR="00156FB3" w:rsidRDefault="00156FB3" w:rsidP="00156FB3">
            <w:r>
              <w:t xml:space="preserve"> */(function(e,t){'object'==typeof exports&amp;&amp;'undefined'!=typeof module?module.exports=t():'function'==typeof define&amp;&amp;define.amd?define(t):e.Popper=t()})(this,function(){'use strict';function e(e){return e&amp;&amp;'[object Function]'==={}.toString.call(e)}function t(e,t){if(1!==e.nodeType)return[];var o=e.ownerDocument.defaultView,n=o.getComputedStyle(e,null);return t?n[t]:n}function o(e){return'HTML'===e.nodeName?e:e.parentNode||e.host}function n(e){if(!e)return document.body;switch(e.nodeName){case'HTML':case'BODY':return e.ownerDocument.body;case'#document':return e.body;}var i=t(e),r=i.overflow,p=i.overflowX,s=i.overflowY;return /(auto|scroll|overlay)/.test(r+s+p)?e:n(o(e))}function r(e){return 11===e?pe:10===e?se:pe||se}function p(e){if(!e)return document.documentElement;for(var o=r(10)?document.body:null,n=e.offsetParent||null;n===o&amp;&amp;e.nextElementSibling;)n=(e=e.nextElementSibling).offsetParent;var i=n&amp;&amp;n.nodeName;return i&amp;&amp;'BODY'!==i&amp;&amp;'HTML'!==i?-1!==['TH','TD','TABLE'].indexOf(n.nodeName)&amp;&amp;'static'===t(n,'position')?p(n):n:e?e.ownerDocument.documentElement:document.documentElement}function s(e){var t=e.nodeName;return'BODY'!==t&amp;&amp;('HTML'===t||p(e.firstElementChild)===e)}function d(e){return null===e.parentNode?e:d(e.parentNode)}function a(e,t){if(!e||!e.nodeType||!t||!t.nodeType)return document.documentElement;var o=e.compareDocumentPosition(t)&amp;Node.DOCUMENT_POSITION_FOLLOWING,n=o?e:t,i=o?t:e,r=document.createRange();r.setStart(n,0),r.setEnd(i,0);var l=r.commonAncestorContainer;if(e!==l&amp;&amp;t!==l||n.contains(i))return s(l)?l:p(l);var f=d(e);return f.host?a(f.host,t):a(e,d(t).host)}function l(e){var t=1&lt;arguments.length&amp;&amp;void 0!==arguments[1]?arguments[1]:'top',o='top'===t?'scrollTop':'scrollLeft',n=e.nodeName;if('BODY'===n||'HTML'===n){var i=e.ownerDocument.documentElement,r=e.ownerDocument.scrollingElement||i;return r[o]}return e[o]}function f(e,t){var o=2&lt;arguments.length&amp;&amp;void 0!==arguments[2]&amp;&amp;arguments[2],n=l(t,'top'),i=l(t,'left'),r=o?-1:1;return e.top+=n*r,e.bottom+=n*r,e.left+=i*r,e.right+=i*r,e}function m(e,t){var o='x'===t?'Left':'Top',n='Left'==o?'Right':'Bottom';return parseFloat(e['border'+o+'Width'],10)+parseFloat(e['border'+n+'Width'],10)}function h(e,t,o,n){return ee(t['offset'+e],t['scroll'+e],o['client'+e],o['offset'+e],o['scroll'+e],r(10)?parseInt(o['offset'+e])+parseInt(n['margin'+('Height'===e?'Top':'Left')])+parseInt(n['margin'+('Height'===e?'Bottom':'Right')]):0)}function c(e){var t=e.body,o=e.documentElement,n=r(10)&amp;&amp;getComputedStyle(o);return{height:h('Height',t,o,n),width:h('Width',t,o,n)}}function g(e){return fe({},e,{right:e.left+e.width,bottom:e.top+e.height})}function u(e){var o={};try{if(r(10)){o=e.getBoundingClientRect();var n=l(e,'top'),i=l(e,'left');o.top+=n,o.left+=i,o.bottom+=n,o.right+=i}else o=e.getBoundingClientRect()}catch(t){}var p={left:o.left,top:o.top,width:o.right-o.left,height:o.bottom-o.top},s='HTML'===e.nodeName?c(e.ownerDocument):{},d=s.width||e.clientWidth||p.right-p.left,a=s.height||e.clientHeight||p.bottom-p.top,f=e.offsetWidth-d,h=e.offsetHeight-a;if(f||h){var u=t(e);f-=m(u,'x'),h-=m(u,'y'),p.width-=f,p.height-=h}return g(p)}function b(e,o){var i=2&lt;arguments.length&amp;&amp;void </w:t>
            </w:r>
            <w:r>
              <w:lastRenderedPageBreak/>
              <w:t>0!==arguments[2]&amp;&amp;arguments[2],p=r(10),s='HTML'===o.nodeName,d=u(e),a=u(o),l=n(e),m=t(o),h=parseFloat(m.borderTopWidth,10),c=parseFloat(m.borderLeftWidth,10);i&amp;&amp;s&amp;&amp;(a.top=ee(a.top,0),a.left=ee(a.left,0));var b=g({top:d.top-a.top-h,left:d.left-a.left-c,width:d.width,height:d.height});if(b.marginTop=0,b.marginLeft=0,!p&amp;&amp;s){var w=parseFloat(m.marginTop,10),y=parseFloat(m.marginLeft,10);b.top-=h-w,b.bottom-=h-w,b.left-=c-y,b.right-=c-y,b.marginTop=w,b.marginLeft=y}return(p&amp;&amp;!i?o.contains(l):o===l&amp;&amp;'BODY'!==l.nodeName)&amp;&amp;(b=f(b,o)),b}function w(e){var t=1&lt;arguments.length&amp;&amp;void 0!==arguments[1]&amp;&amp;arguments[1],o=e.ownerDocument.documentElement,n=b(e,o),i=ee(o.clientWidth,window.innerWidth||0),r=ee(o.clientHeight,window.innerHeight||0),p=t?0:l(o),s=t?0:l(o,'left'),d={top:p-n.top+n.marginTop,left:s-n.left+n.marginLeft,width:i,height:r};return g(d)}function y(e){var n=e.nodeName;if('BODY'===n||'HTML'===n)return!1;if('fixed'===t(e,'position'))return!0;var i=o(e);return!!i&amp;&amp;y(i)}function E(e){if(!e||!e.parentElement||r())return document.documentElement;for(var o=e.parentElement;o&amp;&amp;'none'===t(o,'transform');)o=o.parentElement;return o||document.documentElement}function v(e,t,i,r){var p=4&lt;arguments.length&amp;&amp;void 0!==arguments[4]&amp;&amp;arguments[4],s={top:0,left:0},d=p?E(e):a(e,t);if('viewport'===r)s=w(d,p);else{var l;'scrollParent'===r?(l=n(o(t)),'BODY'===l.nodeName&amp;&amp;(l=e.ownerDocument.documentElement)):'window'===r?l=e.ownerDocument.documentElement:l=r;var f=b(l,d,p);if('HTML'===l.nodeName&amp;&amp;!y(d)){var m=c(e.ownerDocument),h=m.height,g=m.width;s.top+=f.top-f.marginTop,s.bottom=h+f.top,s.left+=f.left-f.marginLeft,s.right=g+f.left}else s=f}i=i||0;var u='number'==typeof i;return s.left+=u?i:i.left||0,s.top+=u?i:i.top||0,s.right-=u?i:i.right||0,s.bottom-=u?i:i.bottom||0,s}function x(e){var t=e.width,o=e.height;return t*o}function O(e,t,o,n,i){var r=5&lt;arguments.length&amp;&amp;void 0!==arguments[5]?arguments[5]:0;if(-1===e.indexOf('auto'))return e;var p=v(o,n,r,i),s={top:{width:p.width,height:t.top-p.top},right:{width:p.right-t.right,height:p.height},bottom:{width:p.width,height:p.bottom-t.bottom},left:{width:t.left-p.left,height:p.height}},d=Object.keys(s).map(function(e){return fe({key:e},s[e],{area:x(s[e])})}).sort(function(e,t){return t.area-e.area}),a=d.filter(function(e){var t=e.width,n=e.height;return t&gt;=o.clientWidth&amp;&amp;n&gt;=o.clientHeight}),l=0&lt;a.length?a[0].key:d[0].key,f=e.split('-')[1];return l+(f?'-'+f:'')}function L(e,t,o){var n=3&lt;arguments.length&amp;&amp;void 0!==arguments[3]?arguments[3]:null,i=n?E(t):a(t,o);return b(o,i,n)}function S(e){var t=e.ownerDocument.defaultView,o=t.getComputedStyle(e),n=parseFloat(o.marginTop||0)+parseFloat(o.marginBottom||0),i=parseFloat(o.marginLeft||0)+parseFloat(o.marginRight||0),r={width:e.offsetWidth+i,height:e.offsetHeight+n};return r}function T(e){var t={left:'right',right:'left',bottom:'top',top:'bottom'};return e.replace(/left|right|bottom|top/g,function(e){return t[e]})}function D(e,t,o){o=o.split('-')[0];var n=S(e),i={width:n.width,height:n.height},r=-1!==['right','left'].indexOf(o),p=r?'top':'left',s=r?'left':'top',d=r?'height':'width',a=r?'width':'height';return i[p]=t[p]+t[d]/2-n[d]/2,i[s]=o===s?t[s]-n[a]:t[T(s)],i}function C(e,t){return Array.prototype.find?e.find(t):e.filter(t)[0]}function N(e,t,o){if(Array.prototype.findIndex)return e.findIndex(function(e){return e[t]===o});var n=C(e,function(e){return e[t]===o});return e.indexOf(n)}function P(t,o,n){var i=void 0===n?t:t.slice(0,N(t,'name',n));return i.forEach(function(t){t['function']&amp;&amp;console.warn('`modifier.function` is deprecated, use `modifier.fn`!');var n=t['function']||t.fn;t.enabled&amp;&amp;e(n)&amp;&amp;(o.offsets.popper=g(o.offsets.popper),o.offsets.reference=g(o.offsets.reference),o=n(o,t))}),o}function k(){if(!this.state.isDestroyed){var e={instance:this,styles:{},arrowStyles:{},attributes:{},flipped:!1,offsets:{}};e.offsets.reference=L(this.state</w:t>
            </w:r>
            <w:r>
              <w:lastRenderedPageBreak/>
              <w:t>,this.popper,this.reference,this.options.positionFixed),e.placement=O(this.options.placement,e.offsets.reference,this.popper,this.reference,this.options.modifiers.flip.boundariesElement,this.options.modifiers.flip.padding),e.originalPlacement=e.placement,e.positionFixed=this.options.positionFixed,e.offsets.popper=D(this.popper,e.offsets.reference,e.placement),e.offsets.popper.position=this.options.positionFixed?'fixed':'absolute',e=P(this.modifiers,e),this.state.isCreated?this.options.onUpdate(e):(this.state.isCreated=!0,this.options.onCreate(e))}}function W(e,t){return e.some(function(e){var o=e.name,n=e.enabled;return n&amp;&amp;o===t})}function H(e){for(var t=[!1,'ms','Webkit','Moz','O'],o=e.charAt(0).toUpperCase()+e.slice(1),n=0;n&lt;t.length;n++){var i=t[n],r=i?''+i+o:e;if('undefined'!=typeof document.body.style[r])return r}return null}function B(){return this.state.isDestroyed=!0,W(this.modifiers,'applyStyle')&amp;&amp;(this.popper.removeAttribute('x-placement'),this.popper.style.position='',this.popper.style.top='',this.popper.style.left='',this.popper.style.right='',this.popper.style.bottom='',this.popper.style.willChange='',this.popper.style[H('transform')]=''),this.disableEventListeners(),this.options.removeOnDestroy&amp;&amp;this.popper.parentNode.removeChild(this.popper),this}function A(e){var t=e.ownerDocument;return t?t.defaultView:window}function M(e,t,o,i){var r='BODY'===e.nodeName,p=r?e.ownerDocument.defaultView:e;p.addEventListener(t,o,{passive:!0}),r||M(n(p.parentNode),t,o,i),i.push(p)}function F(e,t,o,i){o.updateBound=i,A(e).addEventListener('resize',o.updateBound,{passive:!0});var r=n(e);return M(r,'scroll',o.updateBound,o.scrollParents),o.scrollElement=r,o.eventsEnabled=!0,o}function I(){this.state.eventsEnabled||(this.state=F(this.reference,this.options,this.state,this.scheduleUpdate))}function R(e,t){return A(e).removeEventListener('resize',t.updateBound),t.scrollParents.forEach(function(e){e.removeEventListener('scroll',t.updateBound)}),t.updateBound=null,t.scrollParents=[],t.scrollElement=null,t.eventsEnabled=!1,t}function U(){this.state.eventsEnabled&amp;&amp;(cancelAnimationFrame(this.scheduleUpdate),this.state=R(this.reference,this.state))}function Y(e){return''!==e&amp;&amp;!isNaN(parseFloat(e))&amp;&amp;isFinite(e)}function j(e,t){Object.keys(t).forEach(function(o){var n='';-1!==['width','height','top','right','bottom','left'].indexOf(o)&amp;&amp;Y(t[o])&amp;&amp;(n='px'),e.style[o]=t[o]+n})}function V(e,t){Object.keys(t).forEach(function(o){var n=t[o];!1===n?e.removeAttribute(o):e.setAttribute(o,t[o])})}function q(e,t){var o=e.offsets,n=o.popper,i=o.reference,r=$,p=function(e){return e},s=r(i.width),d=r(n.width),a=-1!==['left','right'].indexOf(e.placement),l=-1!==e.placement.indexOf('-'),f=t?a||l||s%2==d%2?r:Z:p,m=t?r:p;return{left:f(1==s%2&amp;&amp;1==d%2&amp;&amp;!l&amp;&amp;t?n.left-1:n.left),top:m(n.top),bottom:m(n.bottom),right:f(n.right)}}function K(e,t,o){var n=C(e,function(e){var o=e.name;return o===t}),i=!!n&amp;&amp;e.some(function(e){return e.name===o&amp;&amp;e.enabled&amp;&amp;e.order&lt;n.order});if(!i){var r='`'+t+'`';console.warn('`'+o+'`'+' modifier is required by '+r+' modifier in order to work, be sure to include it before '+r+'!')}return i}function z(e){return'end'===e?'start':'start'===e?'end':e}function G(e){var t=1&lt;arguments.length&amp;&amp;void 0!==arguments[1]&amp;&amp;arguments[1],o=ce.indexOf(e),n=ce.slice(o+1).concat(ce.slice(0,o));return t?n.reverse():n}function _(e,t,o,n){var i=e.match(/((?:\-|\+)?\d*\.?\d*)(.*)/),r=+i[1],p=i[2];if(!r)return e;if(0===p.indexOf('%')){var s;switch(p){case'%p':s=o;break;case'%':case'%r':default:s=n;}var d=g(s);return d[t]/100*r}if('vh'===p||'vw'===p){var a;return a='vh'===p?ee(document.documentElement.clientHeight,window.innerHeight||0):ee(document.documentElement.clientWidth,window.innerWidth||0),a/100*r}return r}function X(e,t,o,n){var i=[0,0],r=-1!==['right','left'].indexOf(n),p=e.split(/(\+|\-)/).map(function(e){return e.trim()}),s=p.indexOf(C(p,function(e){return-1!==e.search(/,|\s/)}));p[s]&amp;&amp;-1===p[s].indexOf(',')&amp;&amp;console.warn('Offsets separated by white space(s) are deprecated, use a comma (,) instead.');var d=/\s*,\s*|\s+/,a=-</w:t>
            </w:r>
            <w:r>
              <w:lastRenderedPageBreak/>
              <w:t>1===s?[p]:[p.slice(0,s).concat([p[s].split(d)[0]]),[p[s].split(d)[1]].concat(p.slice(s+1))];return a=a.map(function(e,n){var i=(1===n?!r:r)?'height':'width',p=!1;return e.reduce(function(e,t){return''===e[e.length-1]&amp;&amp;-1!==['+','-'].indexOf(t)?(e[e.length-1]=t,p=!0,e):p?(e[e.length-1]+=t,p=!1,e):e.concat(t)},[]).map(function(e){return _(e,i,t,o)})}),a.forEach(function(e,t){e.forEach(function(o,n){Y(o)&amp;&amp;(i[t]+=o*('-'===e[n-1]?-1:1))})}),i}function J(e,t){var o,n=t.offset,i=e.placement,r=e.offsets,p=r.popper,s=r.reference,d=i.split('-')[0];return o=Y(+n)?[+n,0]:X(n,p,s,d),'left'===d?(p.top+=o[0],p.left-=o[1]):'right'===d?(p.top+=o[0],p.left+=o[1]):'top'===d?(p.left+=o[0],p.top-=o[1]):'bottom'===d&amp;&amp;(p.left+=o[0],p.top+=o[1]),e.popper=p,e}for(var Q=Math.min,Z=Math.floor,$=Math.round,ee=Math.max,te='undefined'!=typeof window&amp;&amp;'undefined'!=typeof document,oe=['Edge','Trident','Firefox'],ne=0,ie=0;ie&lt;oe.length;ie+=1)if(te&amp;&amp;0&lt;=navigator.userAgent.indexOf(oe[ie])){ne=1;break}var i=te&amp;&amp;window.Promise,re=i?function(e){var t=!1;return function(){t||(t=!0,window.Promise.resolve().then(function(){t=!1,e()}))}}:function(e){var t=!1;return function(){t||(t=!0,setTimeout(function(){t=!1,e()},ne))}},pe=te&amp;&amp;!!(window.MSInputMethodContext&amp;&amp;document.documentMode),se=te&amp;&amp;/MSIE 10/.test(navigator.userAgent),de=function(e,t){if(!(e instanceof t))throw new TypeError('Cannot call a class as a function')},ae=function(){function e(e,t){for(var o,n=0;n&lt;t.length;n++)o=t[n],o.enumerable=o.enumerable||!1,o.configurable=!0,'value'in o&amp;&amp;(o.writable=!0),Object.defineProperty(e,o.key,o)}return function(t,o,n){return o&amp;&amp;e(t.prototype,o),n&amp;&amp;e(t,n),t}}(),le=function(e,t,o){return t in e?Object.defineProperty(e,t,{value:o,enumerable:!0,configurable:!0,writable:!0}):e[t]=o,e},fe=Object.assign||function(e){for(var t,o=1;o&lt;arguments.length;o++)for(var n in t=arguments[o],t)Object.prototype.hasOwnProperty.call(t,n)&amp;&amp;(e[n]=t[n]);return e},me=te&amp;&amp;/Firefox/i.test(navigator.userAgent),he=['auto-start','auto','auto-end','top-start','top','top-end','right-start','right','right-end','bottom-end','bottom','bottom-start','left-end','left','left-start'],ce=he.slice(3),ge={FLIP:'flip',CLOCKWISE:'clockwise',COUNTERCLOCKWISE:'counterclockwise'},ue=function(){function t(o,n){var i=this,r=2&lt;arguments.length&amp;&amp;void 0!==arguments[2]?arguments[2]:{};de(this,t),this.scheduleUpdate=function(){return requestAnimationFrame(i.update)},this.update=re(this.update.bind(this)),this.options=fe({},t.Defaults,r),this.state={isDestroyed:!1,isCreated:!1,scrollParents:[]},this.reference=o&amp;&amp;o.jquery?o[0]:o,this.popper=n&amp;&amp;n.jquery?n[0]:n,this.options.modifiers={},Object.keys(fe({},t.Defaults.modifiers,r.modifiers)).forEach(function(e){i.options.modifiers[e]=fe({},t.Defaults.modifiers[e]||{},r.modifiers?r.modifiers[e]:{})}),this.modifiers=Object.keys(this.options.modifiers).map(function(e){return fe({name:e},i.options.modifiers[e])}).sort(function(e,t){return e.order-t.order}),this.modifiers.forEach(function(t){t.enabled&amp;&amp;e(t.onLoad)&amp;&amp;t.onLoad(i.reference,i.popper,i.options,t,i.state)}),this.update();var p=this.options.eventsEnabled;p&amp;&amp;this.enableEventListeners(),this.state.eventsEnabled=p}return ae(t,[{key:'update',value:function(){return k.call(this)}},{key:'destroy',value:function(){return B.call(this)}},{key:'enableEventListeners',value:function(){return I.call(this)}},{key:'disableEventListeners',value:function(){return U.call(this)}}]),t}();return ue.Utils=('undefined'==typeof window?global:window).PopperUtils,ue.placements=he,ue.Defaults={placement:'bottom',positionFixed:!1,eventsEnabled:!0,removeOnDestroy:!1,onCreate:function(){},onUpdate:function(){},modifiers:{shift:{order:100,enabled:!0,fn:function(e){var t=e.placement,o=t.split('-')[0],n=t.split('-')[1];if(n){var i=e.offsets,r=i.reference,p=i.popper,s=-1!==['bottom','top'].indexOf(o),d=s?'left':'top',a=s?'width':'height',l={start:le({},d,r[d]),end:le({},d,r[d]+r[a]-p[a])};e.offsets.popper=fe({},p,l[n])}return e}},offset:{order:200,enabled:!0,fn:J,offset:0},preventOverflow:{order:300,enabled:!0,fn:function(e,t){va</w:t>
            </w:r>
            <w:r>
              <w:lastRenderedPageBreak/>
              <w:t xml:space="preserve">r o=t.boundariesElement||p(e.instance.popper);e.instance.reference===o&amp;&amp;(o=p(o));var n=H('transform'),i=e.instance.popper.style,r=i.top,s=i.left,d=i[n];i.top='',i.left='',i[n]='';var a=v(e.instance.popper,e.instance.reference,t.padding,o,e.positionFixed);i.top=r,i.left=s,i[n]=d,t.boundaries=a;var l=t.priority,f=e.offsets.popper,m={primary:function(e){var o=f[e];return f[e]&lt;a[e]&amp;&amp;!t.escapeWithReference&amp;&amp;(o=ee(f[e],a[e])),le({},e,o)},secondary:function(e){var o='right'===e?'left':'top',n=f[o];return f[e]&gt;a[e]&amp;&amp;!t.escapeWithReference&amp;&amp;(n=Q(f[o],a[e]-('right'===e?f.width:f.height))),le({},o,n)}};return l.forEach(function(e){var t=-1===['left','top'].indexOf(e)?'secondary':'primary';f=fe({},f,m[t](e))}),e.offsets.popper=f,e},priority:['left','right','top','bottom'],padding:5,boundariesElement:'scrollParent'},keepTogether:{order:400,enabled:!0,fn:function(e){var t=e.offsets,o=t.popper,n=t.reference,i=e.placement.split('-')[0],r=Z,p=-1!==['top','bottom'].indexOf(i),s=p?'right':'bottom',d=p?'left':'top',a=p?'width':'height';return o[s]&lt;r(n[d])&amp;&amp;(e.offsets.popper[d]=r(n[d])-o[a]),o[d]&gt;r(n[s])&amp;&amp;(e.offsets.popper[d]=r(n[s])),e}},arrow:{order:500,enabled:!0,fn:function(e,o){var n;if(!K(e.instance.modifiers,'arrow','keepTogether'))return e;var i=o.element;if('string'==typeof i){if(i=e.instance.popper.querySelector(i),!i)return e;}else if(!e.instance.popper.contains(i))return console.warn('WARNING: `arrow.element` must be child of its popper element!'),e;var r=e.placement.split('-')[0],p=e.offsets,s=p.popper,d=p.reference,a=-1!==['left','right'].indexOf(r),l=a?'height':'width',f=a?'Top':'Left',m=f.toLowerCase(),h=a?'left':'top',c=a?'bottom':'right',u=S(i)[l];d[c]-u&lt;s[m]&amp;&amp;(e.offsets.popper[m]-=s[m]-(d[c]-u)),d[m]+u&gt;s[c]&amp;&amp;(e.offsets.popper[m]+=d[m]+u-s[c]),e.offsets.popper=g(e.offsets.popper);var b=d[m]+d[l]/2-u/2,w=t(e.instance.popper),y=parseFloat(w['margin'+f],10),E=parseFloat(w['border'+f+'Width'],10),v=b-e.offsets.popper[m]-y-E;return v=ee(Q(s[l]-u,v),0),e.arrowElement=i,e.offsets.arrow=(n={},le(n,m,$(v)),le(n,h,''),n),e},element:'[x-arrow]'},flip:{order:600,enabled:!0,fn:function(e,t){if(W(e.instance.modifiers,'inner'))return e;if(e.flipped&amp;&amp;e.placement===e.originalPlacement)return e;var o=v(e.instance.popper,e.instance.reference,t.padding,t.boundariesElement,e.positionFixed),n=e.placement.split('-')[0],i=T(n),r=e.placement.split('-')[1]||'',p=[];switch(t.behavior){case ge.FLIP:p=[n,i];break;case ge.CLOCKWISE:p=G(n);break;case ge.COUNTERCLOCKWISE:p=G(n,!0);break;default:p=t.behavior;}return p.forEach(function(s,d){if(n!==s||p.length===d+1)return e;n=e.placement.split('-')[0],i=T(n);var a=e.offsets.popper,l=e.offsets.reference,f=Z,m='left'===n&amp;&amp;f(a.right)&gt;f(l.left)||'right'===n&amp;&amp;f(a.left)&lt;f(l.right)||'top'===n&amp;&amp;f(a.bottom)&gt;f(l.top)||'bottom'===n&amp;&amp;f(a.top)&lt;f(l.bottom),h=f(a.left)&lt;f(o.left),c=f(a.right)&gt;f(o.right),g=f(a.top)&lt;f(o.top),u=f(a.bottom)&gt;f(o.bottom),b='left'===n&amp;&amp;h||'right'===n&amp;&amp;c||'top'===n&amp;&amp;g||'bottom'===n&amp;&amp;u,w=-1!==['top','bottom'].indexOf(n),y=!!t.flipVariations&amp;&amp;(w&amp;&amp;'start'===r&amp;&amp;h||w&amp;&amp;'end'===r&amp;&amp;c||!w&amp;&amp;'start'===r&amp;&amp;g||!w&amp;&amp;'end'===r&amp;&amp;u);(m||b||y)&amp;&amp;(e.flipped=!0,(m||b)&amp;&amp;(n=p[d+1]),y&amp;&amp;(r=z(r)),e.placement=n+(r?'-'+r:''),e.offsets.popper=fe({},e.offsets.popper,D(e.instance.popper,e.offsets.reference,e.placement)),e=P(e.instance.modifiers,e,'flip'))}),e},behavior:'flip',padding:5,boundariesElement:'viewport'},inner:{order:700,enabled:!1,fn:function(e){var t=e.placement,o=t.split('-')[0],n=e.offsets,i=n.popper,r=n.reference,p=-1!==['left','right'].indexOf(o),s=-1===['top','left'].indexOf(o);return i[p?'left':'top']=r[o]-(s?i[p?'width':'height']:0),e.placement=T(t),e.offsets.popper=g(i),e}},hide:{order:800,enabled:!0,fn:function(e){if(!K(e.instance.modifiers,'hide','preventOverflow'))return e;var t=e.offsets.reference,o=C(e.instance.modifiers,function(e){return'preventOverflow'===e.name}).boundaries;if(t.bottom&lt;o.top||t.left&gt;o.right||t.top&gt;o.bottom||t.right&lt;o.left){if(!0===e.hide)return e;e.hide=!0,e.attributes['x-out-of-boundaries']=''}else{if(!1===e.hide)return e;e.hide=!1,e.attributes['x-out-of-boundaries']=!1}return e}},computeStyle:{order:850,enabled:!0,fn:function(e,t){var </w:t>
            </w:r>
            <w:r>
              <w:lastRenderedPageBreak/>
              <w:t>o=t.x,n=t.y,i=e.offsets.popper,r=C(e.instance.modifiers,function(e){return'applyStyle'===e.name}).gpuAcceleration;void 0!==r&amp;&amp;console.warn('WARNING: `gpuAcceleration` option moved to `computeStyle` modifier and will not be supported in future versions of Popper.js!');var s,d,a=void 0===r?t.gpuAcceleration:r,l=p(e.instance.popper),f=u(l),m={position:i.position},h=q(e,2&gt;window.devicePixelRatio||!me),c='bottom'===o?'top':'bottom',g='right'===n?'left':'right',b=H('transform');if(d='bottom'==c?'HTML'===l.nodeName?-l.clientHeight+h.bottom:-f.height+h.bottom:h.top,s='right'==g?'HTML'===l.nodeName?-l.clientWidth+h.right:-f.width+h.right:h.left,a&amp;&amp;b)m[b]='translate3d('+s+'px, '+d+'px, 0)',m[c]=0,m[g]=0,m.willChange='transform';else{var w='bottom'==c?-1:1,y='right'==g?-1:1;m[c]=d*w,m[g]=s*y,m.willChange=c+', '+g}var E={"x-placement":e.placement};return e.attributes=fe({},E,e.attributes),e.styles=fe({},m,e.styles),e.arrowStyles=fe({},e.offsets.arrow,e.arrowStyles),e},gpuAcceleration:!0,x:'bottom',y:'right'},applyStyle:{order:900,enabled:!0,fn:function(e){return j(e.instance.popper,e.styles),V(e.instance.popper,e.attributes),e.arrowElement&amp;&amp;Object.keys(e.arrowStyles).length&amp;&amp;j(e.arrowElement,e.arrowStyles),e},onLoad:function(e,t,o,n,i){var r=L(i,t,e,o.positionFixed),p=O(o.placement,r,t,e,o.modifiers.flip.boundariesElement,o.modifiers.flip.padding);return t.setAttribute('x-placement',p),j(t,{position:o.positionFixed?'fixed':'absolute'}),o},gpuAcceleration:void 0}}},ue});</w:t>
            </w:r>
          </w:p>
          <w:p w:rsidR="0048012D" w:rsidRDefault="00156FB3" w:rsidP="00156FB3">
            <w:r>
              <w:t>//# sourceMappingURL=popper.min.js.map</w:t>
            </w:r>
          </w:p>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Selectize.js</w:t>
            </w:r>
          </w:p>
        </w:tc>
      </w:tr>
      <w:tr w:rsidR="0048012D" w:rsidTr="0048012D">
        <w:tc>
          <w:tcPr>
            <w:tcW w:w="9576" w:type="dxa"/>
          </w:tcPr>
          <w:p w:rsidR="00156FB3" w:rsidRDefault="00156FB3" w:rsidP="00156FB3">
            <w:r>
              <w:t>/**</w:t>
            </w:r>
          </w:p>
          <w:p w:rsidR="00156FB3" w:rsidRDefault="00156FB3" w:rsidP="00156FB3">
            <w:r>
              <w:t xml:space="preserve"> * sifter.js</w:t>
            </w:r>
          </w:p>
          <w:p w:rsidR="00156FB3" w:rsidRDefault="00156FB3" w:rsidP="00156FB3">
            <w:r>
              <w:t xml:space="preserve"> * Copyright (c) 2013 Brian Reavis &amp; contributors</w:t>
            </w:r>
          </w:p>
          <w:p w:rsidR="00156FB3" w:rsidRDefault="00156FB3" w:rsidP="00156FB3">
            <w:r>
              <w:t xml:space="preserve"> *</w:t>
            </w:r>
          </w:p>
          <w:p w:rsidR="00156FB3" w:rsidRDefault="00156FB3" w:rsidP="00156FB3">
            <w:r>
              <w:t xml:space="preserve"> * Licensed under the Apache License, Version 2.0 (the "License"); you may not use this</w:t>
            </w:r>
          </w:p>
          <w:p w:rsidR="00156FB3" w:rsidRDefault="00156FB3" w:rsidP="00156FB3">
            <w:r>
              <w:t xml:space="preserve"> * file except in compliance with the License. You may obtain a copy of the License at:</w:t>
            </w:r>
          </w:p>
          <w:p w:rsidR="00156FB3" w:rsidRDefault="00156FB3" w:rsidP="00156FB3">
            <w:r>
              <w:t xml:space="preserve"> * http://www.apache.org/licenses/LICENSE-2.0</w:t>
            </w:r>
          </w:p>
          <w:p w:rsidR="00156FB3" w:rsidRDefault="00156FB3" w:rsidP="00156FB3">
            <w:r>
              <w:t xml:space="preserve"> *</w:t>
            </w:r>
          </w:p>
          <w:p w:rsidR="00156FB3" w:rsidRDefault="00156FB3" w:rsidP="00156FB3">
            <w:r>
              <w:t xml:space="preserve"> * Unless required by applicable law or agreed to in writing, software distributed under</w:t>
            </w:r>
          </w:p>
          <w:p w:rsidR="00156FB3" w:rsidRDefault="00156FB3" w:rsidP="00156FB3">
            <w:r>
              <w:t xml:space="preserve"> * the License is distributed on an "AS IS" BASIS, WITHOUT WARRANTIES OR CONDITIONS OF</w:t>
            </w:r>
          </w:p>
          <w:p w:rsidR="00156FB3" w:rsidRDefault="00156FB3" w:rsidP="00156FB3">
            <w:r>
              <w:t xml:space="preserve"> * ANY KIND, either express or implied. See the License for the specific language</w:t>
            </w:r>
          </w:p>
          <w:p w:rsidR="00156FB3" w:rsidRDefault="00156FB3" w:rsidP="00156FB3">
            <w:r>
              <w:t xml:space="preserve"> * governing permissions and limitations under the License.</w:t>
            </w:r>
          </w:p>
          <w:p w:rsidR="00156FB3" w:rsidRDefault="00156FB3" w:rsidP="00156FB3">
            <w:r>
              <w:t xml:space="preserve"> *</w:t>
            </w:r>
          </w:p>
          <w:p w:rsidR="00156FB3" w:rsidRDefault="00156FB3" w:rsidP="00156FB3">
            <w:r>
              <w:t xml:space="preserve"> * @author Brian Reavis &lt;brian@thirdroute.com&gt;</w:t>
            </w:r>
          </w:p>
          <w:p w:rsidR="00156FB3" w:rsidRDefault="00156FB3" w:rsidP="00156FB3">
            <w:r>
              <w:t xml:space="preserve"> */</w:t>
            </w:r>
          </w:p>
          <w:p w:rsidR="00156FB3" w:rsidRDefault="00156FB3" w:rsidP="00156FB3"/>
          <w:p w:rsidR="00156FB3" w:rsidRDefault="00156FB3" w:rsidP="00156FB3">
            <w:r>
              <w:t>(function(root, factory) {</w:t>
            </w:r>
          </w:p>
          <w:p w:rsidR="00156FB3" w:rsidRDefault="00156FB3" w:rsidP="00156FB3">
            <w:r>
              <w:tab/>
              <w:t>if (typeof define === 'function' &amp;&amp; define.amd) {</w:t>
            </w:r>
          </w:p>
          <w:p w:rsidR="00156FB3" w:rsidRDefault="00156FB3" w:rsidP="00156FB3">
            <w:r>
              <w:tab/>
            </w:r>
            <w:r>
              <w:tab/>
              <w:t>define('sifter', factory);</w:t>
            </w:r>
          </w:p>
          <w:p w:rsidR="00156FB3" w:rsidRDefault="00156FB3" w:rsidP="00156FB3">
            <w:r>
              <w:tab/>
              <w:t>} else if (typeof exports === 'object') {</w:t>
            </w:r>
          </w:p>
          <w:p w:rsidR="00156FB3" w:rsidRDefault="00156FB3" w:rsidP="00156FB3">
            <w:r>
              <w:tab/>
            </w:r>
            <w:r>
              <w:tab/>
              <w:t>module.exports = factory();</w:t>
            </w:r>
          </w:p>
          <w:p w:rsidR="00156FB3" w:rsidRDefault="00156FB3" w:rsidP="00156FB3">
            <w:r>
              <w:tab/>
              <w:t>} else {</w:t>
            </w:r>
          </w:p>
          <w:p w:rsidR="00156FB3" w:rsidRDefault="00156FB3" w:rsidP="00156FB3">
            <w:r>
              <w:tab/>
            </w:r>
            <w:r>
              <w:tab/>
              <w:t>root.Sifter = factory();</w:t>
            </w:r>
          </w:p>
          <w:p w:rsidR="00156FB3" w:rsidRDefault="00156FB3" w:rsidP="00156FB3">
            <w:r>
              <w:tab/>
              <w:t>}</w:t>
            </w:r>
          </w:p>
          <w:p w:rsidR="00156FB3" w:rsidRDefault="00156FB3" w:rsidP="00156FB3">
            <w:r>
              <w:lastRenderedPageBreak/>
              <w:t>}(this, function() {</w:t>
            </w:r>
          </w:p>
          <w:p w:rsidR="00156FB3" w:rsidRDefault="00156FB3" w:rsidP="00156FB3"/>
          <w:p w:rsidR="00156FB3" w:rsidRDefault="00156FB3" w:rsidP="00156FB3">
            <w:r>
              <w:tab/>
              <w:t>/**</w:t>
            </w:r>
          </w:p>
          <w:p w:rsidR="00156FB3" w:rsidRDefault="00156FB3" w:rsidP="00156FB3">
            <w:r>
              <w:tab/>
              <w:t xml:space="preserve"> * Textually searches arrays and hashes of objects</w:t>
            </w:r>
          </w:p>
          <w:p w:rsidR="00156FB3" w:rsidRDefault="00156FB3" w:rsidP="00156FB3">
            <w:r>
              <w:tab/>
              <w:t xml:space="preserve"> * by property (or multiple properties). Designed</w:t>
            </w:r>
          </w:p>
          <w:p w:rsidR="00156FB3" w:rsidRDefault="00156FB3" w:rsidP="00156FB3">
            <w:r>
              <w:tab/>
              <w:t xml:space="preserve"> * specifically for autocomplete.</w:t>
            </w:r>
          </w:p>
          <w:p w:rsidR="00156FB3" w:rsidRDefault="00156FB3" w:rsidP="00156FB3">
            <w:r>
              <w:tab/>
              <w:t xml:space="preserve"> *</w:t>
            </w:r>
          </w:p>
          <w:p w:rsidR="00156FB3" w:rsidRDefault="00156FB3" w:rsidP="00156FB3">
            <w:r>
              <w:tab/>
              <w:t xml:space="preserve"> * @constructor</w:t>
            </w:r>
          </w:p>
          <w:p w:rsidR="00156FB3" w:rsidRDefault="00156FB3" w:rsidP="00156FB3">
            <w:r>
              <w:tab/>
              <w:t xml:space="preserve"> * @param {array|object} items</w:t>
            </w:r>
          </w:p>
          <w:p w:rsidR="00156FB3" w:rsidRDefault="00156FB3" w:rsidP="00156FB3">
            <w:r>
              <w:tab/>
              <w:t xml:space="preserve"> * @param {object} items</w:t>
            </w:r>
          </w:p>
          <w:p w:rsidR="00156FB3" w:rsidRDefault="00156FB3" w:rsidP="00156FB3">
            <w:r>
              <w:tab/>
              <w:t xml:space="preserve"> */</w:t>
            </w:r>
          </w:p>
          <w:p w:rsidR="00156FB3" w:rsidRDefault="00156FB3" w:rsidP="00156FB3">
            <w:r>
              <w:tab/>
              <w:t>var Sifter = function(items, settings) {</w:t>
            </w:r>
          </w:p>
          <w:p w:rsidR="00156FB3" w:rsidRDefault="00156FB3" w:rsidP="00156FB3">
            <w:r>
              <w:tab/>
            </w:r>
            <w:r>
              <w:tab/>
              <w:t>this.items = items;</w:t>
            </w:r>
          </w:p>
          <w:p w:rsidR="00156FB3" w:rsidRDefault="00156FB3" w:rsidP="00156FB3">
            <w:r>
              <w:tab/>
            </w:r>
            <w:r>
              <w:tab/>
              <w:t>this.settings = settings || {diacritics: true};</w:t>
            </w:r>
          </w:p>
          <w:p w:rsidR="00156FB3" w:rsidRDefault="00156FB3" w:rsidP="00156FB3">
            <w:r>
              <w:tab/>
              <w:t>};</w:t>
            </w:r>
          </w:p>
          <w:p w:rsidR="00156FB3" w:rsidRDefault="00156FB3" w:rsidP="00156FB3"/>
          <w:p w:rsidR="00156FB3" w:rsidRDefault="00156FB3" w:rsidP="00156FB3">
            <w:r>
              <w:tab/>
              <w:t>/**</w:t>
            </w:r>
          </w:p>
          <w:p w:rsidR="00156FB3" w:rsidRDefault="00156FB3" w:rsidP="00156FB3">
            <w:r>
              <w:tab/>
              <w:t xml:space="preserve"> * Splits a search string into an array of individual</w:t>
            </w:r>
          </w:p>
          <w:p w:rsidR="00156FB3" w:rsidRDefault="00156FB3" w:rsidP="00156FB3">
            <w:r>
              <w:tab/>
              <w:t xml:space="preserve"> * regexps to be used to match results.</w:t>
            </w:r>
          </w:p>
          <w:p w:rsidR="00156FB3" w:rsidRDefault="00156FB3" w:rsidP="00156FB3">
            <w:r>
              <w:tab/>
              <w:t xml:space="preserve"> *</w:t>
            </w:r>
          </w:p>
          <w:p w:rsidR="00156FB3" w:rsidRDefault="00156FB3" w:rsidP="00156FB3">
            <w:r>
              <w:tab/>
              <w:t xml:space="preserve"> * @param {string} query</w:t>
            </w:r>
          </w:p>
          <w:p w:rsidR="00156FB3" w:rsidRDefault="00156FB3" w:rsidP="00156FB3">
            <w:r>
              <w:tab/>
              <w:t xml:space="preserve"> * @returns {array}</w:t>
            </w:r>
          </w:p>
          <w:p w:rsidR="00156FB3" w:rsidRDefault="00156FB3" w:rsidP="00156FB3">
            <w:r>
              <w:tab/>
              <w:t xml:space="preserve"> */</w:t>
            </w:r>
          </w:p>
          <w:p w:rsidR="00156FB3" w:rsidRDefault="00156FB3" w:rsidP="00156FB3">
            <w:r>
              <w:tab/>
              <w:t>Sifter.prototype.tokenize = function(query) {</w:t>
            </w:r>
          </w:p>
          <w:p w:rsidR="00156FB3" w:rsidRDefault="00156FB3" w:rsidP="00156FB3">
            <w:r>
              <w:tab/>
            </w:r>
            <w:r>
              <w:tab/>
              <w:t>query = trim(String(query || '').toLowerCase());</w:t>
            </w:r>
          </w:p>
          <w:p w:rsidR="00156FB3" w:rsidRDefault="00156FB3" w:rsidP="00156FB3">
            <w:r>
              <w:tab/>
            </w:r>
            <w:r>
              <w:tab/>
              <w:t>if (!query || !query.length) return [];</w:t>
            </w:r>
          </w:p>
          <w:p w:rsidR="00156FB3" w:rsidRDefault="00156FB3" w:rsidP="00156FB3"/>
          <w:p w:rsidR="00156FB3" w:rsidRDefault="00156FB3" w:rsidP="00156FB3">
            <w:r>
              <w:tab/>
            </w:r>
            <w:r>
              <w:tab/>
              <w:t>var i, n, regex, letter;</w:t>
            </w:r>
          </w:p>
          <w:p w:rsidR="00156FB3" w:rsidRDefault="00156FB3" w:rsidP="00156FB3">
            <w:r>
              <w:tab/>
            </w:r>
            <w:r>
              <w:tab/>
              <w:t>var tokens = [];</w:t>
            </w:r>
          </w:p>
          <w:p w:rsidR="00156FB3" w:rsidRDefault="00156FB3" w:rsidP="00156FB3">
            <w:r>
              <w:tab/>
            </w:r>
            <w:r>
              <w:tab/>
              <w:t>var words = query.split(/ +/);</w:t>
            </w:r>
          </w:p>
          <w:p w:rsidR="00156FB3" w:rsidRDefault="00156FB3" w:rsidP="00156FB3"/>
          <w:p w:rsidR="00156FB3" w:rsidRDefault="00156FB3" w:rsidP="00156FB3">
            <w:r>
              <w:tab/>
            </w:r>
            <w:r>
              <w:tab/>
              <w:t>for (i = 0, n = words.length; i &lt; n; i++) {</w:t>
            </w:r>
          </w:p>
          <w:p w:rsidR="00156FB3" w:rsidRDefault="00156FB3" w:rsidP="00156FB3">
            <w:r>
              <w:tab/>
            </w:r>
            <w:r>
              <w:tab/>
            </w:r>
            <w:r>
              <w:tab/>
              <w:t>regex = escape_regex(words[i]);</w:t>
            </w:r>
          </w:p>
          <w:p w:rsidR="00156FB3" w:rsidRDefault="00156FB3" w:rsidP="00156FB3">
            <w:r>
              <w:tab/>
            </w:r>
            <w:r>
              <w:tab/>
            </w:r>
            <w:r>
              <w:tab/>
              <w:t>if (this.settings.diacritics) {</w:t>
            </w:r>
          </w:p>
          <w:p w:rsidR="00156FB3" w:rsidRDefault="00156FB3" w:rsidP="00156FB3">
            <w:r>
              <w:tab/>
            </w:r>
            <w:r>
              <w:tab/>
            </w:r>
            <w:r>
              <w:tab/>
            </w:r>
            <w:r>
              <w:tab/>
              <w:t>for (letter in DIACRITICS) {</w:t>
            </w:r>
          </w:p>
          <w:p w:rsidR="00156FB3" w:rsidRDefault="00156FB3" w:rsidP="00156FB3">
            <w:r>
              <w:tab/>
            </w:r>
            <w:r>
              <w:tab/>
            </w:r>
            <w:r>
              <w:tab/>
            </w:r>
            <w:r>
              <w:tab/>
            </w:r>
            <w:r>
              <w:tab/>
              <w:t>if (DIACRITICS.hasOwnProperty(letter)) {</w:t>
            </w:r>
          </w:p>
          <w:p w:rsidR="00156FB3" w:rsidRDefault="00156FB3" w:rsidP="00156FB3">
            <w:r>
              <w:tab/>
            </w:r>
            <w:r>
              <w:tab/>
            </w:r>
            <w:r>
              <w:tab/>
            </w:r>
            <w:r>
              <w:tab/>
            </w:r>
            <w:r>
              <w:tab/>
            </w:r>
            <w:r>
              <w:tab/>
              <w:t>regex = regex.replace(new RegExp(letter, 'g'), DIACRITICS[letter]);</w:t>
            </w:r>
          </w:p>
          <w:p w:rsidR="00156FB3" w:rsidRDefault="00156FB3" w:rsidP="00156FB3">
            <w:r>
              <w:tab/>
            </w:r>
            <w:r>
              <w:tab/>
            </w:r>
            <w:r>
              <w:tab/>
            </w:r>
            <w:r>
              <w:tab/>
            </w:r>
            <w:r>
              <w:tab/>
              <w:t>}</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r>
            <w:r>
              <w:tab/>
              <w:t>tokens.push({</w:t>
            </w:r>
          </w:p>
          <w:p w:rsidR="00156FB3" w:rsidRDefault="00156FB3" w:rsidP="00156FB3">
            <w:r>
              <w:tab/>
            </w:r>
            <w:r>
              <w:tab/>
            </w:r>
            <w:r>
              <w:tab/>
            </w:r>
            <w:r>
              <w:tab/>
              <w:t>string : words[i],</w:t>
            </w:r>
          </w:p>
          <w:p w:rsidR="00156FB3" w:rsidRDefault="00156FB3" w:rsidP="00156FB3">
            <w:r>
              <w:tab/>
            </w:r>
            <w:r>
              <w:tab/>
            </w:r>
            <w:r>
              <w:tab/>
            </w:r>
            <w:r>
              <w:tab/>
              <w:t>regex  : new RegExp(regex, 'i')</w:t>
            </w:r>
          </w:p>
          <w:p w:rsidR="00156FB3" w:rsidRDefault="00156FB3" w:rsidP="00156FB3">
            <w:r>
              <w:tab/>
            </w:r>
            <w:r>
              <w:tab/>
            </w:r>
            <w:r>
              <w:tab/>
              <w:t>});</w:t>
            </w:r>
          </w:p>
          <w:p w:rsidR="00156FB3" w:rsidRDefault="00156FB3" w:rsidP="00156FB3">
            <w:r>
              <w:tab/>
            </w:r>
            <w:r>
              <w:tab/>
              <w:t>}</w:t>
            </w:r>
          </w:p>
          <w:p w:rsidR="00156FB3" w:rsidRDefault="00156FB3" w:rsidP="00156FB3"/>
          <w:p w:rsidR="00156FB3" w:rsidRDefault="00156FB3" w:rsidP="00156FB3">
            <w:r>
              <w:tab/>
            </w:r>
            <w:r>
              <w:tab/>
              <w:t>return tokens;</w:t>
            </w:r>
          </w:p>
          <w:p w:rsidR="00156FB3" w:rsidRDefault="00156FB3" w:rsidP="00156FB3">
            <w:r>
              <w:lastRenderedPageBreak/>
              <w:tab/>
              <w:t>};</w:t>
            </w:r>
          </w:p>
          <w:p w:rsidR="00156FB3" w:rsidRDefault="00156FB3" w:rsidP="00156FB3"/>
          <w:p w:rsidR="00156FB3" w:rsidRDefault="00156FB3" w:rsidP="00156FB3">
            <w:r>
              <w:tab/>
              <w:t>/**</w:t>
            </w:r>
          </w:p>
          <w:p w:rsidR="00156FB3" w:rsidRDefault="00156FB3" w:rsidP="00156FB3">
            <w:r>
              <w:tab/>
              <w:t xml:space="preserve"> * Iterates over arrays and hashes.</w:t>
            </w:r>
          </w:p>
          <w:p w:rsidR="00156FB3" w:rsidRDefault="00156FB3" w:rsidP="00156FB3">
            <w:r>
              <w:tab/>
              <w:t xml:space="preserve"> *</w:t>
            </w:r>
          </w:p>
          <w:p w:rsidR="00156FB3" w:rsidRDefault="00156FB3" w:rsidP="00156FB3">
            <w:r>
              <w:tab/>
              <w:t xml:space="preserve"> * ```</w:t>
            </w:r>
          </w:p>
          <w:p w:rsidR="00156FB3" w:rsidRDefault="00156FB3" w:rsidP="00156FB3">
            <w:r>
              <w:tab/>
              <w:t xml:space="preserve"> * this.iterator(this.items, function(item, id) {</w:t>
            </w:r>
          </w:p>
          <w:p w:rsidR="00156FB3" w:rsidRDefault="00156FB3" w:rsidP="00156FB3">
            <w:r>
              <w:tab/>
              <w:t xml:space="preserve"> *    // invoked for each item</w:t>
            </w:r>
          </w:p>
          <w:p w:rsidR="00156FB3" w:rsidRDefault="00156FB3" w:rsidP="00156FB3">
            <w:r>
              <w:tab/>
              <w:t xml:space="preserve"> * });</w:t>
            </w:r>
          </w:p>
          <w:p w:rsidR="00156FB3" w:rsidRDefault="00156FB3" w:rsidP="00156FB3">
            <w:r>
              <w:tab/>
              <w:t xml:space="preserve"> * ```</w:t>
            </w:r>
          </w:p>
          <w:p w:rsidR="00156FB3" w:rsidRDefault="00156FB3" w:rsidP="00156FB3">
            <w:r>
              <w:tab/>
              <w:t xml:space="preserve"> *</w:t>
            </w:r>
          </w:p>
          <w:p w:rsidR="00156FB3" w:rsidRDefault="00156FB3" w:rsidP="00156FB3">
            <w:r>
              <w:tab/>
              <w:t xml:space="preserve"> * @param {array|object} object</w:t>
            </w:r>
          </w:p>
          <w:p w:rsidR="00156FB3" w:rsidRDefault="00156FB3" w:rsidP="00156FB3">
            <w:r>
              <w:tab/>
              <w:t xml:space="preserve"> */</w:t>
            </w:r>
          </w:p>
          <w:p w:rsidR="00156FB3" w:rsidRDefault="00156FB3" w:rsidP="00156FB3">
            <w:r>
              <w:tab/>
              <w:t>Sifter.prototype.iterator = function(object, callback) {</w:t>
            </w:r>
          </w:p>
          <w:p w:rsidR="00156FB3" w:rsidRDefault="00156FB3" w:rsidP="00156FB3">
            <w:r>
              <w:tab/>
            </w:r>
            <w:r>
              <w:tab/>
              <w:t>var iterator;</w:t>
            </w:r>
          </w:p>
          <w:p w:rsidR="00156FB3" w:rsidRDefault="00156FB3" w:rsidP="00156FB3">
            <w:r>
              <w:tab/>
            </w:r>
            <w:r>
              <w:tab/>
              <w:t>if (is_array(object)) {</w:t>
            </w:r>
          </w:p>
          <w:p w:rsidR="00156FB3" w:rsidRDefault="00156FB3" w:rsidP="00156FB3">
            <w:r>
              <w:tab/>
            </w:r>
            <w:r>
              <w:tab/>
            </w:r>
            <w:r>
              <w:tab/>
              <w:t>iterator = Array.prototype.forEach || function(callback) {</w:t>
            </w:r>
          </w:p>
          <w:p w:rsidR="00156FB3" w:rsidRDefault="00156FB3" w:rsidP="00156FB3">
            <w:r>
              <w:tab/>
            </w:r>
            <w:r>
              <w:tab/>
            </w:r>
            <w:r>
              <w:tab/>
            </w:r>
            <w:r>
              <w:tab/>
              <w:t>for (var i = 0, n = this.length; i &lt; n; i++) {</w:t>
            </w:r>
          </w:p>
          <w:p w:rsidR="00156FB3" w:rsidRDefault="00156FB3" w:rsidP="00156FB3">
            <w:r>
              <w:tab/>
            </w:r>
            <w:r>
              <w:tab/>
            </w:r>
            <w:r>
              <w:tab/>
            </w:r>
            <w:r>
              <w:tab/>
            </w:r>
            <w:r>
              <w:tab/>
              <w:t>callback(this[i], i, this);</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t>} else {</w:t>
            </w:r>
          </w:p>
          <w:p w:rsidR="00156FB3" w:rsidRDefault="00156FB3" w:rsidP="00156FB3">
            <w:r>
              <w:tab/>
            </w:r>
            <w:r>
              <w:tab/>
            </w:r>
            <w:r>
              <w:tab/>
              <w:t>iterator = function(callback) {</w:t>
            </w:r>
          </w:p>
          <w:p w:rsidR="00156FB3" w:rsidRDefault="00156FB3" w:rsidP="00156FB3">
            <w:r>
              <w:tab/>
            </w:r>
            <w:r>
              <w:tab/>
            </w:r>
            <w:r>
              <w:tab/>
            </w:r>
            <w:r>
              <w:tab/>
              <w:t>for (var key in this) {</w:t>
            </w:r>
          </w:p>
          <w:p w:rsidR="00156FB3" w:rsidRDefault="00156FB3" w:rsidP="00156FB3">
            <w:r>
              <w:tab/>
            </w:r>
            <w:r>
              <w:tab/>
            </w:r>
            <w:r>
              <w:tab/>
            </w:r>
            <w:r>
              <w:tab/>
            </w:r>
            <w:r>
              <w:tab/>
              <w:t>if (this.hasOwnProperty(key)) {</w:t>
            </w:r>
          </w:p>
          <w:p w:rsidR="00156FB3" w:rsidRDefault="00156FB3" w:rsidP="00156FB3">
            <w:r>
              <w:tab/>
            </w:r>
            <w:r>
              <w:tab/>
            </w:r>
            <w:r>
              <w:tab/>
            </w:r>
            <w:r>
              <w:tab/>
            </w:r>
            <w:r>
              <w:tab/>
            </w:r>
            <w:r>
              <w:tab/>
              <w:t>callback(this[key], key, this);</w:t>
            </w:r>
          </w:p>
          <w:p w:rsidR="00156FB3" w:rsidRDefault="00156FB3" w:rsidP="00156FB3">
            <w:r>
              <w:tab/>
            </w:r>
            <w:r>
              <w:tab/>
            </w:r>
            <w:r>
              <w:tab/>
            </w:r>
            <w:r>
              <w:tab/>
            </w:r>
            <w:r>
              <w:tab/>
              <w:t>}</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t>}</w:t>
            </w:r>
          </w:p>
          <w:p w:rsidR="00156FB3" w:rsidRDefault="00156FB3" w:rsidP="00156FB3"/>
          <w:p w:rsidR="00156FB3" w:rsidRDefault="00156FB3" w:rsidP="00156FB3">
            <w:r>
              <w:tab/>
            </w:r>
            <w:r>
              <w:tab/>
              <w:t>iterator.apply(object, [callback]);</w:t>
            </w:r>
          </w:p>
          <w:p w:rsidR="00156FB3" w:rsidRDefault="00156FB3" w:rsidP="00156FB3">
            <w:r>
              <w:tab/>
              <w:t>};</w:t>
            </w:r>
          </w:p>
          <w:p w:rsidR="00156FB3" w:rsidRDefault="00156FB3" w:rsidP="00156FB3"/>
          <w:p w:rsidR="00156FB3" w:rsidRDefault="00156FB3" w:rsidP="00156FB3">
            <w:r>
              <w:tab/>
              <w:t>/**</w:t>
            </w:r>
          </w:p>
          <w:p w:rsidR="00156FB3" w:rsidRDefault="00156FB3" w:rsidP="00156FB3">
            <w:r>
              <w:tab/>
              <w:t xml:space="preserve"> * Returns a function to be used to score individual results.</w:t>
            </w:r>
          </w:p>
          <w:p w:rsidR="00156FB3" w:rsidRDefault="00156FB3" w:rsidP="00156FB3">
            <w:r>
              <w:tab/>
              <w:t xml:space="preserve"> *</w:t>
            </w:r>
          </w:p>
          <w:p w:rsidR="00156FB3" w:rsidRDefault="00156FB3" w:rsidP="00156FB3">
            <w:r>
              <w:tab/>
              <w:t xml:space="preserve"> * Good matches will have a higher score than poor matches.</w:t>
            </w:r>
          </w:p>
          <w:p w:rsidR="00156FB3" w:rsidRDefault="00156FB3" w:rsidP="00156FB3">
            <w:r>
              <w:tab/>
              <w:t xml:space="preserve"> * If an item is not a match, 0 will be returned by the function.</w:t>
            </w:r>
          </w:p>
          <w:p w:rsidR="00156FB3" w:rsidRDefault="00156FB3" w:rsidP="00156FB3">
            <w:r>
              <w:tab/>
              <w:t xml:space="preserve"> *</w:t>
            </w:r>
          </w:p>
          <w:p w:rsidR="00156FB3" w:rsidRDefault="00156FB3" w:rsidP="00156FB3">
            <w:r>
              <w:tab/>
              <w:t xml:space="preserve"> * @param {object|string} search</w:t>
            </w:r>
          </w:p>
          <w:p w:rsidR="00156FB3" w:rsidRDefault="00156FB3" w:rsidP="00156FB3">
            <w:r>
              <w:tab/>
              <w:t xml:space="preserve"> * @param {object} options (optional)</w:t>
            </w:r>
          </w:p>
          <w:p w:rsidR="00156FB3" w:rsidRDefault="00156FB3" w:rsidP="00156FB3">
            <w:r>
              <w:tab/>
              <w:t xml:space="preserve"> * @returns {function}</w:t>
            </w:r>
          </w:p>
          <w:p w:rsidR="00156FB3" w:rsidRDefault="00156FB3" w:rsidP="00156FB3">
            <w:r>
              <w:tab/>
              <w:t xml:space="preserve"> */</w:t>
            </w:r>
          </w:p>
          <w:p w:rsidR="00156FB3" w:rsidRDefault="00156FB3" w:rsidP="00156FB3">
            <w:r>
              <w:tab/>
              <w:t>Sifter.prototype.getScoreFunction = function(search, options) {</w:t>
            </w:r>
          </w:p>
          <w:p w:rsidR="00156FB3" w:rsidRDefault="00156FB3" w:rsidP="00156FB3">
            <w:r>
              <w:tab/>
            </w:r>
            <w:r>
              <w:tab/>
              <w:t>var self, fields, tokens, token_count, nesting;</w:t>
            </w:r>
          </w:p>
          <w:p w:rsidR="00156FB3" w:rsidRDefault="00156FB3" w:rsidP="00156FB3"/>
          <w:p w:rsidR="00156FB3" w:rsidRDefault="00156FB3" w:rsidP="00156FB3">
            <w:r>
              <w:tab/>
            </w:r>
            <w:r>
              <w:tab/>
              <w:t>self        = this;</w:t>
            </w:r>
          </w:p>
          <w:p w:rsidR="00156FB3" w:rsidRDefault="00156FB3" w:rsidP="00156FB3">
            <w:r>
              <w:lastRenderedPageBreak/>
              <w:tab/>
            </w:r>
            <w:r>
              <w:tab/>
              <w:t>search      = self.prepareSearch(search, options);</w:t>
            </w:r>
          </w:p>
          <w:p w:rsidR="00156FB3" w:rsidRDefault="00156FB3" w:rsidP="00156FB3">
            <w:r>
              <w:tab/>
            </w:r>
            <w:r>
              <w:tab/>
              <w:t>tokens      = search.tokens;</w:t>
            </w:r>
          </w:p>
          <w:p w:rsidR="00156FB3" w:rsidRDefault="00156FB3" w:rsidP="00156FB3">
            <w:r>
              <w:tab/>
            </w:r>
            <w:r>
              <w:tab/>
              <w:t>fields      = search.options.fields;</w:t>
            </w:r>
          </w:p>
          <w:p w:rsidR="00156FB3" w:rsidRDefault="00156FB3" w:rsidP="00156FB3">
            <w:r>
              <w:tab/>
            </w:r>
            <w:r>
              <w:tab/>
              <w:t>token_count = tokens.length;</w:t>
            </w:r>
          </w:p>
          <w:p w:rsidR="00156FB3" w:rsidRDefault="00156FB3" w:rsidP="00156FB3">
            <w:r>
              <w:tab/>
            </w:r>
            <w:r>
              <w:tab/>
              <w:t>nesting     = search.options.nesting;</w:t>
            </w:r>
          </w:p>
          <w:p w:rsidR="00156FB3" w:rsidRDefault="00156FB3" w:rsidP="00156FB3"/>
          <w:p w:rsidR="00156FB3" w:rsidRDefault="00156FB3" w:rsidP="00156FB3">
            <w:r>
              <w:tab/>
            </w:r>
            <w:r>
              <w:tab/>
              <w:t>/**</w:t>
            </w:r>
          </w:p>
          <w:p w:rsidR="00156FB3" w:rsidRDefault="00156FB3" w:rsidP="00156FB3">
            <w:r>
              <w:tab/>
            </w:r>
            <w:r>
              <w:tab/>
              <w:t xml:space="preserve"> * Calculates how close of a match the</w:t>
            </w:r>
          </w:p>
          <w:p w:rsidR="00156FB3" w:rsidRDefault="00156FB3" w:rsidP="00156FB3">
            <w:r>
              <w:tab/>
            </w:r>
            <w:r>
              <w:tab/>
              <w:t xml:space="preserve"> * given value is against a search token.</w:t>
            </w:r>
          </w:p>
          <w:p w:rsidR="00156FB3" w:rsidRDefault="00156FB3" w:rsidP="00156FB3">
            <w:r>
              <w:tab/>
            </w:r>
            <w:r>
              <w:tab/>
              <w:t xml:space="preserve"> *</w:t>
            </w:r>
          </w:p>
          <w:p w:rsidR="00156FB3" w:rsidRDefault="00156FB3" w:rsidP="00156FB3">
            <w:r>
              <w:tab/>
            </w:r>
            <w:r>
              <w:tab/>
              <w:t xml:space="preserve"> * @param {mixed} value</w:t>
            </w:r>
          </w:p>
          <w:p w:rsidR="00156FB3" w:rsidRDefault="00156FB3" w:rsidP="00156FB3">
            <w:r>
              <w:tab/>
            </w:r>
            <w:r>
              <w:tab/>
              <w:t xml:space="preserve"> * @param {object} token</w:t>
            </w:r>
          </w:p>
          <w:p w:rsidR="00156FB3" w:rsidRDefault="00156FB3" w:rsidP="00156FB3">
            <w:r>
              <w:tab/>
            </w:r>
            <w:r>
              <w:tab/>
              <w:t xml:space="preserve"> * @return {number}</w:t>
            </w:r>
          </w:p>
          <w:p w:rsidR="00156FB3" w:rsidRDefault="00156FB3" w:rsidP="00156FB3">
            <w:r>
              <w:tab/>
            </w:r>
            <w:r>
              <w:tab/>
              <w:t xml:space="preserve"> */</w:t>
            </w:r>
          </w:p>
          <w:p w:rsidR="00156FB3" w:rsidRDefault="00156FB3" w:rsidP="00156FB3">
            <w:r>
              <w:tab/>
            </w:r>
            <w:r>
              <w:tab/>
              <w:t>var scoreValue = function(value, token) {</w:t>
            </w:r>
          </w:p>
          <w:p w:rsidR="00156FB3" w:rsidRDefault="00156FB3" w:rsidP="00156FB3">
            <w:r>
              <w:tab/>
            </w:r>
            <w:r>
              <w:tab/>
            </w:r>
            <w:r>
              <w:tab/>
              <w:t>var score, pos;</w:t>
            </w:r>
          </w:p>
          <w:p w:rsidR="00156FB3" w:rsidRDefault="00156FB3" w:rsidP="00156FB3"/>
          <w:p w:rsidR="00156FB3" w:rsidRDefault="00156FB3" w:rsidP="00156FB3">
            <w:r>
              <w:tab/>
            </w:r>
            <w:r>
              <w:tab/>
            </w:r>
            <w:r>
              <w:tab/>
              <w:t>if (!value) return 0;</w:t>
            </w:r>
          </w:p>
          <w:p w:rsidR="00156FB3" w:rsidRDefault="00156FB3" w:rsidP="00156FB3">
            <w:r>
              <w:tab/>
            </w:r>
            <w:r>
              <w:tab/>
            </w:r>
            <w:r>
              <w:tab/>
              <w:t>value = String(value || '');</w:t>
            </w:r>
          </w:p>
          <w:p w:rsidR="00156FB3" w:rsidRDefault="00156FB3" w:rsidP="00156FB3">
            <w:r>
              <w:tab/>
            </w:r>
            <w:r>
              <w:tab/>
            </w:r>
            <w:r>
              <w:tab/>
              <w:t>pos = value.search(token.regex);</w:t>
            </w:r>
          </w:p>
          <w:p w:rsidR="00156FB3" w:rsidRDefault="00156FB3" w:rsidP="00156FB3">
            <w:r>
              <w:tab/>
            </w:r>
            <w:r>
              <w:tab/>
            </w:r>
            <w:r>
              <w:tab/>
              <w:t>if (pos === -1) return 0;</w:t>
            </w:r>
          </w:p>
          <w:p w:rsidR="00156FB3" w:rsidRDefault="00156FB3" w:rsidP="00156FB3">
            <w:r>
              <w:tab/>
            </w:r>
            <w:r>
              <w:tab/>
            </w:r>
            <w:r>
              <w:tab/>
              <w:t>score = token.string.length / value.length;</w:t>
            </w:r>
          </w:p>
          <w:p w:rsidR="00156FB3" w:rsidRDefault="00156FB3" w:rsidP="00156FB3">
            <w:r>
              <w:tab/>
            </w:r>
            <w:r>
              <w:tab/>
            </w:r>
            <w:r>
              <w:tab/>
              <w:t>if (pos === 0) score += 0.5;</w:t>
            </w:r>
          </w:p>
          <w:p w:rsidR="00156FB3" w:rsidRDefault="00156FB3" w:rsidP="00156FB3">
            <w:r>
              <w:tab/>
            </w:r>
            <w:r>
              <w:tab/>
            </w:r>
            <w:r>
              <w:tab/>
              <w:t>return score;</w:t>
            </w:r>
          </w:p>
          <w:p w:rsidR="00156FB3" w:rsidRDefault="00156FB3" w:rsidP="00156FB3">
            <w:r>
              <w:tab/>
            </w:r>
            <w:r>
              <w:tab/>
              <w:t>};</w:t>
            </w:r>
          </w:p>
          <w:p w:rsidR="00156FB3" w:rsidRDefault="00156FB3" w:rsidP="00156FB3"/>
          <w:p w:rsidR="00156FB3" w:rsidRDefault="00156FB3" w:rsidP="00156FB3">
            <w:r>
              <w:tab/>
            </w:r>
            <w:r>
              <w:tab/>
              <w:t>/**</w:t>
            </w:r>
          </w:p>
          <w:p w:rsidR="00156FB3" w:rsidRDefault="00156FB3" w:rsidP="00156FB3">
            <w:r>
              <w:tab/>
            </w:r>
            <w:r>
              <w:tab/>
              <w:t xml:space="preserve"> * Calculates the score of an object</w:t>
            </w:r>
          </w:p>
          <w:p w:rsidR="00156FB3" w:rsidRDefault="00156FB3" w:rsidP="00156FB3">
            <w:r>
              <w:tab/>
            </w:r>
            <w:r>
              <w:tab/>
              <w:t xml:space="preserve"> * against the search query.</w:t>
            </w:r>
          </w:p>
          <w:p w:rsidR="00156FB3" w:rsidRDefault="00156FB3" w:rsidP="00156FB3">
            <w:r>
              <w:tab/>
            </w:r>
            <w:r>
              <w:tab/>
              <w:t xml:space="preserve"> *</w:t>
            </w:r>
          </w:p>
          <w:p w:rsidR="00156FB3" w:rsidRDefault="00156FB3" w:rsidP="00156FB3">
            <w:r>
              <w:tab/>
            </w:r>
            <w:r>
              <w:tab/>
              <w:t xml:space="preserve"> * @param {object} token</w:t>
            </w:r>
          </w:p>
          <w:p w:rsidR="00156FB3" w:rsidRDefault="00156FB3" w:rsidP="00156FB3">
            <w:r>
              <w:tab/>
            </w:r>
            <w:r>
              <w:tab/>
              <w:t xml:space="preserve"> * @param {object} data</w:t>
            </w:r>
          </w:p>
          <w:p w:rsidR="00156FB3" w:rsidRDefault="00156FB3" w:rsidP="00156FB3">
            <w:r>
              <w:tab/>
            </w:r>
            <w:r>
              <w:tab/>
              <w:t xml:space="preserve"> * @return {number}</w:t>
            </w:r>
          </w:p>
          <w:p w:rsidR="00156FB3" w:rsidRDefault="00156FB3" w:rsidP="00156FB3">
            <w:r>
              <w:tab/>
            </w:r>
            <w:r>
              <w:tab/>
              <w:t xml:space="preserve"> */</w:t>
            </w:r>
          </w:p>
          <w:p w:rsidR="00156FB3" w:rsidRDefault="00156FB3" w:rsidP="00156FB3">
            <w:r>
              <w:tab/>
            </w:r>
            <w:r>
              <w:tab/>
              <w:t>var scoreObject = (function() {</w:t>
            </w:r>
          </w:p>
          <w:p w:rsidR="00156FB3" w:rsidRDefault="00156FB3" w:rsidP="00156FB3">
            <w:r>
              <w:tab/>
            </w:r>
            <w:r>
              <w:tab/>
            </w:r>
            <w:r>
              <w:tab/>
              <w:t>var field_count = fields.length;</w:t>
            </w:r>
          </w:p>
          <w:p w:rsidR="00156FB3" w:rsidRDefault="00156FB3" w:rsidP="00156FB3">
            <w:r>
              <w:tab/>
            </w:r>
            <w:r>
              <w:tab/>
            </w:r>
            <w:r>
              <w:tab/>
              <w:t>if (!field_count) {</w:t>
            </w:r>
          </w:p>
          <w:p w:rsidR="00156FB3" w:rsidRDefault="00156FB3" w:rsidP="00156FB3">
            <w:r>
              <w:tab/>
            </w:r>
            <w:r>
              <w:tab/>
            </w:r>
            <w:r>
              <w:tab/>
            </w:r>
            <w:r>
              <w:tab/>
              <w:t>return function() { return 0; };</w:t>
            </w:r>
          </w:p>
          <w:p w:rsidR="00156FB3" w:rsidRDefault="00156FB3" w:rsidP="00156FB3">
            <w:r>
              <w:tab/>
            </w:r>
            <w:r>
              <w:tab/>
            </w:r>
            <w:r>
              <w:tab/>
              <w:t>}</w:t>
            </w:r>
          </w:p>
          <w:p w:rsidR="00156FB3" w:rsidRDefault="00156FB3" w:rsidP="00156FB3">
            <w:r>
              <w:tab/>
            </w:r>
            <w:r>
              <w:tab/>
            </w:r>
            <w:r>
              <w:tab/>
              <w:t>if (field_count === 1) {</w:t>
            </w:r>
          </w:p>
          <w:p w:rsidR="00156FB3" w:rsidRDefault="00156FB3" w:rsidP="00156FB3">
            <w:r>
              <w:tab/>
            </w:r>
            <w:r>
              <w:tab/>
            </w:r>
            <w:r>
              <w:tab/>
            </w:r>
            <w:r>
              <w:tab/>
              <w:t>return function(token, data) {</w:t>
            </w:r>
          </w:p>
          <w:p w:rsidR="00156FB3" w:rsidRDefault="00156FB3" w:rsidP="00156FB3">
            <w:r>
              <w:tab/>
            </w:r>
            <w:r>
              <w:tab/>
            </w:r>
            <w:r>
              <w:tab/>
            </w:r>
            <w:r>
              <w:tab/>
            </w:r>
            <w:r>
              <w:tab/>
              <w:t>return scoreValue(getattr(data, fields[0], nesting), token);</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r>
            <w:r>
              <w:tab/>
              <w:t>return function(token, data) {</w:t>
            </w:r>
          </w:p>
          <w:p w:rsidR="00156FB3" w:rsidRDefault="00156FB3" w:rsidP="00156FB3">
            <w:r>
              <w:tab/>
            </w:r>
            <w:r>
              <w:tab/>
            </w:r>
            <w:r>
              <w:tab/>
            </w:r>
            <w:r>
              <w:tab/>
              <w:t>for (var i = 0, sum = 0; i &lt; field_count; i++) {</w:t>
            </w:r>
          </w:p>
          <w:p w:rsidR="00156FB3" w:rsidRDefault="00156FB3" w:rsidP="00156FB3">
            <w:r>
              <w:tab/>
            </w:r>
            <w:r>
              <w:tab/>
            </w:r>
            <w:r>
              <w:tab/>
            </w:r>
            <w:r>
              <w:tab/>
            </w:r>
            <w:r>
              <w:tab/>
              <w:t>sum += scoreValue(getattr(data, fields[i], nesting), token);</w:t>
            </w:r>
          </w:p>
          <w:p w:rsidR="00156FB3" w:rsidRDefault="00156FB3" w:rsidP="00156FB3">
            <w:r>
              <w:tab/>
            </w:r>
            <w:r>
              <w:tab/>
            </w:r>
            <w:r>
              <w:tab/>
            </w:r>
            <w:r>
              <w:tab/>
              <w:t>}</w:t>
            </w:r>
          </w:p>
          <w:p w:rsidR="00156FB3" w:rsidRDefault="00156FB3" w:rsidP="00156FB3">
            <w:r>
              <w:lastRenderedPageBreak/>
              <w:tab/>
            </w:r>
            <w:r>
              <w:tab/>
            </w:r>
            <w:r>
              <w:tab/>
            </w:r>
            <w:r>
              <w:tab/>
              <w:t>return sum / field_count;</w:t>
            </w:r>
          </w:p>
          <w:p w:rsidR="00156FB3" w:rsidRDefault="00156FB3" w:rsidP="00156FB3">
            <w:r>
              <w:tab/>
            </w:r>
            <w:r>
              <w:tab/>
            </w:r>
            <w:r>
              <w:tab/>
              <w:t>};</w:t>
            </w:r>
          </w:p>
          <w:p w:rsidR="00156FB3" w:rsidRDefault="00156FB3" w:rsidP="00156FB3">
            <w:r>
              <w:tab/>
            </w:r>
            <w:r>
              <w:tab/>
              <w:t>})();</w:t>
            </w:r>
          </w:p>
          <w:p w:rsidR="00156FB3" w:rsidRDefault="00156FB3" w:rsidP="00156FB3"/>
          <w:p w:rsidR="00156FB3" w:rsidRDefault="00156FB3" w:rsidP="00156FB3">
            <w:r>
              <w:tab/>
            </w:r>
            <w:r>
              <w:tab/>
              <w:t>if (!token_count) {</w:t>
            </w:r>
          </w:p>
          <w:p w:rsidR="00156FB3" w:rsidRDefault="00156FB3" w:rsidP="00156FB3">
            <w:r>
              <w:tab/>
            </w:r>
            <w:r>
              <w:tab/>
            </w:r>
            <w:r>
              <w:tab/>
              <w:t>return function() { return 0; };</w:t>
            </w:r>
          </w:p>
          <w:p w:rsidR="00156FB3" w:rsidRDefault="00156FB3" w:rsidP="00156FB3">
            <w:r>
              <w:tab/>
            </w:r>
            <w:r>
              <w:tab/>
              <w:t>}</w:t>
            </w:r>
          </w:p>
          <w:p w:rsidR="00156FB3" w:rsidRDefault="00156FB3" w:rsidP="00156FB3">
            <w:r>
              <w:tab/>
            </w:r>
            <w:r>
              <w:tab/>
              <w:t>if (token_count === 1) {</w:t>
            </w:r>
          </w:p>
          <w:p w:rsidR="00156FB3" w:rsidRDefault="00156FB3" w:rsidP="00156FB3">
            <w:r>
              <w:tab/>
            </w:r>
            <w:r>
              <w:tab/>
            </w:r>
            <w:r>
              <w:tab/>
              <w:t>return function(data) {</w:t>
            </w:r>
          </w:p>
          <w:p w:rsidR="00156FB3" w:rsidRDefault="00156FB3" w:rsidP="00156FB3">
            <w:r>
              <w:tab/>
            </w:r>
            <w:r>
              <w:tab/>
            </w:r>
            <w:r>
              <w:tab/>
            </w:r>
            <w:r>
              <w:tab/>
              <w:t>return scoreObject(tokens[0], data);</w:t>
            </w:r>
          </w:p>
          <w:p w:rsidR="00156FB3" w:rsidRDefault="00156FB3" w:rsidP="00156FB3">
            <w:r>
              <w:tab/>
            </w:r>
            <w:r>
              <w:tab/>
            </w:r>
            <w:r>
              <w:tab/>
              <w:t>};</w:t>
            </w:r>
          </w:p>
          <w:p w:rsidR="00156FB3" w:rsidRDefault="00156FB3" w:rsidP="00156FB3">
            <w:r>
              <w:tab/>
            </w:r>
            <w:r>
              <w:tab/>
              <w:t>}</w:t>
            </w:r>
          </w:p>
          <w:p w:rsidR="00156FB3" w:rsidRDefault="00156FB3" w:rsidP="00156FB3"/>
          <w:p w:rsidR="00156FB3" w:rsidRDefault="00156FB3" w:rsidP="00156FB3">
            <w:r>
              <w:tab/>
            </w:r>
            <w:r>
              <w:tab/>
              <w:t>if (search.options.conjunction === 'and') {</w:t>
            </w:r>
          </w:p>
          <w:p w:rsidR="00156FB3" w:rsidRDefault="00156FB3" w:rsidP="00156FB3">
            <w:r>
              <w:tab/>
            </w:r>
            <w:r>
              <w:tab/>
            </w:r>
            <w:r>
              <w:tab/>
              <w:t>return function(data) {</w:t>
            </w:r>
          </w:p>
          <w:p w:rsidR="00156FB3" w:rsidRDefault="00156FB3" w:rsidP="00156FB3">
            <w:r>
              <w:tab/>
            </w:r>
            <w:r>
              <w:tab/>
            </w:r>
            <w:r>
              <w:tab/>
            </w:r>
            <w:r>
              <w:tab/>
              <w:t>var score;</w:t>
            </w:r>
          </w:p>
          <w:p w:rsidR="00156FB3" w:rsidRDefault="00156FB3" w:rsidP="00156FB3">
            <w:r>
              <w:tab/>
            </w:r>
            <w:r>
              <w:tab/>
            </w:r>
            <w:r>
              <w:tab/>
            </w:r>
            <w:r>
              <w:tab/>
              <w:t>for (var i = 0, sum = 0; i &lt; token_count; i++) {</w:t>
            </w:r>
          </w:p>
          <w:p w:rsidR="00156FB3" w:rsidRDefault="00156FB3" w:rsidP="00156FB3">
            <w:r>
              <w:tab/>
            </w:r>
            <w:r>
              <w:tab/>
            </w:r>
            <w:r>
              <w:tab/>
            </w:r>
            <w:r>
              <w:tab/>
            </w:r>
            <w:r>
              <w:tab/>
              <w:t>score = scoreObject(tokens[i], data);</w:t>
            </w:r>
          </w:p>
          <w:p w:rsidR="00156FB3" w:rsidRDefault="00156FB3" w:rsidP="00156FB3">
            <w:r>
              <w:tab/>
            </w:r>
            <w:r>
              <w:tab/>
            </w:r>
            <w:r>
              <w:tab/>
            </w:r>
            <w:r>
              <w:tab/>
            </w:r>
            <w:r>
              <w:tab/>
              <w:t>if (score &lt;= 0) return 0;</w:t>
            </w:r>
          </w:p>
          <w:p w:rsidR="00156FB3" w:rsidRDefault="00156FB3" w:rsidP="00156FB3">
            <w:r>
              <w:tab/>
            </w:r>
            <w:r>
              <w:tab/>
            </w:r>
            <w:r>
              <w:tab/>
            </w:r>
            <w:r>
              <w:tab/>
            </w:r>
            <w:r>
              <w:tab/>
              <w:t>sum += score;</w:t>
            </w:r>
          </w:p>
          <w:p w:rsidR="00156FB3" w:rsidRDefault="00156FB3" w:rsidP="00156FB3">
            <w:r>
              <w:tab/>
            </w:r>
            <w:r>
              <w:tab/>
            </w:r>
            <w:r>
              <w:tab/>
            </w:r>
            <w:r>
              <w:tab/>
              <w:t>}</w:t>
            </w:r>
          </w:p>
          <w:p w:rsidR="00156FB3" w:rsidRDefault="00156FB3" w:rsidP="00156FB3">
            <w:r>
              <w:tab/>
            </w:r>
            <w:r>
              <w:tab/>
            </w:r>
            <w:r>
              <w:tab/>
            </w:r>
            <w:r>
              <w:tab/>
              <w:t>return sum / token_count;</w:t>
            </w:r>
          </w:p>
          <w:p w:rsidR="00156FB3" w:rsidRDefault="00156FB3" w:rsidP="00156FB3">
            <w:r>
              <w:tab/>
            </w:r>
            <w:r>
              <w:tab/>
            </w:r>
            <w:r>
              <w:tab/>
              <w:t>};</w:t>
            </w:r>
          </w:p>
          <w:p w:rsidR="00156FB3" w:rsidRDefault="00156FB3" w:rsidP="00156FB3">
            <w:r>
              <w:tab/>
            </w:r>
            <w:r>
              <w:tab/>
              <w:t>} else {</w:t>
            </w:r>
          </w:p>
          <w:p w:rsidR="00156FB3" w:rsidRDefault="00156FB3" w:rsidP="00156FB3">
            <w:r>
              <w:tab/>
            </w:r>
            <w:r>
              <w:tab/>
            </w:r>
            <w:r>
              <w:tab/>
              <w:t>return function(data) {</w:t>
            </w:r>
          </w:p>
          <w:p w:rsidR="00156FB3" w:rsidRDefault="00156FB3" w:rsidP="00156FB3">
            <w:r>
              <w:tab/>
            </w:r>
            <w:r>
              <w:tab/>
            </w:r>
            <w:r>
              <w:tab/>
            </w:r>
            <w:r>
              <w:tab/>
              <w:t>for (var i = 0, sum = 0; i &lt; token_count; i++) {</w:t>
            </w:r>
          </w:p>
          <w:p w:rsidR="00156FB3" w:rsidRDefault="00156FB3" w:rsidP="00156FB3">
            <w:r>
              <w:tab/>
            </w:r>
            <w:r>
              <w:tab/>
            </w:r>
            <w:r>
              <w:tab/>
            </w:r>
            <w:r>
              <w:tab/>
            </w:r>
            <w:r>
              <w:tab/>
              <w:t>sum += scoreObject(tokens[i], data);</w:t>
            </w:r>
          </w:p>
          <w:p w:rsidR="00156FB3" w:rsidRDefault="00156FB3" w:rsidP="00156FB3">
            <w:r>
              <w:tab/>
            </w:r>
            <w:r>
              <w:tab/>
            </w:r>
            <w:r>
              <w:tab/>
            </w:r>
            <w:r>
              <w:tab/>
              <w:t>}</w:t>
            </w:r>
          </w:p>
          <w:p w:rsidR="00156FB3" w:rsidRDefault="00156FB3" w:rsidP="00156FB3">
            <w:r>
              <w:tab/>
            </w:r>
            <w:r>
              <w:tab/>
            </w:r>
            <w:r>
              <w:tab/>
            </w:r>
            <w:r>
              <w:tab/>
              <w:t>return sum / token_count;</w:t>
            </w:r>
          </w:p>
          <w:p w:rsidR="00156FB3" w:rsidRDefault="00156FB3" w:rsidP="00156FB3">
            <w:r>
              <w:tab/>
            </w:r>
            <w:r>
              <w:tab/>
            </w:r>
            <w:r>
              <w:tab/>
              <w:t>};</w:t>
            </w:r>
          </w:p>
          <w:p w:rsidR="00156FB3" w:rsidRDefault="00156FB3" w:rsidP="00156FB3">
            <w:r>
              <w:tab/>
            </w:r>
            <w:r>
              <w:tab/>
              <w:t>}</w:t>
            </w:r>
          </w:p>
          <w:p w:rsidR="00156FB3" w:rsidRDefault="00156FB3" w:rsidP="00156FB3">
            <w:r>
              <w:tab/>
              <w:t>};</w:t>
            </w:r>
          </w:p>
          <w:p w:rsidR="00156FB3" w:rsidRDefault="00156FB3" w:rsidP="00156FB3"/>
          <w:p w:rsidR="00156FB3" w:rsidRDefault="00156FB3" w:rsidP="00156FB3">
            <w:r>
              <w:tab/>
              <w:t>/**</w:t>
            </w:r>
          </w:p>
          <w:p w:rsidR="00156FB3" w:rsidRDefault="00156FB3" w:rsidP="00156FB3">
            <w:r>
              <w:tab/>
              <w:t xml:space="preserve"> * Returns a function that can be used to compare two</w:t>
            </w:r>
          </w:p>
          <w:p w:rsidR="00156FB3" w:rsidRDefault="00156FB3" w:rsidP="00156FB3">
            <w:r>
              <w:tab/>
              <w:t xml:space="preserve"> * results, for sorting purposes. If no sorting should</w:t>
            </w:r>
          </w:p>
          <w:p w:rsidR="00156FB3" w:rsidRDefault="00156FB3" w:rsidP="00156FB3">
            <w:r>
              <w:tab/>
              <w:t xml:space="preserve"> * be performed, `null` will be returned.</w:t>
            </w:r>
          </w:p>
          <w:p w:rsidR="00156FB3" w:rsidRDefault="00156FB3" w:rsidP="00156FB3">
            <w:r>
              <w:tab/>
              <w:t xml:space="preserve"> *</w:t>
            </w:r>
          </w:p>
          <w:p w:rsidR="00156FB3" w:rsidRDefault="00156FB3" w:rsidP="00156FB3">
            <w:r>
              <w:tab/>
              <w:t xml:space="preserve"> * @param {string|object} search</w:t>
            </w:r>
          </w:p>
          <w:p w:rsidR="00156FB3" w:rsidRDefault="00156FB3" w:rsidP="00156FB3">
            <w:r>
              <w:tab/>
              <w:t xml:space="preserve"> * @param {object} options</w:t>
            </w:r>
          </w:p>
          <w:p w:rsidR="00156FB3" w:rsidRDefault="00156FB3" w:rsidP="00156FB3">
            <w:r>
              <w:tab/>
              <w:t xml:space="preserve"> * @return function(a,b)</w:t>
            </w:r>
          </w:p>
          <w:p w:rsidR="00156FB3" w:rsidRDefault="00156FB3" w:rsidP="00156FB3">
            <w:r>
              <w:tab/>
              <w:t xml:space="preserve"> */</w:t>
            </w:r>
          </w:p>
          <w:p w:rsidR="00156FB3" w:rsidRDefault="00156FB3" w:rsidP="00156FB3">
            <w:r>
              <w:tab/>
              <w:t>Sifter.prototype.getSortFunction = function(search, options) {</w:t>
            </w:r>
          </w:p>
          <w:p w:rsidR="00156FB3" w:rsidRDefault="00156FB3" w:rsidP="00156FB3">
            <w:r>
              <w:tab/>
            </w:r>
            <w:r>
              <w:tab/>
              <w:t>var i, n, self, field, fields, fields_count, multiplier, multipliers, get_field, implicit_score, sort;</w:t>
            </w:r>
          </w:p>
          <w:p w:rsidR="00156FB3" w:rsidRDefault="00156FB3" w:rsidP="00156FB3"/>
          <w:p w:rsidR="00156FB3" w:rsidRDefault="00156FB3" w:rsidP="00156FB3">
            <w:r>
              <w:tab/>
            </w:r>
            <w:r>
              <w:tab/>
              <w:t>self   = this;</w:t>
            </w:r>
          </w:p>
          <w:p w:rsidR="00156FB3" w:rsidRDefault="00156FB3" w:rsidP="00156FB3">
            <w:r>
              <w:tab/>
            </w:r>
            <w:r>
              <w:tab/>
              <w:t>search = self.prepareSearch(search, options);</w:t>
            </w:r>
          </w:p>
          <w:p w:rsidR="00156FB3" w:rsidRDefault="00156FB3" w:rsidP="00156FB3">
            <w:r>
              <w:lastRenderedPageBreak/>
              <w:tab/>
            </w:r>
            <w:r>
              <w:tab/>
              <w:t>sort   = (!search.query &amp;&amp; options.sort_empty) || options.sort;</w:t>
            </w:r>
          </w:p>
          <w:p w:rsidR="00156FB3" w:rsidRDefault="00156FB3" w:rsidP="00156FB3"/>
          <w:p w:rsidR="00156FB3" w:rsidRDefault="00156FB3" w:rsidP="00156FB3">
            <w:r>
              <w:tab/>
            </w:r>
            <w:r>
              <w:tab/>
              <w:t>/**</w:t>
            </w:r>
          </w:p>
          <w:p w:rsidR="00156FB3" w:rsidRDefault="00156FB3" w:rsidP="00156FB3">
            <w:r>
              <w:tab/>
            </w:r>
            <w:r>
              <w:tab/>
              <w:t xml:space="preserve"> * Fetches the specified sort field value</w:t>
            </w:r>
          </w:p>
          <w:p w:rsidR="00156FB3" w:rsidRDefault="00156FB3" w:rsidP="00156FB3">
            <w:r>
              <w:tab/>
            </w:r>
            <w:r>
              <w:tab/>
              <w:t xml:space="preserve"> * from a search result item.</w:t>
            </w:r>
          </w:p>
          <w:p w:rsidR="00156FB3" w:rsidRDefault="00156FB3" w:rsidP="00156FB3">
            <w:r>
              <w:tab/>
            </w:r>
            <w:r>
              <w:tab/>
              <w:t xml:space="preserve"> *</w:t>
            </w:r>
          </w:p>
          <w:p w:rsidR="00156FB3" w:rsidRDefault="00156FB3" w:rsidP="00156FB3">
            <w:r>
              <w:tab/>
            </w:r>
            <w:r>
              <w:tab/>
              <w:t xml:space="preserve"> * @param  {string} name</w:t>
            </w:r>
          </w:p>
          <w:p w:rsidR="00156FB3" w:rsidRDefault="00156FB3" w:rsidP="00156FB3">
            <w:r>
              <w:tab/>
            </w:r>
            <w:r>
              <w:tab/>
              <w:t xml:space="preserve"> * @param  {object} result</w:t>
            </w:r>
          </w:p>
          <w:p w:rsidR="00156FB3" w:rsidRDefault="00156FB3" w:rsidP="00156FB3">
            <w:r>
              <w:tab/>
            </w:r>
            <w:r>
              <w:tab/>
              <w:t xml:space="preserve"> * @return {mixed}</w:t>
            </w:r>
          </w:p>
          <w:p w:rsidR="00156FB3" w:rsidRDefault="00156FB3" w:rsidP="00156FB3">
            <w:r>
              <w:tab/>
            </w:r>
            <w:r>
              <w:tab/>
              <w:t xml:space="preserve"> */</w:t>
            </w:r>
          </w:p>
          <w:p w:rsidR="00156FB3" w:rsidRDefault="00156FB3" w:rsidP="00156FB3">
            <w:r>
              <w:tab/>
            </w:r>
            <w:r>
              <w:tab/>
              <w:t>get_field = function(name, result) {</w:t>
            </w:r>
          </w:p>
          <w:p w:rsidR="00156FB3" w:rsidRDefault="00156FB3" w:rsidP="00156FB3">
            <w:r>
              <w:tab/>
            </w:r>
            <w:r>
              <w:tab/>
            </w:r>
            <w:r>
              <w:tab/>
              <w:t>if (name === '$score') return result.score;</w:t>
            </w:r>
          </w:p>
          <w:p w:rsidR="00156FB3" w:rsidRDefault="00156FB3" w:rsidP="00156FB3">
            <w:r>
              <w:tab/>
            </w:r>
            <w:r>
              <w:tab/>
            </w:r>
            <w:r>
              <w:tab/>
              <w:t>return getattr(self.items[result.id], name, options.nesting);</w:t>
            </w:r>
          </w:p>
          <w:p w:rsidR="00156FB3" w:rsidRDefault="00156FB3" w:rsidP="00156FB3">
            <w:r>
              <w:tab/>
            </w:r>
            <w:r>
              <w:tab/>
              <w:t>};</w:t>
            </w:r>
          </w:p>
          <w:p w:rsidR="00156FB3" w:rsidRDefault="00156FB3" w:rsidP="00156FB3"/>
          <w:p w:rsidR="00156FB3" w:rsidRDefault="00156FB3" w:rsidP="00156FB3">
            <w:r>
              <w:tab/>
            </w:r>
            <w:r>
              <w:tab/>
              <w:t>// parse options</w:t>
            </w:r>
          </w:p>
          <w:p w:rsidR="00156FB3" w:rsidRDefault="00156FB3" w:rsidP="00156FB3">
            <w:r>
              <w:tab/>
            </w:r>
            <w:r>
              <w:tab/>
              <w:t>fields = [];</w:t>
            </w:r>
          </w:p>
          <w:p w:rsidR="00156FB3" w:rsidRDefault="00156FB3" w:rsidP="00156FB3">
            <w:r>
              <w:tab/>
            </w:r>
            <w:r>
              <w:tab/>
              <w:t>if (sort) {</w:t>
            </w:r>
          </w:p>
          <w:p w:rsidR="00156FB3" w:rsidRDefault="00156FB3" w:rsidP="00156FB3">
            <w:r>
              <w:tab/>
            </w:r>
            <w:r>
              <w:tab/>
            </w:r>
            <w:r>
              <w:tab/>
              <w:t>for (i = 0, n = sort.length; i &lt; n; i++) {</w:t>
            </w:r>
          </w:p>
          <w:p w:rsidR="00156FB3" w:rsidRDefault="00156FB3" w:rsidP="00156FB3">
            <w:r>
              <w:tab/>
            </w:r>
            <w:r>
              <w:tab/>
            </w:r>
            <w:r>
              <w:tab/>
            </w:r>
            <w:r>
              <w:tab/>
              <w:t>if (search.query || sort[i].field !== '$score') {</w:t>
            </w:r>
          </w:p>
          <w:p w:rsidR="00156FB3" w:rsidRDefault="00156FB3" w:rsidP="00156FB3">
            <w:r>
              <w:tab/>
            </w:r>
            <w:r>
              <w:tab/>
            </w:r>
            <w:r>
              <w:tab/>
            </w:r>
            <w:r>
              <w:tab/>
            </w:r>
            <w:r>
              <w:tab/>
              <w:t>fields.push(sort[i]);</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t>}</w:t>
            </w:r>
          </w:p>
          <w:p w:rsidR="00156FB3" w:rsidRDefault="00156FB3" w:rsidP="00156FB3"/>
          <w:p w:rsidR="00156FB3" w:rsidRDefault="00156FB3" w:rsidP="00156FB3">
            <w:r>
              <w:tab/>
            </w:r>
            <w:r>
              <w:tab/>
              <w:t>// the "$score" field is implied to be the primary</w:t>
            </w:r>
          </w:p>
          <w:p w:rsidR="00156FB3" w:rsidRDefault="00156FB3" w:rsidP="00156FB3">
            <w:r>
              <w:tab/>
            </w:r>
            <w:r>
              <w:tab/>
              <w:t>// sort field, unless it's manually specified</w:t>
            </w:r>
          </w:p>
          <w:p w:rsidR="00156FB3" w:rsidRDefault="00156FB3" w:rsidP="00156FB3">
            <w:r>
              <w:tab/>
            </w:r>
            <w:r>
              <w:tab/>
              <w:t>if (search.query) {</w:t>
            </w:r>
          </w:p>
          <w:p w:rsidR="00156FB3" w:rsidRDefault="00156FB3" w:rsidP="00156FB3">
            <w:r>
              <w:tab/>
            </w:r>
            <w:r>
              <w:tab/>
            </w:r>
            <w:r>
              <w:tab/>
              <w:t>implicit_score = true;</w:t>
            </w:r>
          </w:p>
          <w:p w:rsidR="00156FB3" w:rsidRDefault="00156FB3" w:rsidP="00156FB3">
            <w:r>
              <w:tab/>
            </w:r>
            <w:r>
              <w:tab/>
            </w:r>
            <w:r>
              <w:tab/>
              <w:t>for (i = 0, n = fields.length; i &lt; n; i++) {</w:t>
            </w:r>
          </w:p>
          <w:p w:rsidR="00156FB3" w:rsidRDefault="00156FB3" w:rsidP="00156FB3">
            <w:r>
              <w:tab/>
            </w:r>
            <w:r>
              <w:tab/>
            </w:r>
            <w:r>
              <w:tab/>
            </w:r>
            <w:r>
              <w:tab/>
              <w:t>if (fields[i].field === '$score') {</w:t>
            </w:r>
          </w:p>
          <w:p w:rsidR="00156FB3" w:rsidRDefault="00156FB3" w:rsidP="00156FB3">
            <w:r>
              <w:tab/>
            </w:r>
            <w:r>
              <w:tab/>
            </w:r>
            <w:r>
              <w:tab/>
            </w:r>
            <w:r>
              <w:tab/>
            </w:r>
            <w:r>
              <w:tab/>
              <w:t>implicit_score = false;</w:t>
            </w:r>
          </w:p>
          <w:p w:rsidR="00156FB3" w:rsidRDefault="00156FB3" w:rsidP="00156FB3">
            <w:r>
              <w:tab/>
            </w:r>
            <w:r>
              <w:tab/>
            </w:r>
            <w:r>
              <w:tab/>
            </w:r>
            <w:r>
              <w:tab/>
            </w:r>
            <w:r>
              <w:tab/>
              <w:t>break;</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r>
            <w:r>
              <w:tab/>
              <w:t>if (implicit_score) {</w:t>
            </w:r>
          </w:p>
          <w:p w:rsidR="00156FB3" w:rsidRDefault="00156FB3" w:rsidP="00156FB3">
            <w:r>
              <w:tab/>
            </w:r>
            <w:r>
              <w:tab/>
            </w:r>
            <w:r>
              <w:tab/>
            </w:r>
            <w:r>
              <w:tab/>
              <w:t>fields.unshift({field: '$score', direction: 'desc'});</w:t>
            </w:r>
          </w:p>
          <w:p w:rsidR="00156FB3" w:rsidRDefault="00156FB3" w:rsidP="00156FB3">
            <w:r>
              <w:tab/>
            </w:r>
            <w:r>
              <w:tab/>
            </w:r>
            <w:r>
              <w:tab/>
              <w:t>}</w:t>
            </w:r>
          </w:p>
          <w:p w:rsidR="00156FB3" w:rsidRDefault="00156FB3" w:rsidP="00156FB3">
            <w:r>
              <w:tab/>
            </w:r>
            <w:r>
              <w:tab/>
              <w:t>} else {</w:t>
            </w:r>
          </w:p>
          <w:p w:rsidR="00156FB3" w:rsidRDefault="00156FB3" w:rsidP="00156FB3">
            <w:r>
              <w:tab/>
            </w:r>
            <w:r>
              <w:tab/>
            </w:r>
            <w:r>
              <w:tab/>
              <w:t>for (i = 0, n = fields.length; i &lt; n; i++) {</w:t>
            </w:r>
          </w:p>
          <w:p w:rsidR="00156FB3" w:rsidRDefault="00156FB3" w:rsidP="00156FB3">
            <w:r>
              <w:tab/>
            </w:r>
            <w:r>
              <w:tab/>
            </w:r>
            <w:r>
              <w:tab/>
            </w:r>
            <w:r>
              <w:tab/>
              <w:t>if (fields[i].field === '$score') {</w:t>
            </w:r>
          </w:p>
          <w:p w:rsidR="00156FB3" w:rsidRDefault="00156FB3" w:rsidP="00156FB3">
            <w:r>
              <w:tab/>
            </w:r>
            <w:r>
              <w:tab/>
            </w:r>
            <w:r>
              <w:tab/>
            </w:r>
            <w:r>
              <w:tab/>
            </w:r>
            <w:r>
              <w:tab/>
              <w:t>fields.splice(i, 1);</w:t>
            </w:r>
          </w:p>
          <w:p w:rsidR="00156FB3" w:rsidRDefault="00156FB3" w:rsidP="00156FB3">
            <w:r>
              <w:tab/>
            </w:r>
            <w:r>
              <w:tab/>
            </w:r>
            <w:r>
              <w:tab/>
            </w:r>
            <w:r>
              <w:tab/>
            </w:r>
            <w:r>
              <w:tab/>
              <w:t>break;</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t>}</w:t>
            </w:r>
          </w:p>
          <w:p w:rsidR="00156FB3" w:rsidRDefault="00156FB3" w:rsidP="00156FB3"/>
          <w:p w:rsidR="00156FB3" w:rsidRDefault="00156FB3" w:rsidP="00156FB3">
            <w:r>
              <w:tab/>
            </w:r>
            <w:r>
              <w:tab/>
              <w:t>multipliers = [];</w:t>
            </w:r>
          </w:p>
          <w:p w:rsidR="00156FB3" w:rsidRDefault="00156FB3" w:rsidP="00156FB3">
            <w:r>
              <w:lastRenderedPageBreak/>
              <w:tab/>
            </w:r>
            <w:r>
              <w:tab/>
              <w:t>for (i = 0, n = fields.length; i &lt; n; i++) {</w:t>
            </w:r>
          </w:p>
          <w:p w:rsidR="00156FB3" w:rsidRDefault="00156FB3" w:rsidP="00156FB3">
            <w:r>
              <w:tab/>
            </w:r>
            <w:r>
              <w:tab/>
            </w:r>
            <w:r>
              <w:tab/>
              <w:t>multipliers.push(fields[i].direction === 'desc' ? -1 : 1);</w:t>
            </w:r>
          </w:p>
          <w:p w:rsidR="00156FB3" w:rsidRDefault="00156FB3" w:rsidP="00156FB3">
            <w:r>
              <w:tab/>
            </w:r>
            <w:r>
              <w:tab/>
              <w:t>}</w:t>
            </w:r>
          </w:p>
          <w:p w:rsidR="00156FB3" w:rsidRDefault="00156FB3" w:rsidP="00156FB3"/>
          <w:p w:rsidR="00156FB3" w:rsidRDefault="00156FB3" w:rsidP="00156FB3">
            <w:r>
              <w:tab/>
            </w:r>
            <w:r>
              <w:tab/>
              <w:t>// build function</w:t>
            </w:r>
          </w:p>
          <w:p w:rsidR="00156FB3" w:rsidRDefault="00156FB3" w:rsidP="00156FB3">
            <w:r>
              <w:tab/>
            </w:r>
            <w:r>
              <w:tab/>
              <w:t>fields_count = fields.length;</w:t>
            </w:r>
          </w:p>
          <w:p w:rsidR="00156FB3" w:rsidRDefault="00156FB3" w:rsidP="00156FB3">
            <w:r>
              <w:tab/>
            </w:r>
            <w:r>
              <w:tab/>
              <w:t>if (!fields_count) {</w:t>
            </w:r>
          </w:p>
          <w:p w:rsidR="00156FB3" w:rsidRDefault="00156FB3" w:rsidP="00156FB3">
            <w:r>
              <w:tab/>
            </w:r>
            <w:r>
              <w:tab/>
            </w:r>
            <w:r>
              <w:tab/>
              <w:t>return null;</w:t>
            </w:r>
          </w:p>
          <w:p w:rsidR="00156FB3" w:rsidRDefault="00156FB3" w:rsidP="00156FB3">
            <w:r>
              <w:tab/>
            </w:r>
            <w:r>
              <w:tab/>
              <w:t>} else if (fields_count === 1) {</w:t>
            </w:r>
          </w:p>
          <w:p w:rsidR="00156FB3" w:rsidRDefault="00156FB3" w:rsidP="00156FB3">
            <w:r>
              <w:tab/>
            </w:r>
            <w:r>
              <w:tab/>
            </w:r>
            <w:r>
              <w:tab/>
              <w:t>field = fields[0].field;</w:t>
            </w:r>
          </w:p>
          <w:p w:rsidR="00156FB3" w:rsidRDefault="00156FB3" w:rsidP="00156FB3">
            <w:r>
              <w:tab/>
            </w:r>
            <w:r>
              <w:tab/>
            </w:r>
            <w:r>
              <w:tab/>
              <w:t>multiplier = multipliers[0];</w:t>
            </w:r>
          </w:p>
          <w:p w:rsidR="00156FB3" w:rsidRDefault="00156FB3" w:rsidP="00156FB3">
            <w:r>
              <w:tab/>
            </w:r>
            <w:r>
              <w:tab/>
            </w:r>
            <w:r>
              <w:tab/>
              <w:t>return function(a, b) {</w:t>
            </w:r>
          </w:p>
          <w:p w:rsidR="00156FB3" w:rsidRDefault="00156FB3" w:rsidP="00156FB3">
            <w:r>
              <w:tab/>
            </w:r>
            <w:r>
              <w:tab/>
            </w:r>
            <w:r>
              <w:tab/>
            </w:r>
            <w:r>
              <w:tab/>
              <w:t>return multiplier * cmp(</w:t>
            </w:r>
          </w:p>
          <w:p w:rsidR="00156FB3" w:rsidRDefault="00156FB3" w:rsidP="00156FB3">
            <w:r>
              <w:tab/>
            </w:r>
            <w:r>
              <w:tab/>
            </w:r>
            <w:r>
              <w:tab/>
            </w:r>
            <w:r>
              <w:tab/>
            </w:r>
            <w:r>
              <w:tab/>
              <w:t>get_field(field, a),</w:t>
            </w:r>
          </w:p>
          <w:p w:rsidR="00156FB3" w:rsidRDefault="00156FB3" w:rsidP="00156FB3">
            <w:r>
              <w:tab/>
            </w:r>
            <w:r>
              <w:tab/>
            </w:r>
            <w:r>
              <w:tab/>
            </w:r>
            <w:r>
              <w:tab/>
            </w:r>
            <w:r>
              <w:tab/>
              <w:t>get_field(field, b)</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t>} else {</w:t>
            </w:r>
          </w:p>
          <w:p w:rsidR="00156FB3" w:rsidRDefault="00156FB3" w:rsidP="00156FB3">
            <w:r>
              <w:tab/>
            </w:r>
            <w:r>
              <w:tab/>
            </w:r>
            <w:r>
              <w:tab/>
              <w:t>return function(a, b) {</w:t>
            </w:r>
          </w:p>
          <w:p w:rsidR="00156FB3" w:rsidRDefault="00156FB3" w:rsidP="00156FB3">
            <w:r>
              <w:tab/>
            </w:r>
            <w:r>
              <w:tab/>
            </w:r>
            <w:r>
              <w:tab/>
            </w:r>
            <w:r>
              <w:tab/>
              <w:t>var i, result, a_value, b_value, field;</w:t>
            </w:r>
          </w:p>
          <w:p w:rsidR="00156FB3" w:rsidRDefault="00156FB3" w:rsidP="00156FB3">
            <w:r>
              <w:tab/>
            </w:r>
            <w:r>
              <w:tab/>
            </w:r>
            <w:r>
              <w:tab/>
            </w:r>
            <w:r>
              <w:tab/>
              <w:t>for (i = 0; i &lt; fields_count; i++) {</w:t>
            </w:r>
          </w:p>
          <w:p w:rsidR="00156FB3" w:rsidRDefault="00156FB3" w:rsidP="00156FB3">
            <w:r>
              <w:tab/>
            </w:r>
            <w:r>
              <w:tab/>
            </w:r>
            <w:r>
              <w:tab/>
            </w:r>
            <w:r>
              <w:tab/>
            </w:r>
            <w:r>
              <w:tab/>
              <w:t>field = fields[i].field;</w:t>
            </w:r>
          </w:p>
          <w:p w:rsidR="00156FB3" w:rsidRDefault="00156FB3" w:rsidP="00156FB3">
            <w:r>
              <w:tab/>
            </w:r>
            <w:r>
              <w:tab/>
            </w:r>
            <w:r>
              <w:tab/>
            </w:r>
            <w:r>
              <w:tab/>
            </w:r>
            <w:r>
              <w:tab/>
              <w:t>result = multipliers[i] * cmp(</w:t>
            </w:r>
          </w:p>
          <w:p w:rsidR="00156FB3" w:rsidRDefault="00156FB3" w:rsidP="00156FB3">
            <w:r>
              <w:tab/>
            </w:r>
            <w:r>
              <w:tab/>
            </w:r>
            <w:r>
              <w:tab/>
            </w:r>
            <w:r>
              <w:tab/>
            </w:r>
            <w:r>
              <w:tab/>
            </w:r>
            <w:r>
              <w:tab/>
              <w:t>get_field(field, a),</w:t>
            </w:r>
          </w:p>
          <w:p w:rsidR="00156FB3" w:rsidRDefault="00156FB3" w:rsidP="00156FB3">
            <w:r>
              <w:tab/>
            </w:r>
            <w:r>
              <w:tab/>
            </w:r>
            <w:r>
              <w:tab/>
            </w:r>
            <w:r>
              <w:tab/>
            </w:r>
            <w:r>
              <w:tab/>
            </w:r>
            <w:r>
              <w:tab/>
              <w:t>get_field(field, b)</w:t>
            </w:r>
          </w:p>
          <w:p w:rsidR="00156FB3" w:rsidRDefault="00156FB3" w:rsidP="00156FB3">
            <w:r>
              <w:tab/>
            </w:r>
            <w:r>
              <w:tab/>
            </w:r>
            <w:r>
              <w:tab/>
            </w:r>
            <w:r>
              <w:tab/>
            </w:r>
            <w:r>
              <w:tab/>
              <w:t>);</w:t>
            </w:r>
          </w:p>
          <w:p w:rsidR="00156FB3" w:rsidRDefault="00156FB3" w:rsidP="00156FB3">
            <w:r>
              <w:tab/>
            </w:r>
            <w:r>
              <w:tab/>
            </w:r>
            <w:r>
              <w:tab/>
            </w:r>
            <w:r>
              <w:tab/>
            </w:r>
            <w:r>
              <w:tab/>
              <w:t>if (result) return result;</w:t>
            </w:r>
          </w:p>
          <w:p w:rsidR="00156FB3" w:rsidRDefault="00156FB3" w:rsidP="00156FB3">
            <w:r>
              <w:tab/>
            </w:r>
            <w:r>
              <w:tab/>
            </w:r>
            <w:r>
              <w:tab/>
            </w:r>
            <w:r>
              <w:tab/>
              <w:t>}</w:t>
            </w:r>
          </w:p>
          <w:p w:rsidR="00156FB3" w:rsidRDefault="00156FB3" w:rsidP="00156FB3">
            <w:r>
              <w:tab/>
            </w:r>
            <w:r>
              <w:tab/>
            </w:r>
            <w:r>
              <w:tab/>
            </w:r>
            <w:r>
              <w:tab/>
              <w:t>return 0;</w:t>
            </w:r>
          </w:p>
          <w:p w:rsidR="00156FB3" w:rsidRDefault="00156FB3" w:rsidP="00156FB3">
            <w:r>
              <w:tab/>
            </w:r>
            <w:r>
              <w:tab/>
            </w:r>
            <w:r>
              <w:tab/>
              <w:t>};</w:t>
            </w:r>
          </w:p>
          <w:p w:rsidR="00156FB3" w:rsidRDefault="00156FB3" w:rsidP="00156FB3">
            <w:r>
              <w:tab/>
            </w:r>
            <w:r>
              <w:tab/>
              <w:t>}</w:t>
            </w:r>
          </w:p>
          <w:p w:rsidR="00156FB3" w:rsidRDefault="00156FB3" w:rsidP="00156FB3">
            <w:r>
              <w:tab/>
              <w:t>};</w:t>
            </w:r>
          </w:p>
          <w:p w:rsidR="00156FB3" w:rsidRDefault="00156FB3" w:rsidP="00156FB3"/>
          <w:p w:rsidR="00156FB3" w:rsidRDefault="00156FB3" w:rsidP="00156FB3">
            <w:r>
              <w:tab/>
              <w:t>/**</w:t>
            </w:r>
          </w:p>
          <w:p w:rsidR="00156FB3" w:rsidRDefault="00156FB3" w:rsidP="00156FB3">
            <w:r>
              <w:tab/>
              <w:t xml:space="preserve"> * Parses a search query and returns an object</w:t>
            </w:r>
          </w:p>
          <w:p w:rsidR="00156FB3" w:rsidRDefault="00156FB3" w:rsidP="00156FB3">
            <w:r>
              <w:tab/>
              <w:t xml:space="preserve"> * with tokens and fields ready to be populated</w:t>
            </w:r>
          </w:p>
          <w:p w:rsidR="00156FB3" w:rsidRDefault="00156FB3" w:rsidP="00156FB3">
            <w:r>
              <w:tab/>
              <w:t xml:space="preserve"> * with results.</w:t>
            </w:r>
          </w:p>
          <w:p w:rsidR="00156FB3" w:rsidRDefault="00156FB3" w:rsidP="00156FB3">
            <w:r>
              <w:tab/>
              <w:t xml:space="preserve"> *</w:t>
            </w:r>
          </w:p>
          <w:p w:rsidR="00156FB3" w:rsidRDefault="00156FB3" w:rsidP="00156FB3">
            <w:r>
              <w:tab/>
              <w:t xml:space="preserve"> * @param {string} query</w:t>
            </w:r>
          </w:p>
          <w:p w:rsidR="00156FB3" w:rsidRDefault="00156FB3" w:rsidP="00156FB3">
            <w:r>
              <w:tab/>
              <w:t xml:space="preserve"> * @param {object} options</w:t>
            </w:r>
          </w:p>
          <w:p w:rsidR="00156FB3" w:rsidRDefault="00156FB3" w:rsidP="00156FB3">
            <w:r>
              <w:tab/>
              <w:t xml:space="preserve"> * @returns {object}</w:t>
            </w:r>
          </w:p>
          <w:p w:rsidR="00156FB3" w:rsidRDefault="00156FB3" w:rsidP="00156FB3">
            <w:r>
              <w:tab/>
              <w:t xml:space="preserve"> */</w:t>
            </w:r>
          </w:p>
          <w:p w:rsidR="00156FB3" w:rsidRDefault="00156FB3" w:rsidP="00156FB3">
            <w:r>
              <w:tab/>
              <w:t>Sifter.prototype.prepareSearch = function(query, options) {</w:t>
            </w:r>
          </w:p>
          <w:p w:rsidR="00156FB3" w:rsidRDefault="00156FB3" w:rsidP="00156FB3">
            <w:r>
              <w:tab/>
            </w:r>
            <w:r>
              <w:tab/>
              <w:t>if (typeof query === 'object') return query;</w:t>
            </w:r>
          </w:p>
          <w:p w:rsidR="00156FB3" w:rsidRDefault="00156FB3" w:rsidP="00156FB3"/>
          <w:p w:rsidR="00156FB3" w:rsidRDefault="00156FB3" w:rsidP="00156FB3">
            <w:r>
              <w:tab/>
            </w:r>
            <w:r>
              <w:tab/>
              <w:t>options = extend({}, options);</w:t>
            </w:r>
          </w:p>
          <w:p w:rsidR="00156FB3" w:rsidRDefault="00156FB3" w:rsidP="00156FB3"/>
          <w:p w:rsidR="00156FB3" w:rsidRDefault="00156FB3" w:rsidP="00156FB3">
            <w:r>
              <w:tab/>
            </w:r>
            <w:r>
              <w:tab/>
              <w:t>var option_fields     = options.fields;</w:t>
            </w:r>
          </w:p>
          <w:p w:rsidR="00156FB3" w:rsidRDefault="00156FB3" w:rsidP="00156FB3">
            <w:r>
              <w:lastRenderedPageBreak/>
              <w:tab/>
            </w:r>
            <w:r>
              <w:tab/>
              <w:t>var option_sort       = options.sort;</w:t>
            </w:r>
          </w:p>
          <w:p w:rsidR="00156FB3" w:rsidRDefault="00156FB3" w:rsidP="00156FB3">
            <w:r>
              <w:tab/>
            </w:r>
            <w:r>
              <w:tab/>
              <w:t>var option_sort_empty = options.sort_empty;</w:t>
            </w:r>
          </w:p>
          <w:p w:rsidR="00156FB3" w:rsidRDefault="00156FB3" w:rsidP="00156FB3"/>
          <w:p w:rsidR="00156FB3" w:rsidRDefault="00156FB3" w:rsidP="00156FB3">
            <w:r>
              <w:tab/>
            </w:r>
            <w:r>
              <w:tab/>
              <w:t>if (option_fields &amp;&amp; !is_array(option_fields)) options.fields = [option_fields];</w:t>
            </w:r>
          </w:p>
          <w:p w:rsidR="00156FB3" w:rsidRDefault="00156FB3" w:rsidP="00156FB3">
            <w:r>
              <w:tab/>
            </w:r>
            <w:r>
              <w:tab/>
              <w:t>if (option_sort &amp;&amp; !is_array(option_sort)) options.sort = [option_sort];</w:t>
            </w:r>
          </w:p>
          <w:p w:rsidR="00156FB3" w:rsidRDefault="00156FB3" w:rsidP="00156FB3">
            <w:r>
              <w:tab/>
            </w:r>
            <w:r>
              <w:tab/>
              <w:t>if (option_sort_empty &amp;&amp; !is_array(option_sort_empty)) options.sort_empty = [option_sort_empty];</w:t>
            </w:r>
          </w:p>
          <w:p w:rsidR="00156FB3" w:rsidRDefault="00156FB3" w:rsidP="00156FB3"/>
          <w:p w:rsidR="00156FB3" w:rsidRDefault="00156FB3" w:rsidP="00156FB3">
            <w:r>
              <w:tab/>
            </w:r>
            <w:r>
              <w:tab/>
              <w:t>return {</w:t>
            </w:r>
          </w:p>
          <w:p w:rsidR="00156FB3" w:rsidRDefault="00156FB3" w:rsidP="00156FB3">
            <w:r>
              <w:tab/>
            </w:r>
            <w:r>
              <w:tab/>
            </w:r>
            <w:r>
              <w:tab/>
              <w:t>options : options,</w:t>
            </w:r>
          </w:p>
          <w:p w:rsidR="00156FB3" w:rsidRDefault="00156FB3" w:rsidP="00156FB3">
            <w:r>
              <w:tab/>
            </w:r>
            <w:r>
              <w:tab/>
            </w:r>
            <w:r>
              <w:tab/>
              <w:t>query   : String(query || '').toLowerCase(),</w:t>
            </w:r>
          </w:p>
          <w:p w:rsidR="00156FB3" w:rsidRDefault="00156FB3" w:rsidP="00156FB3">
            <w:r>
              <w:tab/>
            </w:r>
            <w:r>
              <w:tab/>
            </w:r>
            <w:r>
              <w:tab/>
              <w:t>tokens  : this.tokenize(query),</w:t>
            </w:r>
          </w:p>
          <w:p w:rsidR="00156FB3" w:rsidRDefault="00156FB3" w:rsidP="00156FB3">
            <w:r>
              <w:tab/>
            </w:r>
            <w:r>
              <w:tab/>
            </w:r>
            <w:r>
              <w:tab/>
              <w:t>total   : 0,</w:t>
            </w:r>
          </w:p>
          <w:p w:rsidR="00156FB3" w:rsidRDefault="00156FB3" w:rsidP="00156FB3">
            <w:r>
              <w:tab/>
            </w:r>
            <w:r>
              <w:tab/>
            </w:r>
            <w:r>
              <w:tab/>
              <w:t>items   : []</w:t>
            </w:r>
          </w:p>
          <w:p w:rsidR="00156FB3" w:rsidRDefault="00156FB3" w:rsidP="00156FB3">
            <w:r>
              <w:tab/>
            </w:r>
            <w:r>
              <w:tab/>
              <w:t>};</w:t>
            </w:r>
          </w:p>
          <w:p w:rsidR="00156FB3" w:rsidRDefault="00156FB3" w:rsidP="00156FB3">
            <w:r>
              <w:tab/>
              <w:t>};</w:t>
            </w:r>
          </w:p>
          <w:p w:rsidR="00156FB3" w:rsidRDefault="00156FB3" w:rsidP="00156FB3"/>
          <w:p w:rsidR="00156FB3" w:rsidRDefault="00156FB3" w:rsidP="00156FB3">
            <w:r>
              <w:tab/>
              <w:t>/**</w:t>
            </w:r>
          </w:p>
          <w:p w:rsidR="00156FB3" w:rsidRDefault="00156FB3" w:rsidP="00156FB3">
            <w:r>
              <w:tab/>
              <w:t xml:space="preserve"> * Searches through all items and returns a sorted array of matches.</w:t>
            </w:r>
          </w:p>
          <w:p w:rsidR="00156FB3" w:rsidRDefault="00156FB3" w:rsidP="00156FB3">
            <w:r>
              <w:tab/>
              <w:t xml:space="preserve"> *</w:t>
            </w:r>
          </w:p>
          <w:p w:rsidR="00156FB3" w:rsidRDefault="00156FB3" w:rsidP="00156FB3">
            <w:r>
              <w:tab/>
              <w:t xml:space="preserve"> * The `options` parameter can contain:</w:t>
            </w:r>
          </w:p>
          <w:p w:rsidR="00156FB3" w:rsidRDefault="00156FB3" w:rsidP="00156FB3">
            <w:r>
              <w:tab/>
              <w:t xml:space="preserve"> *</w:t>
            </w:r>
          </w:p>
          <w:p w:rsidR="00156FB3" w:rsidRDefault="00156FB3" w:rsidP="00156FB3">
            <w:r>
              <w:tab/>
              <w:t xml:space="preserve"> *   - fields {string|array}</w:t>
            </w:r>
          </w:p>
          <w:p w:rsidR="00156FB3" w:rsidRDefault="00156FB3" w:rsidP="00156FB3">
            <w:r>
              <w:tab/>
              <w:t xml:space="preserve"> *   - sort {array}</w:t>
            </w:r>
          </w:p>
          <w:p w:rsidR="00156FB3" w:rsidRDefault="00156FB3" w:rsidP="00156FB3">
            <w:r>
              <w:tab/>
              <w:t xml:space="preserve"> *   - score {function}</w:t>
            </w:r>
          </w:p>
          <w:p w:rsidR="00156FB3" w:rsidRDefault="00156FB3" w:rsidP="00156FB3">
            <w:r>
              <w:tab/>
              <w:t xml:space="preserve"> *   - filter {bool}</w:t>
            </w:r>
          </w:p>
          <w:p w:rsidR="00156FB3" w:rsidRDefault="00156FB3" w:rsidP="00156FB3">
            <w:r>
              <w:tab/>
              <w:t xml:space="preserve"> *   - limit {integer}</w:t>
            </w:r>
          </w:p>
          <w:p w:rsidR="00156FB3" w:rsidRDefault="00156FB3" w:rsidP="00156FB3">
            <w:r>
              <w:tab/>
              <w:t xml:space="preserve"> *</w:t>
            </w:r>
          </w:p>
          <w:p w:rsidR="00156FB3" w:rsidRDefault="00156FB3" w:rsidP="00156FB3">
            <w:r>
              <w:tab/>
              <w:t xml:space="preserve"> * Returns an object containing:</w:t>
            </w:r>
          </w:p>
          <w:p w:rsidR="00156FB3" w:rsidRDefault="00156FB3" w:rsidP="00156FB3">
            <w:r>
              <w:tab/>
              <w:t xml:space="preserve"> *</w:t>
            </w:r>
          </w:p>
          <w:p w:rsidR="00156FB3" w:rsidRDefault="00156FB3" w:rsidP="00156FB3">
            <w:r>
              <w:tab/>
              <w:t xml:space="preserve"> *   - options {object}</w:t>
            </w:r>
          </w:p>
          <w:p w:rsidR="00156FB3" w:rsidRDefault="00156FB3" w:rsidP="00156FB3">
            <w:r>
              <w:tab/>
              <w:t xml:space="preserve"> *   - query {string}</w:t>
            </w:r>
          </w:p>
          <w:p w:rsidR="00156FB3" w:rsidRDefault="00156FB3" w:rsidP="00156FB3">
            <w:r>
              <w:tab/>
              <w:t xml:space="preserve"> *   - tokens {array}</w:t>
            </w:r>
          </w:p>
          <w:p w:rsidR="00156FB3" w:rsidRDefault="00156FB3" w:rsidP="00156FB3">
            <w:r>
              <w:tab/>
              <w:t xml:space="preserve"> *   - total {int}</w:t>
            </w:r>
          </w:p>
          <w:p w:rsidR="00156FB3" w:rsidRDefault="00156FB3" w:rsidP="00156FB3">
            <w:r>
              <w:tab/>
              <w:t xml:space="preserve"> *   - items {array}</w:t>
            </w:r>
          </w:p>
          <w:p w:rsidR="00156FB3" w:rsidRDefault="00156FB3" w:rsidP="00156FB3">
            <w:r>
              <w:tab/>
              <w:t xml:space="preserve"> *</w:t>
            </w:r>
          </w:p>
          <w:p w:rsidR="00156FB3" w:rsidRDefault="00156FB3" w:rsidP="00156FB3">
            <w:r>
              <w:tab/>
              <w:t xml:space="preserve"> * @param {string} query</w:t>
            </w:r>
          </w:p>
          <w:p w:rsidR="00156FB3" w:rsidRDefault="00156FB3" w:rsidP="00156FB3">
            <w:r>
              <w:tab/>
              <w:t xml:space="preserve"> * @param {object} options</w:t>
            </w:r>
          </w:p>
          <w:p w:rsidR="00156FB3" w:rsidRDefault="00156FB3" w:rsidP="00156FB3">
            <w:r>
              <w:tab/>
              <w:t xml:space="preserve"> * @returns {object}</w:t>
            </w:r>
          </w:p>
          <w:p w:rsidR="00156FB3" w:rsidRDefault="00156FB3" w:rsidP="00156FB3">
            <w:r>
              <w:tab/>
              <w:t xml:space="preserve"> */</w:t>
            </w:r>
          </w:p>
          <w:p w:rsidR="00156FB3" w:rsidRDefault="00156FB3" w:rsidP="00156FB3">
            <w:r>
              <w:tab/>
              <w:t>Sifter.prototype.search = function(query, options) {</w:t>
            </w:r>
          </w:p>
          <w:p w:rsidR="00156FB3" w:rsidRDefault="00156FB3" w:rsidP="00156FB3">
            <w:r>
              <w:tab/>
            </w:r>
            <w:r>
              <w:tab/>
              <w:t>var self = this, value, score, search, calculateScore;</w:t>
            </w:r>
          </w:p>
          <w:p w:rsidR="00156FB3" w:rsidRDefault="00156FB3" w:rsidP="00156FB3">
            <w:r>
              <w:tab/>
            </w:r>
            <w:r>
              <w:tab/>
              <w:t>var fn_sort;</w:t>
            </w:r>
          </w:p>
          <w:p w:rsidR="00156FB3" w:rsidRDefault="00156FB3" w:rsidP="00156FB3">
            <w:r>
              <w:tab/>
            </w:r>
            <w:r>
              <w:tab/>
              <w:t>var fn_score;</w:t>
            </w:r>
          </w:p>
          <w:p w:rsidR="00156FB3" w:rsidRDefault="00156FB3" w:rsidP="00156FB3"/>
          <w:p w:rsidR="00156FB3" w:rsidRDefault="00156FB3" w:rsidP="00156FB3">
            <w:r>
              <w:tab/>
            </w:r>
            <w:r>
              <w:tab/>
              <w:t>search  = this.prepareSearch(query, options);</w:t>
            </w:r>
          </w:p>
          <w:p w:rsidR="00156FB3" w:rsidRDefault="00156FB3" w:rsidP="00156FB3">
            <w:r>
              <w:tab/>
            </w:r>
            <w:r>
              <w:tab/>
              <w:t>options = search.options;</w:t>
            </w:r>
          </w:p>
          <w:p w:rsidR="00156FB3" w:rsidRDefault="00156FB3" w:rsidP="00156FB3">
            <w:r>
              <w:tab/>
            </w:r>
            <w:r>
              <w:tab/>
              <w:t>query   = search.query;</w:t>
            </w:r>
          </w:p>
          <w:p w:rsidR="00156FB3" w:rsidRDefault="00156FB3" w:rsidP="00156FB3"/>
          <w:p w:rsidR="00156FB3" w:rsidRDefault="00156FB3" w:rsidP="00156FB3">
            <w:r>
              <w:tab/>
            </w:r>
            <w:r>
              <w:tab/>
              <w:t>// generate result scoring function</w:t>
            </w:r>
          </w:p>
          <w:p w:rsidR="00156FB3" w:rsidRDefault="00156FB3" w:rsidP="00156FB3">
            <w:r>
              <w:tab/>
            </w:r>
            <w:r>
              <w:tab/>
              <w:t>fn_score = options.score || self.getScoreFunction(search);</w:t>
            </w:r>
          </w:p>
          <w:p w:rsidR="00156FB3" w:rsidRDefault="00156FB3" w:rsidP="00156FB3"/>
          <w:p w:rsidR="00156FB3" w:rsidRDefault="00156FB3" w:rsidP="00156FB3">
            <w:r>
              <w:tab/>
            </w:r>
            <w:r>
              <w:tab/>
              <w:t>// perform search and sort</w:t>
            </w:r>
          </w:p>
          <w:p w:rsidR="00156FB3" w:rsidRDefault="00156FB3" w:rsidP="00156FB3">
            <w:r>
              <w:tab/>
            </w:r>
            <w:r>
              <w:tab/>
              <w:t>if (query.length) {</w:t>
            </w:r>
          </w:p>
          <w:p w:rsidR="00156FB3" w:rsidRDefault="00156FB3" w:rsidP="00156FB3">
            <w:r>
              <w:tab/>
            </w:r>
            <w:r>
              <w:tab/>
            </w:r>
            <w:r>
              <w:tab/>
              <w:t>self.iterator(self.items, function(item, id) {</w:t>
            </w:r>
          </w:p>
          <w:p w:rsidR="00156FB3" w:rsidRDefault="00156FB3" w:rsidP="00156FB3">
            <w:r>
              <w:tab/>
            </w:r>
            <w:r>
              <w:tab/>
            </w:r>
            <w:r>
              <w:tab/>
            </w:r>
            <w:r>
              <w:tab/>
              <w:t>score = fn_score(item);</w:t>
            </w:r>
          </w:p>
          <w:p w:rsidR="00156FB3" w:rsidRDefault="00156FB3" w:rsidP="00156FB3">
            <w:r>
              <w:tab/>
            </w:r>
            <w:r>
              <w:tab/>
            </w:r>
            <w:r>
              <w:tab/>
            </w:r>
            <w:r>
              <w:tab/>
              <w:t>if (options.filter === false || score &gt; 0) {</w:t>
            </w:r>
          </w:p>
          <w:p w:rsidR="00156FB3" w:rsidRDefault="00156FB3" w:rsidP="00156FB3">
            <w:r>
              <w:tab/>
            </w:r>
            <w:r>
              <w:tab/>
            </w:r>
            <w:r>
              <w:tab/>
            </w:r>
            <w:r>
              <w:tab/>
            </w:r>
            <w:r>
              <w:tab/>
              <w:t>search.items.push({'score': score, 'id': id});</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t>} else {</w:t>
            </w:r>
          </w:p>
          <w:p w:rsidR="00156FB3" w:rsidRDefault="00156FB3" w:rsidP="00156FB3">
            <w:r>
              <w:tab/>
            </w:r>
            <w:r>
              <w:tab/>
            </w:r>
            <w:r>
              <w:tab/>
              <w:t>self.iterator(self.items, function(item, id) {</w:t>
            </w:r>
          </w:p>
          <w:p w:rsidR="00156FB3" w:rsidRDefault="00156FB3" w:rsidP="00156FB3">
            <w:r>
              <w:tab/>
            </w:r>
            <w:r>
              <w:tab/>
            </w:r>
            <w:r>
              <w:tab/>
            </w:r>
            <w:r>
              <w:tab/>
              <w:t>search.items.push({'score': 1, 'id': id});</w:t>
            </w:r>
          </w:p>
          <w:p w:rsidR="00156FB3" w:rsidRDefault="00156FB3" w:rsidP="00156FB3">
            <w:r>
              <w:tab/>
            </w:r>
            <w:r>
              <w:tab/>
            </w:r>
            <w:r>
              <w:tab/>
              <w:t>});</w:t>
            </w:r>
          </w:p>
          <w:p w:rsidR="00156FB3" w:rsidRDefault="00156FB3" w:rsidP="00156FB3">
            <w:r>
              <w:tab/>
            </w:r>
            <w:r>
              <w:tab/>
              <w:t>}</w:t>
            </w:r>
          </w:p>
          <w:p w:rsidR="00156FB3" w:rsidRDefault="00156FB3" w:rsidP="00156FB3"/>
          <w:p w:rsidR="00156FB3" w:rsidRDefault="00156FB3" w:rsidP="00156FB3">
            <w:r>
              <w:tab/>
            </w:r>
            <w:r>
              <w:tab/>
              <w:t>fn_sort = self.getSortFunction(search, options);</w:t>
            </w:r>
          </w:p>
          <w:p w:rsidR="00156FB3" w:rsidRDefault="00156FB3" w:rsidP="00156FB3">
            <w:r>
              <w:tab/>
            </w:r>
            <w:r>
              <w:tab/>
              <w:t>if (fn_sort) search.items.sort(fn_sort);</w:t>
            </w:r>
          </w:p>
          <w:p w:rsidR="00156FB3" w:rsidRDefault="00156FB3" w:rsidP="00156FB3"/>
          <w:p w:rsidR="00156FB3" w:rsidRDefault="00156FB3" w:rsidP="00156FB3">
            <w:r>
              <w:tab/>
            </w:r>
            <w:r>
              <w:tab/>
              <w:t>// apply limits</w:t>
            </w:r>
          </w:p>
          <w:p w:rsidR="00156FB3" w:rsidRDefault="00156FB3" w:rsidP="00156FB3">
            <w:r>
              <w:tab/>
            </w:r>
            <w:r>
              <w:tab/>
              <w:t>search.total = search.items.length;</w:t>
            </w:r>
          </w:p>
          <w:p w:rsidR="00156FB3" w:rsidRDefault="00156FB3" w:rsidP="00156FB3">
            <w:r>
              <w:tab/>
            </w:r>
            <w:r>
              <w:tab/>
              <w:t>if (typeof options.limit === 'number') {</w:t>
            </w:r>
          </w:p>
          <w:p w:rsidR="00156FB3" w:rsidRDefault="00156FB3" w:rsidP="00156FB3">
            <w:r>
              <w:tab/>
            </w:r>
            <w:r>
              <w:tab/>
            </w:r>
            <w:r>
              <w:tab/>
              <w:t>search.items = search.items.slice(0, options.limit);</w:t>
            </w:r>
          </w:p>
          <w:p w:rsidR="00156FB3" w:rsidRDefault="00156FB3" w:rsidP="00156FB3">
            <w:r>
              <w:tab/>
            </w:r>
            <w:r>
              <w:tab/>
              <w:t>}</w:t>
            </w:r>
          </w:p>
          <w:p w:rsidR="00156FB3" w:rsidRDefault="00156FB3" w:rsidP="00156FB3"/>
          <w:p w:rsidR="00156FB3" w:rsidRDefault="00156FB3" w:rsidP="00156FB3">
            <w:r>
              <w:tab/>
            </w:r>
            <w:r>
              <w:tab/>
              <w:t>return search;</w:t>
            </w:r>
          </w:p>
          <w:p w:rsidR="00156FB3" w:rsidRDefault="00156FB3" w:rsidP="00156FB3">
            <w:r>
              <w:tab/>
              <w:t>};</w:t>
            </w:r>
          </w:p>
          <w:p w:rsidR="00156FB3" w:rsidRDefault="00156FB3" w:rsidP="00156FB3"/>
          <w:p w:rsidR="00156FB3" w:rsidRDefault="00156FB3" w:rsidP="00156FB3">
            <w:r>
              <w:tab/>
              <w:t>// utilities</w:t>
            </w:r>
          </w:p>
          <w:p w:rsidR="00156FB3" w:rsidRDefault="00156FB3" w:rsidP="00156FB3">
            <w:r>
              <w:tab/>
              <w:t>// - - - - - - - - - - - - - - - - - - - - - - - - - - - - - - - - - - - - - - - -</w:t>
            </w:r>
          </w:p>
          <w:p w:rsidR="00156FB3" w:rsidRDefault="00156FB3" w:rsidP="00156FB3"/>
          <w:p w:rsidR="00156FB3" w:rsidRDefault="00156FB3" w:rsidP="00156FB3">
            <w:r>
              <w:tab/>
              <w:t>var cmp = function(a, b) {</w:t>
            </w:r>
          </w:p>
          <w:p w:rsidR="00156FB3" w:rsidRDefault="00156FB3" w:rsidP="00156FB3">
            <w:r>
              <w:tab/>
            </w:r>
            <w:r>
              <w:tab/>
              <w:t>if (typeof a === 'number' &amp;&amp; typeof b === 'number') {</w:t>
            </w:r>
          </w:p>
          <w:p w:rsidR="00156FB3" w:rsidRDefault="00156FB3" w:rsidP="00156FB3">
            <w:r>
              <w:tab/>
            </w:r>
            <w:r>
              <w:tab/>
            </w:r>
            <w:r>
              <w:tab/>
              <w:t>return a &gt; b ? 1 : (a &lt; b ? -1 : 0);</w:t>
            </w:r>
          </w:p>
          <w:p w:rsidR="00156FB3" w:rsidRDefault="00156FB3" w:rsidP="00156FB3">
            <w:r>
              <w:tab/>
            </w:r>
            <w:r>
              <w:tab/>
              <w:t>}</w:t>
            </w:r>
          </w:p>
          <w:p w:rsidR="00156FB3" w:rsidRDefault="00156FB3" w:rsidP="00156FB3">
            <w:r>
              <w:tab/>
            </w:r>
            <w:r>
              <w:tab/>
              <w:t>a = asciifold(String(a || ''));</w:t>
            </w:r>
          </w:p>
          <w:p w:rsidR="00156FB3" w:rsidRDefault="00156FB3" w:rsidP="00156FB3">
            <w:r>
              <w:tab/>
            </w:r>
            <w:r>
              <w:tab/>
              <w:t>b = asciifold(String(b || ''));</w:t>
            </w:r>
          </w:p>
          <w:p w:rsidR="00156FB3" w:rsidRDefault="00156FB3" w:rsidP="00156FB3">
            <w:r>
              <w:tab/>
            </w:r>
            <w:r>
              <w:tab/>
              <w:t>if (a &gt; b) return 1;</w:t>
            </w:r>
          </w:p>
          <w:p w:rsidR="00156FB3" w:rsidRDefault="00156FB3" w:rsidP="00156FB3">
            <w:r>
              <w:tab/>
            </w:r>
            <w:r>
              <w:tab/>
              <w:t>if (b &gt; a) return -1;</w:t>
            </w:r>
          </w:p>
          <w:p w:rsidR="00156FB3" w:rsidRDefault="00156FB3" w:rsidP="00156FB3">
            <w:r>
              <w:tab/>
            </w:r>
            <w:r>
              <w:tab/>
              <w:t>return 0;</w:t>
            </w:r>
          </w:p>
          <w:p w:rsidR="00156FB3" w:rsidRDefault="00156FB3" w:rsidP="00156FB3">
            <w:r>
              <w:tab/>
              <w:t>};</w:t>
            </w:r>
          </w:p>
          <w:p w:rsidR="00156FB3" w:rsidRDefault="00156FB3" w:rsidP="00156FB3"/>
          <w:p w:rsidR="00156FB3" w:rsidRDefault="00156FB3" w:rsidP="00156FB3">
            <w:r>
              <w:tab/>
              <w:t>var extend = function(a, b) {</w:t>
            </w:r>
          </w:p>
          <w:p w:rsidR="00156FB3" w:rsidRDefault="00156FB3" w:rsidP="00156FB3">
            <w:r>
              <w:tab/>
            </w:r>
            <w:r>
              <w:tab/>
              <w:t>var i, n, k, object;</w:t>
            </w:r>
          </w:p>
          <w:p w:rsidR="00156FB3" w:rsidRDefault="00156FB3" w:rsidP="00156FB3">
            <w:r>
              <w:tab/>
            </w:r>
            <w:r>
              <w:tab/>
              <w:t>for (i = 1, n = arguments.length; i &lt; n; i++) {</w:t>
            </w:r>
          </w:p>
          <w:p w:rsidR="00156FB3" w:rsidRDefault="00156FB3" w:rsidP="00156FB3">
            <w:r>
              <w:tab/>
            </w:r>
            <w:r>
              <w:tab/>
            </w:r>
            <w:r>
              <w:tab/>
              <w:t>object = arguments[i];</w:t>
            </w:r>
          </w:p>
          <w:p w:rsidR="00156FB3" w:rsidRDefault="00156FB3" w:rsidP="00156FB3">
            <w:r>
              <w:lastRenderedPageBreak/>
              <w:tab/>
            </w:r>
            <w:r>
              <w:tab/>
            </w:r>
            <w:r>
              <w:tab/>
              <w:t>if (!object) continue;</w:t>
            </w:r>
          </w:p>
          <w:p w:rsidR="00156FB3" w:rsidRDefault="00156FB3" w:rsidP="00156FB3">
            <w:r>
              <w:tab/>
            </w:r>
            <w:r>
              <w:tab/>
            </w:r>
            <w:r>
              <w:tab/>
              <w:t>for (k in object) {</w:t>
            </w:r>
          </w:p>
          <w:p w:rsidR="00156FB3" w:rsidRDefault="00156FB3" w:rsidP="00156FB3">
            <w:r>
              <w:tab/>
            </w:r>
            <w:r>
              <w:tab/>
            </w:r>
            <w:r>
              <w:tab/>
            </w:r>
            <w:r>
              <w:tab/>
              <w:t>if (object.hasOwnProperty(k)) {</w:t>
            </w:r>
          </w:p>
          <w:p w:rsidR="00156FB3" w:rsidRDefault="00156FB3" w:rsidP="00156FB3">
            <w:r>
              <w:tab/>
            </w:r>
            <w:r>
              <w:tab/>
            </w:r>
            <w:r>
              <w:tab/>
            </w:r>
            <w:r>
              <w:tab/>
            </w:r>
            <w:r>
              <w:tab/>
              <w:t>a[k] = object[k];</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t>}</w:t>
            </w:r>
          </w:p>
          <w:p w:rsidR="00156FB3" w:rsidRDefault="00156FB3" w:rsidP="00156FB3">
            <w:r>
              <w:tab/>
            </w:r>
            <w:r>
              <w:tab/>
              <w:t>return a;</w:t>
            </w:r>
          </w:p>
          <w:p w:rsidR="00156FB3" w:rsidRDefault="00156FB3" w:rsidP="00156FB3">
            <w:r>
              <w:tab/>
              <w:t>};</w:t>
            </w:r>
          </w:p>
          <w:p w:rsidR="00156FB3" w:rsidRDefault="00156FB3" w:rsidP="00156FB3"/>
          <w:p w:rsidR="00156FB3" w:rsidRDefault="00156FB3" w:rsidP="00156FB3">
            <w:r>
              <w:tab/>
              <w:t>/**</w:t>
            </w:r>
          </w:p>
          <w:p w:rsidR="00156FB3" w:rsidRDefault="00156FB3" w:rsidP="00156FB3">
            <w:r>
              <w:tab/>
              <w:t xml:space="preserve"> * A property getter resolving dot-notation</w:t>
            </w:r>
          </w:p>
          <w:p w:rsidR="00156FB3" w:rsidRDefault="00156FB3" w:rsidP="00156FB3">
            <w:r>
              <w:tab/>
              <w:t xml:space="preserve"> * @param  {Object}  obj     The root object to fetch property on</w:t>
            </w:r>
          </w:p>
          <w:p w:rsidR="00156FB3" w:rsidRDefault="00156FB3" w:rsidP="00156FB3">
            <w:r>
              <w:tab/>
              <w:t xml:space="preserve"> * @param  {String}  name    The optionally dotted property name to fetch</w:t>
            </w:r>
          </w:p>
          <w:p w:rsidR="00156FB3" w:rsidRDefault="00156FB3" w:rsidP="00156FB3">
            <w:r>
              <w:tab/>
              <w:t xml:space="preserve"> * @param  {Boolean} nesting Handle nesting or not</w:t>
            </w:r>
          </w:p>
          <w:p w:rsidR="00156FB3" w:rsidRDefault="00156FB3" w:rsidP="00156FB3">
            <w:r>
              <w:tab/>
              <w:t xml:space="preserve"> * @return {Object}          The resolved property value</w:t>
            </w:r>
          </w:p>
          <w:p w:rsidR="00156FB3" w:rsidRDefault="00156FB3" w:rsidP="00156FB3">
            <w:r>
              <w:tab/>
              <w:t xml:space="preserve"> */</w:t>
            </w:r>
          </w:p>
          <w:p w:rsidR="00156FB3" w:rsidRDefault="00156FB3" w:rsidP="00156FB3">
            <w:r>
              <w:tab/>
              <w:t>var getattr = function(obj, name, nesting) {</w:t>
            </w:r>
          </w:p>
          <w:p w:rsidR="00156FB3" w:rsidRDefault="00156FB3" w:rsidP="00156FB3">
            <w:r>
              <w:tab/>
              <w:t xml:space="preserve">    if (!obj || !name) return;</w:t>
            </w:r>
          </w:p>
          <w:p w:rsidR="00156FB3" w:rsidRDefault="00156FB3" w:rsidP="00156FB3">
            <w:r>
              <w:tab/>
              <w:t xml:space="preserve">    if (!nesting) return obj[name];</w:t>
            </w:r>
          </w:p>
          <w:p w:rsidR="00156FB3" w:rsidRDefault="00156FB3" w:rsidP="00156FB3">
            <w:r>
              <w:tab/>
              <w:t xml:space="preserve">    var names = name.split(".");</w:t>
            </w:r>
          </w:p>
          <w:p w:rsidR="00156FB3" w:rsidRDefault="00156FB3" w:rsidP="00156FB3">
            <w:r>
              <w:tab/>
              <w:t xml:space="preserve">    while(names.length &amp;&amp; (obj = obj[names.shift()]));</w:t>
            </w:r>
          </w:p>
          <w:p w:rsidR="00156FB3" w:rsidRDefault="00156FB3" w:rsidP="00156FB3">
            <w:r>
              <w:tab/>
              <w:t xml:space="preserve">    return obj;</w:t>
            </w:r>
          </w:p>
          <w:p w:rsidR="00156FB3" w:rsidRDefault="00156FB3" w:rsidP="00156FB3">
            <w:r>
              <w:tab/>
              <w:t>};</w:t>
            </w:r>
          </w:p>
          <w:p w:rsidR="00156FB3" w:rsidRDefault="00156FB3" w:rsidP="00156FB3"/>
          <w:p w:rsidR="00156FB3" w:rsidRDefault="00156FB3" w:rsidP="00156FB3">
            <w:r>
              <w:tab/>
              <w:t>var trim = function(str) {</w:t>
            </w:r>
          </w:p>
          <w:p w:rsidR="00156FB3" w:rsidRDefault="00156FB3" w:rsidP="00156FB3">
            <w:r>
              <w:tab/>
            </w:r>
            <w:r>
              <w:tab/>
              <w:t>return (str + '').replace(/^\s+|\s+$|/g, '');</w:t>
            </w:r>
          </w:p>
          <w:p w:rsidR="00156FB3" w:rsidRDefault="00156FB3" w:rsidP="00156FB3">
            <w:r>
              <w:tab/>
              <w:t>};</w:t>
            </w:r>
          </w:p>
          <w:p w:rsidR="00156FB3" w:rsidRDefault="00156FB3" w:rsidP="00156FB3"/>
          <w:p w:rsidR="00156FB3" w:rsidRDefault="00156FB3" w:rsidP="00156FB3">
            <w:r>
              <w:tab/>
              <w:t>var escape_regex = function(str) {</w:t>
            </w:r>
          </w:p>
          <w:p w:rsidR="00156FB3" w:rsidRDefault="00156FB3" w:rsidP="00156FB3">
            <w:r>
              <w:tab/>
            </w:r>
            <w:r>
              <w:tab/>
              <w:t>return (str + '').replace(/([.?*+^$[\]\\(){}|-])/g, '\\$1');</w:t>
            </w:r>
          </w:p>
          <w:p w:rsidR="00156FB3" w:rsidRDefault="00156FB3" w:rsidP="00156FB3">
            <w:r>
              <w:tab/>
              <w:t>};</w:t>
            </w:r>
          </w:p>
          <w:p w:rsidR="00156FB3" w:rsidRDefault="00156FB3" w:rsidP="00156FB3"/>
          <w:p w:rsidR="00156FB3" w:rsidRDefault="00156FB3" w:rsidP="00156FB3">
            <w:r>
              <w:tab/>
              <w:t>var is_array = Array.isArray || (typeof $ !== 'undefined' &amp;&amp; $.isArray) || function(object) {</w:t>
            </w:r>
          </w:p>
          <w:p w:rsidR="00156FB3" w:rsidRDefault="00156FB3" w:rsidP="00156FB3">
            <w:r>
              <w:tab/>
            </w:r>
            <w:r>
              <w:tab/>
              <w:t>return Object.prototype.toString.call(object) === '[object Array]';</w:t>
            </w:r>
          </w:p>
          <w:p w:rsidR="00156FB3" w:rsidRDefault="00156FB3" w:rsidP="00156FB3">
            <w:r>
              <w:tab/>
              <w:t>};</w:t>
            </w:r>
          </w:p>
          <w:p w:rsidR="00156FB3" w:rsidRDefault="00156FB3" w:rsidP="00156FB3"/>
          <w:p w:rsidR="00156FB3" w:rsidRDefault="00156FB3" w:rsidP="00156FB3">
            <w:r>
              <w:tab/>
              <w:t>var DIACRITICS = {</w:t>
            </w:r>
          </w:p>
          <w:p w:rsidR="00156FB3" w:rsidRDefault="00156FB3" w:rsidP="00156FB3">
            <w:r>
              <w:tab/>
            </w:r>
            <w:r>
              <w:tab/>
              <w:t>'a': '[aḀḁĂăÂâǍǎȺⱥȦȧẠạÄäÀàÁáĀāÃãÅåąĄÃąĄ]',</w:t>
            </w:r>
          </w:p>
          <w:p w:rsidR="00156FB3" w:rsidRDefault="00156FB3" w:rsidP="00156FB3">
            <w:r>
              <w:tab/>
            </w:r>
            <w:r>
              <w:tab/>
              <w:t>'b': '[b</w:t>
            </w:r>
            <w:r>
              <w:rPr>
                <w:rFonts w:ascii="Cascadia Code ExtraLight" w:hAnsi="Cascadia Code ExtraLight" w:cs="Cascadia Code ExtraLight"/>
              </w:rPr>
              <w:t>␢</w:t>
            </w:r>
            <w:r>
              <w:rPr>
                <w:rFonts w:ascii="Calibri" w:hAnsi="Calibri" w:cs="Calibri"/>
              </w:rPr>
              <w:t>βΒ</w:t>
            </w:r>
            <w:r>
              <w:t>B</w:t>
            </w:r>
            <w:r>
              <w:rPr>
                <w:rFonts w:hint="cs"/>
              </w:rPr>
              <w:t>฿</w:t>
            </w:r>
            <w:r>
              <w:rPr>
                <w:rFonts w:ascii="Calibri" w:hAnsi="Calibri" w:cs="Calibri"/>
              </w:rPr>
              <w:t>𐌁</w:t>
            </w:r>
            <w:r>
              <w:rPr>
                <w:rFonts w:ascii="Segoe UI Historic" w:hAnsi="Segoe UI Historic" w:cs="Segoe UI Historic"/>
              </w:rPr>
              <w:t>ᛒ</w:t>
            </w:r>
            <w:r>
              <w:t>]',</w:t>
            </w:r>
          </w:p>
          <w:p w:rsidR="00156FB3" w:rsidRDefault="00156FB3" w:rsidP="00156FB3">
            <w:r>
              <w:tab/>
            </w:r>
            <w:r>
              <w:tab/>
              <w:t>'c': '[cĆćĈĉČčĊċC̄c̄ÇçḈḉȻȼƇƈɕᴄ</w:t>
            </w:r>
            <w:r>
              <w:rPr>
                <w:rFonts w:ascii="MS Gothic" w:eastAsia="MS Gothic" w:hAnsi="MS Gothic" w:cs="MS Gothic" w:hint="eastAsia"/>
              </w:rPr>
              <w:t>Ｃｃ</w:t>
            </w:r>
            <w:r>
              <w:t>]',</w:t>
            </w:r>
          </w:p>
          <w:p w:rsidR="00156FB3" w:rsidRDefault="00156FB3" w:rsidP="00156FB3">
            <w:r>
              <w:tab/>
            </w:r>
            <w:r>
              <w:tab/>
              <w:t>'d': '[dĎďḊḋḐḑḌḍḒḓḎḏĐđD̦d̦ƉɖƊɗƋƌᵭᶁᶑȡᴅ</w:t>
            </w:r>
            <w:r>
              <w:rPr>
                <w:rFonts w:ascii="MS Gothic" w:eastAsia="MS Gothic" w:hAnsi="MS Gothic" w:cs="MS Gothic" w:hint="eastAsia"/>
              </w:rPr>
              <w:t>Ｄｄ</w:t>
            </w:r>
            <w:r>
              <w:rPr>
                <w:rFonts w:hint="eastAsia"/>
              </w:rPr>
              <w:t>ð</w:t>
            </w:r>
            <w:r>
              <w:t>]',</w:t>
            </w:r>
          </w:p>
          <w:p w:rsidR="00156FB3" w:rsidRDefault="00156FB3" w:rsidP="00156FB3">
            <w:r>
              <w:tab/>
            </w:r>
            <w:r>
              <w:tab/>
              <w:t>'e': '[eÉéÈèÊêḘḙĚěĔĕẼẽḚḛẺẻĖėËëĒēȨȩĘęᶒɆɇȄȅẾếỀềỄễỂểḜḝḖḗḔḕȆȇẸẹỆệⱸᴇ</w:t>
            </w:r>
            <w:r>
              <w:rPr>
                <w:rFonts w:ascii="MS Gothic" w:eastAsia="MS Gothic" w:hAnsi="MS Gothic" w:cs="MS Gothic" w:hint="eastAsia"/>
              </w:rPr>
              <w:t>Ｅｅ</w:t>
            </w:r>
            <w:r>
              <w:t>ɘǝƏƐε]',</w:t>
            </w:r>
          </w:p>
          <w:p w:rsidR="00156FB3" w:rsidRDefault="00156FB3" w:rsidP="00156FB3">
            <w:r>
              <w:tab/>
            </w:r>
            <w:r>
              <w:tab/>
              <w:t>'f': '[fƑƒḞḟ]',</w:t>
            </w:r>
          </w:p>
          <w:p w:rsidR="00156FB3" w:rsidRDefault="00156FB3" w:rsidP="00156FB3">
            <w:r>
              <w:tab/>
            </w:r>
            <w:r>
              <w:tab/>
              <w:t>'g': '[gɢ₲ǤǥĜĝĞğĢģƓɠĠġ]',</w:t>
            </w:r>
          </w:p>
          <w:p w:rsidR="00156FB3" w:rsidRDefault="00156FB3" w:rsidP="00156FB3">
            <w:r>
              <w:tab/>
            </w:r>
            <w:r>
              <w:tab/>
              <w:t>'h': '[hĤĥĦħḨḩẖẖḤḥḢḣɦʰǶƕ]',</w:t>
            </w:r>
          </w:p>
          <w:p w:rsidR="00156FB3" w:rsidRDefault="00156FB3" w:rsidP="00156FB3">
            <w:r>
              <w:tab/>
            </w:r>
            <w:r>
              <w:tab/>
              <w:t>'i': '[iÍíÌìĬĭÎîǏǐÏïḮḯĨĩĮįĪīỈỉȈȉȊȋỊịḬḭƗɨɨ̆ᵻᶖİiIıɪ</w:t>
            </w:r>
            <w:r>
              <w:rPr>
                <w:rFonts w:ascii="MS Gothic" w:eastAsia="MS Gothic" w:hAnsi="MS Gothic" w:cs="MS Gothic" w:hint="eastAsia"/>
              </w:rPr>
              <w:t>Ｉｉ</w:t>
            </w:r>
            <w:r>
              <w:t>]',</w:t>
            </w:r>
          </w:p>
          <w:p w:rsidR="00156FB3" w:rsidRDefault="00156FB3" w:rsidP="00156FB3">
            <w:r>
              <w:lastRenderedPageBreak/>
              <w:tab/>
            </w:r>
            <w:r>
              <w:tab/>
              <w:t>'j': '[jȷĴĵɈɉʝɟʲ]',</w:t>
            </w:r>
          </w:p>
          <w:p w:rsidR="00156FB3" w:rsidRDefault="00156FB3" w:rsidP="00156FB3">
            <w:r>
              <w:tab/>
            </w:r>
            <w:r>
              <w:tab/>
              <w:t>'k': '[kƘƙꝀꝁḰḱǨǩḲḳḴḵκϰ₭]',</w:t>
            </w:r>
          </w:p>
          <w:p w:rsidR="00156FB3" w:rsidRDefault="00156FB3" w:rsidP="00156FB3">
            <w:r>
              <w:tab/>
            </w:r>
            <w:r>
              <w:tab/>
              <w:t>'l': '[lŁłĽľĻļĹĺḶḷḸḹḼḽḺḻĿŀȽƚⱠⱡⱢɫɬᶅɭȴʟ</w:t>
            </w:r>
            <w:r>
              <w:rPr>
                <w:rFonts w:ascii="MS Gothic" w:eastAsia="MS Gothic" w:hAnsi="MS Gothic" w:cs="MS Gothic" w:hint="eastAsia"/>
              </w:rPr>
              <w:t>Ｌｌ</w:t>
            </w:r>
            <w:r>
              <w:t>]',</w:t>
            </w:r>
          </w:p>
          <w:p w:rsidR="00156FB3" w:rsidRDefault="00156FB3" w:rsidP="00156FB3">
            <w:r>
              <w:tab/>
            </w:r>
            <w:r>
              <w:tab/>
              <w:t>'n': '[nŃńǸǹŇňÑñṄṅŅņṆṇṊṋṈṉN̈n̈ƝɲȠƞᵰᶇɳȵɴ</w:t>
            </w:r>
            <w:r>
              <w:rPr>
                <w:rFonts w:ascii="MS Gothic" w:eastAsia="MS Gothic" w:hAnsi="MS Gothic" w:cs="MS Gothic" w:hint="eastAsia"/>
              </w:rPr>
              <w:t>Ｎｎ</w:t>
            </w:r>
            <w:r>
              <w:t>Ŋŋ]',</w:t>
            </w:r>
          </w:p>
          <w:p w:rsidR="00156FB3" w:rsidRDefault="00156FB3" w:rsidP="00156FB3">
            <w:r>
              <w:tab/>
            </w:r>
            <w:r>
              <w:tab/>
              <w:t>'o': '[oØøÖöÓóÒòÔôǑǒŐőŎŏȮȯỌọƟɵƠơỎỏŌōÕõǪǫȌȍՕօ]',</w:t>
            </w:r>
          </w:p>
          <w:p w:rsidR="00156FB3" w:rsidRDefault="00156FB3" w:rsidP="00156FB3">
            <w:r>
              <w:tab/>
            </w:r>
            <w:r>
              <w:tab/>
              <w:t>'p': '[pṔṕṖṗⱣᵽƤƥᵱ]',</w:t>
            </w:r>
          </w:p>
          <w:p w:rsidR="00156FB3" w:rsidRDefault="00156FB3" w:rsidP="00156FB3">
            <w:r>
              <w:tab/>
            </w:r>
            <w:r>
              <w:tab/>
              <w:t>'q': '[qꝖꝗʠɊɋꝘꝙq̃]',</w:t>
            </w:r>
          </w:p>
          <w:p w:rsidR="00156FB3" w:rsidRDefault="00156FB3" w:rsidP="00156FB3">
            <w:r>
              <w:tab/>
            </w:r>
            <w:r>
              <w:tab/>
              <w:t>'r': '[rŔŕɌɍŘřŖŗṘṙȐȑȒȓṚṛⱤɽ]',</w:t>
            </w:r>
          </w:p>
          <w:p w:rsidR="00156FB3" w:rsidRDefault="00156FB3" w:rsidP="00156FB3">
            <w:r>
              <w:tab/>
            </w:r>
            <w:r>
              <w:tab/>
              <w:t>'s': '[sŚśṠṡṢṣꞨꞩŜŝŠšŞşȘșS̈s̈]',</w:t>
            </w:r>
          </w:p>
          <w:p w:rsidR="00156FB3" w:rsidRDefault="00156FB3" w:rsidP="00156FB3">
            <w:r>
              <w:tab/>
            </w:r>
            <w:r>
              <w:tab/>
              <w:t>'t': '[tŤťṪṫŢţṬṭƮʈȚțṰṱṮṯƬƭ]',</w:t>
            </w:r>
          </w:p>
          <w:p w:rsidR="00156FB3" w:rsidRDefault="00156FB3" w:rsidP="00156FB3">
            <w:r>
              <w:tab/>
            </w:r>
            <w:r>
              <w:tab/>
              <w:t>'u': '[uŬŭɄʉỤụÜüÚúÙùÛûǓǔŰűŬŭƯưỦủŪūŨũŲųȔȕ</w:t>
            </w:r>
            <w:r>
              <w:rPr>
                <w:rFonts w:ascii="Cambria Math" w:hAnsi="Cambria Math" w:cs="Cambria Math"/>
              </w:rPr>
              <w:t>∪</w:t>
            </w:r>
            <w:r>
              <w:t>]',</w:t>
            </w:r>
          </w:p>
          <w:p w:rsidR="00156FB3" w:rsidRDefault="00156FB3" w:rsidP="00156FB3">
            <w:r>
              <w:tab/>
            </w:r>
            <w:r>
              <w:tab/>
              <w:t>'v': '[vṼṽṾṿƲʋꝞꝟ</w:t>
            </w:r>
            <w:r>
              <w:rPr>
                <w:rFonts w:ascii="Arial" w:hAnsi="Arial" w:cs="Arial"/>
              </w:rPr>
              <w:t>ⱱ</w:t>
            </w:r>
            <w:r>
              <w:rPr>
                <w:rFonts w:ascii="Calibri" w:hAnsi="Calibri" w:cs="Calibri"/>
              </w:rPr>
              <w:t>ʋ</w:t>
            </w:r>
            <w:r>
              <w:t>]',</w:t>
            </w:r>
          </w:p>
          <w:p w:rsidR="00156FB3" w:rsidRDefault="00156FB3" w:rsidP="00156FB3">
            <w:r>
              <w:tab/>
            </w:r>
            <w:r>
              <w:tab/>
              <w:t>'w': '[wẂẃẀẁŴŵẄẅẆẇẈẉ]',</w:t>
            </w:r>
          </w:p>
          <w:p w:rsidR="00156FB3" w:rsidRDefault="00156FB3" w:rsidP="00156FB3">
            <w:r>
              <w:tab/>
            </w:r>
            <w:r>
              <w:tab/>
              <w:t>'x': '[xẌẍẊẋχ]',</w:t>
            </w:r>
          </w:p>
          <w:p w:rsidR="00156FB3" w:rsidRDefault="00156FB3" w:rsidP="00156FB3">
            <w:r>
              <w:tab/>
            </w:r>
            <w:r>
              <w:tab/>
              <w:t>'y': '[yÝýỲỳŶŷŸÿỸỹẎẏỴỵɎɏƳƴ]',</w:t>
            </w:r>
          </w:p>
          <w:p w:rsidR="00156FB3" w:rsidRDefault="00156FB3" w:rsidP="00156FB3">
            <w:r>
              <w:tab/>
            </w:r>
            <w:r>
              <w:tab/>
              <w:t>'z': '[zŹźẐẑŽžŻżẒẓẔẕƵƶ]'</w:t>
            </w:r>
          </w:p>
          <w:p w:rsidR="00156FB3" w:rsidRDefault="00156FB3" w:rsidP="00156FB3">
            <w:r>
              <w:tab/>
              <w:t>};</w:t>
            </w:r>
          </w:p>
          <w:p w:rsidR="00156FB3" w:rsidRDefault="00156FB3" w:rsidP="00156FB3"/>
          <w:p w:rsidR="00156FB3" w:rsidRDefault="00156FB3" w:rsidP="00156FB3">
            <w:r>
              <w:tab/>
              <w:t>var asciifold = (function() {</w:t>
            </w:r>
          </w:p>
          <w:p w:rsidR="00156FB3" w:rsidRDefault="00156FB3" w:rsidP="00156FB3">
            <w:r>
              <w:tab/>
            </w:r>
            <w:r>
              <w:tab/>
              <w:t>var i, n, k, chunk;</w:t>
            </w:r>
          </w:p>
          <w:p w:rsidR="00156FB3" w:rsidRDefault="00156FB3" w:rsidP="00156FB3">
            <w:r>
              <w:tab/>
            </w:r>
            <w:r>
              <w:tab/>
              <w:t>var foreignletters = '';</w:t>
            </w:r>
          </w:p>
          <w:p w:rsidR="00156FB3" w:rsidRDefault="00156FB3" w:rsidP="00156FB3">
            <w:r>
              <w:tab/>
            </w:r>
            <w:r>
              <w:tab/>
              <w:t>var lookup = {};</w:t>
            </w:r>
          </w:p>
          <w:p w:rsidR="00156FB3" w:rsidRDefault="00156FB3" w:rsidP="00156FB3">
            <w:r>
              <w:tab/>
            </w:r>
            <w:r>
              <w:tab/>
              <w:t>for (k in DIACRITICS) {</w:t>
            </w:r>
          </w:p>
          <w:p w:rsidR="00156FB3" w:rsidRDefault="00156FB3" w:rsidP="00156FB3">
            <w:r>
              <w:tab/>
            </w:r>
            <w:r>
              <w:tab/>
            </w:r>
            <w:r>
              <w:tab/>
              <w:t>if (DIACRITICS.hasOwnProperty(k)) {</w:t>
            </w:r>
          </w:p>
          <w:p w:rsidR="00156FB3" w:rsidRDefault="00156FB3" w:rsidP="00156FB3">
            <w:r>
              <w:tab/>
            </w:r>
            <w:r>
              <w:tab/>
            </w:r>
            <w:r>
              <w:tab/>
            </w:r>
            <w:r>
              <w:tab/>
              <w:t>chunk = DIACRITICS[k].substring(2, DIACRITICS[k].length - 1);</w:t>
            </w:r>
          </w:p>
          <w:p w:rsidR="00156FB3" w:rsidRDefault="00156FB3" w:rsidP="00156FB3">
            <w:r>
              <w:tab/>
            </w:r>
            <w:r>
              <w:tab/>
            </w:r>
            <w:r>
              <w:tab/>
            </w:r>
            <w:r>
              <w:tab/>
              <w:t>foreignletters += chunk;</w:t>
            </w:r>
          </w:p>
          <w:p w:rsidR="00156FB3" w:rsidRDefault="00156FB3" w:rsidP="00156FB3">
            <w:r>
              <w:tab/>
            </w:r>
            <w:r>
              <w:tab/>
            </w:r>
            <w:r>
              <w:tab/>
            </w:r>
            <w:r>
              <w:tab/>
              <w:t>for (i = 0, n = chunk.length; i &lt; n; i++) {</w:t>
            </w:r>
          </w:p>
          <w:p w:rsidR="00156FB3" w:rsidRDefault="00156FB3" w:rsidP="00156FB3">
            <w:r>
              <w:tab/>
            </w:r>
            <w:r>
              <w:tab/>
            </w:r>
            <w:r>
              <w:tab/>
            </w:r>
            <w:r>
              <w:tab/>
            </w:r>
            <w:r>
              <w:tab/>
              <w:t>lookup[chunk.charAt(i)] = k;</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t>}</w:t>
            </w:r>
          </w:p>
          <w:p w:rsidR="00156FB3" w:rsidRDefault="00156FB3" w:rsidP="00156FB3">
            <w:r>
              <w:tab/>
            </w:r>
            <w:r>
              <w:tab/>
              <w:t>var regexp = new RegExp('[' +  foreignletters + ']', 'g');</w:t>
            </w:r>
          </w:p>
          <w:p w:rsidR="00156FB3" w:rsidRDefault="00156FB3" w:rsidP="00156FB3">
            <w:r>
              <w:tab/>
            </w:r>
            <w:r>
              <w:tab/>
              <w:t>return function(str) {</w:t>
            </w:r>
          </w:p>
          <w:p w:rsidR="00156FB3" w:rsidRDefault="00156FB3" w:rsidP="00156FB3">
            <w:r>
              <w:tab/>
            </w:r>
            <w:r>
              <w:tab/>
            </w:r>
            <w:r>
              <w:tab/>
              <w:t>return str.replace(regexp, function(foreignletter) {</w:t>
            </w:r>
          </w:p>
          <w:p w:rsidR="00156FB3" w:rsidRDefault="00156FB3" w:rsidP="00156FB3">
            <w:r>
              <w:tab/>
            </w:r>
            <w:r>
              <w:tab/>
            </w:r>
            <w:r>
              <w:tab/>
            </w:r>
            <w:r>
              <w:tab/>
              <w:t>return lookup[foreignletter];</w:t>
            </w:r>
          </w:p>
          <w:p w:rsidR="00156FB3" w:rsidRDefault="00156FB3" w:rsidP="00156FB3">
            <w:r>
              <w:tab/>
            </w:r>
            <w:r>
              <w:tab/>
            </w:r>
            <w:r>
              <w:tab/>
              <w:t>}).toLowerCase();</w:t>
            </w:r>
          </w:p>
          <w:p w:rsidR="00156FB3" w:rsidRDefault="00156FB3" w:rsidP="00156FB3">
            <w:r>
              <w:tab/>
            </w:r>
            <w:r>
              <w:tab/>
              <w:t>};</w:t>
            </w:r>
          </w:p>
          <w:p w:rsidR="00156FB3" w:rsidRDefault="00156FB3" w:rsidP="00156FB3">
            <w:r>
              <w:tab/>
              <w:t>})();</w:t>
            </w:r>
          </w:p>
          <w:p w:rsidR="00156FB3" w:rsidRDefault="00156FB3" w:rsidP="00156FB3"/>
          <w:p w:rsidR="00156FB3" w:rsidRDefault="00156FB3" w:rsidP="00156FB3"/>
          <w:p w:rsidR="00156FB3" w:rsidRDefault="00156FB3" w:rsidP="00156FB3">
            <w:r>
              <w:tab/>
              <w:t>// export</w:t>
            </w:r>
          </w:p>
          <w:p w:rsidR="00156FB3" w:rsidRDefault="00156FB3" w:rsidP="00156FB3">
            <w:r>
              <w:tab/>
              <w:t>// - - - - - - - - - - - - - - - - - - - - - - - - - - - - - - - - - - - - - - - -</w:t>
            </w:r>
          </w:p>
          <w:p w:rsidR="00156FB3" w:rsidRDefault="00156FB3" w:rsidP="00156FB3"/>
          <w:p w:rsidR="00156FB3" w:rsidRDefault="00156FB3" w:rsidP="00156FB3">
            <w:r>
              <w:tab/>
              <w:t>return Sifter;</w:t>
            </w:r>
          </w:p>
          <w:p w:rsidR="00156FB3" w:rsidRDefault="00156FB3" w:rsidP="00156FB3">
            <w:r>
              <w:t>}));</w:t>
            </w:r>
          </w:p>
          <w:p w:rsidR="00156FB3" w:rsidRDefault="00156FB3" w:rsidP="00156FB3"/>
          <w:p w:rsidR="00156FB3" w:rsidRDefault="00156FB3" w:rsidP="00156FB3"/>
          <w:p w:rsidR="00156FB3" w:rsidRDefault="00156FB3" w:rsidP="00156FB3"/>
          <w:p w:rsidR="00156FB3" w:rsidRDefault="00156FB3" w:rsidP="00156FB3">
            <w:r>
              <w:lastRenderedPageBreak/>
              <w:t>/**</w:t>
            </w:r>
          </w:p>
          <w:p w:rsidR="00156FB3" w:rsidRDefault="00156FB3" w:rsidP="00156FB3">
            <w:r>
              <w:t xml:space="preserve"> * microplugin.js</w:t>
            </w:r>
          </w:p>
          <w:p w:rsidR="00156FB3" w:rsidRDefault="00156FB3" w:rsidP="00156FB3">
            <w:r>
              <w:t xml:space="preserve"> * Copyright (c) 2013 Brian Reavis &amp; contributors</w:t>
            </w:r>
          </w:p>
          <w:p w:rsidR="00156FB3" w:rsidRDefault="00156FB3" w:rsidP="00156FB3">
            <w:r>
              <w:t xml:space="preserve"> *</w:t>
            </w:r>
          </w:p>
          <w:p w:rsidR="00156FB3" w:rsidRDefault="00156FB3" w:rsidP="00156FB3">
            <w:r>
              <w:t xml:space="preserve"> * Licensed under the Apache License, Version 2.0 (the "License"); you may not use this</w:t>
            </w:r>
          </w:p>
          <w:p w:rsidR="00156FB3" w:rsidRDefault="00156FB3" w:rsidP="00156FB3">
            <w:r>
              <w:t xml:space="preserve"> * file except in compliance with the License. You may obtain a copy of the License at:</w:t>
            </w:r>
          </w:p>
          <w:p w:rsidR="00156FB3" w:rsidRDefault="00156FB3" w:rsidP="00156FB3">
            <w:r>
              <w:t xml:space="preserve"> * http://www.apache.org/licenses/LICENSE-2.0</w:t>
            </w:r>
          </w:p>
          <w:p w:rsidR="00156FB3" w:rsidRDefault="00156FB3" w:rsidP="00156FB3">
            <w:r>
              <w:t xml:space="preserve"> *</w:t>
            </w:r>
          </w:p>
          <w:p w:rsidR="00156FB3" w:rsidRDefault="00156FB3" w:rsidP="00156FB3">
            <w:r>
              <w:t xml:space="preserve"> * Unless required by applicable law or agreed to in writing, software distributed under</w:t>
            </w:r>
          </w:p>
          <w:p w:rsidR="00156FB3" w:rsidRDefault="00156FB3" w:rsidP="00156FB3">
            <w:r>
              <w:t xml:space="preserve"> * the License is distributed on an "AS IS" BASIS, WITHOUT WARRANTIES OR CONDITIONS OF</w:t>
            </w:r>
          </w:p>
          <w:p w:rsidR="00156FB3" w:rsidRDefault="00156FB3" w:rsidP="00156FB3">
            <w:r>
              <w:t xml:space="preserve"> * ANY KIND, either express or implied. See the License for the specific language</w:t>
            </w:r>
          </w:p>
          <w:p w:rsidR="00156FB3" w:rsidRDefault="00156FB3" w:rsidP="00156FB3">
            <w:r>
              <w:t xml:space="preserve"> * governing permissions and limitations under the License.</w:t>
            </w:r>
          </w:p>
          <w:p w:rsidR="00156FB3" w:rsidRDefault="00156FB3" w:rsidP="00156FB3">
            <w:r>
              <w:t xml:space="preserve"> *</w:t>
            </w:r>
          </w:p>
          <w:p w:rsidR="00156FB3" w:rsidRDefault="00156FB3" w:rsidP="00156FB3">
            <w:r>
              <w:t xml:space="preserve"> * @author Brian Reavis &lt;brian@thirdroute.com&gt;</w:t>
            </w:r>
          </w:p>
          <w:p w:rsidR="00156FB3" w:rsidRDefault="00156FB3" w:rsidP="00156FB3">
            <w:r>
              <w:t xml:space="preserve"> */</w:t>
            </w:r>
          </w:p>
          <w:p w:rsidR="00156FB3" w:rsidRDefault="00156FB3" w:rsidP="00156FB3"/>
          <w:p w:rsidR="00156FB3" w:rsidRDefault="00156FB3" w:rsidP="00156FB3">
            <w:r>
              <w:t>(function(root, factory) {</w:t>
            </w:r>
          </w:p>
          <w:p w:rsidR="00156FB3" w:rsidRDefault="00156FB3" w:rsidP="00156FB3">
            <w:r>
              <w:tab/>
              <w:t>if (typeof define === 'function' &amp;&amp; define.amd) {</w:t>
            </w:r>
          </w:p>
          <w:p w:rsidR="00156FB3" w:rsidRDefault="00156FB3" w:rsidP="00156FB3">
            <w:r>
              <w:tab/>
            </w:r>
            <w:r>
              <w:tab/>
              <w:t>define('microplugin', factory);</w:t>
            </w:r>
          </w:p>
          <w:p w:rsidR="00156FB3" w:rsidRDefault="00156FB3" w:rsidP="00156FB3">
            <w:r>
              <w:tab/>
              <w:t>} else if (typeof exports === 'object') {</w:t>
            </w:r>
          </w:p>
          <w:p w:rsidR="00156FB3" w:rsidRDefault="00156FB3" w:rsidP="00156FB3">
            <w:r>
              <w:tab/>
            </w:r>
            <w:r>
              <w:tab/>
              <w:t>module.exports = factory();</w:t>
            </w:r>
          </w:p>
          <w:p w:rsidR="00156FB3" w:rsidRDefault="00156FB3" w:rsidP="00156FB3">
            <w:r>
              <w:tab/>
              <w:t>} else {</w:t>
            </w:r>
          </w:p>
          <w:p w:rsidR="00156FB3" w:rsidRDefault="00156FB3" w:rsidP="00156FB3">
            <w:r>
              <w:tab/>
            </w:r>
            <w:r>
              <w:tab/>
              <w:t>root.MicroPlugin = factory();</w:t>
            </w:r>
          </w:p>
          <w:p w:rsidR="00156FB3" w:rsidRDefault="00156FB3" w:rsidP="00156FB3">
            <w:r>
              <w:tab/>
              <w:t>}</w:t>
            </w:r>
          </w:p>
          <w:p w:rsidR="00156FB3" w:rsidRDefault="00156FB3" w:rsidP="00156FB3">
            <w:r>
              <w:t>}(this, function() {</w:t>
            </w:r>
          </w:p>
          <w:p w:rsidR="00156FB3" w:rsidRDefault="00156FB3" w:rsidP="00156FB3">
            <w:r>
              <w:tab/>
              <w:t>var MicroPlugin = {};</w:t>
            </w:r>
          </w:p>
          <w:p w:rsidR="00156FB3" w:rsidRDefault="00156FB3" w:rsidP="00156FB3"/>
          <w:p w:rsidR="00156FB3" w:rsidRDefault="00156FB3" w:rsidP="00156FB3">
            <w:r>
              <w:tab/>
              <w:t>MicroPlugin.mixin = function(Interface) {</w:t>
            </w:r>
          </w:p>
          <w:p w:rsidR="00156FB3" w:rsidRDefault="00156FB3" w:rsidP="00156FB3">
            <w:r>
              <w:tab/>
            </w:r>
            <w:r>
              <w:tab/>
              <w:t>Interface.plugins = {};</w:t>
            </w:r>
          </w:p>
          <w:p w:rsidR="00156FB3" w:rsidRDefault="00156FB3" w:rsidP="00156FB3"/>
          <w:p w:rsidR="00156FB3" w:rsidRDefault="00156FB3" w:rsidP="00156FB3">
            <w:r>
              <w:tab/>
            </w:r>
            <w:r>
              <w:tab/>
              <w:t>/**</w:t>
            </w:r>
          </w:p>
          <w:p w:rsidR="00156FB3" w:rsidRDefault="00156FB3" w:rsidP="00156FB3">
            <w:r>
              <w:tab/>
            </w:r>
            <w:r>
              <w:tab/>
              <w:t xml:space="preserve"> * Initializes the listed plugins (with options).</w:t>
            </w:r>
          </w:p>
          <w:p w:rsidR="00156FB3" w:rsidRDefault="00156FB3" w:rsidP="00156FB3">
            <w:r>
              <w:tab/>
            </w:r>
            <w:r>
              <w:tab/>
              <w:t xml:space="preserve"> * Acceptable formats:</w:t>
            </w:r>
          </w:p>
          <w:p w:rsidR="00156FB3" w:rsidRDefault="00156FB3" w:rsidP="00156FB3">
            <w:r>
              <w:tab/>
            </w:r>
            <w:r>
              <w:tab/>
              <w:t xml:space="preserve"> *</w:t>
            </w:r>
          </w:p>
          <w:p w:rsidR="00156FB3" w:rsidRDefault="00156FB3" w:rsidP="00156FB3">
            <w:r>
              <w:tab/>
            </w:r>
            <w:r>
              <w:tab/>
              <w:t xml:space="preserve"> * List (without options):</w:t>
            </w:r>
          </w:p>
          <w:p w:rsidR="00156FB3" w:rsidRDefault="00156FB3" w:rsidP="00156FB3">
            <w:r>
              <w:tab/>
            </w:r>
            <w:r>
              <w:tab/>
              <w:t xml:space="preserve"> *   ['a', 'b', 'c']</w:t>
            </w:r>
          </w:p>
          <w:p w:rsidR="00156FB3" w:rsidRDefault="00156FB3" w:rsidP="00156FB3">
            <w:r>
              <w:tab/>
            </w:r>
            <w:r>
              <w:tab/>
              <w:t xml:space="preserve"> *</w:t>
            </w:r>
          </w:p>
          <w:p w:rsidR="00156FB3" w:rsidRDefault="00156FB3" w:rsidP="00156FB3">
            <w:r>
              <w:tab/>
            </w:r>
            <w:r>
              <w:tab/>
              <w:t xml:space="preserve"> * List (with options):</w:t>
            </w:r>
          </w:p>
          <w:p w:rsidR="00156FB3" w:rsidRDefault="00156FB3" w:rsidP="00156FB3">
            <w:r>
              <w:tab/>
            </w:r>
            <w:r>
              <w:tab/>
              <w:t xml:space="preserve"> *   [{'name': 'a', options: {}}, {'name': 'b', options: {}}]</w:t>
            </w:r>
          </w:p>
          <w:p w:rsidR="00156FB3" w:rsidRDefault="00156FB3" w:rsidP="00156FB3">
            <w:r>
              <w:tab/>
            </w:r>
            <w:r>
              <w:tab/>
              <w:t xml:space="preserve"> *</w:t>
            </w:r>
          </w:p>
          <w:p w:rsidR="00156FB3" w:rsidRDefault="00156FB3" w:rsidP="00156FB3">
            <w:r>
              <w:tab/>
            </w:r>
            <w:r>
              <w:tab/>
              <w:t xml:space="preserve"> * Hash (with options):</w:t>
            </w:r>
          </w:p>
          <w:p w:rsidR="00156FB3" w:rsidRDefault="00156FB3" w:rsidP="00156FB3">
            <w:r>
              <w:tab/>
            </w:r>
            <w:r>
              <w:tab/>
              <w:t xml:space="preserve"> *   {'a': { ... }, 'b': { ... }, 'c': { ... }}</w:t>
            </w:r>
          </w:p>
          <w:p w:rsidR="00156FB3" w:rsidRDefault="00156FB3" w:rsidP="00156FB3">
            <w:r>
              <w:tab/>
            </w:r>
            <w:r>
              <w:tab/>
              <w:t xml:space="preserve"> *</w:t>
            </w:r>
          </w:p>
          <w:p w:rsidR="00156FB3" w:rsidRDefault="00156FB3" w:rsidP="00156FB3">
            <w:r>
              <w:tab/>
            </w:r>
            <w:r>
              <w:tab/>
              <w:t xml:space="preserve"> * @param {mixed} plugins</w:t>
            </w:r>
          </w:p>
          <w:p w:rsidR="00156FB3" w:rsidRDefault="00156FB3" w:rsidP="00156FB3">
            <w:r>
              <w:tab/>
            </w:r>
            <w:r>
              <w:tab/>
              <w:t xml:space="preserve"> */</w:t>
            </w:r>
          </w:p>
          <w:p w:rsidR="00156FB3" w:rsidRDefault="00156FB3" w:rsidP="00156FB3">
            <w:r>
              <w:tab/>
            </w:r>
            <w:r>
              <w:tab/>
              <w:t>Interface.prototype.initializePlugins = function(plugins) {</w:t>
            </w:r>
          </w:p>
          <w:p w:rsidR="00156FB3" w:rsidRDefault="00156FB3" w:rsidP="00156FB3">
            <w:r>
              <w:tab/>
            </w:r>
            <w:r>
              <w:tab/>
            </w:r>
            <w:r>
              <w:tab/>
              <w:t>var i, n, key;</w:t>
            </w:r>
          </w:p>
          <w:p w:rsidR="00156FB3" w:rsidRDefault="00156FB3" w:rsidP="00156FB3">
            <w:r>
              <w:tab/>
            </w:r>
            <w:r>
              <w:tab/>
            </w:r>
            <w:r>
              <w:tab/>
              <w:t>var self  = this;</w:t>
            </w:r>
          </w:p>
          <w:p w:rsidR="00156FB3" w:rsidRDefault="00156FB3" w:rsidP="00156FB3">
            <w:r>
              <w:lastRenderedPageBreak/>
              <w:tab/>
            </w:r>
            <w:r>
              <w:tab/>
            </w:r>
            <w:r>
              <w:tab/>
              <w:t>var queue = [];</w:t>
            </w:r>
          </w:p>
          <w:p w:rsidR="00156FB3" w:rsidRDefault="00156FB3" w:rsidP="00156FB3"/>
          <w:p w:rsidR="00156FB3" w:rsidRDefault="00156FB3" w:rsidP="00156FB3">
            <w:r>
              <w:tab/>
            </w:r>
            <w:r>
              <w:tab/>
            </w:r>
            <w:r>
              <w:tab/>
              <w:t>self.plugins = {</w:t>
            </w:r>
          </w:p>
          <w:p w:rsidR="00156FB3" w:rsidRDefault="00156FB3" w:rsidP="00156FB3">
            <w:r>
              <w:tab/>
            </w:r>
            <w:r>
              <w:tab/>
            </w:r>
            <w:r>
              <w:tab/>
            </w:r>
            <w:r>
              <w:tab/>
              <w:t>names     : [],</w:t>
            </w:r>
          </w:p>
          <w:p w:rsidR="00156FB3" w:rsidRDefault="00156FB3" w:rsidP="00156FB3">
            <w:r>
              <w:tab/>
            </w:r>
            <w:r>
              <w:tab/>
            </w:r>
            <w:r>
              <w:tab/>
            </w:r>
            <w:r>
              <w:tab/>
              <w:t>settings  : {},</w:t>
            </w:r>
          </w:p>
          <w:p w:rsidR="00156FB3" w:rsidRDefault="00156FB3" w:rsidP="00156FB3">
            <w:r>
              <w:tab/>
            </w:r>
            <w:r>
              <w:tab/>
            </w:r>
            <w:r>
              <w:tab/>
            </w:r>
            <w:r>
              <w:tab/>
              <w:t>requested : {},</w:t>
            </w:r>
          </w:p>
          <w:p w:rsidR="00156FB3" w:rsidRDefault="00156FB3" w:rsidP="00156FB3">
            <w:r>
              <w:tab/>
            </w:r>
            <w:r>
              <w:tab/>
            </w:r>
            <w:r>
              <w:tab/>
            </w:r>
            <w:r>
              <w:tab/>
              <w:t>loaded    : {}</w:t>
            </w:r>
          </w:p>
          <w:p w:rsidR="00156FB3" w:rsidRDefault="00156FB3" w:rsidP="00156FB3">
            <w:r>
              <w:tab/>
            </w:r>
            <w:r>
              <w:tab/>
            </w:r>
            <w:r>
              <w:tab/>
              <w:t>};</w:t>
            </w:r>
          </w:p>
          <w:p w:rsidR="00156FB3" w:rsidRDefault="00156FB3" w:rsidP="00156FB3"/>
          <w:p w:rsidR="00156FB3" w:rsidRDefault="00156FB3" w:rsidP="00156FB3">
            <w:r>
              <w:tab/>
            </w:r>
            <w:r>
              <w:tab/>
            </w:r>
            <w:r>
              <w:tab/>
              <w:t>if (utils.isArray(plugins)) {</w:t>
            </w:r>
          </w:p>
          <w:p w:rsidR="00156FB3" w:rsidRDefault="00156FB3" w:rsidP="00156FB3">
            <w:r>
              <w:tab/>
            </w:r>
            <w:r>
              <w:tab/>
            </w:r>
            <w:r>
              <w:tab/>
            </w:r>
            <w:r>
              <w:tab/>
              <w:t>for (i = 0, n = plugins.length; i &lt; n; i++) {</w:t>
            </w:r>
          </w:p>
          <w:p w:rsidR="00156FB3" w:rsidRDefault="00156FB3" w:rsidP="00156FB3">
            <w:r>
              <w:tab/>
            </w:r>
            <w:r>
              <w:tab/>
            </w:r>
            <w:r>
              <w:tab/>
            </w:r>
            <w:r>
              <w:tab/>
            </w:r>
            <w:r>
              <w:tab/>
              <w:t>if (typeof plugins[i] === 'string') {</w:t>
            </w:r>
          </w:p>
          <w:p w:rsidR="00156FB3" w:rsidRDefault="00156FB3" w:rsidP="00156FB3">
            <w:r>
              <w:tab/>
            </w:r>
            <w:r>
              <w:tab/>
            </w:r>
            <w:r>
              <w:tab/>
            </w:r>
            <w:r>
              <w:tab/>
            </w:r>
            <w:r>
              <w:tab/>
            </w:r>
            <w:r>
              <w:tab/>
              <w:t>queue.push(plugins[i]);</w:t>
            </w:r>
          </w:p>
          <w:p w:rsidR="00156FB3" w:rsidRDefault="00156FB3" w:rsidP="00156FB3">
            <w:r>
              <w:tab/>
            </w:r>
            <w:r>
              <w:tab/>
            </w:r>
            <w:r>
              <w:tab/>
            </w:r>
            <w:r>
              <w:tab/>
            </w:r>
            <w:r>
              <w:tab/>
              <w:t>} else {</w:t>
            </w:r>
          </w:p>
          <w:p w:rsidR="00156FB3" w:rsidRDefault="00156FB3" w:rsidP="00156FB3">
            <w:r>
              <w:tab/>
            </w:r>
            <w:r>
              <w:tab/>
            </w:r>
            <w:r>
              <w:tab/>
            </w:r>
            <w:r>
              <w:tab/>
            </w:r>
            <w:r>
              <w:tab/>
            </w:r>
            <w:r>
              <w:tab/>
              <w:t>self.plugins.settings[plugins[i].name] = plugins[i].options;</w:t>
            </w:r>
          </w:p>
          <w:p w:rsidR="00156FB3" w:rsidRDefault="00156FB3" w:rsidP="00156FB3">
            <w:r>
              <w:tab/>
            </w:r>
            <w:r>
              <w:tab/>
            </w:r>
            <w:r>
              <w:tab/>
            </w:r>
            <w:r>
              <w:tab/>
            </w:r>
            <w:r>
              <w:tab/>
            </w:r>
            <w:r>
              <w:tab/>
              <w:t>queue.push(plugins[i].name);</w:t>
            </w:r>
          </w:p>
          <w:p w:rsidR="00156FB3" w:rsidRDefault="00156FB3" w:rsidP="00156FB3">
            <w:r>
              <w:tab/>
            </w:r>
            <w:r>
              <w:tab/>
            </w:r>
            <w:r>
              <w:tab/>
            </w:r>
            <w:r>
              <w:tab/>
            </w:r>
            <w:r>
              <w:tab/>
              <w:t>}</w:t>
            </w:r>
          </w:p>
          <w:p w:rsidR="00156FB3" w:rsidRDefault="00156FB3" w:rsidP="00156FB3">
            <w:r>
              <w:tab/>
            </w:r>
            <w:r>
              <w:tab/>
            </w:r>
            <w:r>
              <w:tab/>
            </w:r>
            <w:r>
              <w:tab/>
              <w:t>}</w:t>
            </w:r>
          </w:p>
          <w:p w:rsidR="00156FB3" w:rsidRDefault="00156FB3" w:rsidP="00156FB3">
            <w:r>
              <w:tab/>
            </w:r>
            <w:r>
              <w:tab/>
            </w:r>
            <w:r>
              <w:tab/>
              <w:t>} else if (plugins) {</w:t>
            </w:r>
          </w:p>
          <w:p w:rsidR="00156FB3" w:rsidRDefault="00156FB3" w:rsidP="00156FB3">
            <w:r>
              <w:tab/>
            </w:r>
            <w:r>
              <w:tab/>
            </w:r>
            <w:r>
              <w:tab/>
            </w:r>
            <w:r>
              <w:tab/>
              <w:t>for (key in plugins) {</w:t>
            </w:r>
          </w:p>
          <w:p w:rsidR="00156FB3" w:rsidRDefault="00156FB3" w:rsidP="00156FB3">
            <w:r>
              <w:tab/>
            </w:r>
            <w:r>
              <w:tab/>
            </w:r>
            <w:r>
              <w:tab/>
            </w:r>
            <w:r>
              <w:tab/>
            </w:r>
            <w:r>
              <w:tab/>
              <w:t>if (plugins.hasOwnProperty(key)) {</w:t>
            </w:r>
          </w:p>
          <w:p w:rsidR="00156FB3" w:rsidRDefault="00156FB3" w:rsidP="00156FB3">
            <w:r>
              <w:tab/>
            </w:r>
            <w:r>
              <w:tab/>
            </w:r>
            <w:r>
              <w:tab/>
            </w:r>
            <w:r>
              <w:tab/>
            </w:r>
            <w:r>
              <w:tab/>
            </w:r>
            <w:r>
              <w:tab/>
              <w:t>self.plugins.settings[key] = plugins[key];</w:t>
            </w:r>
          </w:p>
          <w:p w:rsidR="00156FB3" w:rsidRDefault="00156FB3" w:rsidP="00156FB3">
            <w:r>
              <w:tab/>
            </w:r>
            <w:r>
              <w:tab/>
            </w:r>
            <w:r>
              <w:tab/>
            </w:r>
            <w:r>
              <w:tab/>
            </w:r>
            <w:r>
              <w:tab/>
            </w:r>
            <w:r>
              <w:tab/>
              <w:t>queue.push(key);</w:t>
            </w:r>
          </w:p>
          <w:p w:rsidR="00156FB3" w:rsidRDefault="00156FB3" w:rsidP="00156FB3">
            <w:r>
              <w:tab/>
            </w:r>
            <w:r>
              <w:tab/>
            </w:r>
            <w:r>
              <w:tab/>
            </w:r>
            <w:r>
              <w:tab/>
            </w:r>
            <w:r>
              <w:tab/>
              <w:t>}</w:t>
            </w:r>
          </w:p>
          <w:p w:rsidR="00156FB3" w:rsidRDefault="00156FB3" w:rsidP="00156FB3">
            <w:r>
              <w:tab/>
            </w:r>
            <w:r>
              <w:tab/>
            </w:r>
            <w:r>
              <w:tab/>
            </w:r>
            <w:r>
              <w:tab/>
              <w:t>}</w:t>
            </w:r>
          </w:p>
          <w:p w:rsidR="00156FB3" w:rsidRDefault="00156FB3" w:rsidP="00156FB3">
            <w:r>
              <w:tab/>
            </w:r>
            <w:r>
              <w:tab/>
            </w:r>
            <w:r>
              <w:tab/>
              <w:t>}</w:t>
            </w:r>
          </w:p>
          <w:p w:rsidR="00156FB3" w:rsidRDefault="00156FB3" w:rsidP="00156FB3"/>
          <w:p w:rsidR="00156FB3" w:rsidRDefault="00156FB3" w:rsidP="00156FB3">
            <w:r>
              <w:tab/>
            </w:r>
            <w:r>
              <w:tab/>
            </w:r>
            <w:r>
              <w:tab/>
              <w:t>while (queue.length) {</w:t>
            </w:r>
          </w:p>
          <w:p w:rsidR="00156FB3" w:rsidRDefault="00156FB3" w:rsidP="00156FB3">
            <w:r>
              <w:tab/>
            </w:r>
            <w:r>
              <w:tab/>
            </w:r>
            <w:r>
              <w:tab/>
            </w:r>
            <w:r>
              <w:tab/>
              <w:t>self.require(queue.shift());</w:t>
            </w:r>
          </w:p>
          <w:p w:rsidR="00156FB3" w:rsidRDefault="00156FB3" w:rsidP="00156FB3">
            <w:r>
              <w:tab/>
            </w:r>
            <w:r>
              <w:tab/>
            </w:r>
            <w:r>
              <w:tab/>
              <w:t>}</w:t>
            </w:r>
          </w:p>
          <w:p w:rsidR="00156FB3" w:rsidRDefault="00156FB3" w:rsidP="00156FB3">
            <w:r>
              <w:tab/>
            </w:r>
            <w:r>
              <w:tab/>
              <w:t>};</w:t>
            </w:r>
          </w:p>
          <w:p w:rsidR="00156FB3" w:rsidRDefault="00156FB3" w:rsidP="00156FB3"/>
          <w:p w:rsidR="00156FB3" w:rsidRDefault="00156FB3" w:rsidP="00156FB3">
            <w:r>
              <w:tab/>
            </w:r>
            <w:r>
              <w:tab/>
              <w:t>Interface.prototype.loadPlugin = function(name) {</w:t>
            </w:r>
          </w:p>
          <w:p w:rsidR="00156FB3" w:rsidRDefault="00156FB3" w:rsidP="00156FB3">
            <w:r>
              <w:tab/>
            </w:r>
            <w:r>
              <w:tab/>
            </w:r>
            <w:r>
              <w:tab/>
              <w:t>var self    = this;</w:t>
            </w:r>
          </w:p>
          <w:p w:rsidR="00156FB3" w:rsidRDefault="00156FB3" w:rsidP="00156FB3">
            <w:r>
              <w:tab/>
            </w:r>
            <w:r>
              <w:tab/>
            </w:r>
            <w:r>
              <w:tab/>
              <w:t>var plugins = self.plugins;</w:t>
            </w:r>
          </w:p>
          <w:p w:rsidR="00156FB3" w:rsidRDefault="00156FB3" w:rsidP="00156FB3">
            <w:r>
              <w:tab/>
            </w:r>
            <w:r>
              <w:tab/>
            </w:r>
            <w:r>
              <w:tab/>
              <w:t>var plugin  = Interface.plugins[name];</w:t>
            </w:r>
          </w:p>
          <w:p w:rsidR="00156FB3" w:rsidRDefault="00156FB3" w:rsidP="00156FB3"/>
          <w:p w:rsidR="00156FB3" w:rsidRDefault="00156FB3" w:rsidP="00156FB3">
            <w:r>
              <w:tab/>
            </w:r>
            <w:r>
              <w:tab/>
            </w:r>
            <w:r>
              <w:tab/>
              <w:t>if (!Interface.plugins.hasOwnProperty(name)) {</w:t>
            </w:r>
          </w:p>
          <w:p w:rsidR="00156FB3" w:rsidRDefault="00156FB3" w:rsidP="00156FB3">
            <w:r>
              <w:tab/>
            </w:r>
            <w:r>
              <w:tab/>
            </w:r>
            <w:r>
              <w:tab/>
            </w:r>
            <w:r>
              <w:tab/>
              <w:t>throw new Error('Unable to find "' +  name + '" plugin');</w:t>
            </w:r>
          </w:p>
          <w:p w:rsidR="00156FB3" w:rsidRDefault="00156FB3" w:rsidP="00156FB3">
            <w:r>
              <w:tab/>
            </w:r>
            <w:r>
              <w:tab/>
            </w:r>
            <w:r>
              <w:tab/>
              <w:t>}</w:t>
            </w:r>
          </w:p>
          <w:p w:rsidR="00156FB3" w:rsidRDefault="00156FB3" w:rsidP="00156FB3"/>
          <w:p w:rsidR="00156FB3" w:rsidRDefault="00156FB3" w:rsidP="00156FB3">
            <w:r>
              <w:tab/>
            </w:r>
            <w:r>
              <w:tab/>
            </w:r>
            <w:r>
              <w:tab/>
              <w:t>plugins.requested[name] = true;</w:t>
            </w:r>
          </w:p>
          <w:p w:rsidR="00156FB3" w:rsidRDefault="00156FB3" w:rsidP="00156FB3">
            <w:r>
              <w:tab/>
            </w:r>
            <w:r>
              <w:tab/>
            </w:r>
            <w:r>
              <w:tab/>
              <w:t>plugins.loaded[name] = plugin.fn.apply(self, [self.plugins.settings[name] || {}]);</w:t>
            </w:r>
          </w:p>
          <w:p w:rsidR="00156FB3" w:rsidRDefault="00156FB3" w:rsidP="00156FB3">
            <w:r>
              <w:tab/>
            </w:r>
            <w:r>
              <w:tab/>
            </w:r>
            <w:r>
              <w:tab/>
              <w:t>plugins.names.push(name);</w:t>
            </w:r>
          </w:p>
          <w:p w:rsidR="00156FB3" w:rsidRDefault="00156FB3" w:rsidP="00156FB3">
            <w:r>
              <w:tab/>
            </w:r>
            <w:r>
              <w:tab/>
              <w:t>};</w:t>
            </w:r>
          </w:p>
          <w:p w:rsidR="00156FB3" w:rsidRDefault="00156FB3" w:rsidP="00156FB3"/>
          <w:p w:rsidR="00156FB3" w:rsidRDefault="00156FB3" w:rsidP="00156FB3">
            <w:r>
              <w:tab/>
            </w:r>
            <w:r>
              <w:tab/>
              <w:t>/**</w:t>
            </w:r>
          </w:p>
          <w:p w:rsidR="00156FB3" w:rsidRDefault="00156FB3" w:rsidP="00156FB3">
            <w:r>
              <w:lastRenderedPageBreak/>
              <w:tab/>
            </w:r>
            <w:r>
              <w:tab/>
              <w:t xml:space="preserve"> * Initializes a plugin.</w:t>
            </w:r>
          </w:p>
          <w:p w:rsidR="00156FB3" w:rsidRDefault="00156FB3" w:rsidP="00156FB3">
            <w:r>
              <w:tab/>
            </w:r>
            <w:r>
              <w:tab/>
              <w:t xml:space="preserve"> *</w:t>
            </w:r>
          </w:p>
          <w:p w:rsidR="00156FB3" w:rsidRDefault="00156FB3" w:rsidP="00156FB3">
            <w:r>
              <w:tab/>
            </w:r>
            <w:r>
              <w:tab/>
              <w:t xml:space="preserve"> * @param {string} name</w:t>
            </w:r>
          </w:p>
          <w:p w:rsidR="00156FB3" w:rsidRDefault="00156FB3" w:rsidP="00156FB3">
            <w:r>
              <w:tab/>
            </w:r>
            <w:r>
              <w:tab/>
              <w:t xml:space="preserve"> */</w:t>
            </w:r>
          </w:p>
          <w:p w:rsidR="00156FB3" w:rsidRDefault="00156FB3" w:rsidP="00156FB3">
            <w:r>
              <w:tab/>
            </w:r>
            <w:r>
              <w:tab/>
              <w:t>Interface.prototype.require = function(name) {</w:t>
            </w:r>
          </w:p>
          <w:p w:rsidR="00156FB3" w:rsidRDefault="00156FB3" w:rsidP="00156FB3">
            <w:r>
              <w:tab/>
            </w:r>
            <w:r>
              <w:tab/>
            </w:r>
            <w:r>
              <w:tab/>
              <w:t>var self = this;</w:t>
            </w:r>
          </w:p>
          <w:p w:rsidR="00156FB3" w:rsidRDefault="00156FB3" w:rsidP="00156FB3">
            <w:r>
              <w:tab/>
            </w:r>
            <w:r>
              <w:tab/>
            </w:r>
            <w:r>
              <w:tab/>
              <w:t>var plugins = self.plugins;</w:t>
            </w:r>
          </w:p>
          <w:p w:rsidR="00156FB3" w:rsidRDefault="00156FB3" w:rsidP="00156FB3"/>
          <w:p w:rsidR="00156FB3" w:rsidRDefault="00156FB3" w:rsidP="00156FB3">
            <w:r>
              <w:tab/>
            </w:r>
            <w:r>
              <w:tab/>
            </w:r>
            <w:r>
              <w:tab/>
              <w:t>if (!self.plugins.loaded.hasOwnProperty(name)) {</w:t>
            </w:r>
          </w:p>
          <w:p w:rsidR="00156FB3" w:rsidRDefault="00156FB3" w:rsidP="00156FB3">
            <w:r>
              <w:tab/>
            </w:r>
            <w:r>
              <w:tab/>
            </w:r>
            <w:r>
              <w:tab/>
            </w:r>
            <w:r>
              <w:tab/>
              <w:t>if (plugins.requested[name]) {</w:t>
            </w:r>
          </w:p>
          <w:p w:rsidR="00156FB3" w:rsidRDefault="00156FB3" w:rsidP="00156FB3">
            <w:r>
              <w:tab/>
            </w:r>
            <w:r>
              <w:tab/>
            </w:r>
            <w:r>
              <w:tab/>
            </w:r>
            <w:r>
              <w:tab/>
            </w:r>
            <w:r>
              <w:tab/>
              <w:t>throw new Error('Plugin has circular dependency ("' + name + '")');</w:t>
            </w:r>
          </w:p>
          <w:p w:rsidR="00156FB3" w:rsidRDefault="00156FB3" w:rsidP="00156FB3">
            <w:r>
              <w:tab/>
            </w:r>
            <w:r>
              <w:tab/>
            </w:r>
            <w:r>
              <w:tab/>
            </w:r>
            <w:r>
              <w:tab/>
              <w:t>}</w:t>
            </w:r>
          </w:p>
          <w:p w:rsidR="00156FB3" w:rsidRDefault="00156FB3" w:rsidP="00156FB3">
            <w:r>
              <w:tab/>
            </w:r>
            <w:r>
              <w:tab/>
            </w:r>
            <w:r>
              <w:tab/>
            </w:r>
            <w:r>
              <w:tab/>
              <w:t>self.loadPlugin(name);</w:t>
            </w:r>
          </w:p>
          <w:p w:rsidR="00156FB3" w:rsidRDefault="00156FB3" w:rsidP="00156FB3">
            <w:r>
              <w:tab/>
            </w:r>
            <w:r>
              <w:tab/>
            </w:r>
            <w:r>
              <w:tab/>
              <w:t>}</w:t>
            </w:r>
          </w:p>
          <w:p w:rsidR="00156FB3" w:rsidRDefault="00156FB3" w:rsidP="00156FB3"/>
          <w:p w:rsidR="00156FB3" w:rsidRDefault="00156FB3" w:rsidP="00156FB3">
            <w:r>
              <w:tab/>
            </w:r>
            <w:r>
              <w:tab/>
            </w:r>
            <w:r>
              <w:tab/>
              <w:t>return plugins.loaded[name];</w:t>
            </w:r>
          </w:p>
          <w:p w:rsidR="00156FB3" w:rsidRDefault="00156FB3" w:rsidP="00156FB3">
            <w:r>
              <w:tab/>
            </w:r>
            <w:r>
              <w:tab/>
              <w:t>};</w:t>
            </w:r>
          </w:p>
          <w:p w:rsidR="00156FB3" w:rsidRDefault="00156FB3" w:rsidP="00156FB3"/>
          <w:p w:rsidR="00156FB3" w:rsidRDefault="00156FB3" w:rsidP="00156FB3">
            <w:r>
              <w:tab/>
            </w:r>
            <w:r>
              <w:tab/>
              <w:t>/**</w:t>
            </w:r>
          </w:p>
          <w:p w:rsidR="00156FB3" w:rsidRDefault="00156FB3" w:rsidP="00156FB3">
            <w:r>
              <w:tab/>
            </w:r>
            <w:r>
              <w:tab/>
              <w:t xml:space="preserve"> * Registers a plugin.</w:t>
            </w:r>
          </w:p>
          <w:p w:rsidR="00156FB3" w:rsidRDefault="00156FB3" w:rsidP="00156FB3">
            <w:r>
              <w:tab/>
            </w:r>
            <w:r>
              <w:tab/>
              <w:t xml:space="preserve"> *</w:t>
            </w:r>
          </w:p>
          <w:p w:rsidR="00156FB3" w:rsidRDefault="00156FB3" w:rsidP="00156FB3">
            <w:r>
              <w:tab/>
            </w:r>
            <w:r>
              <w:tab/>
              <w:t xml:space="preserve"> * @param {string} name</w:t>
            </w:r>
          </w:p>
          <w:p w:rsidR="00156FB3" w:rsidRDefault="00156FB3" w:rsidP="00156FB3">
            <w:r>
              <w:tab/>
            </w:r>
            <w:r>
              <w:tab/>
              <w:t xml:space="preserve"> * @param {function} fn</w:t>
            </w:r>
          </w:p>
          <w:p w:rsidR="00156FB3" w:rsidRDefault="00156FB3" w:rsidP="00156FB3">
            <w:r>
              <w:tab/>
            </w:r>
            <w:r>
              <w:tab/>
              <w:t xml:space="preserve"> */</w:t>
            </w:r>
          </w:p>
          <w:p w:rsidR="00156FB3" w:rsidRDefault="00156FB3" w:rsidP="00156FB3">
            <w:r>
              <w:tab/>
            </w:r>
            <w:r>
              <w:tab/>
              <w:t>Interface.define = function(name, fn) {</w:t>
            </w:r>
          </w:p>
          <w:p w:rsidR="00156FB3" w:rsidRDefault="00156FB3" w:rsidP="00156FB3">
            <w:r>
              <w:tab/>
            </w:r>
            <w:r>
              <w:tab/>
            </w:r>
            <w:r>
              <w:tab/>
              <w:t>Interface.plugins[name] = {</w:t>
            </w:r>
          </w:p>
          <w:p w:rsidR="00156FB3" w:rsidRDefault="00156FB3" w:rsidP="00156FB3">
            <w:r>
              <w:tab/>
            </w:r>
            <w:r>
              <w:tab/>
            </w:r>
            <w:r>
              <w:tab/>
            </w:r>
            <w:r>
              <w:tab/>
              <w:t>'name' : name,</w:t>
            </w:r>
          </w:p>
          <w:p w:rsidR="00156FB3" w:rsidRDefault="00156FB3" w:rsidP="00156FB3">
            <w:r>
              <w:tab/>
            </w:r>
            <w:r>
              <w:tab/>
            </w:r>
            <w:r>
              <w:tab/>
            </w:r>
            <w:r>
              <w:tab/>
              <w:t>'fn'   : fn</w:t>
            </w:r>
          </w:p>
          <w:p w:rsidR="00156FB3" w:rsidRDefault="00156FB3" w:rsidP="00156FB3">
            <w:r>
              <w:tab/>
            </w:r>
            <w:r>
              <w:tab/>
            </w:r>
            <w:r>
              <w:tab/>
              <w:t>};</w:t>
            </w:r>
          </w:p>
          <w:p w:rsidR="00156FB3" w:rsidRDefault="00156FB3" w:rsidP="00156FB3">
            <w:r>
              <w:tab/>
            </w:r>
            <w:r>
              <w:tab/>
              <w:t>};</w:t>
            </w:r>
          </w:p>
          <w:p w:rsidR="00156FB3" w:rsidRDefault="00156FB3" w:rsidP="00156FB3">
            <w:r>
              <w:tab/>
              <w:t>};</w:t>
            </w:r>
          </w:p>
          <w:p w:rsidR="00156FB3" w:rsidRDefault="00156FB3" w:rsidP="00156FB3"/>
          <w:p w:rsidR="00156FB3" w:rsidRDefault="00156FB3" w:rsidP="00156FB3">
            <w:r>
              <w:tab/>
              <w:t>var utils = {</w:t>
            </w:r>
          </w:p>
          <w:p w:rsidR="00156FB3" w:rsidRDefault="00156FB3" w:rsidP="00156FB3">
            <w:r>
              <w:tab/>
            </w:r>
            <w:r>
              <w:tab/>
              <w:t>isArray: Array.isArray || function(vArg) {</w:t>
            </w:r>
          </w:p>
          <w:p w:rsidR="00156FB3" w:rsidRDefault="00156FB3" w:rsidP="00156FB3">
            <w:r>
              <w:tab/>
            </w:r>
            <w:r>
              <w:tab/>
            </w:r>
            <w:r>
              <w:tab/>
              <w:t>return Object.prototype.toString.call(vArg) === '[object Array]';</w:t>
            </w:r>
          </w:p>
          <w:p w:rsidR="00156FB3" w:rsidRDefault="00156FB3" w:rsidP="00156FB3">
            <w:r>
              <w:tab/>
            </w:r>
            <w:r>
              <w:tab/>
              <w:t>}</w:t>
            </w:r>
          </w:p>
          <w:p w:rsidR="00156FB3" w:rsidRDefault="00156FB3" w:rsidP="00156FB3">
            <w:r>
              <w:tab/>
              <w:t>};</w:t>
            </w:r>
          </w:p>
          <w:p w:rsidR="00156FB3" w:rsidRDefault="00156FB3" w:rsidP="00156FB3"/>
          <w:p w:rsidR="00156FB3" w:rsidRDefault="00156FB3" w:rsidP="00156FB3">
            <w:r>
              <w:tab/>
              <w:t>return MicroPlugin;</w:t>
            </w:r>
          </w:p>
          <w:p w:rsidR="00156FB3" w:rsidRDefault="00156FB3" w:rsidP="00156FB3">
            <w:r>
              <w:t>}));</w:t>
            </w:r>
          </w:p>
          <w:p w:rsidR="00156FB3" w:rsidRDefault="00156FB3" w:rsidP="00156FB3"/>
          <w:p w:rsidR="00156FB3" w:rsidRDefault="00156FB3" w:rsidP="00156FB3">
            <w:r>
              <w:t>/**</w:t>
            </w:r>
          </w:p>
          <w:p w:rsidR="00156FB3" w:rsidRDefault="00156FB3" w:rsidP="00156FB3">
            <w:r>
              <w:t xml:space="preserve"> * selectize.js (v0.12.4)</w:t>
            </w:r>
          </w:p>
          <w:p w:rsidR="00156FB3" w:rsidRDefault="00156FB3" w:rsidP="00156FB3">
            <w:r>
              <w:t xml:space="preserve"> * Copyright (c) 2013–2015 Brian Reavis &amp; contributors</w:t>
            </w:r>
          </w:p>
          <w:p w:rsidR="00156FB3" w:rsidRDefault="00156FB3" w:rsidP="00156FB3">
            <w:r>
              <w:t xml:space="preserve"> *</w:t>
            </w:r>
          </w:p>
          <w:p w:rsidR="00156FB3" w:rsidRDefault="00156FB3" w:rsidP="00156FB3">
            <w:r>
              <w:t xml:space="preserve"> * Licensed under the Apache License, Version 2.0 (the "License"); you may not use this</w:t>
            </w:r>
          </w:p>
          <w:p w:rsidR="00156FB3" w:rsidRDefault="00156FB3" w:rsidP="00156FB3">
            <w:r>
              <w:t xml:space="preserve"> * file except in compliance with the License. You may obtain a copy of the License at:</w:t>
            </w:r>
          </w:p>
          <w:p w:rsidR="00156FB3" w:rsidRDefault="00156FB3" w:rsidP="00156FB3">
            <w:r>
              <w:lastRenderedPageBreak/>
              <w:t xml:space="preserve"> * http://www.apache.org/licenses/LICENSE-2.0</w:t>
            </w:r>
          </w:p>
          <w:p w:rsidR="00156FB3" w:rsidRDefault="00156FB3" w:rsidP="00156FB3">
            <w:r>
              <w:t xml:space="preserve"> *</w:t>
            </w:r>
          </w:p>
          <w:p w:rsidR="00156FB3" w:rsidRDefault="00156FB3" w:rsidP="00156FB3">
            <w:r>
              <w:t xml:space="preserve"> * Unless required by applicable law or agreed to in writing, software distributed under</w:t>
            </w:r>
          </w:p>
          <w:p w:rsidR="00156FB3" w:rsidRDefault="00156FB3" w:rsidP="00156FB3">
            <w:r>
              <w:t xml:space="preserve"> * the License is distributed on an "AS IS" BASIS, WITHOUT WARRANTIES OR CONDITIONS OF</w:t>
            </w:r>
          </w:p>
          <w:p w:rsidR="00156FB3" w:rsidRDefault="00156FB3" w:rsidP="00156FB3">
            <w:r>
              <w:t xml:space="preserve"> * ANY KIND, either express or implied. See the License for the specific language</w:t>
            </w:r>
          </w:p>
          <w:p w:rsidR="00156FB3" w:rsidRDefault="00156FB3" w:rsidP="00156FB3">
            <w:r>
              <w:t xml:space="preserve"> * governing permissions and limitations under the License.</w:t>
            </w:r>
          </w:p>
          <w:p w:rsidR="00156FB3" w:rsidRDefault="00156FB3" w:rsidP="00156FB3">
            <w:r>
              <w:t xml:space="preserve"> *</w:t>
            </w:r>
          </w:p>
          <w:p w:rsidR="00156FB3" w:rsidRDefault="00156FB3" w:rsidP="00156FB3">
            <w:r>
              <w:t xml:space="preserve"> * @author Brian Reavis &lt;brian@thirdroute.com&gt;</w:t>
            </w:r>
          </w:p>
          <w:p w:rsidR="00156FB3" w:rsidRDefault="00156FB3" w:rsidP="00156FB3">
            <w:r>
              <w:t xml:space="preserve"> */</w:t>
            </w:r>
          </w:p>
          <w:p w:rsidR="00156FB3" w:rsidRDefault="00156FB3" w:rsidP="00156FB3"/>
          <w:p w:rsidR="00156FB3" w:rsidRDefault="00156FB3" w:rsidP="00156FB3">
            <w:r>
              <w:t>/*jshint curly:false */</w:t>
            </w:r>
          </w:p>
          <w:p w:rsidR="00156FB3" w:rsidRDefault="00156FB3" w:rsidP="00156FB3">
            <w:r>
              <w:t>/*jshint browser:true */</w:t>
            </w:r>
          </w:p>
          <w:p w:rsidR="00156FB3" w:rsidRDefault="00156FB3" w:rsidP="00156FB3"/>
          <w:p w:rsidR="00156FB3" w:rsidRDefault="00156FB3" w:rsidP="00156FB3">
            <w:r>
              <w:t>(function(root, factory) {</w:t>
            </w:r>
          </w:p>
          <w:p w:rsidR="00156FB3" w:rsidRDefault="00156FB3" w:rsidP="00156FB3">
            <w:r>
              <w:tab/>
              <w:t>if (typeof define === 'function' &amp;&amp; define.amd) {</w:t>
            </w:r>
          </w:p>
          <w:p w:rsidR="00156FB3" w:rsidRDefault="00156FB3" w:rsidP="00156FB3">
            <w:r>
              <w:tab/>
            </w:r>
            <w:r>
              <w:tab/>
              <w:t>define('selectize', ['jquery','sifter','microplugin'], factory);</w:t>
            </w:r>
          </w:p>
          <w:p w:rsidR="00156FB3" w:rsidRDefault="00156FB3" w:rsidP="00156FB3">
            <w:r>
              <w:tab/>
              <w:t>} else if (typeof exports === 'object') {</w:t>
            </w:r>
          </w:p>
          <w:p w:rsidR="00156FB3" w:rsidRDefault="00156FB3" w:rsidP="00156FB3">
            <w:r>
              <w:tab/>
            </w:r>
            <w:r>
              <w:tab/>
              <w:t>module.exports = factory(require('jquery'), require('sifter'), require('microplugin'));</w:t>
            </w:r>
          </w:p>
          <w:p w:rsidR="00156FB3" w:rsidRDefault="00156FB3" w:rsidP="00156FB3">
            <w:r>
              <w:tab/>
              <w:t>} else {</w:t>
            </w:r>
          </w:p>
          <w:p w:rsidR="00156FB3" w:rsidRDefault="00156FB3" w:rsidP="00156FB3">
            <w:r>
              <w:tab/>
            </w:r>
            <w:r>
              <w:tab/>
              <w:t>root.Selectize = factory(root.jQuery, root.Sifter, root.MicroPlugin);</w:t>
            </w:r>
          </w:p>
          <w:p w:rsidR="00156FB3" w:rsidRDefault="00156FB3" w:rsidP="00156FB3">
            <w:r>
              <w:tab/>
              <w:t>}</w:t>
            </w:r>
          </w:p>
          <w:p w:rsidR="00156FB3" w:rsidRDefault="00156FB3" w:rsidP="00156FB3">
            <w:r>
              <w:t>}(this, function($, Sifter, MicroPlugin) {</w:t>
            </w:r>
          </w:p>
          <w:p w:rsidR="00156FB3" w:rsidRDefault="00156FB3" w:rsidP="00156FB3">
            <w:r>
              <w:tab/>
              <w:t>'use strict';</w:t>
            </w:r>
          </w:p>
          <w:p w:rsidR="00156FB3" w:rsidRDefault="00156FB3" w:rsidP="00156FB3"/>
          <w:p w:rsidR="00156FB3" w:rsidRDefault="00156FB3" w:rsidP="00156FB3">
            <w:r>
              <w:tab/>
              <w:t>var highlight = function($element, pattern) {</w:t>
            </w:r>
          </w:p>
          <w:p w:rsidR="00156FB3" w:rsidRDefault="00156FB3" w:rsidP="00156FB3">
            <w:r>
              <w:tab/>
            </w:r>
            <w:r>
              <w:tab/>
              <w:t>if (typeof pattern === 'string' &amp;&amp; !pattern.length) return;</w:t>
            </w:r>
          </w:p>
          <w:p w:rsidR="00156FB3" w:rsidRDefault="00156FB3" w:rsidP="00156FB3">
            <w:r>
              <w:tab/>
            </w:r>
            <w:r>
              <w:tab/>
              <w:t>var regex = (typeof pattern === 'string') ? new RegExp(pattern, 'i') : pattern;</w:t>
            </w:r>
          </w:p>
          <w:p w:rsidR="00156FB3" w:rsidRDefault="00156FB3" w:rsidP="00156FB3">
            <w:r>
              <w:tab/>
            </w:r>
          </w:p>
          <w:p w:rsidR="00156FB3" w:rsidRDefault="00156FB3" w:rsidP="00156FB3">
            <w:r>
              <w:tab/>
            </w:r>
            <w:r>
              <w:tab/>
              <w:t>var highlight = function(node) {</w:t>
            </w:r>
          </w:p>
          <w:p w:rsidR="00156FB3" w:rsidRDefault="00156FB3" w:rsidP="00156FB3">
            <w:r>
              <w:tab/>
            </w:r>
            <w:r>
              <w:tab/>
            </w:r>
            <w:r>
              <w:tab/>
              <w:t>var skip = 0;</w:t>
            </w:r>
          </w:p>
          <w:p w:rsidR="00156FB3" w:rsidRDefault="00156FB3" w:rsidP="00156FB3">
            <w:r>
              <w:tab/>
            </w:r>
            <w:r>
              <w:tab/>
            </w:r>
            <w:r>
              <w:tab/>
              <w:t>if (node.nodeType === 3) {</w:t>
            </w:r>
          </w:p>
          <w:p w:rsidR="00156FB3" w:rsidRDefault="00156FB3" w:rsidP="00156FB3">
            <w:r>
              <w:tab/>
            </w:r>
            <w:r>
              <w:tab/>
            </w:r>
            <w:r>
              <w:tab/>
            </w:r>
            <w:r>
              <w:tab/>
              <w:t>var pos = node.data.search(regex);</w:t>
            </w:r>
          </w:p>
          <w:p w:rsidR="00156FB3" w:rsidRDefault="00156FB3" w:rsidP="00156FB3">
            <w:r>
              <w:tab/>
            </w:r>
            <w:r>
              <w:tab/>
            </w:r>
            <w:r>
              <w:tab/>
            </w:r>
            <w:r>
              <w:tab/>
              <w:t>if (pos &gt;= 0 &amp;&amp; node.data.length &gt; 0) {</w:t>
            </w:r>
          </w:p>
          <w:p w:rsidR="00156FB3" w:rsidRDefault="00156FB3" w:rsidP="00156FB3">
            <w:r>
              <w:tab/>
            </w:r>
            <w:r>
              <w:tab/>
            </w:r>
            <w:r>
              <w:tab/>
            </w:r>
            <w:r>
              <w:tab/>
            </w:r>
            <w:r>
              <w:tab/>
              <w:t>var match = node.data.match(regex);</w:t>
            </w:r>
          </w:p>
          <w:p w:rsidR="00156FB3" w:rsidRDefault="00156FB3" w:rsidP="00156FB3">
            <w:r>
              <w:tab/>
            </w:r>
            <w:r>
              <w:tab/>
            </w:r>
            <w:r>
              <w:tab/>
            </w:r>
            <w:r>
              <w:tab/>
            </w:r>
            <w:r>
              <w:tab/>
              <w:t>var spannode = document.createElement('span');</w:t>
            </w:r>
          </w:p>
          <w:p w:rsidR="00156FB3" w:rsidRDefault="00156FB3" w:rsidP="00156FB3">
            <w:r>
              <w:tab/>
            </w:r>
            <w:r>
              <w:tab/>
            </w:r>
            <w:r>
              <w:tab/>
            </w:r>
            <w:r>
              <w:tab/>
            </w:r>
            <w:r>
              <w:tab/>
              <w:t>spannode.className = 'highlight';</w:t>
            </w:r>
          </w:p>
          <w:p w:rsidR="00156FB3" w:rsidRDefault="00156FB3" w:rsidP="00156FB3">
            <w:r>
              <w:tab/>
            </w:r>
            <w:r>
              <w:tab/>
            </w:r>
            <w:r>
              <w:tab/>
            </w:r>
            <w:r>
              <w:tab/>
            </w:r>
            <w:r>
              <w:tab/>
              <w:t>var middlebit = node.splitText(pos);</w:t>
            </w:r>
          </w:p>
          <w:p w:rsidR="00156FB3" w:rsidRDefault="00156FB3" w:rsidP="00156FB3">
            <w:r>
              <w:tab/>
            </w:r>
            <w:r>
              <w:tab/>
            </w:r>
            <w:r>
              <w:tab/>
            </w:r>
            <w:r>
              <w:tab/>
            </w:r>
            <w:r>
              <w:tab/>
              <w:t>var endbit = middlebit.splitText(match[0].length);</w:t>
            </w:r>
          </w:p>
          <w:p w:rsidR="00156FB3" w:rsidRDefault="00156FB3" w:rsidP="00156FB3">
            <w:r>
              <w:tab/>
            </w:r>
            <w:r>
              <w:tab/>
            </w:r>
            <w:r>
              <w:tab/>
            </w:r>
            <w:r>
              <w:tab/>
            </w:r>
            <w:r>
              <w:tab/>
              <w:t>var middleclone = middlebit.cloneNode(true);</w:t>
            </w:r>
          </w:p>
          <w:p w:rsidR="00156FB3" w:rsidRDefault="00156FB3" w:rsidP="00156FB3">
            <w:r>
              <w:tab/>
            </w:r>
            <w:r>
              <w:tab/>
            </w:r>
            <w:r>
              <w:tab/>
            </w:r>
            <w:r>
              <w:tab/>
            </w:r>
            <w:r>
              <w:tab/>
              <w:t>spannode.appendChild(middleclone);</w:t>
            </w:r>
          </w:p>
          <w:p w:rsidR="00156FB3" w:rsidRDefault="00156FB3" w:rsidP="00156FB3">
            <w:r>
              <w:tab/>
            </w:r>
            <w:r>
              <w:tab/>
            </w:r>
            <w:r>
              <w:tab/>
            </w:r>
            <w:r>
              <w:tab/>
            </w:r>
            <w:r>
              <w:tab/>
              <w:t>middlebit.parentNode.replaceChild(spannode, middlebit);</w:t>
            </w:r>
          </w:p>
          <w:p w:rsidR="00156FB3" w:rsidRDefault="00156FB3" w:rsidP="00156FB3">
            <w:r>
              <w:tab/>
            </w:r>
            <w:r>
              <w:tab/>
            </w:r>
            <w:r>
              <w:tab/>
            </w:r>
            <w:r>
              <w:tab/>
            </w:r>
            <w:r>
              <w:tab/>
              <w:t>skip = 1;</w:t>
            </w:r>
          </w:p>
          <w:p w:rsidR="00156FB3" w:rsidRDefault="00156FB3" w:rsidP="00156FB3">
            <w:r>
              <w:tab/>
            </w:r>
            <w:r>
              <w:tab/>
            </w:r>
            <w:r>
              <w:tab/>
            </w:r>
            <w:r>
              <w:tab/>
              <w:t>}</w:t>
            </w:r>
          </w:p>
          <w:p w:rsidR="00156FB3" w:rsidRDefault="00156FB3" w:rsidP="00156FB3">
            <w:r>
              <w:tab/>
            </w:r>
            <w:r>
              <w:tab/>
            </w:r>
            <w:r>
              <w:tab/>
              <w:t>} else if (node.nodeType === 1 &amp;&amp; node.childNodes &amp;&amp; !/(script|style)/i.test(node.tagName)) {</w:t>
            </w:r>
          </w:p>
          <w:p w:rsidR="00156FB3" w:rsidRDefault="00156FB3" w:rsidP="00156FB3">
            <w:r>
              <w:tab/>
            </w:r>
            <w:r>
              <w:tab/>
            </w:r>
            <w:r>
              <w:tab/>
            </w:r>
            <w:r>
              <w:tab/>
              <w:t>for (var i = 0; i &lt; node.childNodes.length; ++i) {</w:t>
            </w:r>
          </w:p>
          <w:p w:rsidR="00156FB3" w:rsidRDefault="00156FB3" w:rsidP="00156FB3">
            <w:r>
              <w:tab/>
            </w:r>
            <w:r>
              <w:tab/>
            </w:r>
            <w:r>
              <w:tab/>
            </w:r>
            <w:r>
              <w:tab/>
            </w:r>
            <w:r>
              <w:tab/>
              <w:t>i += highlight(node.childNodes[i]);</w:t>
            </w:r>
          </w:p>
          <w:p w:rsidR="00156FB3" w:rsidRDefault="00156FB3" w:rsidP="00156FB3">
            <w:r>
              <w:tab/>
            </w:r>
            <w:r>
              <w:tab/>
            </w:r>
            <w:r>
              <w:tab/>
            </w:r>
            <w:r>
              <w:tab/>
              <w:t>}</w:t>
            </w:r>
          </w:p>
          <w:p w:rsidR="00156FB3" w:rsidRDefault="00156FB3" w:rsidP="00156FB3">
            <w:r>
              <w:lastRenderedPageBreak/>
              <w:tab/>
            </w:r>
            <w:r>
              <w:tab/>
            </w:r>
            <w:r>
              <w:tab/>
              <w:t>}</w:t>
            </w:r>
          </w:p>
          <w:p w:rsidR="00156FB3" w:rsidRDefault="00156FB3" w:rsidP="00156FB3">
            <w:r>
              <w:tab/>
            </w:r>
            <w:r>
              <w:tab/>
            </w:r>
            <w:r>
              <w:tab/>
              <w:t>return skip;</w:t>
            </w:r>
          </w:p>
          <w:p w:rsidR="00156FB3" w:rsidRDefault="00156FB3" w:rsidP="00156FB3">
            <w:r>
              <w:tab/>
            </w:r>
            <w:r>
              <w:tab/>
              <w:t>};</w:t>
            </w:r>
          </w:p>
          <w:p w:rsidR="00156FB3" w:rsidRDefault="00156FB3" w:rsidP="00156FB3">
            <w:r>
              <w:tab/>
            </w:r>
          </w:p>
          <w:p w:rsidR="00156FB3" w:rsidRDefault="00156FB3" w:rsidP="00156FB3">
            <w:r>
              <w:tab/>
            </w:r>
            <w:r>
              <w:tab/>
              <w:t>return $element.each(function() {</w:t>
            </w:r>
          </w:p>
          <w:p w:rsidR="00156FB3" w:rsidRDefault="00156FB3" w:rsidP="00156FB3">
            <w:r>
              <w:tab/>
            </w:r>
            <w:r>
              <w:tab/>
            </w:r>
            <w:r>
              <w:tab/>
              <w:t>highlight(this);</w:t>
            </w:r>
          </w:p>
          <w:p w:rsidR="00156FB3" w:rsidRDefault="00156FB3" w:rsidP="00156FB3">
            <w:r>
              <w:tab/>
            </w:r>
            <w:r>
              <w:tab/>
              <w:t>});</w:t>
            </w:r>
          </w:p>
          <w:p w:rsidR="00156FB3" w:rsidRDefault="00156FB3" w:rsidP="00156FB3">
            <w:r>
              <w:tab/>
              <w:t>};</w:t>
            </w:r>
          </w:p>
          <w:p w:rsidR="00156FB3" w:rsidRDefault="00156FB3" w:rsidP="00156FB3">
            <w:r>
              <w:tab/>
            </w:r>
          </w:p>
          <w:p w:rsidR="00156FB3" w:rsidRDefault="00156FB3" w:rsidP="00156FB3">
            <w:r>
              <w:tab/>
              <w:t>/**</w:t>
            </w:r>
          </w:p>
          <w:p w:rsidR="00156FB3" w:rsidRDefault="00156FB3" w:rsidP="00156FB3">
            <w:r>
              <w:tab/>
              <w:t xml:space="preserve"> * removeHighlight fn copied from highlight v5 and</w:t>
            </w:r>
          </w:p>
          <w:p w:rsidR="00156FB3" w:rsidRDefault="00156FB3" w:rsidP="00156FB3">
            <w:r>
              <w:tab/>
              <w:t xml:space="preserve"> * edited to remove with() and pass js strict mode</w:t>
            </w:r>
          </w:p>
          <w:p w:rsidR="00156FB3" w:rsidRDefault="00156FB3" w:rsidP="00156FB3">
            <w:r>
              <w:tab/>
              <w:t xml:space="preserve"> */</w:t>
            </w:r>
          </w:p>
          <w:p w:rsidR="00156FB3" w:rsidRDefault="00156FB3" w:rsidP="00156FB3">
            <w:r>
              <w:tab/>
              <w:t>$.fn.removeHighlight = function() {</w:t>
            </w:r>
          </w:p>
          <w:p w:rsidR="00156FB3" w:rsidRDefault="00156FB3" w:rsidP="00156FB3">
            <w:r>
              <w:tab/>
            </w:r>
            <w:r>
              <w:tab/>
              <w:t>return this.find("span.highlight").each(function() {</w:t>
            </w:r>
          </w:p>
          <w:p w:rsidR="00156FB3" w:rsidRDefault="00156FB3" w:rsidP="00156FB3">
            <w:r>
              <w:tab/>
            </w:r>
            <w:r>
              <w:tab/>
            </w:r>
            <w:r>
              <w:tab/>
              <w:t>this.parentNode.firstChild.nodeName;</w:t>
            </w:r>
          </w:p>
          <w:p w:rsidR="00156FB3" w:rsidRDefault="00156FB3" w:rsidP="00156FB3">
            <w:r>
              <w:tab/>
            </w:r>
            <w:r>
              <w:tab/>
            </w:r>
            <w:r>
              <w:tab/>
              <w:t>var parent = this.parentNode;</w:t>
            </w:r>
          </w:p>
          <w:p w:rsidR="00156FB3" w:rsidRDefault="00156FB3" w:rsidP="00156FB3">
            <w:r>
              <w:tab/>
            </w:r>
            <w:r>
              <w:tab/>
            </w:r>
            <w:r>
              <w:tab/>
              <w:t>parent.replaceChild(this.firstChild, this);</w:t>
            </w:r>
          </w:p>
          <w:p w:rsidR="00156FB3" w:rsidRDefault="00156FB3" w:rsidP="00156FB3">
            <w:r>
              <w:tab/>
            </w:r>
            <w:r>
              <w:tab/>
            </w:r>
            <w:r>
              <w:tab/>
              <w:t>parent.normalize();</w:t>
            </w:r>
          </w:p>
          <w:p w:rsidR="00156FB3" w:rsidRDefault="00156FB3" w:rsidP="00156FB3">
            <w:r>
              <w:tab/>
            </w:r>
            <w:r>
              <w:tab/>
              <w:t>}).end();</w:t>
            </w:r>
          </w:p>
          <w:p w:rsidR="00156FB3" w:rsidRDefault="00156FB3" w:rsidP="00156FB3">
            <w:r>
              <w:tab/>
              <w:t>};</w:t>
            </w:r>
          </w:p>
          <w:p w:rsidR="00156FB3" w:rsidRDefault="00156FB3" w:rsidP="00156FB3">
            <w:r>
              <w:tab/>
            </w:r>
          </w:p>
          <w:p w:rsidR="00156FB3" w:rsidRDefault="00156FB3" w:rsidP="00156FB3">
            <w:r>
              <w:tab/>
            </w:r>
          </w:p>
          <w:p w:rsidR="00156FB3" w:rsidRDefault="00156FB3" w:rsidP="00156FB3">
            <w:r>
              <w:tab/>
              <w:t>var MicroEvent = function() {};</w:t>
            </w:r>
          </w:p>
          <w:p w:rsidR="00156FB3" w:rsidRDefault="00156FB3" w:rsidP="00156FB3">
            <w:r>
              <w:tab/>
              <w:t>MicroEvent.prototype = {</w:t>
            </w:r>
          </w:p>
          <w:p w:rsidR="00156FB3" w:rsidRDefault="00156FB3" w:rsidP="00156FB3">
            <w:r>
              <w:tab/>
            </w:r>
            <w:r>
              <w:tab/>
              <w:t>on: function(event, fct){</w:t>
            </w:r>
          </w:p>
          <w:p w:rsidR="00156FB3" w:rsidRDefault="00156FB3" w:rsidP="00156FB3">
            <w:r>
              <w:tab/>
            </w:r>
            <w:r>
              <w:tab/>
            </w:r>
            <w:r>
              <w:tab/>
              <w:t>this._events = this._events || {};</w:t>
            </w:r>
          </w:p>
          <w:p w:rsidR="00156FB3" w:rsidRDefault="00156FB3" w:rsidP="00156FB3">
            <w:r>
              <w:tab/>
            </w:r>
            <w:r>
              <w:tab/>
            </w:r>
            <w:r>
              <w:tab/>
              <w:t>this._events[event] = this._events[event] || [];</w:t>
            </w:r>
          </w:p>
          <w:p w:rsidR="00156FB3" w:rsidRDefault="00156FB3" w:rsidP="00156FB3">
            <w:r>
              <w:tab/>
            </w:r>
            <w:r>
              <w:tab/>
            </w:r>
            <w:r>
              <w:tab/>
              <w:t>this._events[event].push(fct);</w:t>
            </w:r>
          </w:p>
          <w:p w:rsidR="00156FB3" w:rsidRDefault="00156FB3" w:rsidP="00156FB3">
            <w:r>
              <w:tab/>
            </w:r>
            <w:r>
              <w:tab/>
              <w:t>},</w:t>
            </w:r>
          </w:p>
          <w:p w:rsidR="00156FB3" w:rsidRDefault="00156FB3" w:rsidP="00156FB3">
            <w:r>
              <w:tab/>
            </w:r>
            <w:r>
              <w:tab/>
              <w:t>off: function(event, fct){</w:t>
            </w:r>
          </w:p>
          <w:p w:rsidR="00156FB3" w:rsidRDefault="00156FB3" w:rsidP="00156FB3">
            <w:r>
              <w:tab/>
            </w:r>
            <w:r>
              <w:tab/>
            </w:r>
            <w:r>
              <w:tab/>
              <w:t>var n = arguments.length;</w:t>
            </w:r>
          </w:p>
          <w:p w:rsidR="00156FB3" w:rsidRDefault="00156FB3" w:rsidP="00156FB3">
            <w:r>
              <w:tab/>
            </w:r>
            <w:r>
              <w:tab/>
            </w:r>
            <w:r>
              <w:tab/>
              <w:t>if (n === 0) return delete this._events;</w:t>
            </w:r>
          </w:p>
          <w:p w:rsidR="00156FB3" w:rsidRDefault="00156FB3" w:rsidP="00156FB3">
            <w:r>
              <w:tab/>
            </w:r>
            <w:r>
              <w:tab/>
            </w:r>
            <w:r>
              <w:tab/>
              <w:t>if (n === 1) return delete this._events[event];</w:t>
            </w:r>
          </w:p>
          <w:p w:rsidR="00156FB3" w:rsidRDefault="00156FB3" w:rsidP="00156FB3">
            <w:r>
              <w:tab/>
            </w:r>
          </w:p>
          <w:p w:rsidR="00156FB3" w:rsidRDefault="00156FB3" w:rsidP="00156FB3">
            <w:r>
              <w:tab/>
            </w:r>
            <w:r>
              <w:tab/>
            </w:r>
            <w:r>
              <w:tab/>
              <w:t>this._events = this._events || {};</w:t>
            </w:r>
          </w:p>
          <w:p w:rsidR="00156FB3" w:rsidRDefault="00156FB3" w:rsidP="00156FB3">
            <w:r>
              <w:tab/>
            </w:r>
            <w:r>
              <w:tab/>
            </w:r>
            <w:r>
              <w:tab/>
              <w:t>if (event in this._events === false) return;</w:t>
            </w:r>
          </w:p>
          <w:p w:rsidR="00156FB3" w:rsidRDefault="00156FB3" w:rsidP="00156FB3">
            <w:r>
              <w:tab/>
            </w:r>
            <w:r>
              <w:tab/>
            </w:r>
            <w:r>
              <w:tab/>
              <w:t>this._events[event].splice(this._events[event].indexOf(fct), 1);</w:t>
            </w:r>
          </w:p>
          <w:p w:rsidR="00156FB3" w:rsidRDefault="00156FB3" w:rsidP="00156FB3">
            <w:r>
              <w:tab/>
            </w:r>
            <w:r>
              <w:tab/>
              <w:t>},</w:t>
            </w:r>
          </w:p>
          <w:p w:rsidR="00156FB3" w:rsidRDefault="00156FB3" w:rsidP="00156FB3">
            <w:r>
              <w:tab/>
            </w:r>
            <w:r>
              <w:tab/>
              <w:t>trigger: function(event /* , args... */){</w:t>
            </w:r>
          </w:p>
          <w:p w:rsidR="00156FB3" w:rsidRDefault="00156FB3" w:rsidP="00156FB3">
            <w:r>
              <w:tab/>
            </w:r>
            <w:r>
              <w:tab/>
            </w:r>
            <w:r>
              <w:tab/>
              <w:t>this._events = this._events || {};</w:t>
            </w:r>
          </w:p>
          <w:p w:rsidR="00156FB3" w:rsidRDefault="00156FB3" w:rsidP="00156FB3">
            <w:r>
              <w:tab/>
            </w:r>
            <w:r>
              <w:tab/>
            </w:r>
            <w:r>
              <w:tab/>
              <w:t>if (event in this._events === false) return;</w:t>
            </w:r>
          </w:p>
          <w:p w:rsidR="00156FB3" w:rsidRDefault="00156FB3" w:rsidP="00156FB3">
            <w:r>
              <w:tab/>
            </w:r>
            <w:r>
              <w:tab/>
            </w:r>
            <w:r>
              <w:tab/>
              <w:t>for (var i = 0; i &lt; this._events[event].length; i++){</w:t>
            </w:r>
          </w:p>
          <w:p w:rsidR="00156FB3" w:rsidRDefault="00156FB3" w:rsidP="00156FB3">
            <w:r>
              <w:tab/>
            </w:r>
            <w:r>
              <w:tab/>
            </w:r>
            <w:r>
              <w:tab/>
            </w:r>
            <w:r>
              <w:tab/>
              <w:t>this._events[event][i].apply(this, Array.prototype.slice.call(arguments, 1));</w:t>
            </w:r>
          </w:p>
          <w:p w:rsidR="00156FB3" w:rsidRDefault="00156FB3" w:rsidP="00156FB3">
            <w:r>
              <w:tab/>
            </w:r>
            <w:r>
              <w:tab/>
            </w:r>
            <w:r>
              <w:tab/>
              <w:t>}</w:t>
            </w:r>
          </w:p>
          <w:p w:rsidR="00156FB3" w:rsidRDefault="00156FB3" w:rsidP="00156FB3">
            <w:r>
              <w:tab/>
            </w:r>
            <w:r>
              <w:tab/>
              <w:t>}</w:t>
            </w:r>
          </w:p>
          <w:p w:rsidR="00156FB3" w:rsidRDefault="00156FB3" w:rsidP="00156FB3">
            <w:r>
              <w:tab/>
              <w:t>};</w:t>
            </w:r>
          </w:p>
          <w:p w:rsidR="00156FB3" w:rsidRDefault="00156FB3" w:rsidP="00156FB3">
            <w:r>
              <w:lastRenderedPageBreak/>
              <w:tab/>
            </w:r>
          </w:p>
          <w:p w:rsidR="00156FB3" w:rsidRDefault="00156FB3" w:rsidP="00156FB3">
            <w:r>
              <w:tab/>
              <w:t>/**</w:t>
            </w:r>
          </w:p>
          <w:p w:rsidR="00156FB3" w:rsidRDefault="00156FB3" w:rsidP="00156FB3">
            <w:r>
              <w:tab/>
              <w:t xml:space="preserve"> * Mixin will delegate all MicroEvent.js function in the destination object.</w:t>
            </w:r>
          </w:p>
          <w:p w:rsidR="00156FB3" w:rsidRDefault="00156FB3" w:rsidP="00156FB3">
            <w:r>
              <w:tab/>
              <w:t xml:space="preserve"> *</w:t>
            </w:r>
          </w:p>
          <w:p w:rsidR="00156FB3" w:rsidRDefault="00156FB3" w:rsidP="00156FB3">
            <w:r>
              <w:tab/>
              <w:t xml:space="preserve"> * - MicroEvent.mixin(Foobar) will make Foobar able to use MicroEvent</w:t>
            </w:r>
          </w:p>
          <w:p w:rsidR="00156FB3" w:rsidRDefault="00156FB3" w:rsidP="00156FB3">
            <w:r>
              <w:tab/>
              <w:t xml:space="preserve"> *</w:t>
            </w:r>
          </w:p>
          <w:p w:rsidR="00156FB3" w:rsidRDefault="00156FB3" w:rsidP="00156FB3">
            <w:r>
              <w:tab/>
              <w:t xml:space="preserve"> * @param {object} the object which will support MicroEvent</w:t>
            </w:r>
          </w:p>
          <w:p w:rsidR="00156FB3" w:rsidRDefault="00156FB3" w:rsidP="00156FB3">
            <w:r>
              <w:tab/>
              <w:t xml:space="preserve"> */</w:t>
            </w:r>
          </w:p>
          <w:p w:rsidR="00156FB3" w:rsidRDefault="00156FB3" w:rsidP="00156FB3">
            <w:r>
              <w:tab/>
              <w:t>MicroEvent.mixin = function(destObject){</w:t>
            </w:r>
          </w:p>
          <w:p w:rsidR="00156FB3" w:rsidRDefault="00156FB3" w:rsidP="00156FB3">
            <w:r>
              <w:tab/>
            </w:r>
            <w:r>
              <w:tab/>
              <w:t>var props = ['on', 'off', 'trigger'];</w:t>
            </w:r>
          </w:p>
          <w:p w:rsidR="00156FB3" w:rsidRDefault="00156FB3" w:rsidP="00156FB3">
            <w:r>
              <w:tab/>
            </w:r>
            <w:r>
              <w:tab/>
              <w:t>for (var i = 0; i &lt; props.length; i++){</w:t>
            </w:r>
          </w:p>
          <w:p w:rsidR="00156FB3" w:rsidRDefault="00156FB3" w:rsidP="00156FB3">
            <w:r>
              <w:tab/>
            </w:r>
            <w:r>
              <w:tab/>
            </w:r>
            <w:r>
              <w:tab/>
              <w:t>destObject.prototype[props[i]] = MicroEvent.prototype[props[i]];</w:t>
            </w:r>
          </w:p>
          <w:p w:rsidR="00156FB3" w:rsidRDefault="00156FB3" w:rsidP="00156FB3">
            <w:r>
              <w:tab/>
            </w:r>
            <w:r>
              <w:tab/>
              <w:t>}</w:t>
            </w:r>
          </w:p>
          <w:p w:rsidR="00156FB3" w:rsidRDefault="00156FB3" w:rsidP="00156FB3">
            <w:r>
              <w:tab/>
              <w:t>};</w:t>
            </w:r>
          </w:p>
          <w:p w:rsidR="00156FB3" w:rsidRDefault="00156FB3" w:rsidP="00156FB3">
            <w:r>
              <w:tab/>
            </w:r>
          </w:p>
          <w:p w:rsidR="00156FB3" w:rsidRDefault="00156FB3" w:rsidP="00156FB3">
            <w:r>
              <w:tab/>
              <w:t>var IS_MAC        = /Mac/.test(navigator.userAgent);</w:t>
            </w:r>
          </w:p>
          <w:p w:rsidR="00156FB3" w:rsidRDefault="00156FB3" w:rsidP="00156FB3">
            <w:r>
              <w:tab/>
            </w:r>
          </w:p>
          <w:p w:rsidR="00156FB3" w:rsidRDefault="00156FB3" w:rsidP="00156FB3">
            <w:r>
              <w:tab/>
              <w:t>var KEY_A         = 65;</w:t>
            </w:r>
          </w:p>
          <w:p w:rsidR="00156FB3" w:rsidRDefault="00156FB3" w:rsidP="00156FB3">
            <w:r>
              <w:tab/>
              <w:t>var KEY_COMMA     = 188;</w:t>
            </w:r>
          </w:p>
          <w:p w:rsidR="00156FB3" w:rsidRDefault="00156FB3" w:rsidP="00156FB3">
            <w:r>
              <w:tab/>
              <w:t>var KEY_RETURN    = 13;</w:t>
            </w:r>
          </w:p>
          <w:p w:rsidR="00156FB3" w:rsidRDefault="00156FB3" w:rsidP="00156FB3">
            <w:r>
              <w:tab/>
              <w:t>var KEY_ESC       = 27;</w:t>
            </w:r>
          </w:p>
          <w:p w:rsidR="00156FB3" w:rsidRDefault="00156FB3" w:rsidP="00156FB3">
            <w:r>
              <w:tab/>
              <w:t>var KEY_LEFT      = 37;</w:t>
            </w:r>
          </w:p>
          <w:p w:rsidR="00156FB3" w:rsidRDefault="00156FB3" w:rsidP="00156FB3">
            <w:r>
              <w:tab/>
              <w:t>var KEY_UP        = 38;</w:t>
            </w:r>
          </w:p>
          <w:p w:rsidR="00156FB3" w:rsidRDefault="00156FB3" w:rsidP="00156FB3">
            <w:r>
              <w:tab/>
              <w:t>var KEY_P         = 80;</w:t>
            </w:r>
          </w:p>
          <w:p w:rsidR="00156FB3" w:rsidRDefault="00156FB3" w:rsidP="00156FB3">
            <w:r>
              <w:tab/>
              <w:t>var KEY_RIGHT     = 39;</w:t>
            </w:r>
          </w:p>
          <w:p w:rsidR="00156FB3" w:rsidRDefault="00156FB3" w:rsidP="00156FB3">
            <w:r>
              <w:tab/>
              <w:t>var KEY_DOWN      = 40;</w:t>
            </w:r>
          </w:p>
          <w:p w:rsidR="00156FB3" w:rsidRDefault="00156FB3" w:rsidP="00156FB3">
            <w:r>
              <w:tab/>
              <w:t>var KEY_N         = 78;</w:t>
            </w:r>
          </w:p>
          <w:p w:rsidR="00156FB3" w:rsidRDefault="00156FB3" w:rsidP="00156FB3">
            <w:r>
              <w:tab/>
              <w:t>var KEY_BACKSPACE = 8;</w:t>
            </w:r>
          </w:p>
          <w:p w:rsidR="00156FB3" w:rsidRDefault="00156FB3" w:rsidP="00156FB3">
            <w:r>
              <w:tab/>
              <w:t>var KEY_DELETE    = 46;</w:t>
            </w:r>
          </w:p>
          <w:p w:rsidR="00156FB3" w:rsidRDefault="00156FB3" w:rsidP="00156FB3">
            <w:r>
              <w:tab/>
              <w:t>var KEY_SHIFT     = 16;</w:t>
            </w:r>
          </w:p>
          <w:p w:rsidR="00156FB3" w:rsidRDefault="00156FB3" w:rsidP="00156FB3">
            <w:r>
              <w:tab/>
              <w:t>var KEY_CMD       = IS_MAC ? 91 : 17;</w:t>
            </w:r>
          </w:p>
          <w:p w:rsidR="00156FB3" w:rsidRDefault="00156FB3" w:rsidP="00156FB3">
            <w:r>
              <w:tab/>
              <w:t>var KEY_CTRL      = IS_MAC ? 18 : 17;</w:t>
            </w:r>
          </w:p>
          <w:p w:rsidR="00156FB3" w:rsidRDefault="00156FB3" w:rsidP="00156FB3">
            <w:r>
              <w:tab/>
              <w:t>var KEY_TAB       = 9;</w:t>
            </w:r>
          </w:p>
          <w:p w:rsidR="00156FB3" w:rsidRDefault="00156FB3" w:rsidP="00156FB3">
            <w:r>
              <w:tab/>
            </w:r>
          </w:p>
          <w:p w:rsidR="00156FB3" w:rsidRDefault="00156FB3" w:rsidP="00156FB3">
            <w:r>
              <w:tab/>
              <w:t>var TAG_SELECT    = 1;</w:t>
            </w:r>
          </w:p>
          <w:p w:rsidR="00156FB3" w:rsidRDefault="00156FB3" w:rsidP="00156FB3">
            <w:r>
              <w:tab/>
              <w:t>var TAG_INPUT     = 2;</w:t>
            </w:r>
          </w:p>
          <w:p w:rsidR="00156FB3" w:rsidRDefault="00156FB3" w:rsidP="00156FB3">
            <w:r>
              <w:tab/>
            </w:r>
          </w:p>
          <w:p w:rsidR="00156FB3" w:rsidRDefault="00156FB3" w:rsidP="00156FB3">
            <w:r>
              <w:tab/>
              <w:t>// for now, android support in general is too spotty to support validity</w:t>
            </w:r>
          </w:p>
          <w:p w:rsidR="00156FB3" w:rsidRDefault="00156FB3" w:rsidP="00156FB3">
            <w:r>
              <w:tab/>
              <w:t>var SUPPORTS_VALIDITY_API = !/android/i.test(window.navigator.userAgent) &amp;&amp; !!document.createElement('input').validity;</w:t>
            </w:r>
          </w:p>
          <w:p w:rsidR="00156FB3" w:rsidRDefault="00156FB3" w:rsidP="00156FB3">
            <w:r>
              <w:tab/>
            </w:r>
          </w:p>
          <w:p w:rsidR="00156FB3" w:rsidRDefault="00156FB3" w:rsidP="00156FB3">
            <w:r>
              <w:tab/>
            </w:r>
          </w:p>
          <w:p w:rsidR="00156FB3" w:rsidRDefault="00156FB3" w:rsidP="00156FB3">
            <w:r>
              <w:tab/>
              <w:t>var isset = function(object) {</w:t>
            </w:r>
          </w:p>
          <w:p w:rsidR="00156FB3" w:rsidRDefault="00156FB3" w:rsidP="00156FB3">
            <w:r>
              <w:tab/>
            </w:r>
            <w:r>
              <w:tab/>
              <w:t>return typeof object !== 'undefined';</w:t>
            </w:r>
          </w:p>
          <w:p w:rsidR="00156FB3" w:rsidRDefault="00156FB3" w:rsidP="00156FB3">
            <w:r>
              <w:tab/>
              <w:t>};</w:t>
            </w:r>
          </w:p>
          <w:p w:rsidR="00156FB3" w:rsidRDefault="00156FB3" w:rsidP="00156FB3">
            <w:r>
              <w:tab/>
            </w:r>
          </w:p>
          <w:p w:rsidR="00156FB3" w:rsidRDefault="00156FB3" w:rsidP="00156FB3">
            <w:r>
              <w:tab/>
              <w:t>/**</w:t>
            </w:r>
          </w:p>
          <w:p w:rsidR="00156FB3" w:rsidRDefault="00156FB3" w:rsidP="00156FB3">
            <w:r>
              <w:tab/>
              <w:t xml:space="preserve"> * Converts a scalar to its best string representation</w:t>
            </w:r>
          </w:p>
          <w:p w:rsidR="00156FB3" w:rsidRDefault="00156FB3" w:rsidP="00156FB3">
            <w:r>
              <w:lastRenderedPageBreak/>
              <w:tab/>
              <w:t xml:space="preserve"> * for hash keys and HTML attribute values.</w:t>
            </w:r>
          </w:p>
          <w:p w:rsidR="00156FB3" w:rsidRDefault="00156FB3" w:rsidP="00156FB3">
            <w:r>
              <w:tab/>
              <w:t xml:space="preserve"> *</w:t>
            </w:r>
          </w:p>
          <w:p w:rsidR="00156FB3" w:rsidRDefault="00156FB3" w:rsidP="00156FB3">
            <w:r>
              <w:tab/>
              <w:t xml:space="preserve"> * Transformations:</w:t>
            </w:r>
          </w:p>
          <w:p w:rsidR="00156FB3" w:rsidRDefault="00156FB3" w:rsidP="00156FB3">
            <w:r>
              <w:tab/>
              <w:t xml:space="preserve"> *   'str'     -&gt; 'str'</w:t>
            </w:r>
          </w:p>
          <w:p w:rsidR="00156FB3" w:rsidRDefault="00156FB3" w:rsidP="00156FB3">
            <w:r>
              <w:tab/>
              <w:t xml:space="preserve"> *   null      -&gt; ''</w:t>
            </w:r>
          </w:p>
          <w:p w:rsidR="00156FB3" w:rsidRDefault="00156FB3" w:rsidP="00156FB3">
            <w:r>
              <w:tab/>
              <w:t xml:space="preserve"> *   undefined -&gt; ''</w:t>
            </w:r>
          </w:p>
          <w:p w:rsidR="00156FB3" w:rsidRDefault="00156FB3" w:rsidP="00156FB3">
            <w:r>
              <w:tab/>
              <w:t xml:space="preserve"> *   true      -&gt; '1'</w:t>
            </w:r>
          </w:p>
          <w:p w:rsidR="00156FB3" w:rsidRDefault="00156FB3" w:rsidP="00156FB3">
            <w:r>
              <w:tab/>
              <w:t xml:space="preserve"> *   false     -&gt; '0'</w:t>
            </w:r>
          </w:p>
          <w:p w:rsidR="00156FB3" w:rsidRDefault="00156FB3" w:rsidP="00156FB3">
            <w:r>
              <w:tab/>
              <w:t xml:space="preserve"> *   0         -&gt; '0'</w:t>
            </w:r>
          </w:p>
          <w:p w:rsidR="00156FB3" w:rsidRDefault="00156FB3" w:rsidP="00156FB3">
            <w:r>
              <w:tab/>
              <w:t xml:space="preserve"> *   1         -&gt; '1'</w:t>
            </w:r>
          </w:p>
          <w:p w:rsidR="00156FB3" w:rsidRDefault="00156FB3" w:rsidP="00156FB3">
            <w:r>
              <w:tab/>
              <w:t xml:space="preserve"> *</w:t>
            </w:r>
          </w:p>
          <w:p w:rsidR="00156FB3" w:rsidRDefault="00156FB3" w:rsidP="00156FB3">
            <w:r>
              <w:tab/>
              <w:t xml:space="preserve"> * @param {string} value</w:t>
            </w:r>
          </w:p>
          <w:p w:rsidR="00156FB3" w:rsidRDefault="00156FB3" w:rsidP="00156FB3">
            <w:r>
              <w:tab/>
              <w:t xml:space="preserve"> * @returns {string|null}</w:t>
            </w:r>
          </w:p>
          <w:p w:rsidR="00156FB3" w:rsidRDefault="00156FB3" w:rsidP="00156FB3">
            <w:r>
              <w:tab/>
              <w:t xml:space="preserve"> */</w:t>
            </w:r>
          </w:p>
          <w:p w:rsidR="00156FB3" w:rsidRDefault="00156FB3" w:rsidP="00156FB3">
            <w:r>
              <w:tab/>
              <w:t>var hash_key = function(value) {</w:t>
            </w:r>
          </w:p>
          <w:p w:rsidR="00156FB3" w:rsidRDefault="00156FB3" w:rsidP="00156FB3">
            <w:r>
              <w:tab/>
            </w:r>
            <w:r>
              <w:tab/>
              <w:t>if (typeof value === 'undefined' || value === null) return null;</w:t>
            </w:r>
          </w:p>
          <w:p w:rsidR="00156FB3" w:rsidRDefault="00156FB3" w:rsidP="00156FB3">
            <w:r>
              <w:tab/>
            </w:r>
            <w:r>
              <w:tab/>
              <w:t>if (typeof value === 'boolean') return value ? '1' : '0';</w:t>
            </w:r>
          </w:p>
          <w:p w:rsidR="00156FB3" w:rsidRDefault="00156FB3" w:rsidP="00156FB3">
            <w:r>
              <w:tab/>
            </w:r>
            <w:r>
              <w:tab/>
              <w:t>return value + '';</w:t>
            </w:r>
          </w:p>
          <w:p w:rsidR="00156FB3" w:rsidRDefault="00156FB3" w:rsidP="00156FB3">
            <w:r>
              <w:tab/>
              <w:t>};</w:t>
            </w:r>
          </w:p>
          <w:p w:rsidR="00156FB3" w:rsidRDefault="00156FB3" w:rsidP="00156FB3">
            <w:r>
              <w:tab/>
            </w:r>
          </w:p>
          <w:p w:rsidR="00156FB3" w:rsidRDefault="00156FB3" w:rsidP="00156FB3">
            <w:r>
              <w:tab/>
              <w:t>/**</w:t>
            </w:r>
          </w:p>
          <w:p w:rsidR="00156FB3" w:rsidRDefault="00156FB3" w:rsidP="00156FB3">
            <w:r>
              <w:tab/>
              <w:t xml:space="preserve"> * Escapes a string for use within HTML.</w:t>
            </w:r>
          </w:p>
          <w:p w:rsidR="00156FB3" w:rsidRDefault="00156FB3" w:rsidP="00156FB3">
            <w:r>
              <w:tab/>
              <w:t xml:space="preserve"> *</w:t>
            </w:r>
          </w:p>
          <w:p w:rsidR="00156FB3" w:rsidRDefault="00156FB3" w:rsidP="00156FB3">
            <w:r>
              <w:tab/>
              <w:t xml:space="preserve"> * @param {string} str</w:t>
            </w:r>
          </w:p>
          <w:p w:rsidR="00156FB3" w:rsidRDefault="00156FB3" w:rsidP="00156FB3">
            <w:r>
              <w:tab/>
              <w:t xml:space="preserve"> * @returns {string}</w:t>
            </w:r>
          </w:p>
          <w:p w:rsidR="00156FB3" w:rsidRDefault="00156FB3" w:rsidP="00156FB3">
            <w:r>
              <w:tab/>
              <w:t xml:space="preserve"> */</w:t>
            </w:r>
          </w:p>
          <w:p w:rsidR="00156FB3" w:rsidRDefault="00156FB3" w:rsidP="00156FB3">
            <w:r>
              <w:tab/>
              <w:t>var escape_html = function(str) {</w:t>
            </w:r>
          </w:p>
          <w:p w:rsidR="00156FB3" w:rsidRDefault="00156FB3" w:rsidP="00156FB3">
            <w:r>
              <w:tab/>
            </w:r>
            <w:r>
              <w:tab/>
              <w:t>return (str + '')</w:t>
            </w:r>
          </w:p>
          <w:p w:rsidR="00156FB3" w:rsidRDefault="00156FB3" w:rsidP="00156FB3">
            <w:r>
              <w:tab/>
            </w:r>
            <w:r>
              <w:tab/>
            </w:r>
            <w:r>
              <w:tab/>
              <w:t>.replace(/&amp;/g, '&amp;amp;')</w:t>
            </w:r>
          </w:p>
          <w:p w:rsidR="00156FB3" w:rsidRDefault="00156FB3" w:rsidP="00156FB3">
            <w:r>
              <w:tab/>
            </w:r>
            <w:r>
              <w:tab/>
            </w:r>
            <w:r>
              <w:tab/>
              <w:t>.replace(/&lt;/g, '&amp;lt;')</w:t>
            </w:r>
          </w:p>
          <w:p w:rsidR="00156FB3" w:rsidRDefault="00156FB3" w:rsidP="00156FB3">
            <w:r>
              <w:tab/>
            </w:r>
            <w:r>
              <w:tab/>
            </w:r>
            <w:r>
              <w:tab/>
              <w:t>.replace(/&gt;/g, '&amp;gt;')</w:t>
            </w:r>
          </w:p>
          <w:p w:rsidR="00156FB3" w:rsidRDefault="00156FB3" w:rsidP="00156FB3">
            <w:r>
              <w:tab/>
            </w:r>
            <w:r>
              <w:tab/>
            </w:r>
            <w:r>
              <w:tab/>
              <w:t>.replace(/"/g, '&amp;quot;');</w:t>
            </w:r>
          </w:p>
          <w:p w:rsidR="00156FB3" w:rsidRDefault="00156FB3" w:rsidP="00156FB3">
            <w:r>
              <w:tab/>
              <w:t>};</w:t>
            </w:r>
          </w:p>
          <w:p w:rsidR="00156FB3" w:rsidRDefault="00156FB3" w:rsidP="00156FB3">
            <w:r>
              <w:tab/>
            </w:r>
          </w:p>
          <w:p w:rsidR="00156FB3" w:rsidRDefault="00156FB3" w:rsidP="00156FB3">
            <w:r>
              <w:tab/>
              <w:t>/**</w:t>
            </w:r>
          </w:p>
          <w:p w:rsidR="00156FB3" w:rsidRDefault="00156FB3" w:rsidP="00156FB3">
            <w:r>
              <w:tab/>
              <w:t xml:space="preserve"> * Escapes "$" characters in replacement strings.</w:t>
            </w:r>
          </w:p>
          <w:p w:rsidR="00156FB3" w:rsidRDefault="00156FB3" w:rsidP="00156FB3">
            <w:r>
              <w:tab/>
              <w:t xml:space="preserve"> *</w:t>
            </w:r>
          </w:p>
          <w:p w:rsidR="00156FB3" w:rsidRDefault="00156FB3" w:rsidP="00156FB3">
            <w:r>
              <w:tab/>
              <w:t xml:space="preserve"> * @param {string} str</w:t>
            </w:r>
          </w:p>
          <w:p w:rsidR="00156FB3" w:rsidRDefault="00156FB3" w:rsidP="00156FB3">
            <w:r>
              <w:tab/>
              <w:t xml:space="preserve"> * @returns {string}</w:t>
            </w:r>
          </w:p>
          <w:p w:rsidR="00156FB3" w:rsidRDefault="00156FB3" w:rsidP="00156FB3">
            <w:r>
              <w:tab/>
              <w:t xml:space="preserve"> */</w:t>
            </w:r>
          </w:p>
          <w:p w:rsidR="00156FB3" w:rsidRDefault="00156FB3" w:rsidP="00156FB3">
            <w:r>
              <w:tab/>
              <w:t>var escape_replace = function(str) {</w:t>
            </w:r>
          </w:p>
          <w:p w:rsidR="00156FB3" w:rsidRDefault="00156FB3" w:rsidP="00156FB3">
            <w:r>
              <w:tab/>
            </w:r>
            <w:r>
              <w:tab/>
              <w:t>return (str + '').replace(/\$/g, '$$$$');</w:t>
            </w:r>
          </w:p>
          <w:p w:rsidR="00156FB3" w:rsidRDefault="00156FB3" w:rsidP="00156FB3">
            <w:r>
              <w:tab/>
              <w:t>};</w:t>
            </w:r>
          </w:p>
          <w:p w:rsidR="00156FB3" w:rsidRDefault="00156FB3" w:rsidP="00156FB3">
            <w:r>
              <w:tab/>
            </w:r>
          </w:p>
          <w:p w:rsidR="00156FB3" w:rsidRDefault="00156FB3" w:rsidP="00156FB3">
            <w:r>
              <w:tab/>
              <w:t>var hook = {};</w:t>
            </w:r>
          </w:p>
          <w:p w:rsidR="00156FB3" w:rsidRDefault="00156FB3" w:rsidP="00156FB3">
            <w:r>
              <w:tab/>
            </w:r>
          </w:p>
          <w:p w:rsidR="00156FB3" w:rsidRDefault="00156FB3" w:rsidP="00156FB3">
            <w:r>
              <w:tab/>
              <w:t>/**</w:t>
            </w:r>
          </w:p>
          <w:p w:rsidR="00156FB3" w:rsidRDefault="00156FB3" w:rsidP="00156FB3">
            <w:r>
              <w:tab/>
              <w:t xml:space="preserve"> * Wraps `method` on `self` so that `fn`</w:t>
            </w:r>
          </w:p>
          <w:p w:rsidR="00156FB3" w:rsidRDefault="00156FB3" w:rsidP="00156FB3">
            <w:r>
              <w:lastRenderedPageBreak/>
              <w:tab/>
              <w:t xml:space="preserve"> * is invoked before the original method.</w:t>
            </w:r>
          </w:p>
          <w:p w:rsidR="00156FB3" w:rsidRDefault="00156FB3" w:rsidP="00156FB3">
            <w:r>
              <w:tab/>
              <w:t xml:space="preserve"> *</w:t>
            </w:r>
          </w:p>
          <w:p w:rsidR="00156FB3" w:rsidRDefault="00156FB3" w:rsidP="00156FB3">
            <w:r>
              <w:tab/>
              <w:t xml:space="preserve"> * @param {object} self</w:t>
            </w:r>
          </w:p>
          <w:p w:rsidR="00156FB3" w:rsidRDefault="00156FB3" w:rsidP="00156FB3">
            <w:r>
              <w:tab/>
              <w:t xml:space="preserve"> * @param {string} method</w:t>
            </w:r>
          </w:p>
          <w:p w:rsidR="00156FB3" w:rsidRDefault="00156FB3" w:rsidP="00156FB3">
            <w:r>
              <w:tab/>
              <w:t xml:space="preserve"> * @param {function} fn</w:t>
            </w:r>
          </w:p>
          <w:p w:rsidR="00156FB3" w:rsidRDefault="00156FB3" w:rsidP="00156FB3">
            <w:r>
              <w:tab/>
              <w:t xml:space="preserve"> */</w:t>
            </w:r>
          </w:p>
          <w:p w:rsidR="00156FB3" w:rsidRDefault="00156FB3" w:rsidP="00156FB3">
            <w:r>
              <w:tab/>
              <w:t>hook.before = function(self, method, fn) {</w:t>
            </w:r>
          </w:p>
          <w:p w:rsidR="00156FB3" w:rsidRDefault="00156FB3" w:rsidP="00156FB3">
            <w:r>
              <w:tab/>
            </w:r>
            <w:r>
              <w:tab/>
              <w:t>var original = self[method];</w:t>
            </w:r>
          </w:p>
          <w:p w:rsidR="00156FB3" w:rsidRDefault="00156FB3" w:rsidP="00156FB3">
            <w:r>
              <w:tab/>
            </w:r>
            <w:r>
              <w:tab/>
              <w:t>self[method] = function() {</w:t>
            </w:r>
          </w:p>
          <w:p w:rsidR="00156FB3" w:rsidRDefault="00156FB3" w:rsidP="00156FB3">
            <w:r>
              <w:tab/>
            </w:r>
            <w:r>
              <w:tab/>
            </w:r>
            <w:r>
              <w:tab/>
              <w:t>fn.apply(self, arguments);</w:t>
            </w:r>
          </w:p>
          <w:p w:rsidR="00156FB3" w:rsidRDefault="00156FB3" w:rsidP="00156FB3">
            <w:r>
              <w:tab/>
            </w:r>
            <w:r>
              <w:tab/>
            </w:r>
            <w:r>
              <w:tab/>
              <w:t>return original.apply(self, arguments);</w:t>
            </w:r>
          </w:p>
          <w:p w:rsidR="00156FB3" w:rsidRDefault="00156FB3" w:rsidP="00156FB3">
            <w:r>
              <w:tab/>
            </w:r>
            <w:r>
              <w:tab/>
              <w:t>};</w:t>
            </w:r>
          </w:p>
          <w:p w:rsidR="00156FB3" w:rsidRDefault="00156FB3" w:rsidP="00156FB3">
            <w:r>
              <w:tab/>
              <w:t>};</w:t>
            </w:r>
          </w:p>
          <w:p w:rsidR="00156FB3" w:rsidRDefault="00156FB3" w:rsidP="00156FB3">
            <w:r>
              <w:tab/>
            </w:r>
          </w:p>
          <w:p w:rsidR="00156FB3" w:rsidRDefault="00156FB3" w:rsidP="00156FB3">
            <w:r>
              <w:tab/>
              <w:t>/**</w:t>
            </w:r>
          </w:p>
          <w:p w:rsidR="00156FB3" w:rsidRDefault="00156FB3" w:rsidP="00156FB3">
            <w:r>
              <w:tab/>
              <w:t xml:space="preserve"> * Wraps `method` on `self` so that `fn`</w:t>
            </w:r>
          </w:p>
          <w:p w:rsidR="00156FB3" w:rsidRDefault="00156FB3" w:rsidP="00156FB3">
            <w:r>
              <w:tab/>
              <w:t xml:space="preserve"> * is invoked after the original method.</w:t>
            </w:r>
          </w:p>
          <w:p w:rsidR="00156FB3" w:rsidRDefault="00156FB3" w:rsidP="00156FB3">
            <w:r>
              <w:tab/>
              <w:t xml:space="preserve"> *</w:t>
            </w:r>
          </w:p>
          <w:p w:rsidR="00156FB3" w:rsidRDefault="00156FB3" w:rsidP="00156FB3">
            <w:r>
              <w:tab/>
              <w:t xml:space="preserve"> * @param {object} self</w:t>
            </w:r>
          </w:p>
          <w:p w:rsidR="00156FB3" w:rsidRDefault="00156FB3" w:rsidP="00156FB3">
            <w:r>
              <w:tab/>
              <w:t xml:space="preserve"> * @param {string} method</w:t>
            </w:r>
          </w:p>
          <w:p w:rsidR="00156FB3" w:rsidRDefault="00156FB3" w:rsidP="00156FB3">
            <w:r>
              <w:tab/>
              <w:t xml:space="preserve"> * @param {function} fn</w:t>
            </w:r>
          </w:p>
          <w:p w:rsidR="00156FB3" w:rsidRDefault="00156FB3" w:rsidP="00156FB3">
            <w:r>
              <w:tab/>
              <w:t xml:space="preserve"> */</w:t>
            </w:r>
          </w:p>
          <w:p w:rsidR="00156FB3" w:rsidRDefault="00156FB3" w:rsidP="00156FB3">
            <w:r>
              <w:tab/>
              <w:t>hook.after = function(self, method, fn) {</w:t>
            </w:r>
          </w:p>
          <w:p w:rsidR="00156FB3" w:rsidRDefault="00156FB3" w:rsidP="00156FB3">
            <w:r>
              <w:tab/>
            </w:r>
            <w:r>
              <w:tab/>
              <w:t>var original = self[method];</w:t>
            </w:r>
          </w:p>
          <w:p w:rsidR="00156FB3" w:rsidRDefault="00156FB3" w:rsidP="00156FB3">
            <w:r>
              <w:tab/>
            </w:r>
            <w:r>
              <w:tab/>
              <w:t>self[method] = function() {</w:t>
            </w:r>
          </w:p>
          <w:p w:rsidR="00156FB3" w:rsidRDefault="00156FB3" w:rsidP="00156FB3">
            <w:r>
              <w:tab/>
            </w:r>
            <w:r>
              <w:tab/>
            </w:r>
            <w:r>
              <w:tab/>
              <w:t>var result = original.apply(self, arguments);</w:t>
            </w:r>
          </w:p>
          <w:p w:rsidR="00156FB3" w:rsidRDefault="00156FB3" w:rsidP="00156FB3">
            <w:r>
              <w:tab/>
            </w:r>
            <w:r>
              <w:tab/>
            </w:r>
            <w:r>
              <w:tab/>
              <w:t>fn.apply(self, arguments);</w:t>
            </w:r>
          </w:p>
          <w:p w:rsidR="00156FB3" w:rsidRDefault="00156FB3" w:rsidP="00156FB3">
            <w:r>
              <w:tab/>
            </w:r>
            <w:r>
              <w:tab/>
            </w:r>
            <w:r>
              <w:tab/>
              <w:t>return result;</w:t>
            </w:r>
          </w:p>
          <w:p w:rsidR="00156FB3" w:rsidRDefault="00156FB3" w:rsidP="00156FB3">
            <w:r>
              <w:tab/>
            </w:r>
            <w:r>
              <w:tab/>
              <w:t>};</w:t>
            </w:r>
          </w:p>
          <w:p w:rsidR="00156FB3" w:rsidRDefault="00156FB3" w:rsidP="00156FB3">
            <w:r>
              <w:tab/>
              <w:t>};</w:t>
            </w:r>
          </w:p>
          <w:p w:rsidR="00156FB3" w:rsidRDefault="00156FB3" w:rsidP="00156FB3">
            <w:r>
              <w:tab/>
            </w:r>
          </w:p>
          <w:p w:rsidR="00156FB3" w:rsidRDefault="00156FB3" w:rsidP="00156FB3">
            <w:r>
              <w:tab/>
              <w:t>/**</w:t>
            </w:r>
          </w:p>
          <w:p w:rsidR="00156FB3" w:rsidRDefault="00156FB3" w:rsidP="00156FB3">
            <w:r>
              <w:tab/>
              <w:t xml:space="preserve"> * Wraps `fn` so that it can only be invoked once.</w:t>
            </w:r>
          </w:p>
          <w:p w:rsidR="00156FB3" w:rsidRDefault="00156FB3" w:rsidP="00156FB3">
            <w:r>
              <w:tab/>
              <w:t xml:space="preserve"> *</w:t>
            </w:r>
          </w:p>
          <w:p w:rsidR="00156FB3" w:rsidRDefault="00156FB3" w:rsidP="00156FB3">
            <w:r>
              <w:tab/>
              <w:t xml:space="preserve"> * @param {function} fn</w:t>
            </w:r>
          </w:p>
          <w:p w:rsidR="00156FB3" w:rsidRDefault="00156FB3" w:rsidP="00156FB3">
            <w:r>
              <w:tab/>
              <w:t xml:space="preserve"> * @returns {function}</w:t>
            </w:r>
          </w:p>
          <w:p w:rsidR="00156FB3" w:rsidRDefault="00156FB3" w:rsidP="00156FB3">
            <w:r>
              <w:tab/>
              <w:t xml:space="preserve"> */</w:t>
            </w:r>
          </w:p>
          <w:p w:rsidR="00156FB3" w:rsidRDefault="00156FB3" w:rsidP="00156FB3">
            <w:r>
              <w:tab/>
              <w:t>var once = function(fn) {</w:t>
            </w:r>
          </w:p>
          <w:p w:rsidR="00156FB3" w:rsidRDefault="00156FB3" w:rsidP="00156FB3">
            <w:r>
              <w:tab/>
            </w:r>
            <w:r>
              <w:tab/>
              <w:t>var called = false;</w:t>
            </w:r>
          </w:p>
          <w:p w:rsidR="00156FB3" w:rsidRDefault="00156FB3" w:rsidP="00156FB3">
            <w:r>
              <w:tab/>
            </w:r>
            <w:r>
              <w:tab/>
              <w:t>return function() {</w:t>
            </w:r>
          </w:p>
          <w:p w:rsidR="00156FB3" w:rsidRDefault="00156FB3" w:rsidP="00156FB3">
            <w:r>
              <w:tab/>
            </w:r>
            <w:r>
              <w:tab/>
            </w:r>
            <w:r>
              <w:tab/>
              <w:t>if (called) return;</w:t>
            </w:r>
          </w:p>
          <w:p w:rsidR="00156FB3" w:rsidRDefault="00156FB3" w:rsidP="00156FB3">
            <w:r>
              <w:tab/>
            </w:r>
            <w:r>
              <w:tab/>
            </w:r>
            <w:r>
              <w:tab/>
              <w:t>called = true;</w:t>
            </w:r>
          </w:p>
          <w:p w:rsidR="00156FB3" w:rsidRDefault="00156FB3" w:rsidP="00156FB3">
            <w:r>
              <w:tab/>
            </w:r>
            <w:r>
              <w:tab/>
            </w:r>
            <w:r>
              <w:tab/>
              <w:t>fn.apply(this, arguments);</w:t>
            </w:r>
          </w:p>
          <w:p w:rsidR="00156FB3" w:rsidRDefault="00156FB3" w:rsidP="00156FB3">
            <w:r>
              <w:tab/>
            </w:r>
            <w:r>
              <w:tab/>
              <w:t>};</w:t>
            </w:r>
          </w:p>
          <w:p w:rsidR="00156FB3" w:rsidRDefault="00156FB3" w:rsidP="00156FB3">
            <w:r>
              <w:tab/>
              <w:t>};</w:t>
            </w:r>
          </w:p>
          <w:p w:rsidR="00156FB3" w:rsidRDefault="00156FB3" w:rsidP="00156FB3">
            <w:r>
              <w:tab/>
            </w:r>
          </w:p>
          <w:p w:rsidR="00156FB3" w:rsidRDefault="00156FB3" w:rsidP="00156FB3">
            <w:r>
              <w:tab/>
              <w:t>/**</w:t>
            </w:r>
          </w:p>
          <w:p w:rsidR="00156FB3" w:rsidRDefault="00156FB3" w:rsidP="00156FB3">
            <w:r>
              <w:tab/>
              <w:t xml:space="preserve"> * Wraps `fn` so that it can only be called once</w:t>
            </w:r>
          </w:p>
          <w:p w:rsidR="00156FB3" w:rsidRDefault="00156FB3" w:rsidP="00156FB3">
            <w:r>
              <w:lastRenderedPageBreak/>
              <w:tab/>
              <w:t xml:space="preserve"> * every `delay` milliseconds (invoked on the falling edge).</w:t>
            </w:r>
          </w:p>
          <w:p w:rsidR="00156FB3" w:rsidRDefault="00156FB3" w:rsidP="00156FB3">
            <w:r>
              <w:tab/>
              <w:t xml:space="preserve"> *</w:t>
            </w:r>
          </w:p>
          <w:p w:rsidR="00156FB3" w:rsidRDefault="00156FB3" w:rsidP="00156FB3">
            <w:r>
              <w:tab/>
              <w:t xml:space="preserve"> * @param {function} fn</w:t>
            </w:r>
          </w:p>
          <w:p w:rsidR="00156FB3" w:rsidRDefault="00156FB3" w:rsidP="00156FB3">
            <w:r>
              <w:tab/>
              <w:t xml:space="preserve"> * @param {int} delay</w:t>
            </w:r>
          </w:p>
          <w:p w:rsidR="00156FB3" w:rsidRDefault="00156FB3" w:rsidP="00156FB3">
            <w:r>
              <w:tab/>
              <w:t xml:space="preserve"> * @returns {function}</w:t>
            </w:r>
          </w:p>
          <w:p w:rsidR="00156FB3" w:rsidRDefault="00156FB3" w:rsidP="00156FB3">
            <w:r>
              <w:tab/>
              <w:t xml:space="preserve"> */</w:t>
            </w:r>
          </w:p>
          <w:p w:rsidR="00156FB3" w:rsidRDefault="00156FB3" w:rsidP="00156FB3">
            <w:r>
              <w:tab/>
              <w:t>var debounce = function(fn, delay) {</w:t>
            </w:r>
          </w:p>
          <w:p w:rsidR="00156FB3" w:rsidRDefault="00156FB3" w:rsidP="00156FB3">
            <w:r>
              <w:tab/>
            </w:r>
            <w:r>
              <w:tab/>
              <w:t>var timeout;</w:t>
            </w:r>
          </w:p>
          <w:p w:rsidR="00156FB3" w:rsidRDefault="00156FB3" w:rsidP="00156FB3">
            <w:r>
              <w:tab/>
            </w:r>
            <w:r>
              <w:tab/>
              <w:t>return function() {</w:t>
            </w:r>
          </w:p>
          <w:p w:rsidR="00156FB3" w:rsidRDefault="00156FB3" w:rsidP="00156FB3">
            <w:r>
              <w:tab/>
            </w:r>
            <w:r>
              <w:tab/>
            </w:r>
            <w:r>
              <w:tab/>
              <w:t>var self = this;</w:t>
            </w:r>
          </w:p>
          <w:p w:rsidR="00156FB3" w:rsidRDefault="00156FB3" w:rsidP="00156FB3">
            <w:r>
              <w:tab/>
            </w:r>
            <w:r>
              <w:tab/>
            </w:r>
            <w:r>
              <w:tab/>
              <w:t>var args = arguments;</w:t>
            </w:r>
          </w:p>
          <w:p w:rsidR="00156FB3" w:rsidRDefault="00156FB3" w:rsidP="00156FB3">
            <w:r>
              <w:tab/>
            </w:r>
            <w:r>
              <w:tab/>
            </w:r>
            <w:r>
              <w:tab/>
              <w:t>window.clearTimeout(timeout);</w:t>
            </w:r>
          </w:p>
          <w:p w:rsidR="00156FB3" w:rsidRDefault="00156FB3" w:rsidP="00156FB3">
            <w:r>
              <w:tab/>
            </w:r>
            <w:r>
              <w:tab/>
            </w:r>
            <w:r>
              <w:tab/>
              <w:t>timeout = window.setTimeout(function() {</w:t>
            </w:r>
          </w:p>
          <w:p w:rsidR="00156FB3" w:rsidRDefault="00156FB3" w:rsidP="00156FB3">
            <w:r>
              <w:tab/>
            </w:r>
            <w:r>
              <w:tab/>
            </w:r>
            <w:r>
              <w:tab/>
            </w:r>
            <w:r>
              <w:tab/>
              <w:t>fn.apply(self, args);</w:t>
            </w:r>
          </w:p>
          <w:p w:rsidR="00156FB3" w:rsidRDefault="00156FB3" w:rsidP="00156FB3">
            <w:r>
              <w:tab/>
            </w:r>
            <w:r>
              <w:tab/>
            </w:r>
            <w:r>
              <w:tab/>
              <w:t>}, delay);</w:t>
            </w:r>
          </w:p>
          <w:p w:rsidR="00156FB3" w:rsidRDefault="00156FB3" w:rsidP="00156FB3">
            <w:r>
              <w:tab/>
            </w:r>
            <w:r>
              <w:tab/>
              <w:t>};</w:t>
            </w:r>
          </w:p>
          <w:p w:rsidR="00156FB3" w:rsidRDefault="00156FB3" w:rsidP="00156FB3">
            <w:r>
              <w:tab/>
              <w:t>};</w:t>
            </w:r>
          </w:p>
          <w:p w:rsidR="00156FB3" w:rsidRDefault="00156FB3" w:rsidP="00156FB3">
            <w:r>
              <w:tab/>
            </w:r>
          </w:p>
          <w:p w:rsidR="00156FB3" w:rsidRDefault="00156FB3" w:rsidP="00156FB3">
            <w:r>
              <w:tab/>
              <w:t>/**</w:t>
            </w:r>
          </w:p>
          <w:p w:rsidR="00156FB3" w:rsidRDefault="00156FB3" w:rsidP="00156FB3">
            <w:r>
              <w:tab/>
              <w:t xml:space="preserve"> * Debounce all fired events types listed in `types`</w:t>
            </w:r>
          </w:p>
          <w:p w:rsidR="00156FB3" w:rsidRDefault="00156FB3" w:rsidP="00156FB3">
            <w:r>
              <w:tab/>
              <w:t xml:space="preserve"> * while executing the provided `fn`.</w:t>
            </w:r>
          </w:p>
          <w:p w:rsidR="00156FB3" w:rsidRDefault="00156FB3" w:rsidP="00156FB3">
            <w:r>
              <w:tab/>
              <w:t xml:space="preserve"> *</w:t>
            </w:r>
          </w:p>
          <w:p w:rsidR="00156FB3" w:rsidRDefault="00156FB3" w:rsidP="00156FB3">
            <w:r>
              <w:tab/>
              <w:t xml:space="preserve"> * @param {object} self</w:t>
            </w:r>
          </w:p>
          <w:p w:rsidR="00156FB3" w:rsidRDefault="00156FB3" w:rsidP="00156FB3">
            <w:r>
              <w:tab/>
              <w:t xml:space="preserve"> * @param {array} types</w:t>
            </w:r>
          </w:p>
          <w:p w:rsidR="00156FB3" w:rsidRDefault="00156FB3" w:rsidP="00156FB3">
            <w:r>
              <w:tab/>
              <w:t xml:space="preserve"> * @param {function} fn</w:t>
            </w:r>
          </w:p>
          <w:p w:rsidR="00156FB3" w:rsidRDefault="00156FB3" w:rsidP="00156FB3">
            <w:r>
              <w:tab/>
              <w:t xml:space="preserve"> */</w:t>
            </w:r>
          </w:p>
          <w:p w:rsidR="00156FB3" w:rsidRDefault="00156FB3" w:rsidP="00156FB3">
            <w:r>
              <w:tab/>
              <w:t>var debounce_events = function(self, types, fn) {</w:t>
            </w:r>
          </w:p>
          <w:p w:rsidR="00156FB3" w:rsidRDefault="00156FB3" w:rsidP="00156FB3">
            <w:r>
              <w:tab/>
            </w:r>
            <w:r>
              <w:tab/>
              <w:t>var type;</w:t>
            </w:r>
          </w:p>
          <w:p w:rsidR="00156FB3" w:rsidRDefault="00156FB3" w:rsidP="00156FB3">
            <w:r>
              <w:tab/>
            </w:r>
            <w:r>
              <w:tab/>
              <w:t>var trigger = self.trigger;</w:t>
            </w:r>
          </w:p>
          <w:p w:rsidR="00156FB3" w:rsidRDefault="00156FB3" w:rsidP="00156FB3">
            <w:r>
              <w:tab/>
            </w:r>
            <w:r>
              <w:tab/>
              <w:t>var event_args = {};</w:t>
            </w:r>
          </w:p>
          <w:p w:rsidR="00156FB3" w:rsidRDefault="00156FB3" w:rsidP="00156FB3">
            <w:r>
              <w:tab/>
            </w:r>
          </w:p>
          <w:p w:rsidR="00156FB3" w:rsidRDefault="00156FB3" w:rsidP="00156FB3">
            <w:r>
              <w:tab/>
            </w:r>
            <w:r>
              <w:tab/>
              <w:t>// override trigger method</w:t>
            </w:r>
          </w:p>
          <w:p w:rsidR="00156FB3" w:rsidRDefault="00156FB3" w:rsidP="00156FB3">
            <w:r>
              <w:tab/>
            </w:r>
            <w:r>
              <w:tab/>
              <w:t>self.trigger = function() {</w:t>
            </w:r>
          </w:p>
          <w:p w:rsidR="00156FB3" w:rsidRDefault="00156FB3" w:rsidP="00156FB3">
            <w:r>
              <w:tab/>
            </w:r>
            <w:r>
              <w:tab/>
            </w:r>
            <w:r>
              <w:tab/>
              <w:t>var type = arguments[0];</w:t>
            </w:r>
          </w:p>
          <w:p w:rsidR="00156FB3" w:rsidRDefault="00156FB3" w:rsidP="00156FB3">
            <w:r>
              <w:tab/>
            </w:r>
            <w:r>
              <w:tab/>
            </w:r>
            <w:r>
              <w:tab/>
              <w:t>if (types.indexOf(type) !== -1) {</w:t>
            </w:r>
          </w:p>
          <w:p w:rsidR="00156FB3" w:rsidRDefault="00156FB3" w:rsidP="00156FB3">
            <w:r>
              <w:tab/>
            </w:r>
            <w:r>
              <w:tab/>
            </w:r>
            <w:r>
              <w:tab/>
            </w:r>
            <w:r>
              <w:tab/>
              <w:t>event_args[type] = arguments;</w:t>
            </w:r>
          </w:p>
          <w:p w:rsidR="00156FB3" w:rsidRDefault="00156FB3" w:rsidP="00156FB3">
            <w:r>
              <w:tab/>
            </w:r>
            <w:r>
              <w:tab/>
            </w:r>
            <w:r>
              <w:tab/>
              <w:t>} else {</w:t>
            </w:r>
          </w:p>
          <w:p w:rsidR="00156FB3" w:rsidRDefault="00156FB3" w:rsidP="00156FB3">
            <w:r>
              <w:tab/>
            </w:r>
            <w:r>
              <w:tab/>
            </w:r>
            <w:r>
              <w:tab/>
            </w:r>
            <w:r>
              <w:tab/>
              <w:t>return trigger.apply(self, arguments);</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 invoke provided function</w:t>
            </w:r>
          </w:p>
          <w:p w:rsidR="00156FB3" w:rsidRDefault="00156FB3" w:rsidP="00156FB3">
            <w:r>
              <w:tab/>
            </w:r>
            <w:r>
              <w:tab/>
              <w:t>fn.apply(self, []);</w:t>
            </w:r>
          </w:p>
          <w:p w:rsidR="00156FB3" w:rsidRDefault="00156FB3" w:rsidP="00156FB3">
            <w:r>
              <w:tab/>
            </w:r>
            <w:r>
              <w:tab/>
              <w:t>self.trigger = trigger;</w:t>
            </w:r>
          </w:p>
          <w:p w:rsidR="00156FB3" w:rsidRDefault="00156FB3" w:rsidP="00156FB3">
            <w:r>
              <w:tab/>
            </w:r>
          </w:p>
          <w:p w:rsidR="00156FB3" w:rsidRDefault="00156FB3" w:rsidP="00156FB3">
            <w:r>
              <w:tab/>
            </w:r>
            <w:r>
              <w:tab/>
              <w:t>// trigger queued events</w:t>
            </w:r>
          </w:p>
          <w:p w:rsidR="00156FB3" w:rsidRDefault="00156FB3" w:rsidP="00156FB3">
            <w:r>
              <w:tab/>
            </w:r>
            <w:r>
              <w:tab/>
              <w:t>for (type in event_args) {</w:t>
            </w:r>
          </w:p>
          <w:p w:rsidR="00156FB3" w:rsidRDefault="00156FB3" w:rsidP="00156FB3">
            <w:r>
              <w:tab/>
            </w:r>
            <w:r>
              <w:tab/>
            </w:r>
            <w:r>
              <w:tab/>
              <w:t>if (event_args.hasOwnProperty(type)) {</w:t>
            </w:r>
          </w:p>
          <w:p w:rsidR="00156FB3" w:rsidRDefault="00156FB3" w:rsidP="00156FB3">
            <w:r>
              <w:lastRenderedPageBreak/>
              <w:tab/>
            </w:r>
            <w:r>
              <w:tab/>
            </w:r>
            <w:r>
              <w:tab/>
            </w:r>
            <w:r>
              <w:tab/>
              <w:t>trigger.apply(self, event_args[type]);</w:t>
            </w:r>
          </w:p>
          <w:p w:rsidR="00156FB3" w:rsidRDefault="00156FB3" w:rsidP="00156FB3">
            <w:r>
              <w:tab/>
            </w:r>
            <w:r>
              <w:tab/>
            </w:r>
            <w:r>
              <w:tab/>
              <w:t>}</w:t>
            </w:r>
          </w:p>
          <w:p w:rsidR="00156FB3" w:rsidRDefault="00156FB3" w:rsidP="00156FB3">
            <w:r>
              <w:tab/>
            </w:r>
            <w:r>
              <w:tab/>
              <w:t>}</w:t>
            </w:r>
          </w:p>
          <w:p w:rsidR="00156FB3" w:rsidRDefault="00156FB3" w:rsidP="00156FB3">
            <w:r>
              <w:tab/>
              <w:t>};</w:t>
            </w:r>
          </w:p>
          <w:p w:rsidR="00156FB3" w:rsidRDefault="00156FB3" w:rsidP="00156FB3">
            <w:r>
              <w:tab/>
            </w:r>
          </w:p>
          <w:p w:rsidR="00156FB3" w:rsidRDefault="00156FB3" w:rsidP="00156FB3">
            <w:r>
              <w:tab/>
              <w:t>/**</w:t>
            </w:r>
          </w:p>
          <w:p w:rsidR="00156FB3" w:rsidRDefault="00156FB3" w:rsidP="00156FB3">
            <w:r>
              <w:tab/>
              <w:t xml:space="preserve"> * A workaround for http://bugs.jquery.com/ticket/6696</w:t>
            </w:r>
          </w:p>
          <w:p w:rsidR="00156FB3" w:rsidRDefault="00156FB3" w:rsidP="00156FB3">
            <w:r>
              <w:tab/>
              <w:t xml:space="preserve"> *</w:t>
            </w:r>
          </w:p>
          <w:p w:rsidR="00156FB3" w:rsidRDefault="00156FB3" w:rsidP="00156FB3">
            <w:r>
              <w:tab/>
              <w:t xml:space="preserve"> * @param {object} $parent - Parent element to listen on.</w:t>
            </w:r>
          </w:p>
          <w:p w:rsidR="00156FB3" w:rsidRDefault="00156FB3" w:rsidP="00156FB3">
            <w:r>
              <w:tab/>
              <w:t xml:space="preserve"> * @param {string} event - Event name.</w:t>
            </w:r>
          </w:p>
          <w:p w:rsidR="00156FB3" w:rsidRDefault="00156FB3" w:rsidP="00156FB3">
            <w:r>
              <w:tab/>
              <w:t xml:space="preserve"> * @param {string} selector - Descendant selector to filter by.</w:t>
            </w:r>
          </w:p>
          <w:p w:rsidR="00156FB3" w:rsidRDefault="00156FB3" w:rsidP="00156FB3">
            <w:r>
              <w:tab/>
              <w:t xml:space="preserve"> * @param {function} fn - Event handler.</w:t>
            </w:r>
          </w:p>
          <w:p w:rsidR="00156FB3" w:rsidRDefault="00156FB3" w:rsidP="00156FB3">
            <w:r>
              <w:tab/>
              <w:t xml:space="preserve"> */</w:t>
            </w:r>
          </w:p>
          <w:p w:rsidR="00156FB3" w:rsidRDefault="00156FB3" w:rsidP="00156FB3">
            <w:r>
              <w:tab/>
              <w:t>var watchChildEvent = function($parent, event, selector, fn) {</w:t>
            </w:r>
          </w:p>
          <w:p w:rsidR="00156FB3" w:rsidRDefault="00156FB3" w:rsidP="00156FB3">
            <w:r>
              <w:tab/>
            </w:r>
            <w:r>
              <w:tab/>
              <w:t>$parent.on(event, selector, function(e) {</w:t>
            </w:r>
          </w:p>
          <w:p w:rsidR="00156FB3" w:rsidRDefault="00156FB3" w:rsidP="00156FB3">
            <w:r>
              <w:tab/>
            </w:r>
            <w:r>
              <w:tab/>
            </w:r>
            <w:r>
              <w:tab/>
              <w:t>var child = e.target;</w:t>
            </w:r>
          </w:p>
          <w:p w:rsidR="00156FB3" w:rsidRDefault="00156FB3" w:rsidP="00156FB3">
            <w:r>
              <w:tab/>
            </w:r>
            <w:r>
              <w:tab/>
            </w:r>
            <w:r>
              <w:tab/>
              <w:t>while (child &amp;&amp; child.parentNode !== $parent[0]) {</w:t>
            </w:r>
          </w:p>
          <w:p w:rsidR="00156FB3" w:rsidRDefault="00156FB3" w:rsidP="00156FB3">
            <w:r>
              <w:tab/>
            </w:r>
            <w:r>
              <w:tab/>
            </w:r>
            <w:r>
              <w:tab/>
            </w:r>
            <w:r>
              <w:tab/>
              <w:t>child = child.parentNode;</w:t>
            </w:r>
          </w:p>
          <w:p w:rsidR="00156FB3" w:rsidRDefault="00156FB3" w:rsidP="00156FB3">
            <w:r>
              <w:tab/>
            </w:r>
            <w:r>
              <w:tab/>
            </w:r>
            <w:r>
              <w:tab/>
              <w:t>}</w:t>
            </w:r>
          </w:p>
          <w:p w:rsidR="00156FB3" w:rsidRDefault="00156FB3" w:rsidP="00156FB3">
            <w:r>
              <w:tab/>
            </w:r>
            <w:r>
              <w:tab/>
            </w:r>
            <w:r>
              <w:tab/>
              <w:t>e.currentTarget = child;</w:t>
            </w:r>
          </w:p>
          <w:p w:rsidR="00156FB3" w:rsidRDefault="00156FB3" w:rsidP="00156FB3">
            <w:r>
              <w:tab/>
            </w:r>
            <w:r>
              <w:tab/>
            </w:r>
            <w:r>
              <w:tab/>
              <w:t>return fn.apply(this, [e]);</w:t>
            </w:r>
          </w:p>
          <w:p w:rsidR="00156FB3" w:rsidRDefault="00156FB3" w:rsidP="00156FB3">
            <w:r>
              <w:tab/>
            </w:r>
            <w:r>
              <w:tab/>
              <w:t>});</w:t>
            </w:r>
          </w:p>
          <w:p w:rsidR="00156FB3" w:rsidRDefault="00156FB3" w:rsidP="00156FB3">
            <w:r>
              <w:tab/>
              <w:t>};</w:t>
            </w:r>
          </w:p>
          <w:p w:rsidR="00156FB3" w:rsidRDefault="00156FB3" w:rsidP="00156FB3">
            <w:r>
              <w:tab/>
            </w:r>
          </w:p>
          <w:p w:rsidR="00156FB3" w:rsidRDefault="00156FB3" w:rsidP="00156FB3">
            <w:r>
              <w:tab/>
              <w:t>/**</w:t>
            </w:r>
          </w:p>
          <w:p w:rsidR="00156FB3" w:rsidRDefault="00156FB3" w:rsidP="00156FB3">
            <w:r>
              <w:tab/>
              <w:t xml:space="preserve"> * Determines the current selection within a text input control.</w:t>
            </w:r>
          </w:p>
          <w:p w:rsidR="00156FB3" w:rsidRDefault="00156FB3" w:rsidP="00156FB3">
            <w:r>
              <w:tab/>
              <w:t xml:space="preserve"> * Returns an object containing:</w:t>
            </w:r>
          </w:p>
          <w:p w:rsidR="00156FB3" w:rsidRDefault="00156FB3" w:rsidP="00156FB3">
            <w:r>
              <w:tab/>
              <w:t xml:space="preserve"> *   - start</w:t>
            </w:r>
          </w:p>
          <w:p w:rsidR="00156FB3" w:rsidRDefault="00156FB3" w:rsidP="00156FB3">
            <w:r>
              <w:tab/>
              <w:t xml:space="preserve"> *   - length</w:t>
            </w:r>
          </w:p>
          <w:p w:rsidR="00156FB3" w:rsidRDefault="00156FB3" w:rsidP="00156FB3">
            <w:r>
              <w:tab/>
              <w:t xml:space="preserve"> *</w:t>
            </w:r>
          </w:p>
          <w:p w:rsidR="00156FB3" w:rsidRDefault="00156FB3" w:rsidP="00156FB3">
            <w:r>
              <w:tab/>
              <w:t xml:space="preserve"> * @param {object} input</w:t>
            </w:r>
          </w:p>
          <w:p w:rsidR="00156FB3" w:rsidRDefault="00156FB3" w:rsidP="00156FB3">
            <w:r>
              <w:tab/>
              <w:t xml:space="preserve"> * @returns {object}</w:t>
            </w:r>
          </w:p>
          <w:p w:rsidR="00156FB3" w:rsidRDefault="00156FB3" w:rsidP="00156FB3">
            <w:r>
              <w:tab/>
              <w:t xml:space="preserve"> */</w:t>
            </w:r>
          </w:p>
          <w:p w:rsidR="00156FB3" w:rsidRDefault="00156FB3" w:rsidP="00156FB3">
            <w:r>
              <w:tab/>
              <w:t>var getSelection = function(input) {</w:t>
            </w:r>
          </w:p>
          <w:p w:rsidR="00156FB3" w:rsidRDefault="00156FB3" w:rsidP="00156FB3">
            <w:r>
              <w:tab/>
            </w:r>
            <w:r>
              <w:tab/>
              <w:t>var result = {};</w:t>
            </w:r>
          </w:p>
          <w:p w:rsidR="00156FB3" w:rsidRDefault="00156FB3" w:rsidP="00156FB3">
            <w:r>
              <w:tab/>
            </w:r>
            <w:r>
              <w:tab/>
              <w:t>if ('selectionStart' in input) {</w:t>
            </w:r>
          </w:p>
          <w:p w:rsidR="00156FB3" w:rsidRDefault="00156FB3" w:rsidP="00156FB3">
            <w:r>
              <w:tab/>
            </w:r>
            <w:r>
              <w:tab/>
            </w:r>
            <w:r>
              <w:tab/>
              <w:t>result.start = input.selectionStart;</w:t>
            </w:r>
          </w:p>
          <w:p w:rsidR="00156FB3" w:rsidRDefault="00156FB3" w:rsidP="00156FB3">
            <w:r>
              <w:tab/>
            </w:r>
            <w:r>
              <w:tab/>
            </w:r>
            <w:r>
              <w:tab/>
              <w:t>result.length = input.selectionEnd - result.start;</w:t>
            </w:r>
          </w:p>
          <w:p w:rsidR="00156FB3" w:rsidRDefault="00156FB3" w:rsidP="00156FB3">
            <w:r>
              <w:tab/>
            </w:r>
            <w:r>
              <w:tab/>
              <w:t>} else if (document.selection) {</w:t>
            </w:r>
          </w:p>
          <w:p w:rsidR="00156FB3" w:rsidRDefault="00156FB3" w:rsidP="00156FB3">
            <w:r>
              <w:tab/>
            </w:r>
            <w:r>
              <w:tab/>
            </w:r>
            <w:r>
              <w:tab/>
              <w:t>input.focus();</w:t>
            </w:r>
          </w:p>
          <w:p w:rsidR="00156FB3" w:rsidRDefault="00156FB3" w:rsidP="00156FB3">
            <w:r>
              <w:tab/>
            </w:r>
            <w:r>
              <w:tab/>
            </w:r>
            <w:r>
              <w:tab/>
              <w:t>var sel = document.selection.createRange();</w:t>
            </w:r>
          </w:p>
          <w:p w:rsidR="00156FB3" w:rsidRDefault="00156FB3" w:rsidP="00156FB3">
            <w:r>
              <w:tab/>
            </w:r>
            <w:r>
              <w:tab/>
            </w:r>
            <w:r>
              <w:tab/>
              <w:t>var selLen = document.selection.createRange().text.length;</w:t>
            </w:r>
          </w:p>
          <w:p w:rsidR="00156FB3" w:rsidRDefault="00156FB3" w:rsidP="00156FB3">
            <w:r>
              <w:tab/>
            </w:r>
            <w:r>
              <w:tab/>
            </w:r>
            <w:r>
              <w:tab/>
              <w:t>sel.moveStart('character', -input.value.length);</w:t>
            </w:r>
          </w:p>
          <w:p w:rsidR="00156FB3" w:rsidRDefault="00156FB3" w:rsidP="00156FB3">
            <w:r>
              <w:tab/>
            </w:r>
            <w:r>
              <w:tab/>
            </w:r>
            <w:r>
              <w:tab/>
              <w:t>result.start = sel.text.length - selLen;</w:t>
            </w:r>
          </w:p>
          <w:p w:rsidR="00156FB3" w:rsidRDefault="00156FB3" w:rsidP="00156FB3">
            <w:r>
              <w:tab/>
            </w:r>
            <w:r>
              <w:tab/>
            </w:r>
            <w:r>
              <w:tab/>
              <w:t>result.length = selLen;</w:t>
            </w:r>
          </w:p>
          <w:p w:rsidR="00156FB3" w:rsidRDefault="00156FB3" w:rsidP="00156FB3">
            <w:r>
              <w:tab/>
            </w:r>
            <w:r>
              <w:tab/>
              <w:t>}</w:t>
            </w:r>
          </w:p>
          <w:p w:rsidR="00156FB3" w:rsidRDefault="00156FB3" w:rsidP="00156FB3">
            <w:r>
              <w:tab/>
            </w:r>
            <w:r>
              <w:tab/>
              <w:t>return result;</w:t>
            </w:r>
          </w:p>
          <w:p w:rsidR="00156FB3" w:rsidRDefault="00156FB3" w:rsidP="00156FB3">
            <w:r>
              <w:tab/>
              <w:t>};</w:t>
            </w:r>
          </w:p>
          <w:p w:rsidR="00156FB3" w:rsidRDefault="00156FB3" w:rsidP="00156FB3">
            <w:r>
              <w:lastRenderedPageBreak/>
              <w:tab/>
            </w:r>
          </w:p>
          <w:p w:rsidR="00156FB3" w:rsidRDefault="00156FB3" w:rsidP="00156FB3">
            <w:r>
              <w:tab/>
              <w:t>/**</w:t>
            </w:r>
          </w:p>
          <w:p w:rsidR="00156FB3" w:rsidRDefault="00156FB3" w:rsidP="00156FB3">
            <w:r>
              <w:tab/>
              <w:t xml:space="preserve"> * Copies CSS properties from one element to another.</w:t>
            </w:r>
          </w:p>
          <w:p w:rsidR="00156FB3" w:rsidRDefault="00156FB3" w:rsidP="00156FB3">
            <w:r>
              <w:tab/>
              <w:t xml:space="preserve"> *</w:t>
            </w:r>
          </w:p>
          <w:p w:rsidR="00156FB3" w:rsidRDefault="00156FB3" w:rsidP="00156FB3">
            <w:r>
              <w:tab/>
              <w:t xml:space="preserve"> * @param {object} $from</w:t>
            </w:r>
          </w:p>
          <w:p w:rsidR="00156FB3" w:rsidRDefault="00156FB3" w:rsidP="00156FB3">
            <w:r>
              <w:tab/>
              <w:t xml:space="preserve"> * @param {object} $to</w:t>
            </w:r>
          </w:p>
          <w:p w:rsidR="00156FB3" w:rsidRDefault="00156FB3" w:rsidP="00156FB3">
            <w:r>
              <w:tab/>
              <w:t xml:space="preserve"> * @param {array} properties</w:t>
            </w:r>
          </w:p>
          <w:p w:rsidR="00156FB3" w:rsidRDefault="00156FB3" w:rsidP="00156FB3">
            <w:r>
              <w:tab/>
              <w:t xml:space="preserve"> */</w:t>
            </w:r>
          </w:p>
          <w:p w:rsidR="00156FB3" w:rsidRDefault="00156FB3" w:rsidP="00156FB3">
            <w:r>
              <w:tab/>
              <w:t>var transferStyles = function($from, $to, properties) {</w:t>
            </w:r>
          </w:p>
          <w:p w:rsidR="00156FB3" w:rsidRDefault="00156FB3" w:rsidP="00156FB3">
            <w:r>
              <w:tab/>
            </w:r>
            <w:r>
              <w:tab/>
              <w:t>var i, n, styles = {};</w:t>
            </w:r>
          </w:p>
          <w:p w:rsidR="00156FB3" w:rsidRDefault="00156FB3" w:rsidP="00156FB3">
            <w:r>
              <w:tab/>
            </w:r>
            <w:r>
              <w:tab/>
              <w:t>if (properties) {</w:t>
            </w:r>
          </w:p>
          <w:p w:rsidR="00156FB3" w:rsidRDefault="00156FB3" w:rsidP="00156FB3">
            <w:r>
              <w:tab/>
            </w:r>
            <w:r>
              <w:tab/>
            </w:r>
            <w:r>
              <w:tab/>
              <w:t>for (i = 0, n = properties.length; i &lt; n; i++) {</w:t>
            </w:r>
          </w:p>
          <w:p w:rsidR="00156FB3" w:rsidRDefault="00156FB3" w:rsidP="00156FB3">
            <w:r>
              <w:tab/>
            </w:r>
            <w:r>
              <w:tab/>
            </w:r>
            <w:r>
              <w:tab/>
            </w:r>
            <w:r>
              <w:tab/>
              <w:t>styles[properties[i]] = $from.css(properties[i]);</w:t>
            </w:r>
          </w:p>
          <w:p w:rsidR="00156FB3" w:rsidRDefault="00156FB3" w:rsidP="00156FB3">
            <w:r>
              <w:tab/>
            </w:r>
            <w:r>
              <w:tab/>
            </w:r>
            <w:r>
              <w:tab/>
              <w:t>}</w:t>
            </w:r>
          </w:p>
          <w:p w:rsidR="00156FB3" w:rsidRDefault="00156FB3" w:rsidP="00156FB3">
            <w:r>
              <w:tab/>
            </w:r>
            <w:r>
              <w:tab/>
              <w:t>} else {</w:t>
            </w:r>
          </w:p>
          <w:p w:rsidR="00156FB3" w:rsidRDefault="00156FB3" w:rsidP="00156FB3">
            <w:r>
              <w:tab/>
            </w:r>
            <w:r>
              <w:tab/>
            </w:r>
            <w:r>
              <w:tab/>
              <w:t>styles = $from.css();</w:t>
            </w:r>
          </w:p>
          <w:p w:rsidR="00156FB3" w:rsidRDefault="00156FB3" w:rsidP="00156FB3">
            <w:r>
              <w:tab/>
            </w:r>
            <w:r>
              <w:tab/>
              <w:t>}</w:t>
            </w:r>
          </w:p>
          <w:p w:rsidR="00156FB3" w:rsidRDefault="00156FB3" w:rsidP="00156FB3">
            <w:r>
              <w:tab/>
            </w:r>
            <w:r>
              <w:tab/>
              <w:t>$to.css(styles);</w:t>
            </w:r>
          </w:p>
          <w:p w:rsidR="00156FB3" w:rsidRDefault="00156FB3" w:rsidP="00156FB3">
            <w:r>
              <w:tab/>
              <w:t>};</w:t>
            </w:r>
          </w:p>
          <w:p w:rsidR="00156FB3" w:rsidRDefault="00156FB3" w:rsidP="00156FB3">
            <w:r>
              <w:tab/>
            </w:r>
          </w:p>
          <w:p w:rsidR="00156FB3" w:rsidRDefault="00156FB3" w:rsidP="00156FB3">
            <w:r>
              <w:tab/>
              <w:t>/**</w:t>
            </w:r>
          </w:p>
          <w:p w:rsidR="00156FB3" w:rsidRDefault="00156FB3" w:rsidP="00156FB3">
            <w:r>
              <w:tab/>
              <w:t xml:space="preserve"> * Measures the width of a string within a</w:t>
            </w:r>
          </w:p>
          <w:p w:rsidR="00156FB3" w:rsidRDefault="00156FB3" w:rsidP="00156FB3">
            <w:r>
              <w:tab/>
              <w:t xml:space="preserve"> * parent element (in pixels).</w:t>
            </w:r>
          </w:p>
          <w:p w:rsidR="00156FB3" w:rsidRDefault="00156FB3" w:rsidP="00156FB3">
            <w:r>
              <w:tab/>
              <w:t xml:space="preserve"> *</w:t>
            </w:r>
          </w:p>
          <w:p w:rsidR="00156FB3" w:rsidRDefault="00156FB3" w:rsidP="00156FB3">
            <w:r>
              <w:tab/>
              <w:t xml:space="preserve"> * @param {string} str</w:t>
            </w:r>
          </w:p>
          <w:p w:rsidR="00156FB3" w:rsidRDefault="00156FB3" w:rsidP="00156FB3">
            <w:r>
              <w:tab/>
              <w:t xml:space="preserve"> * @param {object} $parent</w:t>
            </w:r>
          </w:p>
          <w:p w:rsidR="00156FB3" w:rsidRDefault="00156FB3" w:rsidP="00156FB3">
            <w:r>
              <w:tab/>
              <w:t xml:space="preserve"> * @returns {int}</w:t>
            </w:r>
          </w:p>
          <w:p w:rsidR="00156FB3" w:rsidRDefault="00156FB3" w:rsidP="00156FB3">
            <w:r>
              <w:tab/>
              <w:t xml:space="preserve"> */</w:t>
            </w:r>
          </w:p>
          <w:p w:rsidR="00156FB3" w:rsidRDefault="00156FB3" w:rsidP="00156FB3">
            <w:r>
              <w:tab/>
              <w:t>var measureString = function(str, $parent) {</w:t>
            </w:r>
          </w:p>
          <w:p w:rsidR="00156FB3" w:rsidRDefault="00156FB3" w:rsidP="00156FB3">
            <w:r>
              <w:tab/>
            </w:r>
            <w:r>
              <w:tab/>
              <w:t>if (!str) {</w:t>
            </w:r>
          </w:p>
          <w:p w:rsidR="00156FB3" w:rsidRDefault="00156FB3" w:rsidP="00156FB3">
            <w:r>
              <w:tab/>
            </w:r>
            <w:r>
              <w:tab/>
            </w:r>
            <w:r>
              <w:tab/>
              <w:t>return 0;</w:t>
            </w:r>
          </w:p>
          <w:p w:rsidR="00156FB3" w:rsidRDefault="00156FB3" w:rsidP="00156FB3">
            <w:r>
              <w:tab/>
            </w:r>
            <w:r>
              <w:tab/>
              <w:t>}</w:t>
            </w:r>
          </w:p>
          <w:p w:rsidR="00156FB3" w:rsidRDefault="00156FB3" w:rsidP="00156FB3">
            <w:r>
              <w:tab/>
            </w:r>
          </w:p>
          <w:p w:rsidR="00156FB3" w:rsidRDefault="00156FB3" w:rsidP="00156FB3">
            <w:r>
              <w:tab/>
            </w:r>
            <w:r>
              <w:tab/>
              <w:t>var $test = $('&lt;test&gt;').css({</w:t>
            </w:r>
          </w:p>
          <w:p w:rsidR="00156FB3" w:rsidRDefault="00156FB3" w:rsidP="00156FB3">
            <w:r>
              <w:tab/>
            </w:r>
            <w:r>
              <w:tab/>
            </w:r>
            <w:r>
              <w:tab/>
              <w:t>position: 'absolute',</w:t>
            </w:r>
          </w:p>
          <w:p w:rsidR="00156FB3" w:rsidRDefault="00156FB3" w:rsidP="00156FB3">
            <w:r>
              <w:tab/>
            </w:r>
            <w:r>
              <w:tab/>
            </w:r>
            <w:r>
              <w:tab/>
              <w:t>top: -99999,</w:t>
            </w:r>
          </w:p>
          <w:p w:rsidR="00156FB3" w:rsidRDefault="00156FB3" w:rsidP="00156FB3">
            <w:r>
              <w:tab/>
            </w:r>
            <w:r>
              <w:tab/>
            </w:r>
            <w:r>
              <w:tab/>
              <w:t>left: -99999,</w:t>
            </w:r>
          </w:p>
          <w:p w:rsidR="00156FB3" w:rsidRDefault="00156FB3" w:rsidP="00156FB3">
            <w:r>
              <w:tab/>
            </w:r>
            <w:r>
              <w:tab/>
            </w:r>
            <w:r>
              <w:tab/>
              <w:t>width: 'auto',</w:t>
            </w:r>
          </w:p>
          <w:p w:rsidR="00156FB3" w:rsidRDefault="00156FB3" w:rsidP="00156FB3">
            <w:r>
              <w:tab/>
            </w:r>
            <w:r>
              <w:tab/>
            </w:r>
            <w:r>
              <w:tab/>
              <w:t>padding: 0,</w:t>
            </w:r>
          </w:p>
          <w:p w:rsidR="00156FB3" w:rsidRDefault="00156FB3" w:rsidP="00156FB3">
            <w:r>
              <w:tab/>
            </w:r>
            <w:r>
              <w:tab/>
            </w:r>
            <w:r>
              <w:tab/>
              <w:t>whiteSpace: 'pre'</w:t>
            </w:r>
          </w:p>
          <w:p w:rsidR="00156FB3" w:rsidRDefault="00156FB3" w:rsidP="00156FB3">
            <w:r>
              <w:tab/>
            </w:r>
            <w:r>
              <w:tab/>
              <w:t>}).text(str).appendTo('body');</w:t>
            </w:r>
          </w:p>
          <w:p w:rsidR="00156FB3" w:rsidRDefault="00156FB3" w:rsidP="00156FB3">
            <w:r>
              <w:tab/>
            </w:r>
          </w:p>
          <w:p w:rsidR="00156FB3" w:rsidRDefault="00156FB3" w:rsidP="00156FB3">
            <w:r>
              <w:tab/>
            </w:r>
            <w:r>
              <w:tab/>
              <w:t>transferStyles($parent, $test, [</w:t>
            </w:r>
          </w:p>
          <w:p w:rsidR="00156FB3" w:rsidRDefault="00156FB3" w:rsidP="00156FB3">
            <w:r>
              <w:tab/>
            </w:r>
            <w:r>
              <w:tab/>
            </w:r>
            <w:r>
              <w:tab/>
              <w:t>'letterSpacing',</w:t>
            </w:r>
          </w:p>
          <w:p w:rsidR="00156FB3" w:rsidRDefault="00156FB3" w:rsidP="00156FB3">
            <w:r>
              <w:tab/>
            </w:r>
            <w:r>
              <w:tab/>
            </w:r>
            <w:r>
              <w:tab/>
              <w:t>'fontSize',</w:t>
            </w:r>
          </w:p>
          <w:p w:rsidR="00156FB3" w:rsidRDefault="00156FB3" w:rsidP="00156FB3">
            <w:r>
              <w:tab/>
            </w:r>
            <w:r>
              <w:tab/>
            </w:r>
            <w:r>
              <w:tab/>
              <w:t>'fontFamily',</w:t>
            </w:r>
          </w:p>
          <w:p w:rsidR="00156FB3" w:rsidRDefault="00156FB3" w:rsidP="00156FB3">
            <w:r>
              <w:tab/>
            </w:r>
            <w:r>
              <w:tab/>
            </w:r>
            <w:r>
              <w:tab/>
              <w:t>'fontWeight',</w:t>
            </w:r>
          </w:p>
          <w:p w:rsidR="00156FB3" w:rsidRDefault="00156FB3" w:rsidP="00156FB3">
            <w:r>
              <w:tab/>
            </w:r>
            <w:r>
              <w:tab/>
            </w:r>
            <w:r>
              <w:tab/>
              <w:t>'textTransform'</w:t>
            </w:r>
          </w:p>
          <w:p w:rsidR="00156FB3" w:rsidRDefault="00156FB3" w:rsidP="00156FB3">
            <w:r>
              <w:lastRenderedPageBreak/>
              <w:tab/>
            </w:r>
            <w:r>
              <w:tab/>
              <w:t>]);</w:t>
            </w:r>
          </w:p>
          <w:p w:rsidR="00156FB3" w:rsidRDefault="00156FB3" w:rsidP="00156FB3">
            <w:r>
              <w:tab/>
            </w:r>
          </w:p>
          <w:p w:rsidR="00156FB3" w:rsidRDefault="00156FB3" w:rsidP="00156FB3">
            <w:r>
              <w:tab/>
            </w:r>
            <w:r>
              <w:tab/>
              <w:t>var width = $test.width();</w:t>
            </w:r>
          </w:p>
          <w:p w:rsidR="00156FB3" w:rsidRDefault="00156FB3" w:rsidP="00156FB3">
            <w:r>
              <w:tab/>
            </w:r>
            <w:r>
              <w:tab/>
              <w:t>$test.remove();</w:t>
            </w:r>
          </w:p>
          <w:p w:rsidR="00156FB3" w:rsidRDefault="00156FB3" w:rsidP="00156FB3">
            <w:r>
              <w:tab/>
            </w:r>
          </w:p>
          <w:p w:rsidR="00156FB3" w:rsidRDefault="00156FB3" w:rsidP="00156FB3">
            <w:r>
              <w:tab/>
            </w:r>
            <w:r>
              <w:tab/>
              <w:t>return width;</w:t>
            </w:r>
          </w:p>
          <w:p w:rsidR="00156FB3" w:rsidRDefault="00156FB3" w:rsidP="00156FB3">
            <w:r>
              <w:tab/>
              <w:t>};</w:t>
            </w:r>
          </w:p>
          <w:p w:rsidR="00156FB3" w:rsidRDefault="00156FB3" w:rsidP="00156FB3">
            <w:r>
              <w:tab/>
            </w:r>
          </w:p>
          <w:p w:rsidR="00156FB3" w:rsidRDefault="00156FB3" w:rsidP="00156FB3">
            <w:r>
              <w:tab/>
              <w:t>/**</w:t>
            </w:r>
          </w:p>
          <w:p w:rsidR="00156FB3" w:rsidRDefault="00156FB3" w:rsidP="00156FB3">
            <w:r>
              <w:tab/>
              <w:t xml:space="preserve"> * Sets up an input to grow horizontally as the user</w:t>
            </w:r>
          </w:p>
          <w:p w:rsidR="00156FB3" w:rsidRDefault="00156FB3" w:rsidP="00156FB3">
            <w:r>
              <w:tab/>
              <w:t xml:space="preserve"> * types. If the value is changed manually, you can</w:t>
            </w:r>
          </w:p>
          <w:p w:rsidR="00156FB3" w:rsidRDefault="00156FB3" w:rsidP="00156FB3">
            <w:r>
              <w:tab/>
              <w:t xml:space="preserve"> * trigger the "update" handler to resize:</w:t>
            </w:r>
          </w:p>
          <w:p w:rsidR="00156FB3" w:rsidRDefault="00156FB3" w:rsidP="00156FB3">
            <w:r>
              <w:tab/>
              <w:t xml:space="preserve"> *</w:t>
            </w:r>
          </w:p>
          <w:p w:rsidR="00156FB3" w:rsidRDefault="00156FB3" w:rsidP="00156FB3">
            <w:r>
              <w:tab/>
              <w:t xml:space="preserve"> * $input.trigger('update');</w:t>
            </w:r>
          </w:p>
          <w:p w:rsidR="00156FB3" w:rsidRDefault="00156FB3" w:rsidP="00156FB3">
            <w:r>
              <w:tab/>
              <w:t xml:space="preserve"> *</w:t>
            </w:r>
          </w:p>
          <w:p w:rsidR="00156FB3" w:rsidRDefault="00156FB3" w:rsidP="00156FB3">
            <w:r>
              <w:tab/>
              <w:t xml:space="preserve"> * @param {object} $input</w:t>
            </w:r>
          </w:p>
          <w:p w:rsidR="00156FB3" w:rsidRDefault="00156FB3" w:rsidP="00156FB3">
            <w:r>
              <w:tab/>
              <w:t xml:space="preserve"> */</w:t>
            </w:r>
          </w:p>
          <w:p w:rsidR="00156FB3" w:rsidRDefault="00156FB3" w:rsidP="00156FB3">
            <w:r>
              <w:tab/>
              <w:t>var autoGrow = function($input) {</w:t>
            </w:r>
          </w:p>
          <w:p w:rsidR="00156FB3" w:rsidRDefault="00156FB3" w:rsidP="00156FB3">
            <w:r>
              <w:tab/>
            </w:r>
            <w:r>
              <w:tab/>
              <w:t>var currentWidth = null;</w:t>
            </w:r>
          </w:p>
          <w:p w:rsidR="00156FB3" w:rsidRDefault="00156FB3" w:rsidP="00156FB3">
            <w:r>
              <w:tab/>
            </w:r>
          </w:p>
          <w:p w:rsidR="00156FB3" w:rsidRDefault="00156FB3" w:rsidP="00156FB3">
            <w:r>
              <w:tab/>
            </w:r>
            <w:r>
              <w:tab/>
              <w:t>var update = function(e, options) {</w:t>
            </w:r>
          </w:p>
          <w:p w:rsidR="00156FB3" w:rsidRDefault="00156FB3" w:rsidP="00156FB3">
            <w:r>
              <w:tab/>
            </w:r>
            <w:r>
              <w:tab/>
            </w:r>
            <w:r>
              <w:tab/>
              <w:t>var value, keyCode, printable, placeholder, width;</w:t>
            </w:r>
          </w:p>
          <w:p w:rsidR="00156FB3" w:rsidRDefault="00156FB3" w:rsidP="00156FB3">
            <w:r>
              <w:tab/>
            </w:r>
            <w:r>
              <w:tab/>
            </w:r>
            <w:r>
              <w:tab/>
              <w:t>var shift, character, selection;</w:t>
            </w:r>
          </w:p>
          <w:p w:rsidR="00156FB3" w:rsidRDefault="00156FB3" w:rsidP="00156FB3">
            <w:r>
              <w:tab/>
            </w:r>
            <w:r>
              <w:tab/>
            </w:r>
            <w:r>
              <w:tab/>
              <w:t>e = e || window.event || {};</w:t>
            </w:r>
          </w:p>
          <w:p w:rsidR="00156FB3" w:rsidRDefault="00156FB3" w:rsidP="00156FB3">
            <w:r>
              <w:tab/>
            </w:r>
            <w:r>
              <w:tab/>
            </w:r>
            <w:r>
              <w:tab/>
              <w:t>options = options || {};</w:t>
            </w:r>
          </w:p>
          <w:p w:rsidR="00156FB3" w:rsidRDefault="00156FB3" w:rsidP="00156FB3">
            <w:r>
              <w:tab/>
            </w:r>
          </w:p>
          <w:p w:rsidR="00156FB3" w:rsidRDefault="00156FB3" w:rsidP="00156FB3">
            <w:r>
              <w:tab/>
            </w:r>
            <w:r>
              <w:tab/>
            </w:r>
            <w:r>
              <w:tab/>
              <w:t>if (e.metaKey || e.altKey) return;</w:t>
            </w:r>
          </w:p>
          <w:p w:rsidR="00156FB3" w:rsidRDefault="00156FB3" w:rsidP="00156FB3">
            <w:r>
              <w:tab/>
            </w:r>
            <w:r>
              <w:tab/>
            </w:r>
            <w:r>
              <w:tab/>
              <w:t>if (!options.force &amp;&amp; $input.data('grow') === false) return;</w:t>
            </w:r>
          </w:p>
          <w:p w:rsidR="00156FB3" w:rsidRDefault="00156FB3" w:rsidP="00156FB3">
            <w:r>
              <w:tab/>
            </w:r>
          </w:p>
          <w:p w:rsidR="00156FB3" w:rsidRDefault="00156FB3" w:rsidP="00156FB3">
            <w:r>
              <w:tab/>
            </w:r>
            <w:r>
              <w:tab/>
            </w:r>
            <w:r>
              <w:tab/>
              <w:t>value = $input.val();</w:t>
            </w:r>
          </w:p>
          <w:p w:rsidR="00156FB3" w:rsidRDefault="00156FB3" w:rsidP="00156FB3">
            <w:r>
              <w:tab/>
            </w:r>
            <w:r>
              <w:tab/>
            </w:r>
            <w:r>
              <w:tab/>
              <w:t>if (e.type &amp;&amp; e.type.toLowerCase() === 'keydown') {</w:t>
            </w:r>
          </w:p>
          <w:p w:rsidR="00156FB3" w:rsidRDefault="00156FB3" w:rsidP="00156FB3">
            <w:r>
              <w:tab/>
            </w:r>
            <w:r>
              <w:tab/>
            </w:r>
            <w:r>
              <w:tab/>
            </w:r>
            <w:r>
              <w:tab/>
              <w:t>keyCode = e.keyCode;</w:t>
            </w:r>
          </w:p>
          <w:p w:rsidR="00156FB3" w:rsidRDefault="00156FB3" w:rsidP="00156FB3">
            <w:r>
              <w:tab/>
            </w:r>
            <w:r>
              <w:tab/>
            </w:r>
            <w:r>
              <w:tab/>
            </w:r>
            <w:r>
              <w:tab/>
              <w:t>printable = (</w:t>
            </w:r>
          </w:p>
          <w:p w:rsidR="00156FB3" w:rsidRDefault="00156FB3" w:rsidP="00156FB3">
            <w:r>
              <w:tab/>
            </w:r>
            <w:r>
              <w:tab/>
            </w:r>
            <w:r>
              <w:tab/>
            </w:r>
            <w:r>
              <w:tab/>
            </w:r>
            <w:r>
              <w:tab/>
              <w:t>(keyCode &gt;= 97 &amp;&amp; keyCode &lt;= 122) || // a-z</w:t>
            </w:r>
          </w:p>
          <w:p w:rsidR="00156FB3" w:rsidRDefault="00156FB3" w:rsidP="00156FB3">
            <w:r>
              <w:tab/>
            </w:r>
            <w:r>
              <w:tab/>
            </w:r>
            <w:r>
              <w:tab/>
            </w:r>
            <w:r>
              <w:tab/>
            </w:r>
            <w:r>
              <w:tab/>
              <w:t>(keyCode &gt;= 65 &amp;&amp; keyCode &lt;= 90)  || // A-Z</w:t>
            </w:r>
          </w:p>
          <w:p w:rsidR="00156FB3" w:rsidRDefault="00156FB3" w:rsidP="00156FB3">
            <w:r>
              <w:tab/>
            </w:r>
            <w:r>
              <w:tab/>
            </w:r>
            <w:r>
              <w:tab/>
            </w:r>
            <w:r>
              <w:tab/>
            </w:r>
            <w:r>
              <w:tab/>
              <w:t>(keyCode &gt;= 48 &amp;&amp; keyCode &lt;= 57)  || // 0-9</w:t>
            </w:r>
          </w:p>
          <w:p w:rsidR="00156FB3" w:rsidRDefault="00156FB3" w:rsidP="00156FB3">
            <w:r>
              <w:tab/>
            </w:r>
            <w:r>
              <w:tab/>
            </w:r>
            <w:r>
              <w:tab/>
            </w:r>
            <w:r>
              <w:tab/>
            </w:r>
            <w:r>
              <w:tab/>
              <w:t>keyCode === 32 // space</w:t>
            </w:r>
          </w:p>
          <w:p w:rsidR="00156FB3" w:rsidRDefault="00156FB3" w:rsidP="00156FB3">
            <w:r>
              <w:tab/>
            </w:r>
            <w:r>
              <w:tab/>
            </w:r>
            <w:r>
              <w:tab/>
            </w:r>
            <w:r>
              <w:tab/>
              <w:t>);</w:t>
            </w:r>
          </w:p>
          <w:p w:rsidR="00156FB3" w:rsidRDefault="00156FB3" w:rsidP="00156FB3">
            <w:r>
              <w:tab/>
            </w:r>
          </w:p>
          <w:p w:rsidR="00156FB3" w:rsidRDefault="00156FB3" w:rsidP="00156FB3">
            <w:r>
              <w:tab/>
            </w:r>
            <w:r>
              <w:tab/>
            </w:r>
            <w:r>
              <w:tab/>
            </w:r>
            <w:r>
              <w:tab/>
              <w:t>if (keyCode === KEY_DELETE || keyCode === KEY_BACKSPACE) {</w:t>
            </w:r>
          </w:p>
          <w:p w:rsidR="00156FB3" w:rsidRDefault="00156FB3" w:rsidP="00156FB3">
            <w:r>
              <w:tab/>
            </w:r>
            <w:r>
              <w:tab/>
            </w:r>
            <w:r>
              <w:tab/>
            </w:r>
            <w:r>
              <w:tab/>
            </w:r>
            <w:r>
              <w:tab/>
              <w:t>selection = getSelection($input[0]);</w:t>
            </w:r>
          </w:p>
          <w:p w:rsidR="00156FB3" w:rsidRDefault="00156FB3" w:rsidP="00156FB3">
            <w:r>
              <w:tab/>
            </w:r>
            <w:r>
              <w:tab/>
            </w:r>
            <w:r>
              <w:tab/>
            </w:r>
            <w:r>
              <w:tab/>
            </w:r>
            <w:r>
              <w:tab/>
              <w:t>if (selection.length) {</w:t>
            </w:r>
          </w:p>
          <w:p w:rsidR="00156FB3" w:rsidRDefault="00156FB3" w:rsidP="00156FB3">
            <w:r>
              <w:tab/>
            </w:r>
            <w:r>
              <w:tab/>
            </w:r>
            <w:r>
              <w:tab/>
            </w:r>
            <w:r>
              <w:tab/>
            </w:r>
            <w:r>
              <w:tab/>
            </w:r>
            <w:r>
              <w:tab/>
              <w:t>value = value.substring(0, selection.start) + value.substring(selection.start + selection.length);</w:t>
            </w:r>
          </w:p>
          <w:p w:rsidR="00156FB3" w:rsidRDefault="00156FB3" w:rsidP="00156FB3">
            <w:r>
              <w:tab/>
            </w:r>
            <w:r>
              <w:tab/>
            </w:r>
            <w:r>
              <w:tab/>
            </w:r>
            <w:r>
              <w:tab/>
            </w:r>
            <w:r>
              <w:tab/>
              <w:t>} else if (keyCode === KEY_BACKSPACE &amp;&amp; selection.start) {</w:t>
            </w:r>
          </w:p>
          <w:p w:rsidR="00156FB3" w:rsidRDefault="00156FB3" w:rsidP="00156FB3">
            <w:r>
              <w:tab/>
            </w:r>
            <w:r>
              <w:tab/>
            </w:r>
            <w:r>
              <w:tab/>
            </w:r>
            <w:r>
              <w:tab/>
            </w:r>
            <w:r>
              <w:tab/>
            </w:r>
            <w:r>
              <w:tab/>
              <w:t>value = value.substring(0, selection.start - 1) + value.substring(selection.start + 1);</w:t>
            </w:r>
          </w:p>
          <w:p w:rsidR="00156FB3" w:rsidRDefault="00156FB3" w:rsidP="00156FB3">
            <w:r>
              <w:tab/>
            </w:r>
            <w:r>
              <w:tab/>
            </w:r>
            <w:r>
              <w:tab/>
            </w:r>
            <w:r>
              <w:tab/>
            </w:r>
            <w:r>
              <w:tab/>
              <w:t xml:space="preserve">} else if (keyCode === KEY_DELETE &amp;&amp; typeof selection.start !== </w:t>
            </w:r>
            <w:r>
              <w:lastRenderedPageBreak/>
              <w:t>'undefined') {</w:t>
            </w:r>
          </w:p>
          <w:p w:rsidR="00156FB3" w:rsidRDefault="00156FB3" w:rsidP="00156FB3">
            <w:r>
              <w:tab/>
            </w:r>
            <w:r>
              <w:tab/>
            </w:r>
            <w:r>
              <w:tab/>
            </w:r>
            <w:r>
              <w:tab/>
            </w:r>
            <w:r>
              <w:tab/>
            </w:r>
            <w:r>
              <w:tab/>
              <w:t>value = value.substring(0, selection.start) + value.substring(selection.start + 1);</w:t>
            </w:r>
          </w:p>
          <w:p w:rsidR="00156FB3" w:rsidRDefault="00156FB3" w:rsidP="00156FB3">
            <w:r>
              <w:tab/>
            </w:r>
            <w:r>
              <w:tab/>
            </w:r>
            <w:r>
              <w:tab/>
            </w:r>
            <w:r>
              <w:tab/>
            </w:r>
            <w:r>
              <w:tab/>
              <w:t>}</w:t>
            </w:r>
          </w:p>
          <w:p w:rsidR="00156FB3" w:rsidRDefault="00156FB3" w:rsidP="00156FB3">
            <w:r>
              <w:tab/>
            </w:r>
            <w:r>
              <w:tab/>
            </w:r>
            <w:r>
              <w:tab/>
            </w:r>
            <w:r>
              <w:tab/>
              <w:t>} else if (printable) {</w:t>
            </w:r>
          </w:p>
          <w:p w:rsidR="00156FB3" w:rsidRDefault="00156FB3" w:rsidP="00156FB3">
            <w:r>
              <w:tab/>
            </w:r>
            <w:r>
              <w:tab/>
            </w:r>
            <w:r>
              <w:tab/>
            </w:r>
            <w:r>
              <w:tab/>
            </w:r>
            <w:r>
              <w:tab/>
              <w:t>shift = e.shiftKey;</w:t>
            </w:r>
          </w:p>
          <w:p w:rsidR="00156FB3" w:rsidRDefault="00156FB3" w:rsidP="00156FB3">
            <w:r>
              <w:tab/>
            </w:r>
            <w:r>
              <w:tab/>
            </w:r>
            <w:r>
              <w:tab/>
            </w:r>
            <w:r>
              <w:tab/>
            </w:r>
            <w:r>
              <w:tab/>
              <w:t>character = String.fromCharCode(e.keyCode);</w:t>
            </w:r>
          </w:p>
          <w:p w:rsidR="00156FB3" w:rsidRDefault="00156FB3" w:rsidP="00156FB3">
            <w:r>
              <w:tab/>
            </w:r>
            <w:r>
              <w:tab/>
            </w:r>
            <w:r>
              <w:tab/>
            </w:r>
            <w:r>
              <w:tab/>
            </w:r>
            <w:r>
              <w:tab/>
              <w:t>if (shift) character = character.toUpperCase();</w:t>
            </w:r>
          </w:p>
          <w:p w:rsidR="00156FB3" w:rsidRDefault="00156FB3" w:rsidP="00156FB3">
            <w:r>
              <w:tab/>
            </w:r>
            <w:r>
              <w:tab/>
            </w:r>
            <w:r>
              <w:tab/>
            </w:r>
            <w:r>
              <w:tab/>
            </w:r>
            <w:r>
              <w:tab/>
              <w:t>else character = character.toLowerCase();</w:t>
            </w:r>
          </w:p>
          <w:p w:rsidR="00156FB3" w:rsidRDefault="00156FB3" w:rsidP="00156FB3">
            <w:r>
              <w:tab/>
            </w:r>
            <w:r>
              <w:tab/>
            </w:r>
            <w:r>
              <w:tab/>
            </w:r>
            <w:r>
              <w:tab/>
            </w:r>
            <w:r>
              <w:tab/>
              <w:t>value += character;</w:t>
            </w:r>
          </w:p>
          <w:p w:rsidR="00156FB3" w:rsidRDefault="00156FB3" w:rsidP="00156FB3">
            <w:r>
              <w:tab/>
            </w:r>
            <w:r>
              <w:tab/>
            </w:r>
            <w:r>
              <w:tab/>
            </w:r>
            <w:r>
              <w:tab/>
              <w:t>}</w:t>
            </w:r>
          </w:p>
          <w:p w:rsidR="00156FB3" w:rsidRDefault="00156FB3" w:rsidP="00156FB3">
            <w:r>
              <w:tab/>
            </w:r>
            <w:r>
              <w:tab/>
            </w:r>
            <w:r>
              <w:tab/>
              <w:t>}</w:t>
            </w:r>
          </w:p>
          <w:p w:rsidR="00156FB3" w:rsidRDefault="00156FB3" w:rsidP="00156FB3">
            <w:r>
              <w:tab/>
            </w:r>
          </w:p>
          <w:p w:rsidR="00156FB3" w:rsidRDefault="00156FB3" w:rsidP="00156FB3">
            <w:r>
              <w:tab/>
            </w:r>
            <w:r>
              <w:tab/>
            </w:r>
            <w:r>
              <w:tab/>
              <w:t>placeholder = $input.attr('placeholder');</w:t>
            </w:r>
          </w:p>
          <w:p w:rsidR="00156FB3" w:rsidRDefault="00156FB3" w:rsidP="00156FB3">
            <w:r>
              <w:tab/>
            </w:r>
            <w:r>
              <w:tab/>
            </w:r>
            <w:r>
              <w:tab/>
              <w:t>if (!value &amp;&amp; placeholder) {</w:t>
            </w:r>
          </w:p>
          <w:p w:rsidR="00156FB3" w:rsidRDefault="00156FB3" w:rsidP="00156FB3">
            <w:r>
              <w:tab/>
            </w:r>
            <w:r>
              <w:tab/>
            </w:r>
            <w:r>
              <w:tab/>
            </w:r>
            <w:r>
              <w:tab/>
              <w:t>value = placeholder;</w:t>
            </w:r>
          </w:p>
          <w:p w:rsidR="00156FB3" w:rsidRDefault="00156FB3" w:rsidP="00156FB3">
            <w:r>
              <w:tab/>
            </w:r>
            <w:r>
              <w:tab/>
            </w:r>
            <w:r>
              <w:tab/>
              <w:t>}</w:t>
            </w:r>
          </w:p>
          <w:p w:rsidR="00156FB3" w:rsidRDefault="00156FB3" w:rsidP="00156FB3">
            <w:r>
              <w:tab/>
            </w:r>
          </w:p>
          <w:p w:rsidR="00156FB3" w:rsidRDefault="00156FB3" w:rsidP="00156FB3">
            <w:r>
              <w:tab/>
            </w:r>
            <w:r>
              <w:tab/>
            </w:r>
            <w:r>
              <w:tab/>
              <w:t>width = measureString(value, $input) + 4;</w:t>
            </w:r>
          </w:p>
          <w:p w:rsidR="00156FB3" w:rsidRDefault="00156FB3" w:rsidP="00156FB3">
            <w:r>
              <w:tab/>
            </w:r>
            <w:r>
              <w:tab/>
            </w:r>
            <w:r>
              <w:tab/>
              <w:t>if (width !== currentWidth) {</w:t>
            </w:r>
          </w:p>
          <w:p w:rsidR="00156FB3" w:rsidRDefault="00156FB3" w:rsidP="00156FB3">
            <w:r>
              <w:tab/>
            </w:r>
            <w:r>
              <w:tab/>
            </w:r>
            <w:r>
              <w:tab/>
            </w:r>
            <w:r>
              <w:tab/>
              <w:t>currentWidth = width;</w:t>
            </w:r>
          </w:p>
          <w:p w:rsidR="00156FB3" w:rsidRDefault="00156FB3" w:rsidP="00156FB3">
            <w:r>
              <w:tab/>
            </w:r>
            <w:r>
              <w:tab/>
            </w:r>
            <w:r>
              <w:tab/>
            </w:r>
            <w:r>
              <w:tab/>
              <w:t>$input.width(width);</w:t>
            </w:r>
          </w:p>
          <w:p w:rsidR="00156FB3" w:rsidRDefault="00156FB3" w:rsidP="00156FB3">
            <w:r>
              <w:tab/>
            </w:r>
            <w:r>
              <w:tab/>
            </w:r>
            <w:r>
              <w:tab/>
            </w:r>
            <w:r>
              <w:tab/>
              <w:t>$input.triggerHandler('resize');</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input.on('keydown keyup update blur', update);</w:t>
            </w:r>
          </w:p>
          <w:p w:rsidR="00156FB3" w:rsidRDefault="00156FB3" w:rsidP="00156FB3">
            <w:r>
              <w:tab/>
            </w:r>
            <w:r>
              <w:tab/>
              <w:t>update();</w:t>
            </w:r>
          </w:p>
          <w:p w:rsidR="00156FB3" w:rsidRDefault="00156FB3" w:rsidP="00156FB3">
            <w:r>
              <w:tab/>
              <w:t>};</w:t>
            </w:r>
          </w:p>
          <w:p w:rsidR="00156FB3" w:rsidRDefault="00156FB3" w:rsidP="00156FB3">
            <w:r>
              <w:tab/>
            </w:r>
          </w:p>
          <w:p w:rsidR="00156FB3" w:rsidRDefault="00156FB3" w:rsidP="00156FB3">
            <w:r>
              <w:tab/>
              <w:t>var domToString = function(d) {</w:t>
            </w:r>
          </w:p>
          <w:p w:rsidR="00156FB3" w:rsidRDefault="00156FB3" w:rsidP="00156FB3">
            <w:r>
              <w:tab/>
            </w:r>
            <w:r>
              <w:tab/>
              <w:t>var tmp = document.createElement('div');</w:t>
            </w:r>
          </w:p>
          <w:p w:rsidR="00156FB3" w:rsidRDefault="00156FB3" w:rsidP="00156FB3">
            <w:r>
              <w:tab/>
            </w:r>
          </w:p>
          <w:p w:rsidR="00156FB3" w:rsidRDefault="00156FB3" w:rsidP="00156FB3">
            <w:r>
              <w:tab/>
            </w:r>
            <w:r>
              <w:tab/>
              <w:t>tmp.appendChild(d.cloneNode(true));</w:t>
            </w:r>
          </w:p>
          <w:p w:rsidR="00156FB3" w:rsidRDefault="00156FB3" w:rsidP="00156FB3">
            <w:r>
              <w:tab/>
            </w:r>
          </w:p>
          <w:p w:rsidR="00156FB3" w:rsidRDefault="00156FB3" w:rsidP="00156FB3">
            <w:r>
              <w:tab/>
            </w:r>
            <w:r>
              <w:tab/>
              <w:t>return tmp.innerHTML;</w:t>
            </w:r>
          </w:p>
          <w:p w:rsidR="00156FB3" w:rsidRDefault="00156FB3" w:rsidP="00156FB3">
            <w:r>
              <w:tab/>
              <w:t>};</w:t>
            </w:r>
          </w:p>
          <w:p w:rsidR="00156FB3" w:rsidRDefault="00156FB3" w:rsidP="00156FB3">
            <w:r>
              <w:tab/>
            </w:r>
          </w:p>
          <w:p w:rsidR="00156FB3" w:rsidRDefault="00156FB3" w:rsidP="00156FB3">
            <w:r>
              <w:tab/>
              <w:t>var logError = function(message, options){</w:t>
            </w:r>
          </w:p>
          <w:p w:rsidR="00156FB3" w:rsidRDefault="00156FB3" w:rsidP="00156FB3">
            <w:r>
              <w:tab/>
            </w:r>
            <w:r>
              <w:tab/>
              <w:t>if(!options) options = {};</w:t>
            </w:r>
          </w:p>
          <w:p w:rsidR="00156FB3" w:rsidRDefault="00156FB3" w:rsidP="00156FB3">
            <w:r>
              <w:tab/>
            </w:r>
            <w:r>
              <w:tab/>
              <w:t>var component = "Selectize";</w:t>
            </w:r>
          </w:p>
          <w:p w:rsidR="00156FB3" w:rsidRDefault="00156FB3" w:rsidP="00156FB3">
            <w:r>
              <w:tab/>
            </w:r>
          </w:p>
          <w:p w:rsidR="00156FB3" w:rsidRDefault="00156FB3" w:rsidP="00156FB3">
            <w:r>
              <w:tab/>
            </w:r>
            <w:r>
              <w:tab/>
              <w:t>console.error(component + ": " + message);</w:t>
            </w:r>
          </w:p>
          <w:p w:rsidR="00156FB3" w:rsidRDefault="00156FB3" w:rsidP="00156FB3">
            <w:r>
              <w:tab/>
            </w:r>
          </w:p>
          <w:p w:rsidR="00156FB3" w:rsidRDefault="00156FB3" w:rsidP="00156FB3">
            <w:r>
              <w:tab/>
            </w:r>
            <w:r>
              <w:tab/>
              <w:t>if(options.explanation){</w:t>
            </w:r>
          </w:p>
          <w:p w:rsidR="00156FB3" w:rsidRDefault="00156FB3" w:rsidP="00156FB3">
            <w:r>
              <w:tab/>
            </w:r>
            <w:r>
              <w:tab/>
            </w:r>
            <w:r>
              <w:tab/>
              <w:t>// console.group is undefined in &lt;IE11</w:t>
            </w:r>
          </w:p>
          <w:p w:rsidR="00156FB3" w:rsidRDefault="00156FB3" w:rsidP="00156FB3">
            <w:r>
              <w:tab/>
            </w:r>
            <w:r>
              <w:tab/>
            </w:r>
            <w:r>
              <w:tab/>
              <w:t>if(console.group) console.group();</w:t>
            </w:r>
          </w:p>
          <w:p w:rsidR="00156FB3" w:rsidRDefault="00156FB3" w:rsidP="00156FB3">
            <w:r>
              <w:tab/>
            </w:r>
            <w:r>
              <w:tab/>
            </w:r>
            <w:r>
              <w:tab/>
              <w:t>console.error(options.explanation);</w:t>
            </w:r>
          </w:p>
          <w:p w:rsidR="00156FB3" w:rsidRDefault="00156FB3" w:rsidP="00156FB3">
            <w:r>
              <w:lastRenderedPageBreak/>
              <w:tab/>
            </w:r>
            <w:r>
              <w:tab/>
            </w:r>
            <w:r>
              <w:tab/>
              <w:t>if(console.group) console.groupEnd();</w:t>
            </w:r>
          </w:p>
          <w:p w:rsidR="00156FB3" w:rsidRDefault="00156FB3" w:rsidP="00156FB3">
            <w:r>
              <w:tab/>
            </w:r>
            <w:r>
              <w:tab/>
              <w:t>}</w:t>
            </w:r>
          </w:p>
          <w:p w:rsidR="00156FB3" w:rsidRDefault="00156FB3" w:rsidP="00156FB3">
            <w:r>
              <w:tab/>
              <w:t>};</w:t>
            </w:r>
          </w:p>
          <w:p w:rsidR="00156FB3" w:rsidRDefault="00156FB3" w:rsidP="00156FB3">
            <w:r>
              <w:tab/>
            </w:r>
          </w:p>
          <w:p w:rsidR="00156FB3" w:rsidRDefault="00156FB3" w:rsidP="00156FB3">
            <w:r>
              <w:tab/>
            </w:r>
          </w:p>
          <w:p w:rsidR="00156FB3" w:rsidRDefault="00156FB3" w:rsidP="00156FB3">
            <w:r>
              <w:tab/>
              <w:t>var Selectize = function($input, settings) {</w:t>
            </w:r>
          </w:p>
          <w:p w:rsidR="00156FB3" w:rsidRDefault="00156FB3" w:rsidP="00156FB3">
            <w:r>
              <w:tab/>
            </w:r>
            <w:r>
              <w:tab/>
              <w:t>var key, i, n, dir, input, self = this;</w:t>
            </w:r>
          </w:p>
          <w:p w:rsidR="00156FB3" w:rsidRDefault="00156FB3" w:rsidP="00156FB3">
            <w:r>
              <w:tab/>
            </w:r>
            <w:r>
              <w:tab/>
              <w:t>input = $input[0];</w:t>
            </w:r>
          </w:p>
          <w:p w:rsidR="00156FB3" w:rsidRDefault="00156FB3" w:rsidP="00156FB3">
            <w:r>
              <w:tab/>
            </w:r>
            <w:r>
              <w:tab/>
              <w:t>input.selectize = self;</w:t>
            </w:r>
          </w:p>
          <w:p w:rsidR="00156FB3" w:rsidRDefault="00156FB3" w:rsidP="00156FB3">
            <w:r>
              <w:tab/>
            </w:r>
          </w:p>
          <w:p w:rsidR="00156FB3" w:rsidRDefault="00156FB3" w:rsidP="00156FB3">
            <w:r>
              <w:tab/>
            </w:r>
            <w:r>
              <w:tab/>
              <w:t>// detect rtl environment</w:t>
            </w:r>
          </w:p>
          <w:p w:rsidR="00156FB3" w:rsidRDefault="00156FB3" w:rsidP="00156FB3">
            <w:r>
              <w:tab/>
            </w:r>
            <w:r>
              <w:tab/>
              <w:t>var computedStyle = window.getComputedStyle &amp;&amp; window.getComputedStyle(input, null);</w:t>
            </w:r>
          </w:p>
          <w:p w:rsidR="00156FB3" w:rsidRDefault="00156FB3" w:rsidP="00156FB3">
            <w:r>
              <w:tab/>
            </w:r>
            <w:r>
              <w:tab/>
              <w:t>dir = computedStyle ? computedStyle.getPropertyValue('direction') : input.currentStyle &amp;&amp; input.currentStyle.direction;</w:t>
            </w:r>
          </w:p>
          <w:p w:rsidR="00156FB3" w:rsidRDefault="00156FB3" w:rsidP="00156FB3">
            <w:r>
              <w:tab/>
            </w:r>
            <w:r>
              <w:tab/>
              <w:t>dir = dir || $input.parents('[dir]:first').attr('dir') || '';</w:t>
            </w:r>
          </w:p>
          <w:p w:rsidR="00156FB3" w:rsidRDefault="00156FB3" w:rsidP="00156FB3">
            <w:r>
              <w:tab/>
            </w:r>
          </w:p>
          <w:p w:rsidR="00156FB3" w:rsidRDefault="00156FB3" w:rsidP="00156FB3">
            <w:r>
              <w:tab/>
            </w:r>
            <w:r>
              <w:tab/>
              <w:t>// setup default state</w:t>
            </w:r>
          </w:p>
          <w:p w:rsidR="00156FB3" w:rsidRDefault="00156FB3" w:rsidP="00156FB3">
            <w:r>
              <w:tab/>
            </w:r>
            <w:r>
              <w:tab/>
              <w:t>$.extend(self, {</w:t>
            </w:r>
          </w:p>
          <w:p w:rsidR="00156FB3" w:rsidRDefault="00156FB3" w:rsidP="00156FB3">
            <w:r>
              <w:tab/>
            </w:r>
            <w:r>
              <w:tab/>
            </w:r>
            <w:r>
              <w:tab/>
              <w:t>order            : 0,</w:t>
            </w:r>
          </w:p>
          <w:p w:rsidR="00156FB3" w:rsidRDefault="00156FB3" w:rsidP="00156FB3">
            <w:r>
              <w:tab/>
            </w:r>
            <w:r>
              <w:tab/>
            </w:r>
            <w:r>
              <w:tab/>
              <w:t>settings         : settings,</w:t>
            </w:r>
          </w:p>
          <w:p w:rsidR="00156FB3" w:rsidRDefault="00156FB3" w:rsidP="00156FB3">
            <w:r>
              <w:tab/>
            </w:r>
            <w:r>
              <w:tab/>
            </w:r>
            <w:r>
              <w:tab/>
              <w:t>$input           : $input,</w:t>
            </w:r>
          </w:p>
          <w:p w:rsidR="00156FB3" w:rsidRDefault="00156FB3" w:rsidP="00156FB3">
            <w:r>
              <w:tab/>
            </w:r>
            <w:r>
              <w:tab/>
            </w:r>
            <w:r>
              <w:tab/>
              <w:t>tabIndex         : $input.attr('tabindex') || '',</w:t>
            </w:r>
          </w:p>
          <w:p w:rsidR="00156FB3" w:rsidRDefault="00156FB3" w:rsidP="00156FB3">
            <w:r>
              <w:tab/>
            </w:r>
            <w:r>
              <w:tab/>
            </w:r>
            <w:r>
              <w:tab/>
              <w:t>tagType          : input.tagName.toLowerCase() === 'select' ? TAG_SELECT : TAG_INPUT,</w:t>
            </w:r>
          </w:p>
          <w:p w:rsidR="00156FB3" w:rsidRDefault="00156FB3" w:rsidP="00156FB3">
            <w:r>
              <w:tab/>
            </w:r>
            <w:r>
              <w:tab/>
            </w:r>
            <w:r>
              <w:tab/>
              <w:t>rtl              : /rtl/i.test(dir),</w:t>
            </w:r>
          </w:p>
          <w:p w:rsidR="00156FB3" w:rsidRDefault="00156FB3" w:rsidP="00156FB3">
            <w:r>
              <w:tab/>
            </w:r>
          </w:p>
          <w:p w:rsidR="00156FB3" w:rsidRDefault="00156FB3" w:rsidP="00156FB3">
            <w:r>
              <w:tab/>
            </w:r>
            <w:r>
              <w:tab/>
            </w:r>
            <w:r>
              <w:tab/>
              <w:t>eventNS          : '.selectize' + (++Selectize.count),</w:t>
            </w:r>
          </w:p>
          <w:p w:rsidR="00156FB3" w:rsidRDefault="00156FB3" w:rsidP="00156FB3">
            <w:r>
              <w:tab/>
            </w:r>
            <w:r>
              <w:tab/>
            </w:r>
            <w:r>
              <w:tab/>
              <w:t>highlightedValue : null,</w:t>
            </w:r>
          </w:p>
          <w:p w:rsidR="00156FB3" w:rsidRDefault="00156FB3" w:rsidP="00156FB3">
            <w:r>
              <w:tab/>
            </w:r>
            <w:r>
              <w:tab/>
            </w:r>
            <w:r>
              <w:tab/>
              <w:t>isOpen           : false,</w:t>
            </w:r>
          </w:p>
          <w:p w:rsidR="00156FB3" w:rsidRDefault="00156FB3" w:rsidP="00156FB3">
            <w:r>
              <w:tab/>
            </w:r>
            <w:r>
              <w:tab/>
            </w:r>
            <w:r>
              <w:tab/>
              <w:t>isDisabled       : false,</w:t>
            </w:r>
          </w:p>
          <w:p w:rsidR="00156FB3" w:rsidRDefault="00156FB3" w:rsidP="00156FB3">
            <w:r>
              <w:tab/>
            </w:r>
            <w:r>
              <w:tab/>
            </w:r>
            <w:r>
              <w:tab/>
              <w:t>isRequired       : $input.is('[required]'),</w:t>
            </w:r>
          </w:p>
          <w:p w:rsidR="00156FB3" w:rsidRDefault="00156FB3" w:rsidP="00156FB3">
            <w:r>
              <w:tab/>
            </w:r>
            <w:r>
              <w:tab/>
            </w:r>
            <w:r>
              <w:tab/>
              <w:t>isInvalid        : false,</w:t>
            </w:r>
          </w:p>
          <w:p w:rsidR="00156FB3" w:rsidRDefault="00156FB3" w:rsidP="00156FB3">
            <w:r>
              <w:tab/>
            </w:r>
            <w:r>
              <w:tab/>
            </w:r>
            <w:r>
              <w:tab/>
              <w:t>isLocked         : false,</w:t>
            </w:r>
          </w:p>
          <w:p w:rsidR="00156FB3" w:rsidRDefault="00156FB3" w:rsidP="00156FB3">
            <w:r>
              <w:tab/>
            </w:r>
            <w:r>
              <w:tab/>
            </w:r>
            <w:r>
              <w:tab/>
              <w:t>isFocused        : false,</w:t>
            </w:r>
          </w:p>
          <w:p w:rsidR="00156FB3" w:rsidRDefault="00156FB3" w:rsidP="00156FB3">
            <w:r>
              <w:tab/>
            </w:r>
            <w:r>
              <w:tab/>
            </w:r>
            <w:r>
              <w:tab/>
              <w:t>isInputHidden    : false,</w:t>
            </w:r>
          </w:p>
          <w:p w:rsidR="00156FB3" w:rsidRDefault="00156FB3" w:rsidP="00156FB3">
            <w:r>
              <w:tab/>
            </w:r>
            <w:r>
              <w:tab/>
            </w:r>
            <w:r>
              <w:tab/>
              <w:t>isSetup          : false,</w:t>
            </w:r>
          </w:p>
          <w:p w:rsidR="00156FB3" w:rsidRDefault="00156FB3" w:rsidP="00156FB3">
            <w:r>
              <w:tab/>
            </w:r>
            <w:r>
              <w:tab/>
            </w:r>
            <w:r>
              <w:tab/>
              <w:t>isShiftDown      : false,</w:t>
            </w:r>
          </w:p>
          <w:p w:rsidR="00156FB3" w:rsidRDefault="00156FB3" w:rsidP="00156FB3">
            <w:r>
              <w:tab/>
            </w:r>
            <w:r>
              <w:tab/>
            </w:r>
            <w:r>
              <w:tab/>
              <w:t>isCmdDown        : false,</w:t>
            </w:r>
          </w:p>
          <w:p w:rsidR="00156FB3" w:rsidRDefault="00156FB3" w:rsidP="00156FB3">
            <w:r>
              <w:tab/>
            </w:r>
            <w:r>
              <w:tab/>
            </w:r>
            <w:r>
              <w:tab/>
              <w:t>isCtrlDown       : false,</w:t>
            </w:r>
          </w:p>
          <w:p w:rsidR="00156FB3" w:rsidRDefault="00156FB3" w:rsidP="00156FB3">
            <w:r>
              <w:tab/>
            </w:r>
            <w:r>
              <w:tab/>
            </w:r>
            <w:r>
              <w:tab/>
              <w:t>ignoreFocus      : false,</w:t>
            </w:r>
          </w:p>
          <w:p w:rsidR="00156FB3" w:rsidRDefault="00156FB3" w:rsidP="00156FB3">
            <w:r>
              <w:tab/>
            </w:r>
            <w:r>
              <w:tab/>
            </w:r>
            <w:r>
              <w:tab/>
              <w:t>ignoreBlur       : false,</w:t>
            </w:r>
          </w:p>
          <w:p w:rsidR="00156FB3" w:rsidRDefault="00156FB3" w:rsidP="00156FB3">
            <w:r>
              <w:tab/>
            </w:r>
            <w:r>
              <w:tab/>
            </w:r>
            <w:r>
              <w:tab/>
              <w:t>ignoreHover      : false,</w:t>
            </w:r>
          </w:p>
          <w:p w:rsidR="00156FB3" w:rsidRDefault="00156FB3" w:rsidP="00156FB3">
            <w:r>
              <w:tab/>
            </w:r>
            <w:r>
              <w:tab/>
            </w:r>
            <w:r>
              <w:tab/>
              <w:t>hasOptions       : false,</w:t>
            </w:r>
          </w:p>
          <w:p w:rsidR="00156FB3" w:rsidRDefault="00156FB3" w:rsidP="00156FB3">
            <w:r>
              <w:tab/>
            </w:r>
            <w:r>
              <w:tab/>
            </w:r>
            <w:r>
              <w:tab/>
              <w:t>currentResults   : null,</w:t>
            </w:r>
          </w:p>
          <w:p w:rsidR="00156FB3" w:rsidRDefault="00156FB3" w:rsidP="00156FB3">
            <w:r>
              <w:tab/>
            </w:r>
            <w:r>
              <w:tab/>
            </w:r>
            <w:r>
              <w:tab/>
              <w:t>lastValue        : '',</w:t>
            </w:r>
          </w:p>
          <w:p w:rsidR="00156FB3" w:rsidRDefault="00156FB3" w:rsidP="00156FB3">
            <w:r>
              <w:tab/>
            </w:r>
            <w:r>
              <w:tab/>
            </w:r>
            <w:r>
              <w:tab/>
              <w:t>caretPos         : 0,</w:t>
            </w:r>
          </w:p>
          <w:p w:rsidR="00156FB3" w:rsidRDefault="00156FB3" w:rsidP="00156FB3">
            <w:r>
              <w:tab/>
            </w:r>
            <w:r>
              <w:tab/>
            </w:r>
            <w:r>
              <w:tab/>
              <w:t>loading          : 0,</w:t>
            </w:r>
          </w:p>
          <w:p w:rsidR="00156FB3" w:rsidRDefault="00156FB3" w:rsidP="00156FB3">
            <w:r>
              <w:lastRenderedPageBreak/>
              <w:tab/>
            </w:r>
            <w:r>
              <w:tab/>
            </w:r>
            <w:r>
              <w:tab/>
              <w:t>loadedSearches   : {},</w:t>
            </w:r>
          </w:p>
          <w:p w:rsidR="00156FB3" w:rsidRDefault="00156FB3" w:rsidP="00156FB3">
            <w:r>
              <w:tab/>
            </w:r>
          </w:p>
          <w:p w:rsidR="00156FB3" w:rsidRDefault="00156FB3" w:rsidP="00156FB3">
            <w:r>
              <w:tab/>
            </w:r>
            <w:r>
              <w:tab/>
            </w:r>
            <w:r>
              <w:tab/>
              <w:t>$activeOption    : null,</w:t>
            </w:r>
          </w:p>
          <w:p w:rsidR="00156FB3" w:rsidRDefault="00156FB3" w:rsidP="00156FB3">
            <w:r>
              <w:tab/>
            </w:r>
            <w:r>
              <w:tab/>
            </w:r>
            <w:r>
              <w:tab/>
              <w:t>$activeItems     : [],</w:t>
            </w:r>
          </w:p>
          <w:p w:rsidR="00156FB3" w:rsidRDefault="00156FB3" w:rsidP="00156FB3">
            <w:r>
              <w:tab/>
            </w:r>
          </w:p>
          <w:p w:rsidR="00156FB3" w:rsidRDefault="00156FB3" w:rsidP="00156FB3">
            <w:r>
              <w:tab/>
            </w:r>
            <w:r>
              <w:tab/>
            </w:r>
            <w:r>
              <w:tab/>
              <w:t>optgroups        : {},</w:t>
            </w:r>
          </w:p>
          <w:p w:rsidR="00156FB3" w:rsidRDefault="00156FB3" w:rsidP="00156FB3">
            <w:r>
              <w:tab/>
            </w:r>
            <w:r>
              <w:tab/>
            </w:r>
            <w:r>
              <w:tab/>
              <w:t>options          : {},</w:t>
            </w:r>
          </w:p>
          <w:p w:rsidR="00156FB3" w:rsidRDefault="00156FB3" w:rsidP="00156FB3">
            <w:r>
              <w:tab/>
            </w:r>
            <w:r>
              <w:tab/>
            </w:r>
            <w:r>
              <w:tab/>
              <w:t>userOptions      : {},</w:t>
            </w:r>
          </w:p>
          <w:p w:rsidR="00156FB3" w:rsidRDefault="00156FB3" w:rsidP="00156FB3">
            <w:r>
              <w:tab/>
            </w:r>
            <w:r>
              <w:tab/>
            </w:r>
            <w:r>
              <w:tab/>
              <w:t>items            : [],</w:t>
            </w:r>
          </w:p>
          <w:p w:rsidR="00156FB3" w:rsidRDefault="00156FB3" w:rsidP="00156FB3">
            <w:r>
              <w:tab/>
            </w:r>
            <w:r>
              <w:tab/>
            </w:r>
            <w:r>
              <w:tab/>
              <w:t>renderCache      : {},</w:t>
            </w:r>
          </w:p>
          <w:p w:rsidR="00156FB3" w:rsidRDefault="00156FB3" w:rsidP="00156FB3">
            <w:r>
              <w:tab/>
            </w:r>
            <w:r>
              <w:tab/>
            </w:r>
            <w:r>
              <w:tab/>
              <w:t>onSearchChange   : settings.loadThrottle === null ? self.onSearchChange : debounce(self.onSearchChange, settings.loadThrottle)</w:t>
            </w:r>
          </w:p>
          <w:p w:rsidR="00156FB3" w:rsidRDefault="00156FB3" w:rsidP="00156FB3">
            <w:r>
              <w:tab/>
            </w:r>
            <w:r>
              <w:tab/>
              <w:t>});</w:t>
            </w:r>
          </w:p>
          <w:p w:rsidR="00156FB3" w:rsidRDefault="00156FB3" w:rsidP="00156FB3">
            <w:r>
              <w:tab/>
            </w:r>
          </w:p>
          <w:p w:rsidR="00156FB3" w:rsidRDefault="00156FB3" w:rsidP="00156FB3">
            <w:r>
              <w:tab/>
            </w:r>
            <w:r>
              <w:tab/>
              <w:t>// search system</w:t>
            </w:r>
          </w:p>
          <w:p w:rsidR="00156FB3" w:rsidRDefault="00156FB3" w:rsidP="00156FB3">
            <w:r>
              <w:tab/>
            </w:r>
            <w:r>
              <w:tab/>
              <w:t>self.sifter = new Sifter(this.options, {diacritics: settings.diacritics});</w:t>
            </w:r>
          </w:p>
          <w:p w:rsidR="00156FB3" w:rsidRDefault="00156FB3" w:rsidP="00156FB3">
            <w:r>
              <w:tab/>
            </w:r>
          </w:p>
          <w:p w:rsidR="00156FB3" w:rsidRDefault="00156FB3" w:rsidP="00156FB3">
            <w:r>
              <w:tab/>
            </w:r>
            <w:r>
              <w:tab/>
              <w:t>// build options table</w:t>
            </w:r>
          </w:p>
          <w:p w:rsidR="00156FB3" w:rsidRDefault="00156FB3" w:rsidP="00156FB3">
            <w:r>
              <w:tab/>
            </w:r>
            <w:r>
              <w:tab/>
              <w:t>if (self.settings.options) {</w:t>
            </w:r>
          </w:p>
          <w:p w:rsidR="00156FB3" w:rsidRDefault="00156FB3" w:rsidP="00156FB3">
            <w:r>
              <w:tab/>
            </w:r>
            <w:r>
              <w:tab/>
            </w:r>
            <w:r>
              <w:tab/>
              <w:t>for (i = 0, n = self.settings.options.length; i &lt; n; i++) {</w:t>
            </w:r>
          </w:p>
          <w:p w:rsidR="00156FB3" w:rsidRDefault="00156FB3" w:rsidP="00156FB3">
            <w:r>
              <w:tab/>
            </w:r>
            <w:r>
              <w:tab/>
            </w:r>
            <w:r>
              <w:tab/>
            </w:r>
            <w:r>
              <w:tab/>
              <w:t>self.registerOption(self.settings.options[i]);</w:t>
            </w:r>
          </w:p>
          <w:p w:rsidR="00156FB3" w:rsidRDefault="00156FB3" w:rsidP="00156FB3">
            <w:r>
              <w:tab/>
            </w:r>
            <w:r>
              <w:tab/>
            </w:r>
            <w:r>
              <w:tab/>
              <w:t>}</w:t>
            </w:r>
          </w:p>
          <w:p w:rsidR="00156FB3" w:rsidRDefault="00156FB3" w:rsidP="00156FB3">
            <w:r>
              <w:tab/>
            </w:r>
            <w:r>
              <w:tab/>
            </w:r>
            <w:r>
              <w:tab/>
              <w:t>delete self.settings.options;</w:t>
            </w:r>
          </w:p>
          <w:p w:rsidR="00156FB3" w:rsidRDefault="00156FB3" w:rsidP="00156FB3">
            <w:r>
              <w:tab/>
            </w:r>
            <w:r>
              <w:tab/>
              <w:t>}</w:t>
            </w:r>
          </w:p>
          <w:p w:rsidR="00156FB3" w:rsidRDefault="00156FB3" w:rsidP="00156FB3">
            <w:r>
              <w:tab/>
            </w:r>
          </w:p>
          <w:p w:rsidR="00156FB3" w:rsidRDefault="00156FB3" w:rsidP="00156FB3">
            <w:r>
              <w:tab/>
            </w:r>
            <w:r>
              <w:tab/>
              <w:t>// build optgroup table</w:t>
            </w:r>
          </w:p>
          <w:p w:rsidR="00156FB3" w:rsidRDefault="00156FB3" w:rsidP="00156FB3">
            <w:r>
              <w:tab/>
            </w:r>
            <w:r>
              <w:tab/>
              <w:t>if (self.settings.optgroups) {</w:t>
            </w:r>
          </w:p>
          <w:p w:rsidR="00156FB3" w:rsidRDefault="00156FB3" w:rsidP="00156FB3">
            <w:r>
              <w:tab/>
            </w:r>
            <w:r>
              <w:tab/>
            </w:r>
            <w:r>
              <w:tab/>
              <w:t>for (i = 0, n = self.settings.optgroups.length; i &lt; n; i++) {</w:t>
            </w:r>
          </w:p>
          <w:p w:rsidR="00156FB3" w:rsidRDefault="00156FB3" w:rsidP="00156FB3">
            <w:r>
              <w:tab/>
            </w:r>
            <w:r>
              <w:tab/>
            </w:r>
            <w:r>
              <w:tab/>
            </w:r>
            <w:r>
              <w:tab/>
              <w:t>self.registerOptionGroup(self.settings.optgroups[i]);</w:t>
            </w:r>
          </w:p>
          <w:p w:rsidR="00156FB3" w:rsidRDefault="00156FB3" w:rsidP="00156FB3">
            <w:r>
              <w:tab/>
            </w:r>
            <w:r>
              <w:tab/>
            </w:r>
            <w:r>
              <w:tab/>
              <w:t>}</w:t>
            </w:r>
          </w:p>
          <w:p w:rsidR="00156FB3" w:rsidRDefault="00156FB3" w:rsidP="00156FB3">
            <w:r>
              <w:tab/>
            </w:r>
            <w:r>
              <w:tab/>
            </w:r>
            <w:r>
              <w:tab/>
              <w:t>delete self.settings.optgroups;</w:t>
            </w:r>
          </w:p>
          <w:p w:rsidR="00156FB3" w:rsidRDefault="00156FB3" w:rsidP="00156FB3">
            <w:r>
              <w:tab/>
            </w:r>
            <w:r>
              <w:tab/>
              <w:t>}</w:t>
            </w:r>
          </w:p>
          <w:p w:rsidR="00156FB3" w:rsidRDefault="00156FB3" w:rsidP="00156FB3">
            <w:r>
              <w:tab/>
            </w:r>
          </w:p>
          <w:p w:rsidR="00156FB3" w:rsidRDefault="00156FB3" w:rsidP="00156FB3">
            <w:r>
              <w:tab/>
            </w:r>
            <w:r>
              <w:tab/>
              <w:t>// option-dependent defaults</w:t>
            </w:r>
          </w:p>
          <w:p w:rsidR="00156FB3" w:rsidRDefault="00156FB3" w:rsidP="00156FB3">
            <w:r>
              <w:tab/>
            </w:r>
            <w:r>
              <w:tab/>
              <w:t>self.settings.mode = self.settings.mode || (self.settings.maxItems === 1 ? 'single' : 'multi');</w:t>
            </w:r>
          </w:p>
          <w:p w:rsidR="00156FB3" w:rsidRDefault="00156FB3" w:rsidP="00156FB3">
            <w:r>
              <w:tab/>
            </w:r>
            <w:r>
              <w:tab/>
              <w:t>if (typeof self.settings.hideSelected !== 'boolean') {</w:t>
            </w:r>
          </w:p>
          <w:p w:rsidR="00156FB3" w:rsidRDefault="00156FB3" w:rsidP="00156FB3">
            <w:r>
              <w:tab/>
            </w:r>
            <w:r>
              <w:tab/>
            </w:r>
            <w:r>
              <w:tab/>
              <w:t>self.settings.hideSelected = self.settings.mode === 'multi';</w:t>
            </w:r>
          </w:p>
          <w:p w:rsidR="00156FB3" w:rsidRDefault="00156FB3" w:rsidP="00156FB3">
            <w:r>
              <w:tab/>
            </w:r>
            <w:r>
              <w:tab/>
              <w:t>}</w:t>
            </w:r>
          </w:p>
          <w:p w:rsidR="00156FB3" w:rsidRDefault="00156FB3" w:rsidP="00156FB3">
            <w:r>
              <w:tab/>
            </w:r>
          </w:p>
          <w:p w:rsidR="00156FB3" w:rsidRDefault="00156FB3" w:rsidP="00156FB3">
            <w:r>
              <w:tab/>
            </w:r>
            <w:r>
              <w:tab/>
              <w:t>self.initializePlugins(self.settings.plugins);</w:t>
            </w:r>
          </w:p>
          <w:p w:rsidR="00156FB3" w:rsidRDefault="00156FB3" w:rsidP="00156FB3">
            <w:r>
              <w:tab/>
            </w:r>
            <w:r>
              <w:tab/>
              <w:t>self.setupCallbacks();</w:t>
            </w:r>
          </w:p>
          <w:p w:rsidR="00156FB3" w:rsidRDefault="00156FB3" w:rsidP="00156FB3">
            <w:r>
              <w:tab/>
            </w:r>
            <w:r>
              <w:tab/>
              <w:t>self.setupTemplates();</w:t>
            </w:r>
          </w:p>
          <w:p w:rsidR="00156FB3" w:rsidRDefault="00156FB3" w:rsidP="00156FB3">
            <w:r>
              <w:tab/>
            </w:r>
            <w:r>
              <w:tab/>
              <w:t>self.setup();</w:t>
            </w:r>
          </w:p>
          <w:p w:rsidR="00156FB3" w:rsidRDefault="00156FB3" w:rsidP="00156FB3">
            <w:r>
              <w:tab/>
              <w:t>};</w:t>
            </w:r>
          </w:p>
          <w:p w:rsidR="00156FB3" w:rsidRDefault="00156FB3" w:rsidP="00156FB3">
            <w:r>
              <w:tab/>
            </w:r>
          </w:p>
          <w:p w:rsidR="00156FB3" w:rsidRDefault="00156FB3" w:rsidP="00156FB3">
            <w:r>
              <w:tab/>
              <w:t>// mixins</w:t>
            </w:r>
          </w:p>
          <w:p w:rsidR="00156FB3" w:rsidRDefault="00156FB3" w:rsidP="00156FB3">
            <w:r>
              <w:tab/>
              <w:t>// - - - - - - - - - - - - - - - - - - - - - - - - - - - - - - - - - - - - - - - - - - - - -</w:t>
            </w:r>
          </w:p>
          <w:p w:rsidR="00156FB3" w:rsidRDefault="00156FB3" w:rsidP="00156FB3">
            <w:r>
              <w:lastRenderedPageBreak/>
              <w:tab/>
            </w:r>
          </w:p>
          <w:p w:rsidR="00156FB3" w:rsidRDefault="00156FB3" w:rsidP="00156FB3">
            <w:r>
              <w:tab/>
              <w:t>MicroEvent.mixin(Selectize);</w:t>
            </w:r>
          </w:p>
          <w:p w:rsidR="00156FB3" w:rsidRDefault="00156FB3" w:rsidP="00156FB3">
            <w:r>
              <w:tab/>
            </w:r>
          </w:p>
          <w:p w:rsidR="00156FB3" w:rsidRDefault="00156FB3" w:rsidP="00156FB3">
            <w:r>
              <w:tab/>
              <w:t>if(typeof MicroPlugin !== "undefined"){</w:t>
            </w:r>
          </w:p>
          <w:p w:rsidR="00156FB3" w:rsidRDefault="00156FB3" w:rsidP="00156FB3">
            <w:r>
              <w:tab/>
            </w:r>
            <w:r>
              <w:tab/>
              <w:t>MicroPlugin.mixin(Selectize);</w:t>
            </w:r>
          </w:p>
          <w:p w:rsidR="00156FB3" w:rsidRDefault="00156FB3" w:rsidP="00156FB3">
            <w:r>
              <w:tab/>
              <w:t>}else{</w:t>
            </w:r>
          </w:p>
          <w:p w:rsidR="00156FB3" w:rsidRDefault="00156FB3" w:rsidP="00156FB3">
            <w:r>
              <w:tab/>
            </w:r>
            <w:r>
              <w:tab/>
              <w:t>logError("Dependency MicroPlugin is missing",</w:t>
            </w:r>
          </w:p>
          <w:p w:rsidR="00156FB3" w:rsidRDefault="00156FB3" w:rsidP="00156FB3">
            <w:r>
              <w:tab/>
            </w:r>
            <w:r>
              <w:tab/>
            </w:r>
            <w:r>
              <w:tab/>
              <w:t>{explanation:</w:t>
            </w:r>
          </w:p>
          <w:p w:rsidR="00156FB3" w:rsidRDefault="00156FB3" w:rsidP="00156FB3">
            <w:r>
              <w:tab/>
            </w:r>
            <w:r>
              <w:tab/>
            </w:r>
            <w:r>
              <w:tab/>
            </w:r>
            <w:r>
              <w:tab/>
              <w:t>"Make sure you either: (1) are using the \"standalone\" "+</w:t>
            </w:r>
          </w:p>
          <w:p w:rsidR="00156FB3" w:rsidRDefault="00156FB3" w:rsidP="00156FB3">
            <w:r>
              <w:tab/>
            </w:r>
            <w:r>
              <w:tab/>
            </w:r>
            <w:r>
              <w:tab/>
            </w:r>
            <w:r>
              <w:tab/>
              <w:t>"version of Selectize, or (2) require MicroPlugin before you "+</w:t>
            </w:r>
          </w:p>
          <w:p w:rsidR="00156FB3" w:rsidRDefault="00156FB3" w:rsidP="00156FB3">
            <w:r>
              <w:tab/>
            </w:r>
            <w:r>
              <w:tab/>
            </w:r>
            <w:r>
              <w:tab/>
            </w:r>
            <w:r>
              <w:tab/>
              <w:t>"load Selectize."}</w:t>
            </w:r>
          </w:p>
          <w:p w:rsidR="00156FB3" w:rsidRDefault="00156FB3" w:rsidP="00156FB3">
            <w:r>
              <w:tab/>
            </w:r>
            <w:r>
              <w:tab/>
              <w:t>);</w:t>
            </w:r>
          </w:p>
          <w:p w:rsidR="00156FB3" w:rsidRDefault="00156FB3" w:rsidP="00156FB3">
            <w:r>
              <w:tab/>
              <w:t>}</w:t>
            </w:r>
          </w:p>
          <w:p w:rsidR="00156FB3" w:rsidRDefault="00156FB3" w:rsidP="00156FB3">
            <w:r>
              <w:tab/>
            </w:r>
          </w:p>
          <w:p w:rsidR="00156FB3" w:rsidRDefault="00156FB3" w:rsidP="00156FB3">
            <w:r>
              <w:tab/>
            </w:r>
          </w:p>
          <w:p w:rsidR="00156FB3" w:rsidRDefault="00156FB3" w:rsidP="00156FB3">
            <w:r>
              <w:tab/>
              <w:t>// methods</w:t>
            </w:r>
          </w:p>
          <w:p w:rsidR="00156FB3" w:rsidRDefault="00156FB3" w:rsidP="00156FB3">
            <w:r>
              <w:tab/>
              <w:t>// - - - - - - - - - - - - - - - - - - - - - - - - - - - - - - - - - - - - - - - - - - - - -</w:t>
            </w:r>
          </w:p>
          <w:p w:rsidR="00156FB3" w:rsidRDefault="00156FB3" w:rsidP="00156FB3">
            <w:r>
              <w:tab/>
            </w:r>
          </w:p>
          <w:p w:rsidR="00156FB3" w:rsidRDefault="00156FB3" w:rsidP="00156FB3">
            <w:r>
              <w:tab/>
              <w:t>$.extend(Selectize.prototype, {</w:t>
            </w:r>
          </w:p>
          <w:p w:rsidR="00156FB3" w:rsidRDefault="00156FB3" w:rsidP="00156FB3">
            <w:r>
              <w:tab/>
            </w:r>
          </w:p>
          <w:p w:rsidR="00156FB3" w:rsidRDefault="00156FB3" w:rsidP="00156FB3">
            <w:r>
              <w:tab/>
            </w:r>
            <w:r>
              <w:tab/>
              <w:t>/**</w:t>
            </w:r>
          </w:p>
          <w:p w:rsidR="00156FB3" w:rsidRDefault="00156FB3" w:rsidP="00156FB3">
            <w:r>
              <w:tab/>
            </w:r>
            <w:r>
              <w:tab/>
              <w:t xml:space="preserve"> * Creates all elements and sets up event bindings.</w:t>
            </w:r>
          </w:p>
          <w:p w:rsidR="00156FB3" w:rsidRDefault="00156FB3" w:rsidP="00156FB3">
            <w:r>
              <w:tab/>
            </w:r>
            <w:r>
              <w:tab/>
              <w:t xml:space="preserve"> */</w:t>
            </w:r>
          </w:p>
          <w:p w:rsidR="00156FB3" w:rsidRDefault="00156FB3" w:rsidP="00156FB3">
            <w:r>
              <w:tab/>
            </w:r>
            <w:r>
              <w:tab/>
              <w:t>setup: function() {</w:t>
            </w:r>
          </w:p>
          <w:p w:rsidR="00156FB3" w:rsidRDefault="00156FB3" w:rsidP="00156FB3">
            <w:r>
              <w:tab/>
            </w:r>
            <w:r>
              <w:tab/>
            </w:r>
            <w:r>
              <w:tab/>
              <w:t>var self      = this;</w:t>
            </w:r>
          </w:p>
          <w:p w:rsidR="00156FB3" w:rsidRDefault="00156FB3" w:rsidP="00156FB3">
            <w:r>
              <w:tab/>
            </w:r>
            <w:r>
              <w:tab/>
            </w:r>
            <w:r>
              <w:tab/>
              <w:t>var settings  = self.settings;</w:t>
            </w:r>
          </w:p>
          <w:p w:rsidR="00156FB3" w:rsidRDefault="00156FB3" w:rsidP="00156FB3">
            <w:r>
              <w:tab/>
            </w:r>
            <w:r>
              <w:tab/>
            </w:r>
            <w:r>
              <w:tab/>
              <w:t>var eventNS   = self.eventNS;</w:t>
            </w:r>
          </w:p>
          <w:p w:rsidR="00156FB3" w:rsidRDefault="00156FB3" w:rsidP="00156FB3">
            <w:r>
              <w:tab/>
            </w:r>
            <w:r>
              <w:tab/>
            </w:r>
            <w:r>
              <w:tab/>
              <w:t>var $window   = $(window);</w:t>
            </w:r>
          </w:p>
          <w:p w:rsidR="00156FB3" w:rsidRDefault="00156FB3" w:rsidP="00156FB3">
            <w:r>
              <w:tab/>
            </w:r>
            <w:r>
              <w:tab/>
            </w:r>
            <w:r>
              <w:tab/>
              <w:t>var $document = $(document);</w:t>
            </w:r>
          </w:p>
          <w:p w:rsidR="00156FB3" w:rsidRDefault="00156FB3" w:rsidP="00156FB3">
            <w:r>
              <w:tab/>
            </w:r>
            <w:r>
              <w:tab/>
            </w:r>
            <w:r>
              <w:tab/>
              <w:t>var $input    = self.$input;</w:t>
            </w:r>
          </w:p>
          <w:p w:rsidR="00156FB3" w:rsidRDefault="00156FB3" w:rsidP="00156FB3">
            <w:r>
              <w:tab/>
            </w:r>
          </w:p>
          <w:p w:rsidR="00156FB3" w:rsidRDefault="00156FB3" w:rsidP="00156FB3">
            <w:r>
              <w:tab/>
            </w:r>
            <w:r>
              <w:tab/>
            </w:r>
            <w:r>
              <w:tab/>
              <w:t>var $wrapper;</w:t>
            </w:r>
          </w:p>
          <w:p w:rsidR="00156FB3" w:rsidRDefault="00156FB3" w:rsidP="00156FB3">
            <w:r>
              <w:tab/>
            </w:r>
            <w:r>
              <w:tab/>
            </w:r>
            <w:r>
              <w:tab/>
              <w:t>var $control;</w:t>
            </w:r>
          </w:p>
          <w:p w:rsidR="00156FB3" w:rsidRDefault="00156FB3" w:rsidP="00156FB3">
            <w:r>
              <w:tab/>
            </w:r>
            <w:r>
              <w:tab/>
            </w:r>
            <w:r>
              <w:tab/>
              <w:t>var $control_input;</w:t>
            </w:r>
          </w:p>
          <w:p w:rsidR="00156FB3" w:rsidRDefault="00156FB3" w:rsidP="00156FB3">
            <w:r>
              <w:tab/>
            </w:r>
            <w:r>
              <w:tab/>
            </w:r>
            <w:r>
              <w:tab/>
              <w:t>var $dropdown;</w:t>
            </w:r>
          </w:p>
          <w:p w:rsidR="00156FB3" w:rsidRDefault="00156FB3" w:rsidP="00156FB3">
            <w:r>
              <w:tab/>
            </w:r>
            <w:r>
              <w:tab/>
            </w:r>
            <w:r>
              <w:tab/>
              <w:t>var $dropdown_content;</w:t>
            </w:r>
          </w:p>
          <w:p w:rsidR="00156FB3" w:rsidRDefault="00156FB3" w:rsidP="00156FB3">
            <w:r>
              <w:tab/>
            </w:r>
            <w:r>
              <w:tab/>
            </w:r>
            <w:r>
              <w:tab/>
              <w:t>var $dropdown_parent;</w:t>
            </w:r>
          </w:p>
          <w:p w:rsidR="00156FB3" w:rsidRDefault="00156FB3" w:rsidP="00156FB3">
            <w:r>
              <w:tab/>
            </w:r>
            <w:r>
              <w:tab/>
            </w:r>
            <w:r>
              <w:tab/>
              <w:t>var inputMode;</w:t>
            </w:r>
          </w:p>
          <w:p w:rsidR="00156FB3" w:rsidRDefault="00156FB3" w:rsidP="00156FB3">
            <w:r>
              <w:tab/>
            </w:r>
            <w:r>
              <w:tab/>
            </w:r>
            <w:r>
              <w:tab/>
              <w:t>var timeout_blur;</w:t>
            </w:r>
          </w:p>
          <w:p w:rsidR="00156FB3" w:rsidRDefault="00156FB3" w:rsidP="00156FB3">
            <w:r>
              <w:tab/>
            </w:r>
            <w:r>
              <w:tab/>
            </w:r>
            <w:r>
              <w:tab/>
              <w:t>var timeout_focus;</w:t>
            </w:r>
          </w:p>
          <w:p w:rsidR="00156FB3" w:rsidRDefault="00156FB3" w:rsidP="00156FB3">
            <w:r>
              <w:tab/>
            </w:r>
            <w:r>
              <w:tab/>
            </w:r>
            <w:r>
              <w:tab/>
              <w:t>var classes;</w:t>
            </w:r>
          </w:p>
          <w:p w:rsidR="00156FB3" w:rsidRDefault="00156FB3" w:rsidP="00156FB3">
            <w:r>
              <w:tab/>
            </w:r>
            <w:r>
              <w:tab/>
            </w:r>
            <w:r>
              <w:tab/>
              <w:t>var classes_plugins;</w:t>
            </w:r>
          </w:p>
          <w:p w:rsidR="00156FB3" w:rsidRDefault="00156FB3" w:rsidP="00156FB3">
            <w:r>
              <w:tab/>
            </w:r>
            <w:r>
              <w:tab/>
            </w:r>
            <w:r>
              <w:tab/>
              <w:t>var inputId;</w:t>
            </w:r>
          </w:p>
          <w:p w:rsidR="00156FB3" w:rsidRDefault="00156FB3" w:rsidP="00156FB3">
            <w:r>
              <w:tab/>
            </w:r>
          </w:p>
          <w:p w:rsidR="00156FB3" w:rsidRDefault="00156FB3" w:rsidP="00156FB3">
            <w:r>
              <w:tab/>
            </w:r>
            <w:r>
              <w:tab/>
            </w:r>
            <w:r>
              <w:tab/>
              <w:t>inputMode         = self.settings.mode;</w:t>
            </w:r>
          </w:p>
          <w:p w:rsidR="00156FB3" w:rsidRDefault="00156FB3" w:rsidP="00156FB3">
            <w:r>
              <w:tab/>
            </w:r>
            <w:r>
              <w:tab/>
            </w:r>
            <w:r>
              <w:tab/>
              <w:t>classes           = $input.attr('class') || '';</w:t>
            </w:r>
          </w:p>
          <w:p w:rsidR="00156FB3" w:rsidRDefault="00156FB3" w:rsidP="00156FB3">
            <w:r>
              <w:tab/>
            </w:r>
          </w:p>
          <w:p w:rsidR="00156FB3" w:rsidRDefault="00156FB3" w:rsidP="00156FB3">
            <w:r>
              <w:tab/>
            </w:r>
            <w:r>
              <w:tab/>
            </w:r>
            <w:r>
              <w:tab/>
              <w:t xml:space="preserve">$wrapper          = </w:t>
            </w:r>
            <w:r>
              <w:lastRenderedPageBreak/>
              <w:t>$('&lt;div&gt;').addClass(settings.wrapperClass).addClass(classes).addClass(inputMode);</w:t>
            </w:r>
          </w:p>
          <w:p w:rsidR="00156FB3" w:rsidRDefault="00156FB3" w:rsidP="00156FB3">
            <w:r>
              <w:tab/>
            </w:r>
            <w:r>
              <w:tab/>
            </w:r>
            <w:r>
              <w:tab/>
              <w:t>$control          = $('&lt;div&gt;').addClass(settings.inputClass).addClass('items').appendTo($wrapper);</w:t>
            </w:r>
          </w:p>
          <w:p w:rsidR="00156FB3" w:rsidRDefault="00156FB3" w:rsidP="00156FB3">
            <w:r>
              <w:tab/>
            </w:r>
            <w:r>
              <w:tab/>
            </w:r>
            <w:r>
              <w:tab/>
              <w:t>$control_input    = $('&lt;input type="text" autocomplete="off" /&gt;').appendTo($control).attr('tabindex', $input.is(':disabled') ? '-1' : self.tabIndex);</w:t>
            </w:r>
          </w:p>
          <w:p w:rsidR="00156FB3" w:rsidRDefault="00156FB3" w:rsidP="00156FB3">
            <w:r>
              <w:tab/>
            </w:r>
            <w:r>
              <w:tab/>
            </w:r>
            <w:r>
              <w:tab/>
              <w:t>$dropdown_parent  = $(settings.dropdownParent || $wrapper);</w:t>
            </w:r>
          </w:p>
          <w:p w:rsidR="00156FB3" w:rsidRDefault="00156FB3" w:rsidP="00156FB3">
            <w:r>
              <w:tab/>
            </w:r>
            <w:r>
              <w:tab/>
            </w:r>
            <w:r>
              <w:tab/>
              <w:t>$dropdown         = $('&lt;div&gt;').addClass(settings.dropdownClass).addClass(inputMode).hide().appendTo($dropdown_parent);</w:t>
            </w:r>
          </w:p>
          <w:p w:rsidR="00156FB3" w:rsidRDefault="00156FB3" w:rsidP="00156FB3">
            <w:r>
              <w:tab/>
            </w:r>
            <w:r>
              <w:tab/>
            </w:r>
            <w:r>
              <w:tab/>
              <w:t>$dropdown_content = $('&lt;div&gt;').addClass(settings.dropdownContentClass).appendTo($dropdown);</w:t>
            </w:r>
          </w:p>
          <w:p w:rsidR="00156FB3" w:rsidRDefault="00156FB3" w:rsidP="00156FB3">
            <w:r>
              <w:tab/>
            </w:r>
          </w:p>
          <w:p w:rsidR="00156FB3" w:rsidRDefault="00156FB3" w:rsidP="00156FB3">
            <w:r>
              <w:tab/>
            </w:r>
            <w:r>
              <w:tab/>
            </w:r>
            <w:r>
              <w:tab/>
              <w:t>if(inputId = $input.attr('id')) {</w:t>
            </w:r>
          </w:p>
          <w:p w:rsidR="00156FB3" w:rsidRDefault="00156FB3" w:rsidP="00156FB3">
            <w:r>
              <w:tab/>
            </w:r>
            <w:r>
              <w:tab/>
            </w:r>
            <w:r>
              <w:tab/>
            </w:r>
            <w:r>
              <w:tab/>
              <w:t>$control_input.attr('id', inputId + '-selectized');</w:t>
            </w:r>
          </w:p>
          <w:p w:rsidR="00156FB3" w:rsidRDefault="00156FB3" w:rsidP="00156FB3">
            <w:r>
              <w:tab/>
            </w:r>
            <w:r>
              <w:tab/>
            </w:r>
            <w:r>
              <w:tab/>
            </w:r>
            <w:r>
              <w:tab/>
              <w:t>$("label[for='"+inputId+"']").attr('for', inputId + '-selectized');</w:t>
            </w:r>
          </w:p>
          <w:p w:rsidR="00156FB3" w:rsidRDefault="00156FB3" w:rsidP="00156FB3">
            <w:r>
              <w:tab/>
            </w:r>
            <w:r>
              <w:tab/>
            </w:r>
            <w:r>
              <w:tab/>
              <w:t>}</w:t>
            </w:r>
          </w:p>
          <w:p w:rsidR="00156FB3" w:rsidRDefault="00156FB3" w:rsidP="00156FB3">
            <w:r>
              <w:tab/>
            </w:r>
          </w:p>
          <w:p w:rsidR="00156FB3" w:rsidRDefault="00156FB3" w:rsidP="00156FB3">
            <w:r>
              <w:tab/>
            </w:r>
            <w:r>
              <w:tab/>
            </w:r>
            <w:r>
              <w:tab/>
              <w:t>if(self.settings.copyClassesToDropdown) {</w:t>
            </w:r>
          </w:p>
          <w:p w:rsidR="00156FB3" w:rsidRDefault="00156FB3" w:rsidP="00156FB3">
            <w:r>
              <w:tab/>
            </w:r>
            <w:r>
              <w:tab/>
            </w:r>
            <w:r>
              <w:tab/>
            </w:r>
            <w:r>
              <w:tab/>
              <w:t>$dropdown.addClass(classes);</w:t>
            </w:r>
          </w:p>
          <w:p w:rsidR="00156FB3" w:rsidRDefault="00156FB3" w:rsidP="00156FB3">
            <w:r>
              <w:tab/>
            </w:r>
            <w:r>
              <w:tab/>
            </w:r>
            <w:r>
              <w:tab/>
              <w:t>}</w:t>
            </w:r>
          </w:p>
          <w:p w:rsidR="00156FB3" w:rsidRDefault="00156FB3" w:rsidP="00156FB3">
            <w:r>
              <w:tab/>
            </w:r>
          </w:p>
          <w:p w:rsidR="00156FB3" w:rsidRDefault="00156FB3" w:rsidP="00156FB3">
            <w:r>
              <w:tab/>
            </w:r>
            <w:r>
              <w:tab/>
            </w:r>
            <w:r>
              <w:tab/>
              <w:t>$wrapper.css({</w:t>
            </w:r>
          </w:p>
          <w:p w:rsidR="00156FB3" w:rsidRDefault="00156FB3" w:rsidP="00156FB3">
            <w:r>
              <w:tab/>
            </w:r>
            <w:r>
              <w:tab/>
            </w:r>
            <w:r>
              <w:tab/>
            </w:r>
            <w:r>
              <w:tab/>
              <w:t>width: $input[0].style.width</w:t>
            </w:r>
          </w:p>
          <w:p w:rsidR="00156FB3" w:rsidRDefault="00156FB3" w:rsidP="00156FB3">
            <w:r>
              <w:tab/>
            </w:r>
            <w:r>
              <w:tab/>
            </w:r>
            <w:r>
              <w:tab/>
              <w:t>});</w:t>
            </w:r>
          </w:p>
          <w:p w:rsidR="00156FB3" w:rsidRDefault="00156FB3" w:rsidP="00156FB3">
            <w:r>
              <w:tab/>
            </w:r>
          </w:p>
          <w:p w:rsidR="00156FB3" w:rsidRDefault="00156FB3" w:rsidP="00156FB3">
            <w:r>
              <w:tab/>
            </w:r>
            <w:r>
              <w:tab/>
            </w:r>
            <w:r>
              <w:tab/>
              <w:t>if (self.plugins.names.length) {</w:t>
            </w:r>
          </w:p>
          <w:p w:rsidR="00156FB3" w:rsidRDefault="00156FB3" w:rsidP="00156FB3">
            <w:r>
              <w:tab/>
            </w:r>
            <w:r>
              <w:tab/>
            </w:r>
            <w:r>
              <w:tab/>
            </w:r>
            <w:r>
              <w:tab/>
              <w:t>classes_plugins = 'plugin-' + self.plugins.names.join(' plugin-');</w:t>
            </w:r>
          </w:p>
          <w:p w:rsidR="00156FB3" w:rsidRDefault="00156FB3" w:rsidP="00156FB3">
            <w:r>
              <w:tab/>
            </w:r>
            <w:r>
              <w:tab/>
            </w:r>
            <w:r>
              <w:tab/>
            </w:r>
            <w:r>
              <w:tab/>
              <w:t>$wrapper.addClass(classes_plugins);</w:t>
            </w:r>
          </w:p>
          <w:p w:rsidR="00156FB3" w:rsidRDefault="00156FB3" w:rsidP="00156FB3">
            <w:r>
              <w:tab/>
            </w:r>
            <w:r>
              <w:tab/>
            </w:r>
            <w:r>
              <w:tab/>
            </w:r>
            <w:r>
              <w:tab/>
              <w:t>$dropdown.addClass(classes_plugins);</w:t>
            </w:r>
          </w:p>
          <w:p w:rsidR="00156FB3" w:rsidRDefault="00156FB3" w:rsidP="00156FB3">
            <w:r>
              <w:tab/>
            </w:r>
            <w:r>
              <w:tab/>
            </w:r>
            <w:r>
              <w:tab/>
              <w:t>}</w:t>
            </w:r>
          </w:p>
          <w:p w:rsidR="00156FB3" w:rsidRDefault="00156FB3" w:rsidP="00156FB3">
            <w:r>
              <w:tab/>
            </w:r>
          </w:p>
          <w:p w:rsidR="00156FB3" w:rsidRDefault="00156FB3" w:rsidP="00156FB3">
            <w:r>
              <w:tab/>
            </w:r>
            <w:r>
              <w:tab/>
            </w:r>
            <w:r>
              <w:tab/>
              <w:t>if ((settings.maxItems === null || settings.maxItems &gt; 1) &amp;&amp; self.tagType === TAG_SELECT) {</w:t>
            </w:r>
          </w:p>
          <w:p w:rsidR="00156FB3" w:rsidRDefault="00156FB3" w:rsidP="00156FB3">
            <w:r>
              <w:tab/>
            </w:r>
            <w:r>
              <w:tab/>
            </w:r>
            <w:r>
              <w:tab/>
            </w:r>
            <w:r>
              <w:tab/>
              <w:t>$input.attr('multiple', 'multiple');</w:t>
            </w:r>
          </w:p>
          <w:p w:rsidR="00156FB3" w:rsidRDefault="00156FB3" w:rsidP="00156FB3">
            <w:r>
              <w:tab/>
            </w:r>
            <w:r>
              <w:tab/>
            </w:r>
            <w:r>
              <w:tab/>
              <w:t>}</w:t>
            </w:r>
          </w:p>
          <w:p w:rsidR="00156FB3" w:rsidRDefault="00156FB3" w:rsidP="00156FB3">
            <w:r>
              <w:tab/>
            </w:r>
          </w:p>
          <w:p w:rsidR="00156FB3" w:rsidRDefault="00156FB3" w:rsidP="00156FB3">
            <w:r>
              <w:tab/>
            </w:r>
            <w:r>
              <w:tab/>
            </w:r>
            <w:r>
              <w:tab/>
              <w:t>if (self.settings.placeholder) {</w:t>
            </w:r>
          </w:p>
          <w:p w:rsidR="00156FB3" w:rsidRDefault="00156FB3" w:rsidP="00156FB3">
            <w:r>
              <w:tab/>
            </w:r>
            <w:r>
              <w:tab/>
            </w:r>
            <w:r>
              <w:tab/>
            </w:r>
            <w:r>
              <w:tab/>
              <w:t>$control_input.attr('placeholder', settings.placeholder);</w:t>
            </w:r>
          </w:p>
          <w:p w:rsidR="00156FB3" w:rsidRDefault="00156FB3" w:rsidP="00156FB3">
            <w:r>
              <w:tab/>
            </w:r>
            <w:r>
              <w:tab/>
            </w:r>
            <w:r>
              <w:tab/>
              <w:t>}</w:t>
            </w:r>
          </w:p>
          <w:p w:rsidR="00156FB3" w:rsidRDefault="00156FB3" w:rsidP="00156FB3">
            <w:r>
              <w:tab/>
            </w:r>
          </w:p>
          <w:p w:rsidR="00156FB3" w:rsidRDefault="00156FB3" w:rsidP="00156FB3">
            <w:r>
              <w:tab/>
            </w:r>
            <w:r>
              <w:tab/>
            </w:r>
            <w:r>
              <w:tab/>
              <w:t>// if splitOn was not passed in, construct it from the delimiter to allow pasting universally</w:t>
            </w:r>
          </w:p>
          <w:p w:rsidR="00156FB3" w:rsidRDefault="00156FB3" w:rsidP="00156FB3">
            <w:r>
              <w:tab/>
            </w:r>
            <w:r>
              <w:tab/>
            </w:r>
            <w:r>
              <w:tab/>
              <w:t>if (!self.settings.splitOn &amp;&amp; self.settings.delimiter) {</w:t>
            </w:r>
          </w:p>
          <w:p w:rsidR="00156FB3" w:rsidRDefault="00156FB3" w:rsidP="00156FB3">
            <w:r>
              <w:tab/>
            </w:r>
            <w:r>
              <w:tab/>
            </w:r>
            <w:r>
              <w:tab/>
            </w:r>
            <w:r>
              <w:tab/>
              <w:t>var delimiterEscaped = self.settings.delimiter.replace(/[-\/\\^$*+?.()|[\]{}]/g, '\\$&amp;');</w:t>
            </w:r>
          </w:p>
          <w:p w:rsidR="00156FB3" w:rsidRDefault="00156FB3" w:rsidP="00156FB3">
            <w:r>
              <w:tab/>
            </w:r>
            <w:r>
              <w:tab/>
            </w:r>
            <w:r>
              <w:tab/>
            </w:r>
            <w:r>
              <w:tab/>
              <w:t>self.settings.splitOn = new RegExp('\\s*' + delimiterEscaped + '+\\s*');</w:t>
            </w:r>
          </w:p>
          <w:p w:rsidR="00156FB3" w:rsidRDefault="00156FB3" w:rsidP="00156FB3">
            <w:r>
              <w:tab/>
            </w:r>
            <w:r>
              <w:tab/>
            </w:r>
            <w:r>
              <w:tab/>
              <w:t>}</w:t>
            </w:r>
          </w:p>
          <w:p w:rsidR="00156FB3" w:rsidRDefault="00156FB3" w:rsidP="00156FB3">
            <w:r>
              <w:tab/>
            </w:r>
          </w:p>
          <w:p w:rsidR="00156FB3" w:rsidRDefault="00156FB3" w:rsidP="00156FB3">
            <w:r>
              <w:lastRenderedPageBreak/>
              <w:tab/>
            </w:r>
            <w:r>
              <w:tab/>
            </w:r>
            <w:r>
              <w:tab/>
              <w:t>if ($input.attr('autocorrect')) {</w:t>
            </w:r>
          </w:p>
          <w:p w:rsidR="00156FB3" w:rsidRDefault="00156FB3" w:rsidP="00156FB3">
            <w:r>
              <w:tab/>
            </w:r>
            <w:r>
              <w:tab/>
            </w:r>
            <w:r>
              <w:tab/>
            </w:r>
            <w:r>
              <w:tab/>
              <w:t>$control_input.attr('autocorrect', $input.attr('autocorrect'));</w:t>
            </w:r>
          </w:p>
          <w:p w:rsidR="00156FB3" w:rsidRDefault="00156FB3" w:rsidP="00156FB3">
            <w:r>
              <w:tab/>
            </w:r>
            <w:r>
              <w:tab/>
            </w:r>
            <w:r>
              <w:tab/>
              <w:t>}</w:t>
            </w:r>
          </w:p>
          <w:p w:rsidR="00156FB3" w:rsidRDefault="00156FB3" w:rsidP="00156FB3">
            <w:r>
              <w:tab/>
            </w:r>
          </w:p>
          <w:p w:rsidR="00156FB3" w:rsidRDefault="00156FB3" w:rsidP="00156FB3">
            <w:r>
              <w:tab/>
            </w:r>
            <w:r>
              <w:tab/>
            </w:r>
            <w:r>
              <w:tab/>
              <w:t>if ($input.attr('autocapitalize')) {</w:t>
            </w:r>
          </w:p>
          <w:p w:rsidR="00156FB3" w:rsidRDefault="00156FB3" w:rsidP="00156FB3">
            <w:r>
              <w:tab/>
            </w:r>
            <w:r>
              <w:tab/>
            </w:r>
            <w:r>
              <w:tab/>
            </w:r>
            <w:r>
              <w:tab/>
              <w:t>$control_input.attr('autocapitalize', $input.attr('autocapitalize'));</w:t>
            </w:r>
          </w:p>
          <w:p w:rsidR="00156FB3" w:rsidRDefault="00156FB3" w:rsidP="00156FB3">
            <w:r>
              <w:tab/>
            </w:r>
            <w:r>
              <w:tab/>
            </w:r>
            <w:r>
              <w:tab/>
              <w:t>}</w:t>
            </w:r>
          </w:p>
          <w:p w:rsidR="00156FB3" w:rsidRDefault="00156FB3" w:rsidP="00156FB3">
            <w:r>
              <w:tab/>
            </w:r>
          </w:p>
          <w:p w:rsidR="00156FB3" w:rsidRDefault="00156FB3" w:rsidP="00156FB3">
            <w:r>
              <w:tab/>
            </w:r>
            <w:r>
              <w:tab/>
            </w:r>
            <w:r>
              <w:tab/>
              <w:t>self.$wrapper          = $wrapper;</w:t>
            </w:r>
          </w:p>
          <w:p w:rsidR="00156FB3" w:rsidRDefault="00156FB3" w:rsidP="00156FB3">
            <w:r>
              <w:tab/>
            </w:r>
            <w:r>
              <w:tab/>
            </w:r>
            <w:r>
              <w:tab/>
              <w:t>self.$control          = $control;</w:t>
            </w:r>
          </w:p>
          <w:p w:rsidR="00156FB3" w:rsidRDefault="00156FB3" w:rsidP="00156FB3">
            <w:r>
              <w:tab/>
            </w:r>
            <w:r>
              <w:tab/>
            </w:r>
            <w:r>
              <w:tab/>
              <w:t>self.$control_input    = $control_input;</w:t>
            </w:r>
          </w:p>
          <w:p w:rsidR="00156FB3" w:rsidRDefault="00156FB3" w:rsidP="00156FB3">
            <w:r>
              <w:tab/>
            </w:r>
            <w:r>
              <w:tab/>
            </w:r>
            <w:r>
              <w:tab/>
              <w:t>self.$dropdown         = $dropdown;</w:t>
            </w:r>
          </w:p>
          <w:p w:rsidR="00156FB3" w:rsidRDefault="00156FB3" w:rsidP="00156FB3">
            <w:r>
              <w:tab/>
            </w:r>
            <w:r>
              <w:tab/>
            </w:r>
            <w:r>
              <w:tab/>
              <w:t>self.$dropdown_content = $dropdown_content;</w:t>
            </w:r>
          </w:p>
          <w:p w:rsidR="00156FB3" w:rsidRDefault="00156FB3" w:rsidP="00156FB3">
            <w:r>
              <w:tab/>
            </w:r>
          </w:p>
          <w:p w:rsidR="00156FB3" w:rsidRDefault="00156FB3" w:rsidP="00156FB3">
            <w:r>
              <w:tab/>
            </w:r>
            <w:r>
              <w:tab/>
            </w:r>
            <w:r>
              <w:tab/>
              <w:t>$dropdown.on('mouseenter', '[data-selectable]', function() { return self.onOptionHover.apply(self, arguments); });</w:t>
            </w:r>
          </w:p>
          <w:p w:rsidR="00156FB3" w:rsidRDefault="00156FB3" w:rsidP="00156FB3">
            <w:r>
              <w:tab/>
            </w:r>
            <w:r>
              <w:tab/>
            </w:r>
            <w:r>
              <w:tab/>
              <w:t>$dropdown.on('mousedown click', '[data-selectable]', function() { return self.onOptionSelect.apply(self, arguments); });</w:t>
            </w:r>
          </w:p>
          <w:p w:rsidR="00156FB3" w:rsidRDefault="00156FB3" w:rsidP="00156FB3">
            <w:r>
              <w:tab/>
            </w:r>
            <w:r>
              <w:tab/>
            </w:r>
            <w:r>
              <w:tab/>
              <w:t>watchChildEvent($control, 'mousedown', '*:not(input)', function() { return self.onItemSelect.apply(self, arguments); });</w:t>
            </w:r>
          </w:p>
          <w:p w:rsidR="00156FB3" w:rsidRDefault="00156FB3" w:rsidP="00156FB3">
            <w:r>
              <w:tab/>
            </w:r>
            <w:r>
              <w:tab/>
            </w:r>
            <w:r>
              <w:tab/>
              <w:t>autoGrow($control_input);</w:t>
            </w:r>
          </w:p>
          <w:p w:rsidR="00156FB3" w:rsidRDefault="00156FB3" w:rsidP="00156FB3">
            <w:r>
              <w:tab/>
            </w:r>
          </w:p>
          <w:p w:rsidR="00156FB3" w:rsidRDefault="00156FB3" w:rsidP="00156FB3">
            <w:r>
              <w:tab/>
            </w:r>
            <w:r>
              <w:tab/>
            </w:r>
            <w:r>
              <w:tab/>
              <w:t>$control.on({</w:t>
            </w:r>
          </w:p>
          <w:p w:rsidR="00156FB3" w:rsidRDefault="00156FB3" w:rsidP="00156FB3">
            <w:r>
              <w:tab/>
            </w:r>
            <w:r>
              <w:tab/>
            </w:r>
            <w:r>
              <w:tab/>
            </w:r>
            <w:r>
              <w:tab/>
              <w:t>mousedown : function() { return self.onMouseDown.apply(self, arguments); },</w:t>
            </w:r>
          </w:p>
          <w:p w:rsidR="00156FB3" w:rsidRDefault="00156FB3" w:rsidP="00156FB3">
            <w:r>
              <w:tab/>
            </w:r>
            <w:r>
              <w:tab/>
            </w:r>
            <w:r>
              <w:tab/>
            </w:r>
            <w:r>
              <w:tab/>
              <w:t>click     : function() { return self.onClick.apply(self, arguments); }</w:t>
            </w:r>
          </w:p>
          <w:p w:rsidR="00156FB3" w:rsidRDefault="00156FB3" w:rsidP="00156FB3">
            <w:r>
              <w:tab/>
            </w:r>
            <w:r>
              <w:tab/>
            </w:r>
            <w:r>
              <w:tab/>
              <w:t>});</w:t>
            </w:r>
          </w:p>
          <w:p w:rsidR="00156FB3" w:rsidRDefault="00156FB3" w:rsidP="00156FB3">
            <w:r>
              <w:tab/>
            </w:r>
          </w:p>
          <w:p w:rsidR="00156FB3" w:rsidRDefault="00156FB3" w:rsidP="00156FB3">
            <w:r>
              <w:tab/>
            </w:r>
            <w:r>
              <w:tab/>
            </w:r>
            <w:r>
              <w:tab/>
              <w:t>$control_input.on({</w:t>
            </w:r>
          </w:p>
          <w:p w:rsidR="00156FB3" w:rsidRDefault="00156FB3" w:rsidP="00156FB3">
            <w:r>
              <w:tab/>
            </w:r>
            <w:r>
              <w:tab/>
            </w:r>
            <w:r>
              <w:tab/>
            </w:r>
            <w:r>
              <w:tab/>
              <w:t>mousedown : function(e) { e.stopPropagation(); },</w:t>
            </w:r>
          </w:p>
          <w:p w:rsidR="00156FB3" w:rsidRDefault="00156FB3" w:rsidP="00156FB3">
            <w:r>
              <w:tab/>
            </w:r>
            <w:r>
              <w:tab/>
            </w:r>
            <w:r>
              <w:tab/>
            </w:r>
            <w:r>
              <w:tab/>
              <w:t>keydown   : function() { return self.onKeyDown.apply(self, arguments); },</w:t>
            </w:r>
          </w:p>
          <w:p w:rsidR="00156FB3" w:rsidRDefault="00156FB3" w:rsidP="00156FB3">
            <w:r>
              <w:tab/>
            </w:r>
            <w:r>
              <w:tab/>
            </w:r>
            <w:r>
              <w:tab/>
            </w:r>
            <w:r>
              <w:tab/>
              <w:t>keyup     : function() { return self.onKeyUp.apply(self, arguments); },</w:t>
            </w:r>
          </w:p>
          <w:p w:rsidR="00156FB3" w:rsidRDefault="00156FB3" w:rsidP="00156FB3">
            <w:r>
              <w:tab/>
            </w:r>
            <w:r>
              <w:tab/>
            </w:r>
            <w:r>
              <w:tab/>
            </w:r>
            <w:r>
              <w:tab/>
              <w:t>keypress  : function() { return self.onKeyPress.apply(self, arguments); },</w:t>
            </w:r>
          </w:p>
          <w:p w:rsidR="00156FB3" w:rsidRDefault="00156FB3" w:rsidP="00156FB3">
            <w:r>
              <w:tab/>
            </w:r>
            <w:r>
              <w:tab/>
            </w:r>
            <w:r>
              <w:tab/>
            </w:r>
            <w:r>
              <w:tab/>
              <w:t>resize    : function() { self.positionDropdown.apply(self, []); },</w:t>
            </w:r>
          </w:p>
          <w:p w:rsidR="00156FB3" w:rsidRDefault="00156FB3" w:rsidP="00156FB3">
            <w:r>
              <w:tab/>
            </w:r>
            <w:r>
              <w:tab/>
            </w:r>
            <w:r>
              <w:tab/>
            </w:r>
            <w:r>
              <w:tab/>
              <w:t>blur      : function() { return self.onBlur.apply(self, arguments); },</w:t>
            </w:r>
          </w:p>
          <w:p w:rsidR="00156FB3" w:rsidRDefault="00156FB3" w:rsidP="00156FB3">
            <w:r>
              <w:tab/>
            </w:r>
            <w:r>
              <w:tab/>
            </w:r>
            <w:r>
              <w:tab/>
            </w:r>
            <w:r>
              <w:tab/>
              <w:t>focus     : function() { self.ignoreBlur = false; return self.onFocus.apply(self, arguments); },</w:t>
            </w:r>
          </w:p>
          <w:p w:rsidR="00156FB3" w:rsidRDefault="00156FB3" w:rsidP="00156FB3">
            <w:r>
              <w:tab/>
            </w:r>
            <w:r>
              <w:tab/>
            </w:r>
            <w:r>
              <w:tab/>
            </w:r>
            <w:r>
              <w:tab/>
              <w:t>paste     : function() { return self.onPaste.apply(self, arguments); }</w:t>
            </w:r>
          </w:p>
          <w:p w:rsidR="00156FB3" w:rsidRDefault="00156FB3" w:rsidP="00156FB3">
            <w:r>
              <w:tab/>
            </w:r>
            <w:r>
              <w:tab/>
            </w:r>
            <w:r>
              <w:tab/>
              <w:t>});</w:t>
            </w:r>
          </w:p>
          <w:p w:rsidR="00156FB3" w:rsidRDefault="00156FB3" w:rsidP="00156FB3">
            <w:r>
              <w:tab/>
            </w:r>
          </w:p>
          <w:p w:rsidR="00156FB3" w:rsidRDefault="00156FB3" w:rsidP="00156FB3">
            <w:r>
              <w:tab/>
            </w:r>
            <w:r>
              <w:tab/>
            </w:r>
            <w:r>
              <w:tab/>
              <w:t>$document.on('keydown' + eventNS, function(e) {</w:t>
            </w:r>
          </w:p>
          <w:p w:rsidR="00156FB3" w:rsidRDefault="00156FB3" w:rsidP="00156FB3">
            <w:r>
              <w:tab/>
            </w:r>
            <w:r>
              <w:tab/>
            </w:r>
            <w:r>
              <w:tab/>
            </w:r>
            <w:r>
              <w:tab/>
              <w:t>self.isCmdDown = e[IS_MAC ? 'metaKey' : 'ctrlKey'];</w:t>
            </w:r>
          </w:p>
          <w:p w:rsidR="00156FB3" w:rsidRDefault="00156FB3" w:rsidP="00156FB3">
            <w:r>
              <w:tab/>
            </w:r>
            <w:r>
              <w:tab/>
            </w:r>
            <w:r>
              <w:tab/>
            </w:r>
            <w:r>
              <w:tab/>
              <w:t>self.isCtrlDown = e[IS_MAC ? 'altKey' : 'ctrlKey'];</w:t>
            </w:r>
          </w:p>
          <w:p w:rsidR="00156FB3" w:rsidRDefault="00156FB3" w:rsidP="00156FB3">
            <w:r>
              <w:tab/>
            </w:r>
            <w:r>
              <w:tab/>
            </w:r>
            <w:r>
              <w:tab/>
            </w:r>
            <w:r>
              <w:tab/>
              <w:t>self.isShiftDown = e.shiftKey;</w:t>
            </w:r>
          </w:p>
          <w:p w:rsidR="00156FB3" w:rsidRDefault="00156FB3" w:rsidP="00156FB3">
            <w:r>
              <w:tab/>
            </w:r>
            <w:r>
              <w:tab/>
            </w:r>
            <w:r>
              <w:tab/>
              <w:t>});</w:t>
            </w:r>
          </w:p>
          <w:p w:rsidR="00156FB3" w:rsidRDefault="00156FB3" w:rsidP="00156FB3">
            <w:r>
              <w:tab/>
            </w:r>
          </w:p>
          <w:p w:rsidR="00156FB3" w:rsidRDefault="00156FB3" w:rsidP="00156FB3">
            <w:r>
              <w:tab/>
            </w:r>
            <w:r>
              <w:tab/>
            </w:r>
            <w:r>
              <w:tab/>
              <w:t>$document.on('keyup' + eventNS, function(e) {</w:t>
            </w:r>
          </w:p>
          <w:p w:rsidR="00156FB3" w:rsidRDefault="00156FB3" w:rsidP="00156FB3">
            <w:r>
              <w:tab/>
            </w:r>
            <w:r>
              <w:tab/>
            </w:r>
            <w:r>
              <w:tab/>
            </w:r>
            <w:r>
              <w:tab/>
              <w:t>if (e.keyCode === KEY_CTRL) self.isCtrlDown = false;</w:t>
            </w:r>
          </w:p>
          <w:p w:rsidR="00156FB3" w:rsidRDefault="00156FB3" w:rsidP="00156FB3">
            <w:r>
              <w:lastRenderedPageBreak/>
              <w:tab/>
            </w:r>
            <w:r>
              <w:tab/>
            </w:r>
            <w:r>
              <w:tab/>
            </w:r>
            <w:r>
              <w:tab/>
              <w:t>if (e.keyCode === KEY_SHIFT) self.isShiftDown = false;</w:t>
            </w:r>
          </w:p>
          <w:p w:rsidR="00156FB3" w:rsidRDefault="00156FB3" w:rsidP="00156FB3">
            <w:r>
              <w:tab/>
            </w:r>
            <w:r>
              <w:tab/>
            </w:r>
            <w:r>
              <w:tab/>
            </w:r>
            <w:r>
              <w:tab/>
              <w:t>if (e.keyCode === KEY_CMD) self.isCmdDown = false;</w:t>
            </w:r>
          </w:p>
          <w:p w:rsidR="00156FB3" w:rsidRDefault="00156FB3" w:rsidP="00156FB3">
            <w:r>
              <w:tab/>
            </w:r>
            <w:r>
              <w:tab/>
            </w:r>
            <w:r>
              <w:tab/>
              <w:t>});</w:t>
            </w:r>
          </w:p>
          <w:p w:rsidR="00156FB3" w:rsidRDefault="00156FB3" w:rsidP="00156FB3">
            <w:r>
              <w:tab/>
            </w:r>
          </w:p>
          <w:p w:rsidR="00156FB3" w:rsidRDefault="00156FB3" w:rsidP="00156FB3">
            <w:r>
              <w:tab/>
            </w:r>
            <w:r>
              <w:tab/>
            </w:r>
            <w:r>
              <w:tab/>
              <w:t>$document.on('mousedown' + eventNS, function(e) {</w:t>
            </w:r>
          </w:p>
          <w:p w:rsidR="00156FB3" w:rsidRDefault="00156FB3" w:rsidP="00156FB3">
            <w:r>
              <w:tab/>
            </w:r>
            <w:r>
              <w:tab/>
            </w:r>
            <w:r>
              <w:tab/>
            </w:r>
            <w:r>
              <w:tab/>
              <w:t>if (self.isFocused) {</w:t>
            </w:r>
          </w:p>
          <w:p w:rsidR="00156FB3" w:rsidRDefault="00156FB3" w:rsidP="00156FB3">
            <w:r>
              <w:tab/>
            </w:r>
            <w:r>
              <w:tab/>
            </w:r>
            <w:r>
              <w:tab/>
            </w:r>
            <w:r>
              <w:tab/>
            </w:r>
            <w:r>
              <w:tab/>
              <w:t>// prevent events on the dropdown scrollbar from causing the control to blur</w:t>
            </w:r>
          </w:p>
          <w:p w:rsidR="00156FB3" w:rsidRDefault="00156FB3" w:rsidP="00156FB3">
            <w:r>
              <w:tab/>
            </w:r>
            <w:r>
              <w:tab/>
            </w:r>
            <w:r>
              <w:tab/>
            </w:r>
            <w:r>
              <w:tab/>
            </w:r>
            <w:r>
              <w:tab/>
              <w:t>if (e.target === self.$dropdown[0] || e.target.parentNode === self.$dropdown[0]) {</w:t>
            </w:r>
          </w:p>
          <w:p w:rsidR="00156FB3" w:rsidRDefault="00156FB3" w:rsidP="00156FB3">
            <w:r>
              <w:tab/>
            </w:r>
            <w:r>
              <w:tab/>
            </w:r>
            <w:r>
              <w:tab/>
            </w:r>
            <w:r>
              <w:tab/>
            </w:r>
            <w:r>
              <w:tab/>
            </w:r>
            <w:r>
              <w:tab/>
              <w:t>return false;</w:t>
            </w:r>
          </w:p>
          <w:p w:rsidR="00156FB3" w:rsidRDefault="00156FB3" w:rsidP="00156FB3">
            <w:r>
              <w:tab/>
            </w:r>
            <w:r>
              <w:tab/>
            </w:r>
            <w:r>
              <w:tab/>
            </w:r>
            <w:r>
              <w:tab/>
            </w:r>
            <w:r>
              <w:tab/>
              <w:t>}</w:t>
            </w:r>
          </w:p>
          <w:p w:rsidR="00156FB3" w:rsidRDefault="00156FB3" w:rsidP="00156FB3">
            <w:r>
              <w:tab/>
            </w:r>
            <w:r>
              <w:tab/>
            </w:r>
            <w:r>
              <w:tab/>
            </w:r>
            <w:r>
              <w:tab/>
            </w:r>
            <w:r>
              <w:tab/>
              <w:t>// blur on click outside</w:t>
            </w:r>
          </w:p>
          <w:p w:rsidR="00156FB3" w:rsidRDefault="00156FB3" w:rsidP="00156FB3">
            <w:r>
              <w:tab/>
            </w:r>
            <w:r>
              <w:tab/>
            </w:r>
            <w:r>
              <w:tab/>
            </w:r>
            <w:r>
              <w:tab/>
            </w:r>
            <w:r>
              <w:tab/>
              <w:t>if (!self.$control.has(e.target).length &amp;&amp; e.target !== self.$control[0]) {</w:t>
            </w:r>
          </w:p>
          <w:p w:rsidR="00156FB3" w:rsidRDefault="00156FB3" w:rsidP="00156FB3">
            <w:r>
              <w:tab/>
            </w:r>
            <w:r>
              <w:tab/>
            </w:r>
            <w:r>
              <w:tab/>
            </w:r>
            <w:r>
              <w:tab/>
            </w:r>
            <w:r>
              <w:tab/>
            </w:r>
            <w:r>
              <w:tab/>
              <w:t>self.blur(e.target);</w:t>
            </w:r>
          </w:p>
          <w:p w:rsidR="00156FB3" w:rsidRDefault="00156FB3" w:rsidP="00156FB3">
            <w:r>
              <w:tab/>
            </w:r>
            <w:r>
              <w:tab/>
            </w:r>
            <w:r>
              <w:tab/>
            </w:r>
            <w:r>
              <w:tab/>
            </w:r>
            <w:r>
              <w:tab/>
              <w:t>}</w:t>
            </w:r>
          </w:p>
          <w:p w:rsidR="00156FB3" w:rsidRDefault="00156FB3" w:rsidP="00156FB3">
            <w:r>
              <w:tab/>
            </w:r>
            <w:r>
              <w:tab/>
            </w:r>
            <w:r>
              <w:tab/>
            </w:r>
            <w:r>
              <w:tab/>
              <w:t>}</w:t>
            </w:r>
          </w:p>
          <w:p w:rsidR="00156FB3" w:rsidRDefault="00156FB3" w:rsidP="00156FB3">
            <w:r>
              <w:tab/>
            </w:r>
            <w:r>
              <w:tab/>
            </w:r>
            <w:r>
              <w:tab/>
              <w:t>});</w:t>
            </w:r>
          </w:p>
          <w:p w:rsidR="00156FB3" w:rsidRDefault="00156FB3" w:rsidP="00156FB3">
            <w:r>
              <w:tab/>
            </w:r>
          </w:p>
          <w:p w:rsidR="00156FB3" w:rsidRDefault="00156FB3" w:rsidP="00156FB3">
            <w:r>
              <w:tab/>
            </w:r>
            <w:r>
              <w:tab/>
            </w:r>
            <w:r>
              <w:tab/>
              <w:t>$window.on(['scroll' + eventNS, 'resize' + eventNS].join(' '), function() {</w:t>
            </w:r>
          </w:p>
          <w:p w:rsidR="00156FB3" w:rsidRDefault="00156FB3" w:rsidP="00156FB3">
            <w:r>
              <w:tab/>
            </w:r>
            <w:r>
              <w:tab/>
            </w:r>
            <w:r>
              <w:tab/>
            </w:r>
            <w:r>
              <w:tab/>
              <w:t>if (self.isOpen) {</w:t>
            </w:r>
          </w:p>
          <w:p w:rsidR="00156FB3" w:rsidRDefault="00156FB3" w:rsidP="00156FB3">
            <w:r>
              <w:tab/>
            </w:r>
            <w:r>
              <w:tab/>
            </w:r>
            <w:r>
              <w:tab/>
            </w:r>
            <w:r>
              <w:tab/>
            </w:r>
            <w:r>
              <w:tab/>
              <w:t>self.positionDropdown.apply(self, arguments);</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r>
            <w:r>
              <w:tab/>
              <w:t>$window.on('mousemove' + eventNS, function() {</w:t>
            </w:r>
          </w:p>
          <w:p w:rsidR="00156FB3" w:rsidRDefault="00156FB3" w:rsidP="00156FB3">
            <w:r>
              <w:tab/>
            </w:r>
            <w:r>
              <w:tab/>
            </w:r>
            <w:r>
              <w:tab/>
            </w:r>
            <w:r>
              <w:tab/>
              <w:t>self.ignoreHover = false;</w:t>
            </w:r>
          </w:p>
          <w:p w:rsidR="00156FB3" w:rsidRDefault="00156FB3" w:rsidP="00156FB3">
            <w:r>
              <w:tab/>
            </w:r>
            <w:r>
              <w:tab/>
            </w:r>
            <w:r>
              <w:tab/>
              <w:t>});</w:t>
            </w:r>
          </w:p>
          <w:p w:rsidR="00156FB3" w:rsidRDefault="00156FB3" w:rsidP="00156FB3">
            <w:r>
              <w:tab/>
            </w:r>
          </w:p>
          <w:p w:rsidR="00156FB3" w:rsidRDefault="00156FB3" w:rsidP="00156FB3">
            <w:r>
              <w:tab/>
            </w:r>
            <w:r>
              <w:tab/>
            </w:r>
            <w:r>
              <w:tab/>
              <w:t>// store original children and tab index so that they can be</w:t>
            </w:r>
          </w:p>
          <w:p w:rsidR="00156FB3" w:rsidRDefault="00156FB3" w:rsidP="00156FB3">
            <w:r>
              <w:tab/>
            </w:r>
            <w:r>
              <w:tab/>
            </w:r>
            <w:r>
              <w:tab/>
              <w:t>// restored when the destroy() method is called.</w:t>
            </w:r>
          </w:p>
          <w:p w:rsidR="00156FB3" w:rsidRDefault="00156FB3" w:rsidP="00156FB3">
            <w:r>
              <w:tab/>
            </w:r>
            <w:r>
              <w:tab/>
            </w:r>
            <w:r>
              <w:tab/>
              <w:t>this.revertSettings = {</w:t>
            </w:r>
          </w:p>
          <w:p w:rsidR="00156FB3" w:rsidRDefault="00156FB3" w:rsidP="00156FB3">
            <w:r>
              <w:tab/>
            </w:r>
            <w:r>
              <w:tab/>
            </w:r>
            <w:r>
              <w:tab/>
            </w:r>
            <w:r>
              <w:tab/>
              <w:t>$children : $input.children().detach(),</w:t>
            </w:r>
          </w:p>
          <w:p w:rsidR="00156FB3" w:rsidRDefault="00156FB3" w:rsidP="00156FB3">
            <w:r>
              <w:tab/>
            </w:r>
            <w:r>
              <w:tab/>
            </w:r>
            <w:r>
              <w:tab/>
            </w:r>
            <w:r>
              <w:tab/>
              <w:t>tabindex  : $input.attr('tabindex')</w:t>
            </w:r>
          </w:p>
          <w:p w:rsidR="00156FB3" w:rsidRDefault="00156FB3" w:rsidP="00156FB3">
            <w:r>
              <w:tab/>
            </w:r>
            <w:r>
              <w:tab/>
            </w:r>
            <w:r>
              <w:tab/>
              <w:t>};</w:t>
            </w:r>
          </w:p>
          <w:p w:rsidR="00156FB3" w:rsidRDefault="00156FB3" w:rsidP="00156FB3">
            <w:r>
              <w:tab/>
            </w:r>
          </w:p>
          <w:p w:rsidR="00156FB3" w:rsidRDefault="00156FB3" w:rsidP="00156FB3">
            <w:r>
              <w:tab/>
            </w:r>
            <w:r>
              <w:tab/>
            </w:r>
            <w:r>
              <w:tab/>
              <w:t>$input.attr('tabindex', -1).hide().after(self.$wrapper);</w:t>
            </w:r>
          </w:p>
          <w:p w:rsidR="00156FB3" w:rsidRDefault="00156FB3" w:rsidP="00156FB3">
            <w:r>
              <w:tab/>
            </w:r>
          </w:p>
          <w:p w:rsidR="00156FB3" w:rsidRDefault="00156FB3" w:rsidP="00156FB3">
            <w:r>
              <w:tab/>
            </w:r>
            <w:r>
              <w:tab/>
            </w:r>
            <w:r>
              <w:tab/>
              <w:t>if ($.isArray(settings.items)) {</w:t>
            </w:r>
          </w:p>
          <w:p w:rsidR="00156FB3" w:rsidRDefault="00156FB3" w:rsidP="00156FB3">
            <w:r>
              <w:tab/>
            </w:r>
            <w:r>
              <w:tab/>
            </w:r>
            <w:r>
              <w:tab/>
            </w:r>
            <w:r>
              <w:tab/>
              <w:t>self.setValue(settings.items);</w:t>
            </w:r>
          </w:p>
          <w:p w:rsidR="00156FB3" w:rsidRDefault="00156FB3" w:rsidP="00156FB3">
            <w:r>
              <w:tab/>
            </w:r>
            <w:r>
              <w:tab/>
            </w:r>
            <w:r>
              <w:tab/>
            </w:r>
            <w:r>
              <w:tab/>
              <w:t>delete settings.items;</w:t>
            </w:r>
          </w:p>
          <w:p w:rsidR="00156FB3" w:rsidRDefault="00156FB3" w:rsidP="00156FB3">
            <w:r>
              <w:tab/>
            </w:r>
            <w:r>
              <w:tab/>
            </w:r>
            <w:r>
              <w:tab/>
              <w:t>}</w:t>
            </w:r>
          </w:p>
          <w:p w:rsidR="00156FB3" w:rsidRDefault="00156FB3" w:rsidP="00156FB3">
            <w:r>
              <w:tab/>
            </w:r>
          </w:p>
          <w:p w:rsidR="00156FB3" w:rsidRDefault="00156FB3" w:rsidP="00156FB3">
            <w:r>
              <w:tab/>
            </w:r>
            <w:r>
              <w:tab/>
            </w:r>
            <w:r>
              <w:tab/>
              <w:t>// feature detect for the validation API</w:t>
            </w:r>
          </w:p>
          <w:p w:rsidR="00156FB3" w:rsidRDefault="00156FB3" w:rsidP="00156FB3">
            <w:r>
              <w:tab/>
            </w:r>
            <w:r>
              <w:tab/>
            </w:r>
            <w:r>
              <w:tab/>
              <w:t>if (SUPPORTS_VALIDITY_API) {</w:t>
            </w:r>
          </w:p>
          <w:p w:rsidR="00156FB3" w:rsidRDefault="00156FB3" w:rsidP="00156FB3">
            <w:r>
              <w:tab/>
            </w:r>
            <w:r>
              <w:tab/>
            </w:r>
            <w:r>
              <w:tab/>
            </w:r>
            <w:r>
              <w:tab/>
              <w:t>$input.on('invalid' + eventNS, function(e) {</w:t>
            </w:r>
          </w:p>
          <w:p w:rsidR="00156FB3" w:rsidRDefault="00156FB3" w:rsidP="00156FB3">
            <w:r>
              <w:tab/>
            </w:r>
            <w:r>
              <w:tab/>
            </w:r>
            <w:r>
              <w:tab/>
            </w:r>
            <w:r>
              <w:tab/>
            </w:r>
            <w:r>
              <w:tab/>
              <w:t>e.preventDefault();</w:t>
            </w:r>
          </w:p>
          <w:p w:rsidR="00156FB3" w:rsidRDefault="00156FB3" w:rsidP="00156FB3">
            <w:r>
              <w:tab/>
            </w:r>
            <w:r>
              <w:tab/>
            </w:r>
            <w:r>
              <w:tab/>
            </w:r>
            <w:r>
              <w:tab/>
            </w:r>
            <w:r>
              <w:tab/>
              <w:t>self.isInvalid = true;</w:t>
            </w:r>
          </w:p>
          <w:p w:rsidR="00156FB3" w:rsidRDefault="00156FB3" w:rsidP="00156FB3">
            <w:r>
              <w:lastRenderedPageBreak/>
              <w:tab/>
            </w:r>
            <w:r>
              <w:tab/>
            </w:r>
            <w:r>
              <w:tab/>
            </w:r>
            <w:r>
              <w:tab/>
            </w:r>
            <w:r>
              <w:tab/>
              <w:t>self.refreshState();</w:t>
            </w:r>
          </w:p>
          <w:p w:rsidR="00156FB3" w:rsidRDefault="00156FB3" w:rsidP="00156FB3">
            <w:r>
              <w:tab/>
            </w:r>
            <w:r>
              <w:tab/>
            </w:r>
            <w:r>
              <w:tab/>
            </w:r>
            <w:r>
              <w:tab/>
              <w:t>});</w:t>
            </w:r>
          </w:p>
          <w:p w:rsidR="00156FB3" w:rsidRDefault="00156FB3" w:rsidP="00156FB3">
            <w:r>
              <w:tab/>
            </w:r>
            <w:r>
              <w:tab/>
            </w:r>
            <w:r>
              <w:tab/>
              <w:t>}</w:t>
            </w:r>
          </w:p>
          <w:p w:rsidR="00156FB3" w:rsidRDefault="00156FB3" w:rsidP="00156FB3">
            <w:r>
              <w:tab/>
            </w:r>
          </w:p>
          <w:p w:rsidR="00156FB3" w:rsidRDefault="00156FB3" w:rsidP="00156FB3">
            <w:r>
              <w:tab/>
            </w:r>
            <w:r>
              <w:tab/>
            </w:r>
            <w:r>
              <w:tab/>
              <w:t>self.updateOriginalInput();</w:t>
            </w:r>
          </w:p>
          <w:p w:rsidR="00156FB3" w:rsidRDefault="00156FB3" w:rsidP="00156FB3">
            <w:r>
              <w:tab/>
            </w:r>
            <w:r>
              <w:tab/>
            </w:r>
            <w:r>
              <w:tab/>
              <w:t>self.refreshItems();</w:t>
            </w:r>
          </w:p>
          <w:p w:rsidR="00156FB3" w:rsidRDefault="00156FB3" w:rsidP="00156FB3">
            <w:r>
              <w:tab/>
            </w:r>
            <w:r>
              <w:tab/>
            </w:r>
            <w:r>
              <w:tab/>
              <w:t>self.refreshState();</w:t>
            </w:r>
          </w:p>
          <w:p w:rsidR="00156FB3" w:rsidRDefault="00156FB3" w:rsidP="00156FB3">
            <w:r>
              <w:tab/>
            </w:r>
            <w:r>
              <w:tab/>
            </w:r>
            <w:r>
              <w:tab/>
              <w:t>self.updatePlaceholder();</w:t>
            </w:r>
          </w:p>
          <w:p w:rsidR="00156FB3" w:rsidRDefault="00156FB3" w:rsidP="00156FB3">
            <w:r>
              <w:tab/>
            </w:r>
            <w:r>
              <w:tab/>
            </w:r>
            <w:r>
              <w:tab/>
              <w:t>self.isSetup = true;</w:t>
            </w:r>
          </w:p>
          <w:p w:rsidR="00156FB3" w:rsidRDefault="00156FB3" w:rsidP="00156FB3">
            <w:r>
              <w:tab/>
            </w:r>
          </w:p>
          <w:p w:rsidR="00156FB3" w:rsidRDefault="00156FB3" w:rsidP="00156FB3">
            <w:r>
              <w:tab/>
            </w:r>
            <w:r>
              <w:tab/>
            </w:r>
            <w:r>
              <w:tab/>
              <w:t>if ($input.is(':disabled')) {</w:t>
            </w:r>
          </w:p>
          <w:p w:rsidR="00156FB3" w:rsidRDefault="00156FB3" w:rsidP="00156FB3">
            <w:r>
              <w:tab/>
            </w:r>
            <w:r>
              <w:tab/>
            </w:r>
            <w:r>
              <w:tab/>
            </w:r>
            <w:r>
              <w:tab/>
              <w:t>self.disable();</w:t>
            </w:r>
          </w:p>
          <w:p w:rsidR="00156FB3" w:rsidRDefault="00156FB3" w:rsidP="00156FB3">
            <w:r>
              <w:tab/>
            </w:r>
            <w:r>
              <w:tab/>
            </w:r>
            <w:r>
              <w:tab/>
              <w:t>}</w:t>
            </w:r>
          </w:p>
          <w:p w:rsidR="00156FB3" w:rsidRDefault="00156FB3" w:rsidP="00156FB3">
            <w:r>
              <w:tab/>
            </w:r>
          </w:p>
          <w:p w:rsidR="00156FB3" w:rsidRDefault="00156FB3" w:rsidP="00156FB3">
            <w:r>
              <w:tab/>
            </w:r>
            <w:r>
              <w:tab/>
            </w:r>
            <w:r>
              <w:tab/>
              <w:t>self.on('change', this.onChange);</w:t>
            </w:r>
          </w:p>
          <w:p w:rsidR="00156FB3" w:rsidRDefault="00156FB3" w:rsidP="00156FB3">
            <w:r>
              <w:tab/>
            </w:r>
          </w:p>
          <w:p w:rsidR="00156FB3" w:rsidRDefault="00156FB3" w:rsidP="00156FB3">
            <w:r>
              <w:tab/>
            </w:r>
            <w:r>
              <w:tab/>
            </w:r>
            <w:r>
              <w:tab/>
              <w:t>$input.data('selectize', self);</w:t>
            </w:r>
          </w:p>
          <w:p w:rsidR="00156FB3" w:rsidRDefault="00156FB3" w:rsidP="00156FB3">
            <w:r>
              <w:tab/>
            </w:r>
            <w:r>
              <w:tab/>
            </w:r>
            <w:r>
              <w:tab/>
              <w:t>$input.addClass('selectized');</w:t>
            </w:r>
          </w:p>
          <w:p w:rsidR="00156FB3" w:rsidRDefault="00156FB3" w:rsidP="00156FB3">
            <w:r>
              <w:tab/>
            </w:r>
            <w:r>
              <w:tab/>
            </w:r>
            <w:r>
              <w:tab/>
              <w:t>self.trigger('initialize');</w:t>
            </w:r>
          </w:p>
          <w:p w:rsidR="00156FB3" w:rsidRDefault="00156FB3" w:rsidP="00156FB3">
            <w:r>
              <w:tab/>
            </w:r>
          </w:p>
          <w:p w:rsidR="00156FB3" w:rsidRDefault="00156FB3" w:rsidP="00156FB3">
            <w:r>
              <w:tab/>
            </w:r>
            <w:r>
              <w:tab/>
            </w:r>
            <w:r>
              <w:tab/>
              <w:t>// preload options</w:t>
            </w:r>
          </w:p>
          <w:p w:rsidR="00156FB3" w:rsidRDefault="00156FB3" w:rsidP="00156FB3">
            <w:r>
              <w:tab/>
            </w:r>
            <w:r>
              <w:tab/>
            </w:r>
            <w:r>
              <w:tab/>
              <w:t>if (settings.preload === true) {</w:t>
            </w:r>
          </w:p>
          <w:p w:rsidR="00156FB3" w:rsidRDefault="00156FB3" w:rsidP="00156FB3">
            <w:r>
              <w:tab/>
            </w:r>
            <w:r>
              <w:tab/>
            </w:r>
            <w:r>
              <w:tab/>
            </w:r>
            <w:r>
              <w:tab/>
              <w:t>self.onSearchChange('');</w:t>
            </w:r>
          </w:p>
          <w:p w:rsidR="00156FB3" w:rsidRDefault="00156FB3" w:rsidP="00156FB3">
            <w:r>
              <w:tab/>
            </w:r>
            <w:r>
              <w:tab/>
            </w:r>
            <w:r>
              <w:tab/>
              <w:t>}</w:t>
            </w:r>
          </w:p>
          <w:p w:rsidR="00156FB3" w:rsidRDefault="00156FB3" w:rsidP="00156FB3">
            <w:r>
              <w:tab/>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Sets up default rendering functions.</w:t>
            </w:r>
          </w:p>
          <w:p w:rsidR="00156FB3" w:rsidRDefault="00156FB3" w:rsidP="00156FB3">
            <w:r>
              <w:tab/>
            </w:r>
            <w:r>
              <w:tab/>
              <w:t xml:space="preserve"> */</w:t>
            </w:r>
          </w:p>
          <w:p w:rsidR="00156FB3" w:rsidRDefault="00156FB3" w:rsidP="00156FB3">
            <w:r>
              <w:tab/>
            </w:r>
            <w:r>
              <w:tab/>
              <w:t>setupTemplates: function() {</w:t>
            </w:r>
          </w:p>
          <w:p w:rsidR="00156FB3" w:rsidRDefault="00156FB3" w:rsidP="00156FB3">
            <w:r>
              <w:tab/>
            </w:r>
            <w:r>
              <w:tab/>
            </w:r>
            <w:r>
              <w:tab/>
              <w:t>var self = this;</w:t>
            </w:r>
          </w:p>
          <w:p w:rsidR="00156FB3" w:rsidRDefault="00156FB3" w:rsidP="00156FB3">
            <w:r>
              <w:tab/>
            </w:r>
            <w:r>
              <w:tab/>
            </w:r>
            <w:r>
              <w:tab/>
              <w:t>var field_label = self.settings.labelField;</w:t>
            </w:r>
          </w:p>
          <w:p w:rsidR="00156FB3" w:rsidRDefault="00156FB3" w:rsidP="00156FB3">
            <w:r>
              <w:tab/>
            </w:r>
            <w:r>
              <w:tab/>
            </w:r>
            <w:r>
              <w:tab/>
              <w:t>var field_optgroup = self.settings.optgroupLabelField;</w:t>
            </w:r>
          </w:p>
          <w:p w:rsidR="00156FB3" w:rsidRDefault="00156FB3" w:rsidP="00156FB3">
            <w:r>
              <w:tab/>
            </w:r>
          </w:p>
          <w:p w:rsidR="00156FB3" w:rsidRDefault="00156FB3" w:rsidP="00156FB3">
            <w:r>
              <w:tab/>
            </w:r>
            <w:r>
              <w:tab/>
            </w:r>
            <w:r>
              <w:tab/>
              <w:t>var templates = {</w:t>
            </w:r>
          </w:p>
          <w:p w:rsidR="00156FB3" w:rsidRDefault="00156FB3" w:rsidP="00156FB3">
            <w:r>
              <w:tab/>
            </w:r>
            <w:r>
              <w:tab/>
            </w:r>
            <w:r>
              <w:tab/>
            </w:r>
            <w:r>
              <w:tab/>
              <w:t>'optgroup': function(data) {</w:t>
            </w:r>
          </w:p>
          <w:p w:rsidR="00156FB3" w:rsidRDefault="00156FB3" w:rsidP="00156FB3">
            <w:r>
              <w:tab/>
            </w:r>
            <w:r>
              <w:tab/>
            </w:r>
            <w:r>
              <w:tab/>
            </w:r>
            <w:r>
              <w:tab/>
            </w:r>
            <w:r>
              <w:tab/>
              <w:t>return '&lt;div class="optgroup"&gt;' + data.html + '&lt;/div&gt;';</w:t>
            </w:r>
          </w:p>
          <w:p w:rsidR="00156FB3" w:rsidRDefault="00156FB3" w:rsidP="00156FB3">
            <w:r>
              <w:tab/>
            </w:r>
            <w:r>
              <w:tab/>
            </w:r>
            <w:r>
              <w:tab/>
            </w:r>
            <w:r>
              <w:tab/>
              <w:t>},</w:t>
            </w:r>
          </w:p>
          <w:p w:rsidR="00156FB3" w:rsidRDefault="00156FB3" w:rsidP="00156FB3">
            <w:r>
              <w:tab/>
            </w:r>
            <w:r>
              <w:tab/>
            </w:r>
            <w:r>
              <w:tab/>
            </w:r>
            <w:r>
              <w:tab/>
              <w:t>'optgroup_header': function(data, escape) {</w:t>
            </w:r>
          </w:p>
          <w:p w:rsidR="00156FB3" w:rsidRDefault="00156FB3" w:rsidP="00156FB3">
            <w:r>
              <w:tab/>
            </w:r>
            <w:r>
              <w:tab/>
            </w:r>
            <w:r>
              <w:tab/>
            </w:r>
            <w:r>
              <w:tab/>
            </w:r>
            <w:r>
              <w:tab/>
              <w:t>return '&lt;div class="optgroup-header"&gt;' + escape(data[field_optgroup]) + '&lt;/div&gt;';</w:t>
            </w:r>
          </w:p>
          <w:p w:rsidR="00156FB3" w:rsidRDefault="00156FB3" w:rsidP="00156FB3">
            <w:r>
              <w:tab/>
            </w:r>
            <w:r>
              <w:tab/>
            </w:r>
            <w:r>
              <w:tab/>
            </w:r>
            <w:r>
              <w:tab/>
              <w:t>},</w:t>
            </w:r>
          </w:p>
          <w:p w:rsidR="00156FB3" w:rsidRDefault="00156FB3" w:rsidP="00156FB3">
            <w:r>
              <w:tab/>
            </w:r>
            <w:r>
              <w:tab/>
            </w:r>
            <w:r>
              <w:tab/>
            </w:r>
            <w:r>
              <w:tab/>
              <w:t>'option': function(data, escape) {</w:t>
            </w:r>
          </w:p>
          <w:p w:rsidR="00156FB3" w:rsidRDefault="00156FB3" w:rsidP="00156FB3">
            <w:r>
              <w:tab/>
            </w:r>
            <w:r>
              <w:tab/>
            </w:r>
            <w:r>
              <w:tab/>
            </w:r>
            <w:r>
              <w:tab/>
            </w:r>
            <w:r>
              <w:tab/>
              <w:t>return '&lt;div class="option"&gt;' + escape(data[field_label]) + '&lt;/div&gt;';</w:t>
            </w:r>
          </w:p>
          <w:p w:rsidR="00156FB3" w:rsidRDefault="00156FB3" w:rsidP="00156FB3">
            <w:r>
              <w:tab/>
            </w:r>
            <w:r>
              <w:tab/>
            </w:r>
            <w:r>
              <w:tab/>
            </w:r>
            <w:r>
              <w:tab/>
              <w:t>},</w:t>
            </w:r>
          </w:p>
          <w:p w:rsidR="00156FB3" w:rsidRDefault="00156FB3" w:rsidP="00156FB3">
            <w:r>
              <w:tab/>
            </w:r>
            <w:r>
              <w:tab/>
            </w:r>
            <w:r>
              <w:tab/>
            </w:r>
            <w:r>
              <w:tab/>
              <w:t>'item': function(data, escape) {</w:t>
            </w:r>
          </w:p>
          <w:p w:rsidR="00156FB3" w:rsidRDefault="00156FB3" w:rsidP="00156FB3">
            <w:r>
              <w:lastRenderedPageBreak/>
              <w:tab/>
            </w:r>
            <w:r>
              <w:tab/>
            </w:r>
            <w:r>
              <w:tab/>
            </w:r>
            <w:r>
              <w:tab/>
            </w:r>
            <w:r>
              <w:tab/>
              <w:t>return '&lt;div class="item"&gt;' + escape(data[field_label]) + '&lt;/div&gt;';</w:t>
            </w:r>
          </w:p>
          <w:p w:rsidR="00156FB3" w:rsidRDefault="00156FB3" w:rsidP="00156FB3">
            <w:r>
              <w:tab/>
            </w:r>
            <w:r>
              <w:tab/>
            </w:r>
            <w:r>
              <w:tab/>
            </w:r>
            <w:r>
              <w:tab/>
              <w:t>},</w:t>
            </w:r>
          </w:p>
          <w:p w:rsidR="00156FB3" w:rsidRDefault="00156FB3" w:rsidP="00156FB3">
            <w:r>
              <w:tab/>
            </w:r>
            <w:r>
              <w:tab/>
            </w:r>
            <w:r>
              <w:tab/>
            </w:r>
            <w:r>
              <w:tab/>
              <w:t>'option_create': function(data, escape) {</w:t>
            </w:r>
          </w:p>
          <w:p w:rsidR="00156FB3" w:rsidRDefault="00156FB3" w:rsidP="00156FB3">
            <w:r>
              <w:tab/>
            </w:r>
            <w:r>
              <w:tab/>
            </w:r>
            <w:r>
              <w:tab/>
            </w:r>
            <w:r>
              <w:tab/>
            </w:r>
            <w:r>
              <w:tab/>
              <w:t>return '&lt;div class="create"&gt;Add &lt;strong&gt;' + escape(data.input) + '&lt;/strong&gt;&amp;hellip;&lt;/div&gt;';</w:t>
            </w:r>
          </w:p>
          <w:p w:rsidR="00156FB3" w:rsidRDefault="00156FB3" w:rsidP="00156FB3">
            <w:r>
              <w:tab/>
            </w:r>
            <w:r>
              <w:tab/>
            </w:r>
            <w:r>
              <w:tab/>
            </w:r>
            <w:r>
              <w:tab/>
              <w:t>}</w:t>
            </w:r>
          </w:p>
          <w:p w:rsidR="00156FB3" w:rsidRDefault="00156FB3" w:rsidP="00156FB3">
            <w:r>
              <w:tab/>
            </w:r>
            <w:r>
              <w:tab/>
            </w:r>
            <w:r>
              <w:tab/>
              <w:t>};</w:t>
            </w:r>
          </w:p>
          <w:p w:rsidR="00156FB3" w:rsidRDefault="00156FB3" w:rsidP="00156FB3">
            <w:r>
              <w:tab/>
            </w:r>
          </w:p>
          <w:p w:rsidR="00156FB3" w:rsidRDefault="00156FB3" w:rsidP="00156FB3">
            <w:r>
              <w:tab/>
            </w:r>
            <w:r>
              <w:tab/>
            </w:r>
            <w:r>
              <w:tab/>
              <w:t>self.settings.render = $.extend({}, templates, self.settings.render);</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Maps fired events to callbacks provided</w:t>
            </w:r>
          </w:p>
          <w:p w:rsidR="00156FB3" w:rsidRDefault="00156FB3" w:rsidP="00156FB3">
            <w:r>
              <w:tab/>
            </w:r>
            <w:r>
              <w:tab/>
              <w:t xml:space="preserve"> * in the settings used when creating the control.</w:t>
            </w:r>
          </w:p>
          <w:p w:rsidR="00156FB3" w:rsidRDefault="00156FB3" w:rsidP="00156FB3">
            <w:r>
              <w:tab/>
            </w:r>
            <w:r>
              <w:tab/>
              <w:t xml:space="preserve"> */</w:t>
            </w:r>
          </w:p>
          <w:p w:rsidR="00156FB3" w:rsidRDefault="00156FB3" w:rsidP="00156FB3">
            <w:r>
              <w:tab/>
            </w:r>
            <w:r>
              <w:tab/>
              <w:t>setupCallbacks: function() {</w:t>
            </w:r>
          </w:p>
          <w:p w:rsidR="00156FB3" w:rsidRDefault="00156FB3" w:rsidP="00156FB3">
            <w:r>
              <w:tab/>
            </w:r>
            <w:r>
              <w:tab/>
            </w:r>
            <w:r>
              <w:tab/>
              <w:t>var key, fn, callbacks = {</w:t>
            </w:r>
          </w:p>
          <w:p w:rsidR="00156FB3" w:rsidRDefault="00156FB3" w:rsidP="00156FB3">
            <w:r>
              <w:tab/>
            </w:r>
            <w:r>
              <w:tab/>
            </w:r>
            <w:r>
              <w:tab/>
            </w:r>
            <w:r>
              <w:tab/>
              <w:t>'initialize'      : 'onInitialize',</w:t>
            </w:r>
          </w:p>
          <w:p w:rsidR="00156FB3" w:rsidRDefault="00156FB3" w:rsidP="00156FB3">
            <w:r>
              <w:tab/>
            </w:r>
            <w:r>
              <w:tab/>
            </w:r>
            <w:r>
              <w:tab/>
            </w:r>
            <w:r>
              <w:tab/>
              <w:t>'change'          : 'onChange',</w:t>
            </w:r>
          </w:p>
          <w:p w:rsidR="00156FB3" w:rsidRDefault="00156FB3" w:rsidP="00156FB3">
            <w:r>
              <w:tab/>
            </w:r>
            <w:r>
              <w:tab/>
            </w:r>
            <w:r>
              <w:tab/>
            </w:r>
            <w:r>
              <w:tab/>
              <w:t>'item_add'        : 'onItemAdd',</w:t>
            </w:r>
          </w:p>
          <w:p w:rsidR="00156FB3" w:rsidRDefault="00156FB3" w:rsidP="00156FB3">
            <w:r>
              <w:tab/>
            </w:r>
            <w:r>
              <w:tab/>
            </w:r>
            <w:r>
              <w:tab/>
            </w:r>
            <w:r>
              <w:tab/>
              <w:t>'item_remove'     : 'onItemRemove',</w:t>
            </w:r>
          </w:p>
          <w:p w:rsidR="00156FB3" w:rsidRDefault="00156FB3" w:rsidP="00156FB3">
            <w:r>
              <w:tab/>
            </w:r>
            <w:r>
              <w:tab/>
            </w:r>
            <w:r>
              <w:tab/>
            </w:r>
            <w:r>
              <w:tab/>
              <w:t>'clear'           : 'onClear',</w:t>
            </w:r>
          </w:p>
          <w:p w:rsidR="00156FB3" w:rsidRDefault="00156FB3" w:rsidP="00156FB3">
            <w:r>
              <w:tab/>
            </w:r>
            <w:r>
              <w:tab/>
            </w:r>
            <w:r>
              <w:tab/>
            </w:r>
            <w:r>
              <w:tab/>
              <w:t>'option_add'      : 'onOptionAdd',</w:t>
            </w:r>
          </w:p>
          <w:p w:rsidR="00156FB3" w:rsidRDefault="00156FB3" w:rsidP="00156FB3">
            <w:r>
              <w:tab/>
            </w:r>
            <w:r>
              <w:tab/>
            </w:r>
            <w:r>
              <w:tab/>
            </w:r>
            <w:r>
              <w:tab/>
              <w:t>'option_remove'   : 'onOptionRemove',</w:t>
            </w:r>
          </w:p>
          <w:p w:rsidR="00156FB3" w:rsidRDefault="00156FB3" w:rsidP="00156FB3">
            <w:r>
              <w:tab/>
            </w:r>
            <w:r>
              <w:tab/>
            </w:r>
            <w:r>
              <w:tab/>
            </w:r>
            <w:r>
              <w:tab/>
              <w:t>'option_clear'    : 'onOptionClear',</w:t>
            </w:r>
          </w:p>
          <w:p w:rsidR="00156FB3" w:rsidRDefault="00156FB3" w:rsidP="00156FB3">
            <w:r>
              <w:tab/>
            </w:r>
            <w:r>
              <w:tab/>
            </w:r>
            <w:r>
              <w:tab/>
            </w:r>
            <w:r>
              <w:tab/>
              <w:t>'optgroup_add'    : 'onOptionGroupAdd',</w:t>
            </w:r>
          </w:p>
          <w:p w:rsidR="00156FB3" w:rsidRDefault="00156FB3" w:rsidP="00156FB3">
            <w:r>
              <w:tab/>
            </w:r>
            <w:r>
              <w:tab/>
            </w:r>
            <w:r>
              <w:tab/>
            </w:r>
            <w:r>
              <w:tab/>
              <w:t>'optgroup_remove' : 'onOptionGroupRemove',</w:t>
            </w:r>
          </w:p>
          <w:p w:rsidR="00156FB3" w:rsidRDefault="00156FB3" w:rsidP="00156FB3">
            <w:r>
              <w:tab/>
            </w:r>
            <w:r>
              <w:tab/>
            </w:r>
            <w:r>
              <w:tab/>
            </w:r>
            <w:r>
              <w:tab/>
              <w:t>'optgroup_clear'  : 'onOptionGroupClear',</w:t>
            </w:r>
          </w:p>
          <w:p w:rsidR="00156FB3" w:rsidRDefault="00156FB3" w:rsidP="00156FB3">
            <w:r>
              <w:tab/>
            </w:r>
            <w:r>
              <w:tab/>
            </w:r>
            <w:r>
              <w:tab/>
            </w:r>
            <w:r>
              <w:tab/>
              <w:t>'dropdown_open'   : 'onDropdownOpen',</w:t>
            </w:r>
          </w:p>
          <w:p w:rsidR="00156FB3" w:rsidRDefault="00156FB3" w:rsidP="00156FB3">
            <w:r>
              <w:tab/>
            </w:r>
            <w:r>
              <w:tab/>
            </w:r>
            <w:r>
              <w:tab/>
            </w:r>
            <w:r>
              <w:tab/>
              <w:t>'dropdown_close'  : 'onDropdownClose',</w:t>
            </w:r>
          </w:p>
          <w:p w:rsidR="00156FB3" w:rsidRDefault="00156FB3" w:rsidP="00156FB3">
            <w:r>
              <w:tab/>
            </w:r>
            <w:r>
              <w:tab/>
            </w:r>
            <w:r>
              <w:tab/>
            </w:r>
            <w:r>
              <w:tab/>
              <w:t>'type'            : 'onType',</w:t>
            </w:r>
          </w:p>
          <w:p w:rsidR="00156FB3" w:rsidRDefault="00156FB3" w:rsidP="00156FB3">
            <w:r>
              <w:tab/>
            </w:r>
            <w:r>
              <w:tab/>
            </w:r>
            <w:r>
              <w:tab/>
            </w:r>
            <w:r>
              <w:tab/>
              <w:t>'load'            : 'onLoad',</w:t>
            </w:r>
          </w:p>
          <w:p w:rsidR="00156FB3" w:rsidRDefault="00156FB3" w:rsidP="00156FB3">
            <w:r>
              <w:tab/>
            </w:r>
            <w:r>
              <w:tab/>
            </w:r>
            <w:r>
              <w:tab/>
            </w:r>
            <w:r>
              <w:tab/>
              <w:t>'focus'           : 'onFocus',</w:t>
            </w:r>
          </w:p>
          <w:p w:rsidR="00156FB3" w:rsidRDefault="00156FB3" w:rsidP="00156FB3">
            <w:r>
              <w:tab/>
            </w:r>
            <w:r>
              <w:tab/>
            </w:r>
            <w:r>
              <w:tab/>
            </w:r>
            <w:r>
              <w:tab/>
              <w:t>'blur'            : 'onBlur'</w:t>
            </w:r>
          </w:p>
          <w:p w:rsidR="00156FB3" w:rsidRDefault="00156FB3" w:rsidP="00156FB3">
            <w:r>
              <w:tab/>
            </w:r>
            <w:r>
              <w:tab/>
            </w:r>
            <w:r>
              <w:tab/>
              <w:t>};</w:t>
            </w:r>
          </w:p>
          <w:p w:rsidR="00156FB3" w:rsidRDefault="00156FB3" w:rsidP="00156FB3">
            <w:r>
              <w:tab/>
            </w:r>
          </w:p>
          <w:p w:rsidR="00156FB3" w:rsidRDefault="00156FB3" w:rsidP="00156FB3">
            <w:r>
              <w:tab/>
            </w:r>
            <w:r>
              <w:tab/>
            </w:r>
            <w:r>
              <w:tab/>
              <w:t>for (key in callbacks) {</w:t>
            </w:r>
          </w:p>
          <w:p w:rsidR="00156FB3" w:rsidRDefault="00156FB3" w:rsidP="00156FB3">
            <w:r>
              <w:tab/>
            </w:r>
            <w:r>
              <w:tab/>
            </w:r>
            <w:r>
              <w:tab/>
            </w:r>
            <w:r>
              <w:tab/>
              <w:t>if (callbacks.hasOwnProperty(key)) {</w:t>
            </w:r>
          </w:p>
          <w:p w:rsidR="00156FB3" w:rsidRDefault="00156FB3" w:rsidP="00156FB3">
            <w:r>
              <w:tab/>
            </w:r>
            <w:r>
              <w:tab/>
            </w:r>
            <w:r>
              <w:tab/>
            </w:r>
            <w:r>
              <w:tab/>
            </w:r>
            <w:r>
              <w:tab/>
              <w:t>fn = this.settings[callbacks[key]];</w:t>
            </w:r>
          </w:p>
          <w:p w:rsidR="00156FB3" w:rsidRDefault="00156FB3" w:rsidP="00156FB3">
            <w:r>
              <w:tab/>
            </w:r>
            <w:r>
              <w:tab/>
            </w:r>
            <w:r>
              <w:tab/>
            </w:r>
            <w:r>
              <w:tab/>
            </w:r>
            <w:r>
              <w:tab/>
              <w:t>if (fn) this.on(key, fn);</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Triggered when the main control element</w:t>
            </w:r>
          </w:p>
          <w:p w:rsidR="00156FB3" w:rsidRDefault="00156FB3" w:rsidP="00156FB3">
            <w:r>
              <w:tab/>
            </w:r>
            <w:r>
              <w:tab/>
              <w:t xml:space="preserve"> * has a click event.</w:t>
            </w:r>
          </w:p>
          <w:p w:rsidR="00156FB3" w:rsidRDefault="00156FB3" w:rsidP="00156FB3">
            <w:r>
              <w:tab/>
            </w:r>
            <w:r>
              <w:tab/>
              <w:t xml:space="preserve"> *</w:t>
            </w:r>
          </w:p>
          <w:p w:rsidR="00156FB3" w:rsidRDefault="00156FB3" w:rsidP="00156FB3">
            <w:r>
              <w:lastRenderedPageBreak/>
              <w:tab/>
            </w:r>
            <w:r>
              <w:tab/>
              <w:t xml:space="preserve"> * @param {object} e</w:t>
            </w:r>
          </w:p>
          <w:p w:rsidR="00156FB3" w:rsidRDefault="00156FB3" w:rsidP="00156FB3">
            <w:r>
              <w:tab/>
            </w:r>
            <w:r>
              <w:tab/>
              <w:t xml:space="preserve"> * @return {boolean}</w:t>
            </w:r>
          </w:p>
          <w:p w:rsidR="00156FB3" w:rsidRDefault="00156FB3" w:rsidP="00156FB3">
            <w:r>
              <w:tab/>
            </w:r>
            <w:r>
              <w:tab/>
              <w:t xml:space="preserve"> */</w:t>
            </w:r>
          </w:p>
          <w:p w:rsidR="00156FB3" w:rsidRDefault="00156FB3" w:rsidP="00156FB3">
            <w:r>
              <w:tab/>
            </w:r>
            <w:r>
              <w:tab/>
              <w:t>onClick: function(e) {</w:t>
            </w:r>
          </w:p>
          <w:p w:rsidR="00156FB3" w:rsidRDefault="00156FB3" w:rsidP="00156FB3">
            <w:r>
              <w:tab/>
            </w:r>
            <w:r>
              <w:tab/>
            </w:r>
            <w:r>
              <w:tab/>
              <w:t>var self = this;</w:t>
            </w:r>
          </w:p>
          <w:p w:rsidR="00156FB3" w:rsidRDefault="00156FB3" w:rsidP="00156FB3">
            <w:r>
              <w:tab/>
            </w:r>
          </w:p>
          <w:p w:rsidR="00156FB3" w:rsidRDefault="00156FB3" w:rsidP="00156FB3">
            <w:r>
              <w:tab/>
            </w:r>
            <w:r>
              <w:tab/>
            </w:r>
            <w:r>
              <w:tab/>
              <w:t>// necessary for mobile webkit devices (manual focus triggering</w:t>
            </w:r>
          </w:p>
          <w:p w:rsidR="00156FB3" w:rsidRDefault="00156FB3" w:rsidP="00156FB3">
            <w:r>
              <w:tab/>
            </w:r>
            <w:r>
              <w:tab/>
            </w:r>
            <w:r>
              <w:tab/>
              <w:t>// is ignored unless invoked within a click event)</w:t>
            </w:r>
          </w:p>
          <w:p w:rsidR="00156FB3" w:rsidRDefault="00156FB3" w:rsidP="00156FB3">
            <w:r>
              <w:tab/>
            </w:r>
            <w:r>
              <w:tab/>
            </w:r>
            <w:r>
              <w:tab/>
              <w:t>if (!self.isFocused) {</w:t>
            </w:r>
          </w:p>
          <w:p w:rsidR="00156FB3" w:rsidRDefault="00156FB3" w:rsidP="00156FB3">
            <w:r>
              <w:tab/>
            </w:r>
            <w:r>
              <w:tab/>
            </w:r>
            <w:r>
              <w:tab/>
            </w:r>
            <w:r>
              <w:tab/>
              <w:t>self.focus();</w:t>
            </w:r>
          </w:p>
          <w:p w:rsidR="00156FB3" w:rsidRDefault="00156FB3" w:rsidP="00156FB3">
            <w:r>
              <w:tab/>
            </w:r>
            <w:r>
              <w:tab/>
            </w:r>
            <w:r>
              <w:tab/>
            </w:r>
            <w:r>
              <w:tab/>
              <w:t>e.preventDefault();</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Triggered when the main control element</w:t>
            </w:r>
          </w:p>
          <w:p w:rsidR="00156FB3" w:rsidRDefault="00156FB3" w:rsidP="00156FB3">
            <w:r>
              <w:tab/>
            </w:r>
            <w:r>
              <w:tab/>
              <w:t xml:space="preserve"> * has a mouse down event.</w:t>
            </w:r>
          </w:p>
          <w:p w:rsidR="00156FB3" w:rsidRDefault="00156FB3" w:rsidP="00156FB3">
            <w:r>
              <w:tab/>
            </w:r>
            <w:r>
              <w:tab/>
              <w:t xml:space="preserve"> *</w:t>
            </w:r>
          </w:p>
          <w:p w:rsidR="00156FB3" w:rsidRDefault="00156FB3" w:rsidP="00156FB3">
            <w:r>
              <w:tab/>
            </w:r>
            <w:r>
              <w:tab/>
              <w:t xml:space="preserve"> * @param {object} e</w:t>
            </w:r>
          </w:p>
          <w:p w:rsidR="00156FB3" w:rsidRDefault="00156FB3" w:rsidP="00156FB3">
            <w:r>
              <w:tab/>
            </w:r>
            <w:r>
              <w:tab/>
              <w:t xml:space="preserve"> * @return {boolean}</w:t>
            </w:r>
          </w:p>
          <w:p w:rsidR="00156FB3" w:rsidRDefault="00156FB3" w:rsidP="00156FB3">
            <w:r>
              <w:tab/>
            </w:r>
            <w:r>
              <w:tab/>
              <w:t xml:space="preserve"> */</w:t>
            </w:r>
          </w:p>
          <w:p w:rsidR="00156FB3" w:rsidRDefault="00156FB3" w:rsidP="00156FB3">
            <w:r>
              <w:tab/>
            </w:r>
            <w:r>
              <w:tab/>
              <w:t>onMouseDown: function(e) {</w:t>
            </w:r>
          </w:p>
          <w:p w:rsidR="00156FB3" w:rsidRDefault="00156FB3" w:rsidP="00156FB3">
            <w:r>
              <w:tab/>
            </w:r>
            <w:r>
              <w:tab/>
            </w:r>
            <w:r>
              <w:tab/>
              <w:t>var self = this;</w:t>
            </w:r>
          </w:p>
          <w:p w:rsidR="00156FB3" w:rsidRDefault="00156FB3" w:rsidP="00156FB3">
            <w:r>
              <w:tab/>
            </w:r>
            <w:r>
              <w:tab/>
            </w:r>
            <w:r>
              <w:tab/>
              <w:t>var defaultPrevented = e.isDefaultPrevented();</w:t>
            </w:r>
          </w:p>
          <w:p w:rsidR="00156FB3" w:rsidRDefault="00156FB3" w:rsidP="00156FB3">
            <w:r>
              <w:tab/>
            </w:r>
            <w:r>
              <w:tab/>
            </w:r>
            <w:r>
              <w:tab/>
              <w:t>var $target = $(e.target);</w:t>
            </w:r>
          </w:p>
          <w:p w:rsidR="00156FB3" w:rsidRDefault="00156FB3" w:rsidP="00156FB3">
            <w:r>
              <w:tab/>
            </w:r>
          </w:p>
          <w:p w:rsidR="00156FB3" w:rsidRDefault="00156FB3" w:rsidP="00156FB3">
            <w:r>
              <w:tab/>
            </w:r>
            <w:r>
              <w:tab/>
            </w:r>
            <w:r>
              <w:tab/>
              <w:t>if (self.isFocused) {</w:t>
            </w:r>
          </w:p>
          <w:p w:rsidR="00156FB3" w:rsidRDefault="00156FB3" w:rsidP="00156FB3">
            <w:r>
              <w:tab/>
            </w:r>
            <w:r>
              <w:tab/>
            </w:r>
            <w:r>
              <w:tab/>
            </w:r>
            <w:r>
              <w:tab/>
              <w:t>// retain focus by preventing native handling. if the</w:t>
            </w:r>
          </w:p>
          <w:p w:rsidR="00156FB3" w:rsidRDefault="00156FB3" w:rsidP="00156FB3">
            <w:r>
              <w:tab/>
            </w:r>
            <w:r>
              <w:tab/>
            </w:r>
            <w:r>
              <w:tab/>
            </w:r>
            <w:r>
              <w:tab/>
              <w:t>// event target is the input it should not be modified.</w:t>
            </w:r>
          </w:p>
          <w:p w:rsidR="00156FB3" w:rsidRDefault="00156FB3" w:rsidP="00156FB3">
            <w:r>
              <w:tab/>
            </w:r>
            <w:r>
              <w:tab/>
            </w:r>
            <w:r>
              <w:tab/>
            </w:r>
            <w:r>
              <w:tab/>
              <w:t>// otherwise, text selection within the input won't work.</w:t>
            </w:r>
          </w:p>
          <w:p w:rsidR="00156FB3" w:rsidRDefault="00156FB3" w:rsidP="00156FB3">
            <w:r>
              <w:tab/>
            </w:r>
            <w:r>
              <w:tab/>
            </w:r>
            <w:r>
              <w:tab/>
            </w:r>
            <w:r>
              <w:tab/>
              <w:t>if (e.target !== self.$control_input[0]) {</w:t>
            </w:r>
          </w:p>
          <w:p w:rsidR="00156FB3" w:rsidRDefault="00156FB3" w:rsidP="00156FB3">
            <w:r>
              <w:tab/>
            </w:r>
            <w:r>
              <w:tab/>
            </w:r>
            <w:r>
              <w:tab/>
            </w:r>
            <w:r>
              <w:tab/>
            </w:r>
            <w:r>
              <w:tab/>
              <w:t>if (self.settings.mode === 'single') {</w:t>
            </w:r>
          </w:p>
          <w:p w:rsidR="00156FB3" w:rsidRDefault="00156FB3" w:rsidP="00156FB3">
            <w:r>
              <w:tab/>
            </w:r>
            <w:r>
              <w:tab/>
            </w:r>
            <w:r>
              <w:tab/>
            </w:r>
            <w:r>
              <w:tab/>
            </w:r>
            <w:r>
              <w:tab/>
            </w:r>
            <w:r>
              <w:tab/>
              <w:t>// toggle dropdown</w:t>
            </w:r>
          </w:p>
          <w:p w:rsidR="00156FB3" w:rsidRDefault="00156FB3" w:rsidP="00156FB3">
            <w:r>
              <w:tab/>
            </w:r>
            <w:r>
              <w:tab/>
            </w:r>
            <w:r>
              <w:tab/>
            </w:r>
            <w:r>
              <w:tab/>
            </w:r>
            <w:r>
              <w:tab/>
            </w:r>
            <w:r>
              <w:tab/>
              <w:t>self.isOpen ? self.close() : self.open();</w:t>
            </w:r>
          </w:p>
          <w:p w:rsidR="00156FB3" w:rsidRDefault="00156FB3" w:rsidP="00156FB3">
            <w:r>
              <w:tab/>
            </w:r>
            <w:r>
              <w:tab/>
            </w:r>
            <w:r>
              <w:tab/>
            </w:r>
            <w:r>
              <w:tab/>
            </w:r>
            <w:r>
              <w:tab/>
              <w:t>} else if (!defaultPrevented) {</w:t>
            </w:r>
          </w:p>
          <w:p w:rsidR="00156FB3" w:rsidRDefault="00156FB3" w:rsidP="00156FB3">
            <w:r>
              <w:tab/>
            </w:r>
            <w:r>
              <w:tab/>
            </w:r>
            <w:r>
              <w:tab/>
            </w:r>
            <w:r>
              <w:tab/>
            </w:r>
            <w:r>
              <w:tab/>
            </w:r>
            <w:r>
              <w:tab/>
              <w:t>self.setActiveItem(null);</w:t>
            </w:r>
          </w:p>
          <w:p w:rsidR="00156FB3" w:rsidRDefault="00156FB3" w:rsidP="00156FB3">
            <w:r>
              <w:tab/>
            </w:r>
            <w:r>
              <w:tab/>
            </w:r>
            <w:r>
              <w:tab/>
            </w:r>
            <w:r>
              <w:tab/>
            </w:r>
            <w:r>
              <w:tab/>
              <w:t>}</w:t>
            </w:r>
          </w:p>
          <w:p w:rsidR="00156FB3" w:rsidRDefault="00156FB3" w:rsidP="00156FB3">
            <w:r>
              <w:tab/>
            </w:r>
            <w:r>
              <w:tab/>
            </w:r>
            <w:r>
              <w:tab/>
            </w:r>
            <w:r>
              <w:tab/>
            </w:r>
            <w:r>
              <w:tab/>
              <w:t>return false;</w:t>
            </w:r>
          </w:p>
          <w:p w:rsidR="00156FB3" w:rsidRDefault="00156FB3" w:rsidP="00156FB3">
            <w:r>
              <w:tab/>
            </w:r>
            <w:r>
              <w:tab/>
            </w:r>
            <w:r>
              <w:tab/>
            </w:r>
            <w:r>
              <w:tab/>
              <w:t>}</w:t>
            </w:r>
          </w:p>
          <w:p w:rsidR="00156FB3" w:rsidRDefault="00156FB3" w:rsidP="00156FB3">
            <w:r>
              <w:tab/>
            </w:r>
            <w:r>
              <w:tab/>
            </w:r>
            <w:r>
              <w:tab/>
              <w:t>} else {</w:t>
            </w:r>
          </w:p>
          <w:p w:rsidR="00156FB3" w:rsidRDefault="00156FB3" w:rsidP="00156FB3">
            <w:r>
              <w:tab/>
            </w:r>
            <w:r>
              <w:tab/>
            </w:r>
            <w:r>
              <w:tab/>
            </w:r>
            <w:r>
              <w:tab/>
              <w:t>// give control focus</w:t>
            </w:r>
          </w:p>
          <w:p w:rsidR="00156FB3" w:rsidRDefault="00156FB3" w:rsidP="00156FB3">
            <w:r>
              <w:tab/>
            </w:r>
            <w:r>
              <w:tab/>
            </w:r>
            <w:r>
              <w:tab/>
            </w:r>
            <w:r>
              <w:tab/>
              <w:t>if (!defaultPrevented) {</w:t>
            </w:r>
          </w:p>
          <w:p w:rsidR="00156FB3" w:rsidRDefault="00156FB3" w:rsidP="00156FB3">
            <w:r>
              <w:tab/>
            </w:r>
            <w:r>
              <w:tab/>
            </w:r>
            <w:r>
              <w:tab/>
            </w:r>
            <w:r>
              <w:tab/>
            </w:r>
            <w:r>
              <w:tab/>
              <w:t>window.setTimeout(function() {</w:t>
            </w:r>
          </w:p>
          <w:p w:rsidR="00156FB3" w:rsidRDefault="00156FB3" w:rsidP="00156FB3">
            <w:r>
              <w:tab/>
            </w:r>
            <w:r>
              <w:tab/>
            </w:r>
            <w:r>
              <w:tab/>
            </w:r>
            <w:r>
              <w:tab/>
            </w:r>
            <w:r>
              <w:tab/>
            </w:r>
            <w:r>
              <w:tab/>
              <w:t>self.focus();</w:t>
            </w:r>
          </w:p>
          <w:p w:rsidR="00156FB3" w:rsidRDefault="00156FB3" w:rsidP="00156FB3">
            <w:r>
              <w:tab/>
            </w:r>
            <w:r>
              <w:tab/>
            </w:r>
            <w:r>
              <w:tab/>
            </w:r>
            <w:r>
              <w:tab/>
            </w:r>
            <w:r>
              <w:tab/>
              <w:t>}, 0);</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t>},</w:t>
            </w:r>
          </w:p>
          <w:p w:rsidR="00156FB3" w:rsidRDefault="00156FB3" w:rsidP="00156FB3">
            <w:r>
              <w:lastRenderedPageBreak/>
              <w:tab/>
            </w:r>
          </w:p>
          <w:p w:rsidR="00156FB3" w:rsidRDefault="00156FB3" w:rsidP="00156FB3">
            <w:r>
              <w:tab/>
            </w:r>
            <w:r>
              <w:tab/>
              <w:t>/**</w:t>
            </w:r>
          </w:p>
          <w:p w:rsidR="00156FB3" w:rsidRDefault="00156FB3" w:rsidP="00156FB3">
            <w:r>
              <w:tab/>
            </w:r>
            <w:r>
              <w:tab/>
              <w:t xml:space="preserve"> * Triggered when the value of the control has been changed.</w:t>
            </w:r>
          </w:p>
          <w:p w:rsidR="00156FB3" w:rsidRDefault="00156FB3" w:rsidP="00156FB3">
            <w:r>
              <w:tab/>
            </w:r>
            <w:r>
              <w:tab/>
              <w:t xml:space="preserve"> * This should propagate the event to the original DOM</w:t>
            </w:r>
          </w:p>
          <w:p w:rsidR="00156FB3" w:rsidRDefault="00156FB3" w:rsidP="00156FB3">
            <w:r>
              <w:tab/>
            </w:r>
            <w:r>
              <w:tab/>
              <w:t xml:space="preserve"> * input / select element.</w:t>
            </w:r>
          </w:p>
          <w:p w:rsidR="00156FB3" w:rsidRDefault="00156FB3" w:rsidP="00156FB3">
            <w:r>
              <w:tab/>
            </w:r>
            <w:r>
              <w:tab/>
              <w:t xml:space="preserve"> */</w:t>
            </w:r>
          </w:p>
          <w:p w:rsidR="00156FB3" w:rsidRDefault="00156FB3" w:rsidP="00156FB3">
            <w:r>
              <w:tab/>
            </w:r>
            <w:r>
              <w:tab/>
              <w:t>onChange: function() {</w:t>
            </w:r>
          </w:p>
          <w:p w:rsidR="00156FB3" w:rsidRDefault="00156FB3" w:rsidP="00156FB3">
            <w:r>
              <w:tab/>
            </w:r>
            <w:r>
              <w:tab/>
            </w:r>
            <w:r>
              <w:tab/>
              <w:t>this.$input.trigger('change');</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Triggered on &lt;input&gt; paste.</w:t>
            </w:r>
          </w:p>
          <w:p w:rsidR="00156FB3" w:rsidRDefault="00156FB3" w:rsidP="00156FB3">
            <w:r>
              <w:tab/>
            </w:r>
            <w:r>
              <w:tab/>
              <w:t xml:space="preserve"> *</w:t>
            </w:r>
          </w:p>
          <w:p w:rsidR="00156FB3" w:rsidRDefault="00156FB3" w:rsidP="00156FB3">
            <w:r>
              <w:tab/>
            </w:r>
            <w:r>
              <w:tab/>
              <w:t xml:space="preserve"> * @param {object} e</w:t>
            </w:r>
          </w:p>
          <w:p w:rsidR="00156FB3" w:rsidRDefault="00156FB3" w:rsidP="00156FB3">
            <w:r>
              <w:tab/>
            </w:r>
            <w:r>
              <w:tab/>
              <w:t xml:space="preserve"> * @returns {boolean}</w:t>
            </w:r>
          </w:p>
          <w:p w:rsidR="00156FB3" w:rsidRDefault="00156FB3" w:rsidP="00156FB3">
            <w:r>
              <w:tab/>
            </w:r>
            <w:r>
              <w:tab/>
              <w:t xml:space="preserve"> */</w:t>
            </w:r>
          </w:p>
          <w:p w:rsidR="00156FB3" w:rsidRDefault="00156FB3" w:rsidP="00156FB3">
            <w:r>
              <w:tab/>
            </w:r>
            <w:r>
              <w:tab/>
              <w:t>onPaste: function(e) {</w:t>
            </w:r>
          </w:p>
          <w:p w:rsidR="00156FB3" w:rsidRDefault="00156FB3" w:rsidP="00156FB3">
            <w:r>
              <w:tab/>
            </w:r>
            <w:r>
              <w:tab/>
            </w:r>
            <w:r>
              <w:tab/>
              <w:t>var self = this;</w:t>
            </w:r>
          </w:p>
          <w:p w:rsidR="00156FB3" w:rsidRDefault="00156FB3" w:rsidP="00156FB3">
            <w:r>
              <w:tab/>
            </w:r>
          </w:p>
          <w:p w:rsidR="00156FB3" w:rsidRDefault="00156FB3" w:rsidP="00156FB3">
            <w:r>
              <w:tab/>
            </w:r>
            <w:r>
              <w:tab/>
            </w:r>
            <w:r>
              <w:tab/>
              <w:t>if (self.isFull() || self.isInputHidden || self.isLocked) {</w:t>
            </w:r>
          </w:p>
          <w:p w:rsidR="00156FB3" w:rsidRDefault="00156FB3" w:rsidP="00156FB3">
            <w:r>
              <w:tab/>
            </w:r>
            <w:r>
              <w:tab/>
            </w:r>
            <w:r>
              <w:tab/>
            </w:r>
            <w:r>
              <w:tab/>
              <w:t>e.preventDefault();</w:t>
            </w:r>
          </w:p>
          <w:p w:rsidR="00156FB3" w:rsidRDefault="00156FB3" w:rsidP="00156FB3">
            <w:r>
              <w:tab/>
            </w:r>
            <w:r>
              <w:tab/>
            </w:r>
            <w:r>
              <w:tab/>
            </w:r>
            <w:r>
              <w:tab/>
              <w:t>return;</w:t>
            </w:r>
          </w:p>
          <w:p w:rsidR="00156FB3" w:rsidRDefault="00156FB3" w:rsidP="00156FB3">
            <w:r>
              <w:tab/>
            </w:r>
            <w:r>
              <w:tab/>
            </w:r>
            <w:r>
              <w:tab/>
              <w:t>}</w:t>
            </w:r>
          </w:p>
          <w:p w:rsidR="00156FB3" w:rsidRDefault="00156FB3" w:rsidP="00156FB3">
            <w:r>
              <w:tab/>
            </w:r>
          </w:p>
          <w:p w:rsidR="00156FB3" w:rsidRDefault="00156FB3" w:rsidP="00156FB3">
            <w:r>
              <w:tab/>
            </w:r>
            <w:r>
              <w:tab/>
            </w:r>
            <w:r>
              <w:tab/>
              <w:t>// If a regex or string is included, this will split the pasted</w:t>
            </w:r>
          </w:p>
          <w:p w:rsidR="00156FB3" w:rsidRDefault="00156FB3" w:rsidP="00156FB3">
            <w:r>
              <w:tab/>
            </w:r>
            <w:r>
              <w:tab/>
            </w:r>
            <w:r>
              <w:tab/>
              <w:t>// input and create Items for each separate value</w:t>
            </w:r>
          </w:p>
          <w:p w:rsidR="00156FB3" w:rsidRDefault="00156FB3" w:rsidP="00156FB3">
            <w:r>
              <w:tab/>
            </w:r>
            <w:r>
              <w:tab/>
            </w:r>
            <w:r>
              <w:tab/>
              <w:t>if (self.settings.splitOn) {</w:t>
            </w:r>
          </w:p>
          <w:p w:rsidR="00156FB3" w:rsidRDefault="00156FB3" w:rsidP="00156FB3">
            <w:r>
              <w:tab/>
            </w:r>
          </w:p>
          <w:p w:rsidR="00156FB3" w:rsidRDefault="00156FB3" w:rsidP="00156FB3">
            <w:r>
              <w:tab/>
            </w:r>
            <w:r>
              <w:tab/>
            </w:r>
            <w:r>
              <w:tab/>
            </w:r>
            <w:r>
              <w:tab/>
              <w:t>// Wait for pasted text to be recognized in value</w:t>
            </w:r>
          </w:p>
          <w:p w:rsidR="00156FB3" w:rsidRDefault="00156FB3" w:rsidP="00156FB3">
            <w:r>
              <w:tab/>
            </w:r>
            <w:r>
              <w:tab/>
            </w:r>
            <w:r>
              <w:tab/>
            </w:r>
            <w:r>
              <w:tab/>
              <w:t>setTimeout(function() {</w:t>
            </w:r>
          </w:p>
          <w:p w:rsidR="00156FB3" w:rsidRDefault="00156FB3" w:rsidP="00156FB3">
            <w:r>
              <w:tab/>
            </w:r>
            <w:r>
              <w:tab/>
            </w:r>
            <w:r>
              <w:tab/>
            </w:r>
            <w:r>
              <w:tab/>
            </w:r>
            <w:r>
              <w:tab/>
              <w:t>var pastedText = self.$control_input.val();</w:t>
            </w:r>
          </w:p>
          <w:p w:rsidR="00156FB3" w:rsidRDefault="00156FB3" w:rsidP="00156FB3">
            <w:r>
              <w:tab/>
            </w:r>
            <w:r>
              <w:tab/>
            </w:r>
            <w:r>
              <w:tab/>
            </w:r>
            <w:r>
              <w:tab/>
            </w:r>
            <w:r>
              <w:tab/>
              <w:t>if(!pastedText.match(self.settings.splitOn)){ return }</w:t>
            </w:r>
          </w:p>
          <w:p w:rsidR="00156FB3" w:rsidRDefault="00156FB3" w:rsidP="00156FB3">
            <w:r>
              <w:tab/>
            </w:r>
          </w:p>
          <w:p w:rsidR="00156FB3" w:rsidRDefault="00156FB3" w:rsidP="00156FB3">
            <w:r>
              <w:tab/>
            </w:r>
            <w:r>
              <w:tab/>
            </w:r>
            <w:r>
              <w:tab/>
            </w:r>
            <w:r>
              <w:tab/>
            </w:r>
            <w:r>
              <w:tab/>
              <w:t>var splitInput = $.trim(pastedText).split(self.settings.splitOn);</w:t>
            </w:r>
          </w:p>
          <w:p w:rsidR="00156FB3" w:rsidRDefault="00156FB3" w:rsidP="00156FB3">
            <w:r>
              <w:tab/>
            </w:r>
            <w:r>
              <w:tab/>
            </w:r>
            <w:r>
              <w:tab/>
            </w:r>
            <w:r>
              <w:tab/>
            </w:r>
            <w:r>
              <w:tab/>
              <w:t>for (var i = 0, n = splitInput.length; i &lt; n; i++) {</w:t>
            </w:r>
          </w:p>
          <w:p w:rsidR="00156FB3" w:rsidRDefault="00156FB3" w:rsidP="00156FB3">
            <w:r>
              <w:tab/>
            </w:r>
            <w:r>
              <w:tab/>
            </w:r>
            <w:r>
              <w:tab/>
            </w:r>
            <w:r>
              <w:tab/>
            </w:r>
            <w:r>
              <w:tab/>
            </w:r>
            <w:r>
              <w:tab/>
              <w:t>self.createItem(splitInput[i]);</w:t>
            </w:r>
          </w:p>
          <w:p w:rsidR="00156FB3" w:rsidRDefault="00156FB3" w:rsidP="00156FB3">
            <w:r>
              <w:tab/>
            </w:r>
            <w:r>
              <w:tab/>
            </w:r>
            <w:r>
              <w:tab/>
            </w:r>
            <w:r>
              <w:tab/>
            </w:r>
            <w:r>
              <w:tab/>
              <w:t>}</w:t>
            </w:r>
          </w:p>
          <w:p w:rsidR="00156FB3" w:rsidRDefault="00156FB3" w:rsidP="00156FB3">
            <w:r>
              <w:tab/>
            </w:r>
            <w:r>
              <w:tab/>
            </w:r>
            <w:r>
              <w:tab/>
            </w:r>
            <w:r>
              <w:tab/>
              <w:t>}, 0);</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Triggered on &lt;input&gt; keypress.</w:t>
            </w:r>
          </w:p>
          <w:p w:rsidR="00156FB3" w:rsidRDefault="00156FB3" w:rsidP="00156FB3">
            <w:r>
              <w:tab/>
            </w:r>
            <w:r>
              <w:tab/>
              <w:t xml:space="preserve"> *</w:t>
            </w:r>
          </w:p>
          <w:p w:rsidR="00156FB3" w:rsidRDefault="00156FB3" w:rsidP="00156FB3">
            <w:r>
              <w:tab/>
            </w:r>
            <w:r>
              <w:tab/>
              <w:t xml:space="preserve"> * @param {object} e</w:t>
            </w:r>
          </w:p>
          <w:p w:rsidR="00156FB3" w:rsidRDefault="00156FB3" w:rsidP="00156FB3">
            <w:r>
              <w:tab/>
            </w:r>
            <w:r>
              <w:tab/>
              <w:t xml:space="preserve"> * @returns {boolean}</w:t>
            </w:r>
          </w:p>
          <w:p w:rsidR="00156FB3" w:rsidRDefault="00156FB3" w:rsidP="00156FB3">
            <w:r>
              <w:tab/>
            </w:r>
            <w:r>
              <w:tab/>
              <w:t xml:space="preserve"> */</w:t>
            </w:r>
          </w:p>
          <w:p w:rsidR="00156FB3" w:rsidRDefault="00156FB3" w:rsidP="00156FB3">
            <w:r>
              <w:tab/>
            </w:r>
            <w:r>
              <w:tab/>
              <w:t>onKeyPress: function(e) {</w:t>
            </w:r>
          </w:p>
          <w:p w:rsidR="00156FB3" w:rsidRDefault="00156FB3" w:rsidP="00156FB3">
            <w:r>
              <w:lastRenderedPageBreak/>
              <w:tab/>
            </w:r>
            <w:r>
              <w:tab/>
            </w:r>
            <w:r>
              <w:tab/>
              <w:t>if (this.isLocked) return e &amp;&amp; e.preventDefault();</w:t>
            </w:r>
          </w:p>
          <w:p w:rsidR="00156FB3" w:rsidRDefault="00156FB3" w:rsidP="00156FB3">
            <w:r>
              <w:tab/>
            </w:r>
            <w:r>
              <w:tab/>
            </w:r>
            <w:r>
              <w:tab/>
              <w:t>var character = String.fromCharCode(e.keyCode || e.which);</w:t>
            </w:r>
          </w:p>
          <w:p w:rsidR="00156FB3" w:rsidRDefault="00156FB3" w:rsidP="00156FB3">
            <w:r>
              <w:tab/>
            </w:r>
            <w:r>
              <w:tab/>
            </w:r>
            <w:r>
              <w:tab/>
              <w:t>if (this.settings.create &amp;&amp; this.settings.mode === 'multi' &amp;&amp; character === this.settings.delimiter) {</w:t>
            </w:r>
          </w:p>
          <w:p w:rsidR="00156FB3" w:rsidRDefault="00156FB3" w:rsidP="00156FB3">
            <w:r>
              <w:tab/>
            </w:r>
            <w:r>
              <w:tab/>
            </w:r>
            <w:r>
              <w:tab/>
            </w:r>
            <w:r>
              <w:tab/>
              <w:t>this.createItem();</w:t>
            </w:r>
          </w:p>
          <w:p w:rsidR="00156FB3" w:rsidRDefault="00156FB3" w:rsidP="00156FB3">
            <w:r>
              <w:tab/>
            </w:r>
            <w:r>
              <w:tab/>
            </w:r>
            <w:r>
              <w:tab/>
            </w:r>
            <w:r>
              <w:tab/>
              <w:t>e.preventDefault();</w:t>
            </w:r>
          </w:p>
          <w:p w:rsidR="00156FB3" w:rsidRDefault="00156FB3" w:rsidP="00156FB3">
            <w:r>
              <w:tab/>
            </w:r>
            <w:r>
              <w:tab/>
            </w:r>
            <w:r>
              <w:tab/>
            </w:r>
            <w:r>
              <w:tab/>
              <w:t>return false;</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Triggered on &lt;input&gt; keydown.</w:t>
            </w:r>
          </w:p>
          <w:p w:rsidR="00156FB3" w:rsidRDefault="00156FB3" w:rsidP="00156FB3">
            <w:r>
              <w:tab/>
            </w:r>
            <w:r>
              <w:tab/>
              <w:t xml:space="preserve"> *</w:t>
            </w:r>
          </w:p>
          <w:p w:rsidR="00156FB3" w:rsidRDefault="00156FB3" w:rsidP="00156FB3">
            <w:r>
              <w:tab/>
            </w:r>
            <w:r>
              <w:tab/>
              <w:t xml:space="preserve"> * @param {object} e</w:t>
            </w:r>
          </w:p>
          <w:p w:rsidR="00156FB3" w:rsidRDefault="00156FB3" w:rsidP="00156FB3">
            <w:r>
              <w:tab/>
            </w:r>
            <w:r>
              <w:tab/>
              <w:t xml:space="preserve"> * @returns {boolean}</w:t>
            </w:r>
          </w:p>
          <w:p w:rsidR="00156FB3" w:rsidRDefault="00156FB3" w:rsidP="00156FB3">
            <w:r>
              <w:tab/>
            </w:r>
            <w:r>
              <w:tab/>
              <w:t xml:space="preserve"> */</w:t>
            </w:r>
          </w:p>
          <w:p w:rsidR="00156FB3" w:rsidRDefault="00156FB3" w:rsidP="00156FB3">
            <w:r>
              <w:tab/>
            </w:r>
            <w:r>
              <w:tab/>
              <w:t>onKeyDown: function(e) {</w:t>
            </w:r>
          </w:p>
          <w:p w:rsidR="00156FB3" w:rsidRDefault="00156FB3" w:rsidP="00156FB3">
            <w:r>
              <w:tab/>
            </w:r>
            <w:r>
              <w:tab/>
            </w:r>
            <w:r>
              <w:tab/>
              <w:t>var isInput = e.target === this.$control_input[0];</w:t>
            </w:r>
          </w:p>
          <w:p w:rsidR="00156FB3" w:rsidRDefault="00156FB3" w:rsidP="00156FB3">
            <w:r>
              <w:tab/>
            </w:r>
            <w:r>
              <w:tab/>
            </w:r>
            <w:r>
              <w:tab/>
              <w:t>var self = this;</w:t>
            </w:r>
          </w:p>
          <w:p w:rsidR="00156FB3" w:rsidRDefault="00156FB3" w:rsidP="00156FB3">
            <w:r>
              <w:tab/>
            </w:r>
          </w:p>
          <w:p w:rsidR="00156FB3" w:rsidRDefault="00156FB3" w:rsidP="00156FB3">
            <w:r>
              <w:tab/>
            </w:r>
            <w:r>
              <w:tab/>
            </w:r>
            <w:r>
              <w:tab/>
              <w:t>if (self.isLocked) {</w:t>
            </w:r>
          </w:p>
          <w:p w:rsidR="00156FB3" w:rsidRDefault="00156FB3" w:rsidP="00156FB3">
            <w:r>
              <w:tab/>
            </w:r>
            <w:r>
              <w:tab/>
            </w:r>
            <w:r>
              <w:tab/>
            </w:r>
            <w:r>
              <w:tab/>
              <w:t>if (e.keyCode !== KEY_TAB) {</w:t>
            </w:r>
          </w:p>
          <w:p w:rsidR="00156FB3" w:rsidRDefault="00156FB3" w:rsidP="00156FB3">
            <w:r>
              <w:tab/>
            </w:r>
            <w:r>
              <w:tab/>
            </w:r>
            <w:r>
              <w:tab/>
            </w:r>
            <w:r>
              <w:tab/>
            </w:r>
            <w:r>
              <w:tab/>
              <w:t>e.preventDefault();</w:t>
            </w:r>
          </w:p>
          <w:p w:rsidR="00156FB3" w:rsidRDefault="00156FB3" w:rsidP="00156FB3">
            <w:r>
              <w:tab/>
            </w:r>
            <w:r>
              <w:tab/>
            </w:r>
            <w:r>
              <w:tab/>
            </w:r>
            <w:r>
              <w:tab/>
              <w:t>}</w:t>
            </w:r>
          </w:p>
          <w:p w:rsidR="00156FB3" w:rsidRDefault="00156FB3" w:rsidP="00156FB3">
            <w:r>
              <w:tab/>
            </w:r>
            <w:r>
              <w:tab/>
            </w:r>
            <w:r>
              <w:tab/>
            </w:r>
            <w:r>
              <w:tab/>
              <w:t>return;</w:t>
            </w:r>
          </w:p>
          <w:p w:rsidR="00156FB3" w:rsidRDefault="00156FB3" w:rsidP="00156FB3">
            <w:r>
              <w:tab/>
            </w:r>
            <w:r>
              <w:tab/>
            </w:r>
            <w:r>
              <w:tab/>
              <w:t>}</w:t>
            </w:r>
          </w:p>
          <w:p w:rsidR="00156FB3" w:rsidRDefault="00156FB3" w:rsidP="00156FB3">
            <w:r>
              <w:tab/>
            </w:r>
          </w:p>
          <w:p w:rsidR="00156FB3" w:rsidRDefault="00156FB3" w:rsidP="00156FB3">
            <w:r>
              <w:tab/>
            </w:r>
            <w:r>
              <w:tab/>
            </w:r>
            <w:r>
              <w:tab/>
              <w:t>switch (e.keyCode) {</w:t>
            </w:r>
          </w:p>
          <w:p w:rsidR="00156FB3" w:rsidRDefault="00156FB3" w:rsidP="00156FB3">
            <w:r>
              <w:tab/>
            </w:r>
            <w:r>
              <w:tab/>
            </w:r>
            <w:r>
              <w:tab/>
            </w:r>
            <w:r>
              <w:tab/>
              <w:t>case KEY_A:</w:t>
            </w:r>
          </w:p>
          <w:p w:rsidR="00156FB3" w:rsidRDefault="00156FB3" w:rsidP="00156FB3">
            <w:r>
              <w:tab/>
            </w:r>
            <w:r>
              <w:tab/>
            </w:r>
            <w:r>
              <w:tab/>
            </w:r>
            <w:r>
              <w:tab/>
            </w:r>
            <w:r>
              <w:tab/>
              <w:t>if (self.isCmdDown) {</w:t>
            </w:r>
          </w:p>
          <w:p w:rsidR="00156FB3" w:rsidRDefault="00156FB3" w:rsidP="00156FB3">
            <w:r>
              <w:tab/>
            </w:r>
            <w:r>
              <w:tab/>
            </w:r>
            <w:r>
              <w:tab/>
            </w:r>
            <w:r>
              <w:tab/>
            </w:r>
            <w:r>
              <w:tab/>
            </w:r>
            <w:r>
              <w:tab/>
              <w:t>self.selectAll();</w:t>
            </w:r>
          </w:p>
          <w:p w:rsidR="00156FB3" w:rsidRDefault="00156FB3" w:rsidP="00156FB3">
            <w:r>
              <w:tab/>
            </w:r>
            <w:r>
              <w:tab/>
            </w:r>
            <w:r>
              <w:tab/>
            </w:r>
            <w:r>
              <w:tab/>
            </w:r>
            <w:r>
              <w:tab/>
            </w:r>
            <w:r>
              <w:tab/>
              <w:t>return;</w:t>
            </w:r>
          </w:p>
          <w:p w:rsidR="00156FB3" w:rsidRDefault="00156FB3" w:rsidP="00156FB3">
            <w:r>
              <w:tab/>
            </w:r>
            <w:r>
              <w:tab/>
            </w:r>
            <w:r>
              <w:tab/>
            </w:r>
            <w:r>
              <w:tab/>
            </w:r>
            <w:r>
              <w:tab/>
              <w:t>}</w:t>
            </w:r>
          </w:p>
          <w:p w:rsidR="00156FB3" w:rsidRDefault="00156FB3" w:rsidP="00156FB3">
            <w:r>
              <w:tab/>
            </w:r>
            <w:r>
              <w:tab/>
            </w:r>
            <w:r>
              <w:tab/>
            </w:r>
            <w:r>
              <w:tab/>
            </w:r>
            <w:r>
              <w:tab/>
              <w:t>break;</w:t>
            </w:r>
          </w:p>
          <w:p w:rsidR="00156FB3" w:rsidRDefault="00156FB3" w:rsidP="00156FB3">
            <w:r>
              <w:tab/>
            </w:r>
            <w:r>
              <w:tab/>
            </w:r>
            <w:r>
              <w:tab/>
            </w:r>
            <w:r>
              <w:tab/>
              <w:t>case KEY_ESC:</w:t>
            </w:r>
          </w:p>
          <w:p w:rsidR="00156FB3" w:rsidRDefault="00156FB3" w:rsidP="00156FB3">
            <w:r>
              <w:tab/>
            </w:r>
            <w:r>
              <w:tab/>
            </w:r>
            <w:r>
              <w:tab/>
            </w:r>
            <w:r>
              <w:tab/>
            </w:r>
            <w:r>
              <w:tab/>
              <w:t>if (self.isOpen) {</w:t>
            </w:r>
          </w:p>
          <w:p w:rsidR="00156FB3" w:rsidRDefault="00156FB3" w:rsidP="00156FB3">
            <w:r>
              <w:tab/>
            </w:r>
            <w:r>
              <w:tab/>
            </w:r>
            <w:r>
              <w:tab/>
            </w:r>
            <w:r>
              <w:tab/>
            </w:r>
            <w:r>
              <w:tab/>
            </w:r>
            <w:r>
              <w:tab/>
              <w:t>e.preventDefault();</w:t>
            </w:r>
          </w:p>
          <w:p w:rsidR="00156FB3" w:rsidRDefault="00156FB3" w:rsidP="00156FB3">
            <w:r>
              <w:tab/>
            </w:r>
            <w:r>
              <w:tab/>
            </w:r>
            <w:r>
              <w:tab/>
            </w:r>
            <w:r>
              <w:tab/>
            </w:r>
            <w:r>
              <w:tab/>
            </w:r>
            <w:r>
              <w:tab/>
              <w:t>e.stopPropagation();</w:t>
            </w:r>
          </w:p>
          <w:p w:rsidR="00156FB3" w:rsidRDefault="00156FB3" w:rsidP="00156FB3">
            <w:r>
              <w:tab/>
            </w:r>
            <w:r>
              <w:tab/>
            </w:r>
            <w:r>
              <w:tab/>
            </w:r>
            <w:r>
              <w:tab/>
            </w:r>
            <w:r>
              <w:tab/>
            </w:r>
            <w:r>
              <w:tab/>
              <w:t>self.close();</w:t>
            </w:r>
          </w:p>
          <w:p w:rsidR="00156FB3" w:rsidRDefault="00156FB3" w:rsidP="00156FB3">
            <w:r>
              <w:tab/>
            </w:r>
            <w:r>
              <w:tab/>
            </w:r>
            <w:r>
              <w:tab/>
            </w:r>
            <w:r>
              <w:tab/>
            </w:r>
            <w:r>
              <w:tab/>
              <w:t>}</w:t>
            </w:r>
          </w:p>
          <w:p w:rsidR="00156FB3" w:rsidRDefault="00156FB3" w:rsidP="00156FB3">
            <w:r>
              <w:tab/>
            </w:r>
            <w:r>
              <w:tab/>
            </w:r>
            <w:r>
              <w:tab/>
            </w:r>
            <w:r>
              <w:tab/>
            </w:r>
            <w:r>
              <w:tab/>
              <w:t>return;</w:t>
            </w:r>
          </w:p>
          <w:p w:rsidR="00156FB3" w:rsidRDefault="00156FB3" w:rsidP="00156FB3">
            <w:r>
              <w:tab/>
            </w:r>
            <w:r>
              <w:tab/>
            </w:r>
            <w:r>
              <w:tab/>
            </w:r>
            <w:r>
              <w:tab/>
              <w:t>case KEY_N:</w:t>
            </w:r>
          </w:p>
          <w:p w:rsidR="00156FB3" w:rsidRDefault="00156FB3" w:rsidP="00156FB3">
            <w:r>
              <w:tab/>
            </w:r>
            <w:r>
              <w:tab/>
            </w:r>
            <w:r>
              <w:tab/>
            </w:r>
            <w:r>
              <w:tab/>
            </w:r>
            <w:r>
              <w:tab/>
              <w:t>if (!e.ctrlKey || e.altKey) break;</w:t>
            </w:r>
          </w:p>
          <w:p w:rsidR="00156FB3" w:rsidRDefault="00156FB3" w:rsidP="00156FB3">
            <w:r>
              <w:tab/>
            </w:r>
            <w:r>
              <w:tab/>
            </w:r>
            <w:r>
              <w:tab/>
            </w:r>
            <w:r>
              <w:tab/>
              <w:t>case KEY_DOWN:</w:t>
            </w:r>
          </w:p>
          <w:p w:rsidR="00156FB3" w:rsidRDefault="00156FB3" w:rsidP="00156FB3">
            <w:r>
              <w:tab/>
            </w:r>
            <w:r>
              <w:tab/>
            </w:r>
            <w:r>
              <w:tab/>
            </w:r>
            <w:r>
              <w:tab/>
            </w:r>
            <w:r>
              <w:tab/>
              <w:t>if (!self.isOpen &amp;&amp; self.hasOptions) {</w:t>
            </w:r>
          </w:p>
          <w:p w:rsidR="00156FB3" w:rsidRDefault="00156FB3" w:rsidP="00156FB3">
            <w:r>
              <w:tab/>
            </w:r>
            <w:r>
              <w:tab/>
            </w:r>
            <w:r>
              <w:tab/>
            </w:r>
            <w:r>
              <w:tab/>
            </w:r>
            <w:r>
              <w:tab/>
            </w:r>
            <w:r>
              <w:tab/>
              <w:t>self.open();</w:t>
            </w:r>
          </w:p>
          <w:p w:rsidR="00156FB3" w:rsidRDefault="00156FB3" w:rsidP="00156FB3">
            <w:r>
              <w:tab/>
            </w:r>
            <w:r>
              <w:tab/>
            </w:r>
            <w:r>
              <w:tab/>
            </w:r>
            <w:r>
              <w:tab/>
            </w:r>
            <w:r>
              <w:tab/>
              <w:t>} else if (self.$activeOption) {</w:t>
            </w:r>
          </w:p>
          <w:p w:rsidR="00156FB3" w:rsidRDefault="00156FB3" w:rsidP="00156FB3">
            <w:r>
              <w:tab/>
            </w:r>
            <w:r>
              <w:tab/>
            </w:r>
            <w:r>
              <w:tab/>
            </w:r>
            <w:r>
              <w:tab/>
            </w:r>
            <w:r>
              <w:tab/>
            </w:r>
            <w:r>
              <w:tab/>
              <w:t>self.ignoreHover = true;</w:t>
            </w:r>
          </w:p>
          <w:p w:rsidR="00156FB3" w:rsidRDefault="00156FB3" w:rsidP="00156FB3">
            <w:r>
              <w:lastRenderedPageBreak/>
              <w:tab/>
            </w:r>
            <w:r>
              <w:tab/>
            </w:r>
            <w:r>
              <w:tab/>
            </w:r>
            <w:r>
              <w:tab/>
            </w:r>
            <w:r>
              <w:tab/>
            </w:r>
            <w:r>
              <w:tab/>
              <w:t>var $next = self.getAdjacentOption(self.$activeOption, 1);</w:t>
            </w:r>
          </w:p>
          <w:p w:rsidR="00156FB3" w:rsidRDefault="00156FB3" w:rsidP="00156FB3">
            <w:r>
              <w:tab/>
            </w:r>
            <w:r>
              <w:tab/>
            </w:r>
            <w:r>
              <w:tab/>
            </w:r>
            <w:r>
              <w:tab/>
            </w:r>
            <w:r>
              <w:tab/>
            </w:r>
            <w:r>
              <w:tab/>
              <w:t>if ($next.length) self.setActiveOption($next, true, true);</w:t>
            </w:r>
          </w:p>
          <w:p w:rsidR="00156FB3" w:rsidRDefault="00156FB3" w:rsidP="00156FB3">
            <w:r>
              <w:tab/>
            </w:r>
            <w:r>
              <w:tab/>
            </w:r>
            <w:r>
              <w:tab/>
            </w:r>
            <w:r>
              <w:tab/>
            </w:r>
            <w:r>
              <w:tab/>
              <w:t>}</w:t>
            </w:r>
          </w:p>
          <w:p w:rsidR="00156FB3" w:rsidRDefault="00156FB3" w:rsidP="00156FB3">
            <w:r>
              <w:tab/>
            </w:r>
            <w:r>
              <w:tab/>
            </w:r>
            <w:r>
              <w:tab/>
            </w:r>
            <w:r>
              <w:tab/>
            </w:r>
            <w:r>
              <w:tab/>
              <w:t>e.preventDefault();</w:t>
            </w:r>
          </w:p>
          <w:p w:rsidR="00156FB3" w:rsidRDefault="00156FB3" w:rsidP="00156FB3">
            <w:r>
              <w:tab/>
            </w:r>
            <w:r>
              <w:tab/>
            </w:r>
            <w:r>
              <w:tab/>
            </w:r>
            <w:r>
              <w:tab/>
            </w:r>
            <w:r>
              <w:tab/>
              <w:t>return;</w:t>
            </w:r>
          </w:p>
          <w:p w:rsidR="00156FB3" w:rsidRDefault="00156FB3" w:rsidP="00156FB3">
            <w:r>
              <w:tab/>
            </w:r>
            <w:r>
              <w:tab/>
            </w:r>
            <w:r>
              <w:tab/>
            </w:r>
            <w:r>
              <w:tab/>
              <w:t>case KEY_P:</w:t>
            </w:r>
          </w:p>
          <w:p w:rsidR="00156FB3" w:rsidRDefault="00156FB3" w:rsidP="00156FB3">
            <w:r>
              <w:tab/>
            </w:r>
            <w:r>
              <w:tab/>
            </w:r>
            <w:r>
              <w:tab/>
            </w:r>
            <w:r>
              <w:tab/>
            </w:r>
            <w:r>
              <w:tab/>
              <w:t>if (!e.ctrlKey || e.altKey) break;</w:t>
            </w:r>
          </w:p>
          <w:p w:rsidR="00156FB3" w:rsidRDefault="00156FB3" w:rsidP="00156FB3">
            <w:r>
              <w:tab/>
            </w:r>
            <w:r>
              <w:tab/>
            </w:r>
            <w:r>
              <w:tab/>
            </w:r>
            <w:r>
              <w:tab/>
              <w:t>case KEY_UP:</w:t>
            </w:r>
          </w:p>
          <w:p w:rsidR="00156FB3" w:rsidRDefault="00156FB3" w:rsidP="00156FB3">
            <w:r>
              <w:tab/>
            </w:r>
            <w:r>
              <w:tab/>
            </w:r>
            <w:r>
              <w:tab/>
            </w:r>
            <w:r>
              <w:tab/>
            </w:r>
            <w:r>
              <w:tab/>
              <w:t>if (self.$activeOption) {</w:t>
            </w:r>
          </w:p>
          <w:p w:rsidR="00156FB3" w:rsidRDefault="00156FB3" w:rsidP="00156FB3">
            <w:r>
              <w:tab/>
            </w:r>
            <w:r>
              <w:tab/>
            </w:r>
            <w:r>
              <w:tab/>
            </w:r>
            <w:r>
              <w:tab/>
            </w:r>
            <w:r>
              <w:tab/>
            </w:r>
            <w:r>
              <w:tab/>
              <w:t>self.ignoreHover = true;</w:t>
            </w:r>
          </w:p>
          <w:p w:rsidR="00156FB3" w:rsidRDefault="00156FB3" w:rsidP="00156FB3">
            <w:r>
              <w:tab/>
            </w:r>
            <w:r>
              <w:tab/>
            </w:r>
            <w:r>
              <w:tab/>
            </w:r>
            <w:r>
              <w:tab/>
            </w:r>
            <w:r>
              <w:tab/>
            </w:r>
            <w:r>
              <w:tab/>
              <w:t>var $prev = self.getAdjacentOption(self.$activeOption, -1);</w:t>
            </w:r>
          </w:p>
          <w:p w:rsidR="00156FB3" w:rsidRDefault="00156FB3" w:rsidP="00156FB3">
            <w:r>
              <w:tab/>
            </w:r>
            <w:r>
              <w:tab/>
            </w:r>
            <w:r>
              <w:tab/>
            </w:r>
            <w:r>
              <w:tab/>
            </w:r>
            <w:r>
              <w:tab/>
            </w:r>
            <w:r>
              <w:tab/>
              <w:t>if ($prev.length) self.setActiveOption($prev, true, true);</w:t>
            </w:r>
          </w:p>
          <w:p w:rsidR="00156FB3" w:rsidRDefault="00156FB3" w:rsidP="00156FB3">
            <w:r>
              <w:tab/>
            </w:r>
            <w:r>
              <w:tab/>
            </w:r>
            <w:r>
              <w:tab/>
            </w:r>
            <w:r>
              <w:tab/>
            </w:r>
            <w:r>
              <w:tab/>
              <w:t>}</w:t>
            </w:r>
          </w:p>
          <w:p w:rsidR="00156FB3" w:rsidRDefault="00156FB3" w:rsidP="00156FB3">
            <w:r>
              <w:tab/>
            </w:r>
            <w:r>
              <w:tab/>
            </w:r>
            <w:r>
              <w:tab/>
            </w:r>
            <w:r>
              <w:tab/>
            </w:r>
            <w:r>
              <w:tab/>
              <w:t>e.preventDefault();</w:t>
            </w:r>
          </w:p>
          <w:p w:rsidR="00156FB3" w:rsidRDefault="00156FB3" w:rsidP="00156FB3">
            <w:r>
              <w:tab/>
            </w:r>
            <w:r>
              <w:tab/>
            </w:r>
            <w:r>
              <w:tab/>
            </w:r>
            <w:r>
              <w:tab/>
            </w:r>
            <w:r>
              <w:tab/>
              <w:t>return;</w:t>
            </w:r>
          </w:p>
          <w:p w:rsidR="00156FB3" w:rsidRDefault="00156FB3" w:rsidP="00156FB3">
            <w:r>
              <w:tab/>
            </w:r>
            <w:r>
              <w:tab/>
            </w:r>
            <w:r>
              <w:tab/>
            </w:r>
            <w:r>
              <w:tab/>
              <w:t>case KEY_RETURN:</w:t>
            </w:r>
          </w:p>
          <w:p w:rsidR="00156FB3" w:rsidRDefault="00156FB3" w:rsidP="00156FB3">
            <w:r>
              <w:tab/>
            </w:r>
            <w:r>
              <w:tab/>
            </w:r>
            <w:r>
              <w:tab/>
            </w:r>
            <w:r>
              <w:tab/>
            </w:r>
            <w:r>
              <w:tab/>
              <w:t>if (self.isOpen &amp;&amp; self.$activeOption) {</w:t>
            </w:r>
          </w:p>
          <w:p w:rsidR="00156FB3" w:rsidRDefault="00156FB3" w:rsidP="00156FB3">
            <w:r>
              <w:tab/>
            </w:r>
            <w:r>
              <w:tab/>
            </w:r>
            <w:r>
              <w:tab/>
            </w:r>
            <w:r>
              <w:tab/>
            </w:r>
            <w:r>
              <w:tab/>
            </w:r>
            <w:r>
              <w:tab/>
              <w:t>self.onOptionSelect({currentTarget: self.$activeOption});</w:t>
            </w:r>
          </w:p>
          <w:p w:rsidR="00156FB3" w:rsidRDefault="00156FB3" w:rsidP="00156FB3">
            <w:r>
              <w:tab/>
            </w:r>
            <w:r>
              <w:tab/>
            </w:r>
            <w:r>
              <w:tab/>
            </w:r>
            <w:r>
              <w:tab/>
            </w:r>
            <w:r>
              <w:tab/>
            </w:r>
            <w:r>
              <w:tab/>
              <w:t>e.preventDefault();</w:t>
            </w:r>
          </w:p>
          <w:p w:rsidR="00156FB3" w:rsidRDefault="00156FB3" w:rsidP="00156FB3">
            <w:r>
              <w:tab/>
            </w:r>
            <w:r>
              <w:tab/>
            </w:r>
            <w:r>
              <w:tab/>
            </w:r>
            <w:r>
              <w:tab/>
            </w:r>
            <w:r>
              <w:tab/>
              <w:t>}</w:t>
            </w:r>
          </w:p>
          <w:p w:rsidR="00156FB3" w:rsidRDefault="00156FB3" w:rsidP="00156FB3">
            <w:r>
              <w:tab/>
            </w:r>
            <w:r>
              <w:tab/>
            </w:r>
            <w:r>
              <w:tab/>
            </w:r>
            <w:r>
              <w:tab/>
            </w:r>
            <w:r>
              <w:tab/>
              <w:t>return;</w:t>
            </w:r>
          </w:p>
          <w:p w:rsidR="00156FB3" w:rsidRDefault="00156FB3" w:rsidP="00156FB3">
            <w:r>
              <w:tab/>
            </w:r>
            <w:r>
              <w:tab/>
            </w:r>
            <w:r>
              <w:tab/>
            </w:r>
            <w:r>
              <w:tab/>
              <w:t>case KEY_LEFT:</w:t>
            </w:r>
          </w:p>
          <w:p w:rsidR="00156FB3" w:rsidRDefault="00156FB3" w:rsidP="00156FB3">
            <w:r>
              <w:tab/>
            </w:r>
            <w:r>
              <w:tab/>
            </w:r>
            <w:r>
              <w:tab/>
            </w:r>
            <w:r>
              <w:tab/>
            </w:r>
            <w:r>
              <w:tab/>
              <w:t>self.advanceSelection(-1, e);</w:t>
            </w:r>
          </w:p>
          <w:p w:rsidR="00156FB3" w:rsidRDefault="00156FB3" w:rsidP="00156FB3">
            <w:r>
              <w:tab/>
            </w:r>
            <w:r>
              <w:tab/>
            </w:r>
            <w:r>
              <w:tab/>
            </w:r>
            <w:r>
              <w:tab/>
            </w:r>
            <w:r>
              <w:tab/>
              <w:t>return;</w:t>
            </w:r>
          </w:p>
          <w:p w:rsidR="00156FB3" w:rsidRDefault="00156FB3" w:rsidP="00156FB3">
            <w:r>
              <w:tab/>
            </w:r>
            <w:r>
              <w:tab/>
            </w:r>
            <w:r>
              <w:tab/>
            </w:r>
            <w:r>
              <w:tab/>
              <w:t>case KEY_RIGHT:</w:t>
            </w:r>
          </w:p>
          <w:p w:rsidR="00156FB3" w:rsidRDefault="00156FB3" w:rsidP="00156FB3">
            <w:r>
              <w:tab/>
            </w:r>
            <w:r>
              <w:tab/>
            </w:r>
            <w:r>
              <w:tab/>
            </w:r>
            <w:r>
              <w:tab/>
            </w:r>
            <w:r>
              <w:tab/>
              <w:t>self.advanceSelection(1, e);</w:t>
            </w:r>
          </w:p>
          <w:p w:rsidR="00156FB3" w:rsidRDefault="00156FB3" w:rsidP="00156FB3">
            <w:r>
              <w:tab/>
            </w:r>
            <w:r>
              <w:tab/>
            </w:r>
            <w:r>
              <w:tab/>
            </w:r>
            <w:r>
              <w:tab/>
            </w:r>
            <w:r>
              <w:tab/>
              <w:t>return;</w:t>
            </w:r>
          </w:p>
          <w:p w:rsidR="00156FB3" w:rsidRDefault="00156FB3" w:rsidP="00156FB3">
            <w:r>
              <w:tab/>
            </w:r>
            <w:r>
              <w:tab/>
            </w:r>
            <w:r>
              <w:tab/>
            </w:r>
            <w:r>
              <w:tab/>
              <w:t>case KEY_TAB:</w:t>
            </w:r>
          </w:p>
          <w:p w:rsidR="00156FB3" w:rsidRDefault="00156FB3" w:rsidP="00156FB3">
            <w:r>
              <w:tab/>
            </w:r>
            <w:r>
              <w:tab/>
            </w:r>
            <w:r>
              <w:tab/>
            </w:r>
            <w:r>
              <w:tab/>
            </w:r>
            <w:r>
              <w:tab/>
              <w:t>if (self.settings.selectOnTab &amp;&amp; self.isOpen &amp;&amp; self.$activeOption) {</w:t>
            </w:r>
          </w:p>
          <w:p w:rsidR="00156FB3" w:rsidRDefault="00156FB3" w:rsidP="00156FB3">
            <w:r>
              <w:tab/>
            </w:r>
            <w:r>
              <w:tab/>
            </w:r>
            <w:r>
              <w:tab/>
            </w:r>
            <w:r>
              <w:tab/>
            </w:r>
            <w:r>
              <w:tab/>
            </w:r>
            <w:r>
              <w:tab/>
              <w:t>self.onOptionSelect({currentTarget: self.$activeOption});</w:t>
            </w:r>
          </w:p>
          <w:p w:rsidR="00156FB3" w:rsidRDefault="00156FB3" w:rsidP="00156FB3">
            <w:r>
              <w:tab/>
            </w:r>
          </w:p>
          <w:p w:rsidR="00156FB3" w:rsidRDefault="00156FB3" w:rsidP="00156FB3">
            <w:r>
              <w:tab/>
            </w:r>
            <w:r>
              <w:tab/>
            </w:r>
            <w:r>
              <w:tab/>
            </w:r>
            <w:r>
              <w:tab/>
            </w:r>
            <w:r>
              <w:tab/>
            </w:r>
            <w:r>
              <w:tab/>
              <w:t>// Default behaviour is to jump to the next field, we only want this</w:t>
            </w:r>
          </w:p>
          <w:p w:rsidR="00156FB3" w:rsidRDefault="00156FB3" w:rsidP="00156FB3">
            <w:r>
              <w:tab/>
            </w:r>
            <w:r>
              <w:tab/>
            </w:r>
            <w:r>
              <w:tab/>
            </w:r>
            <w:r>
              <w:tab/>
            </w:r>
            <w:r>
              <w:tab/>
            </w:r>
            <w:r>
              <w:tab/>
              <w:t>// if the current field doesn't accept any more entries</w:t>
            </w:r>
          </w:p>
          <w:p w:rsidR="00156FB3" w:rsidRDefault="00156FB3" w:rsidP="00156FB3">
            <w:r>
              <w:tab/>
            </w:r>
            <w:r>
              <w:tab/>
            </w:r>
            <w:r>
              <w:tab/>
            </w:r>
            <w:r>
              <w:tab/>
            </w:r>
            <w:r>
              <w:tab/>
            </w:r>
            <w:r>
              <w:tab/>
              <w:t>if (!self.isFull()) {</w:t>
            </w:r>
          </w:p>
          <w:p w:rsidR="00156FB3" w:rsidRDefault="00156FB3" w:rsidP="00156FB3">
            <w:r>
              <w:tab/>
            </w:r>
            <w:r>
              <w:tab/>
            </w:r>
            <w:r>
              <w:tab/>
            </w:r>
            <w:r>
              <w:tab/>
            </w:r>
            <w:r>
              <w:tab/>
            </w:r>
            <w:r>
              <w:tab/>
            </w:r>
            <w:r>
              <w:tab/>
              <w:t>e.preventDefault();</w:t>
            </w:r>
          </w:p>
          <w:p w:rsidR="00156FB3" w:rsidRDefault="00156FB3" w:rsidP="00156FB3">
            <w:r>
              <w:tab/>
            </w:r>
            <w:r>
              <w:tab/>
            </w:r>
            <w:r>
              <w:tab/>
            </w:r>
            <w:r>
              <w:tab/>
            </w:r>
            <w:r>
              <w:tab/>
            </w:r>
            <w:r>
              <w:tab/>
              <w:t>}</w:t>
            </w:r>
          </w:p>
          <w:p w:rsidR="00156FB3" w:rsidRDefault="00156FB3" w:rsidP="00156FB3">
            <w:r>
              <w:tab/>
            </w:r>
            <w:r>
              <w:tab/>
            </w:r>
            <w:r>
              <w:tab/>
            </w:r>
            <w:r>
              <w:tab/>
            </w:r>
            <w:r>
              <w:tab/>
              <w:t>}</w:t>
            </w:r>
          </w:p>
          <w:p w:rsidR="00156FB3" w:rsidRDefault="00156FB3" w:rsidP="00156FB3">
            <w:r>
              <w:tab/>
            </w:r>
            <w:r>
              <w:tab/>
            </w:r>
            <w:r>
              <w:tab/>
            </w:r>
            <w:r>
              <w:tab/>
            </w:r>
            <w:r>
              <w:tab/>
              <w:t>if (self.settings.create &amp;&amp; self.createItem()) {</w:t>
            </w:r>
          </w:p>
          <w:p w:rsidR="00156FB3" w:rsidRDefault="00156FB3" w:rsidP="00156FB3">
            <w:r>
              <w:tab/>
            </w:r>
            <w:r>
              <w:tab/>
            </w:r>
            <w:r>
              <w:tab/>
            </w:r>
            <w:r>
              <w:tab/>
            </w:r>
            <w:r>
              <w:tab/>
            </w:r>
            <w:r>
              <w:tab/>
              <w:t>e.preventDefault();</w:t>
            </w:r>
          </w:p>
          <w:p w:rsidR="00156FB3" w:rsidRDefault="00156FB3" w:rsidP="00156FB3">
            <w:r>
              <w:tab/>
            </w:r>
            <w:r>
              <w:tab/>
            </w:r>
            <w:r>
              <w:tab/>
            </w:r>
            <w:r>
              <w:tab/>
            </w:r>
            <w:r>
              <w:tab/>
              <w:t>}</w:t>
            </w:r>
          </w:p>
          <w:p w:rsidR="00156FB3" w:rsidRDefault="00156FB3" w:rsidP="00156FB3">
            <w:r>
              <w:tab/>
            </w:r>
            <w:r>
              <w:tab/>
            </w:r>
            <w:r>
              <w:tab/>
            </w:r>
            <w:r>
              <w:tab/>
            </w:r>
            <w:r>
              <w:tab/>
              <w:t>return;</w:t>
            </w:r>
          </w:p>
          <w:p w:rsidR="00156FB3" w:rsidRDefault="00156FB3" w:rsidP="00156FB3">
            <w:r>
              <w:tab/>
            </w:r>
            <w:r>
              <w:tab/>
            </w:r>
            <w:r>
              <w:tab/>
            </w:r>
            <w:r>
              <w:tab/>
              <w:t>case KEY_BACKSPACE:</w:t>
            </w:r>
          </w:p>
          <w:p w:rsidR="00156FB3" w:rsidRDefault="00156FB3" w:rsidP="00156FB3">
            <w:r>
              <w:lastRenderedPageBreak/>
              <w:tab/>
            </w:r>
            <w:r>
              <w:tab/>
            </w:r>
            <w:r>
              <w:tab/>
            </w:r>
            <w:r>
              <w:tab/>
              <w:t>case KEY_DELETE:</w:t>
            </w:r>
          </w:p>
          <w:p w:rsidR="00156FB3" w:rsidRDefault="00156FB3" w:rsidP="00156FB3">
            <w:r>
              <w:tab/>
            </w:r>
            <w:r>
              <w:tab/>
            </w:r>
            <w:r>
              <w:tab/>
            </w:r>
            <w:r>
              <w:tab/>
            </w:r>
            <w:r>
              <w:tab/>
              <w:t>self.deleteSelection(e);</w:t>
            </w:r>
          </w:p>
          <w:p w:rsidR="00156FB3" w:rsidRDefault="00156FB3" w:rsidP="00156FB3">
            <w:r>
              <w:tab/>
            </w:r>
            <w:r>
              <w:tab/>
            </w:r>
            <w:r>
              <w:tab/>
            </w:r>
            <w:r>
              <w:tab/>
            </w:r>
            <w:r>
              <w:tab/>
              <w:t>return;</w:t>
            </w:r>
          </w:p>
          <w:p w:rsidR="00156FB3" w:rsidRDefault="00156FB3" w:rsidP="00156FB3">
            <w:r>
              <w:tab/>
            </w:r>
            <w:r>
              <w:tab/>
            </w:r>
            <w:r>
              <w:tab/>
              <w:t>}</w:t>
            </w:r>
          </w:p>
          <w:p w:rsidR="00156FB3" w:rsidRDefault="00156FB3" w:rsidP="00156FB3">
            <w:r>
              <w:tab/>
            </w:r>
          </w:p>
          <w:p w:rsidR="00156FB3" w:rsidRDefault="00156FB3" w:rsidP="00156FB3">
            <w:r>
              <w:tab/>
            </w:r>
            <w:r>
              <w:tab/>
            </w:r>
            <w:r>
              <w:tab/>
              <w:t>if ((self.isFull() || self.isInputHidden) &amp;&amp; !(IS_MAC ? e.metaKey : e.ctrlKey)) {</w:t>
            </w:r>
          </w:p>
          <w:p w:rsidR="00156FB3" w:rsidRDefault="00156FB3" w:rsidP="00156FB3">
            <w:r>
              <w:tab/>
            </w:r>
            <w:r>
              <w:tab/>
            </w:r>
            <w:r>
              <w:tab/>
            </w:r>
            <w:r>
              <w:tab/>
              <w:t>e.preventDefault();</w:t>
            </w:r>
          </w:p>
          <w:p w:rsidR="00156FB3" w:rsidRDefault="00156FB3" w:rsidP="00156FB3"/>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Triggered on &lt;input&gt; keyup.</w:t>
            </w:r>
          </w:p>
          <w:p w:rsidR="00156FB3" w:rsidRDefault="00156FB3" w:rsidP="00156FB3">
            <w:r>
              <w:tab/>
            </w:r>
            <w:r>
              <w:tab/>
              <w:t xml:space="preserve"> *</w:t>
            </w:r>
          </w:p>
          <w:p w:rsidR="00156FB3" w:rsidRDefault="00156FB3" w:rsidP="00156FB3">
            <w:r>
              <w:tab/>
            </w:r>
            <w:r>
              <w:tab/>
              <w:t xml:space="preserve"> * @param {object} e</w:t>
            </w:r>
          </w:p>
          <w:p w:rsidR="00156FB3" w:rsidRDefault="00156FB3" w:rsidP="00156FB3">
            <w:r>
              <w:tab/>
            </w:r>
            <w:r>
              <w:tab/>
              <w:t xml:space="preserve"> * @returns {boolean}</w:t>
            </w:r>
          </w:p>
          <w:p w:rsidR="00156FB3" w:rsidRDefault="00156FB3" w:rsidP="00156FB3">
            <w:r>
              <w:tab/>
            </w:r>
            <w:r>
              <w:tab/>
              <w:t xml:space="preserve"> */</w:t>
            </w:r>
          </w:p>
          <w:p w:rsidR="00156FB3" w:rsidRDefault="00156FB3" w:rsidP="00156FB3">
            <w:r>
              <w:tab/>
            </w:r>
            <w:r>
              <w:tab/>
              <w:t>onKeyUp: function(e) {</w:t>
            </w:r>
          </w:p>
          <w:p w:rsidR="00156FB3" w:rsidRDefault="00156FB3" w:rsidP="00156FB3">
            <w:r>
              <w:tab/>
            </w:r>
            <w:r>
              <w:tab/>
            </w:r>
            <w:r>
              <w:tab/>
              <w:t>var self = this;</w:t>
            </w:r>
          </w:p>
          <w:p w:rsidR="00156FB3" w:rsidRDefault="00156FB3" w:rsidP="00156FB3">
            <w:r>
              <w:tab/>
            </w:r>
          </w:p>
          <w:p w:rsidR="00156FB3" w:rsidRDefault="00156FB3" w:rsidP="00156FB3">
            <w:r>
              <w:tab/>
            </w:r>
            <w:r>
              <w:tab/>
            </w:r>
            <w:r>
              <w:tab/>
              <w:t>if (self.isLocked) return e &amp;&amp; e.preventDefault();</w:t>
            </w:r>
          </w:p>
          <w:p w:rsidR="00156FB3" w:rsidRDefault="00156FB3" w:rsidP="00156FB3">
            <w:r>
              <w:tab/>
            </w:r>
            <w:r>
              <w:tab/>
            </w:r>
            <w:r>
              <w:tab/>
              <w:t>var value = self.$control_input.val() || '';</w:t>
            </w:r>
          </w:p>
          <w:p w:rsidR="00156FB3" w:rsidRDefault="00156FB3" w:rsidP="00156FB3">
            <w:r>
              <w:tab/>
            </w:r>
            <w:r>
              <w:tab/>
            </w:r>
            <w:r>
              <w:tab/>
              <w:t>if (self.lastValue !== value) {</w:t>
            </w:r>
          </w:p>
          <w:p w:rsidR="00156FB3" w:rsidRDefault="00156FB3" w:rsidP="00156FB3">
            <w:r>
              <w:tab/>
            </w:r>
            <w:r>
              <w:tab/>
            </w:r>
            <w:r>
              <w:tab/>
            </w:r>
            <w:r>
              <w:tab/>
              <w:t>self.lastValue = value;</w:t>
            </w:r>
          </w:p>
          <w:p w:rsidR="00156FB3" w:rsidRDefault="00156FB3" w:rsidP="00156FB3">
            <w:r>
              <w:tab/>
            </w:r>
            <w:r>
              <w:tab/>
            </w:r>
            <w:r>
              <w:tab/>
            </w:r>
            <w:r>
              <w:tab/>
              <w:t>self.onSearchChange(value);</w:t>
            </w:r>
          </w:p>
          <w:p w:rsidR="00156FB3" w:rsidRDefault="00156FB3" w:rsidP="00156FB3">
            <w:r>
              <w:tab/>
            </w:r>
            <w:r>
              <w:tab/>
            </w:r>
            <w:r>
              <w:tab/>
            </w:r>
            <w:r>
              <w:tab/>
              <w:t>self.refreshOptions();</w:t>
            </w:r>
          </w:p>
          <w:p w:rsidR="00156FB3" w:rsidRDefault="00156FB3" w:rsidP="00156FB3">
            <w:r>
              <w:tab/>
            </w:r>
            <w:r>
              <w:tab/>
            </w:r>
            <w:r>
              <w:tab/>
            </w:r>
            <w:r>
              <w:tab/>
              <w:t>self.trigger('type', value);</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Invokes the user-provide option provider / loader.</w:t>
            </w:r>
          </w:p>
          <w:p w:rsidR="00156FB3" w:rsidRDefault="00156FB3" w:rsidP="00156FB3">
            <w:r>
              <w:tab/>
            </w:r>
            <w:r>
              <w:tab/>
              <w:t xml:space="preserve"> *</w:t>
            </w:r>
          </w:p>
          <w:p w:rsidR="00156FB3" w:rsidRDefault="00156FB3" w:rsidP="00156FB3">
            <w:r>
              <w:tab/>
            </w:r>
            <w:r>
              <w:tab/>
              <w:t xml:space="preserve"> * Note: this function is debounced in the Selectize</w:t>
            </w:r>
          </w:p>
          <w:p w:rsidR="00156FB3" w:rsidRDefault="00156FB3" w:rsidP="00156FB3">
            <w:r>
              <w:tab/>
            </w:r>
            <w:r>
              <w:tab/>
              <w:t xml:space="preserve"> * constructor (by `settings.loadThrottle` milliseconds)</w:t>
            </w:r>
          </w:p>
          <w:p w:rsidR="00156FB3" w:rsidRDefault="00156FB3" w:rsidP="00156FB3">
            <w:r>
              <w:tab/>
            </w:r>
            <w:r>
              <w:tab/>
              <w:t xml:space="preserve"> *</w:t>
            </w:r>
          </w:p>
          <w:p w:rsidR="00156FB3" w:rsidRDefault="00156FB3" w:rsidP="00156FB3">
            <w:r>
              <w:tab/>
            </w:r>
            <w:r>
              <w:tab/>
              <w:t xml:space="preserve"> * @param {string} value</w:t>
            </w:r>
          </w:p>
          <w:p w:rsidR="00156FB3" w:rsidRDefault="00156FB3" w:rsidP="00156FB3">
            <w:r>
              <w:tab/>
            </w:r>
            <w:r>
              <w:tab/>
              <w:t xml:space="preserve"> */</w:t>
            </w:r>
          </w:p>
          <w:p w:rsidR="00156FB3" w:rsidRDefault="00156FB3" w:rsidP="00156FB3">
            <w:r>
              <w:tab/>
            </w:r>
            <w:r>
              <w:tab/>
              <w:t>onSearchChange: function(value) {</w:t>
            </w:r>
          </w:p>
          <w:p w:rsidR="00156FB3" w:rsidRDefault="00156FB3" w:rsidP="00156FB3">
            <w:r>
              <w:tab/>
            </w:r>
            <w:r>
              <w:tab/>
            </w:r>
            <w:r>
              <w:tab/>
              <w:t>var self = this;</w:t>
            </w:r>
          </w:p>
          <w:p w:rsidR="00156FB3" w:rsidRDefault="00156FB3" w:rsidP="00156FB3">
            <w:r>
              <w:tab/>
            </w:r>
            <w:r>
              <w:tab/>
            </w:r>
            <w:r>
              <w:tab/>
              <w:t>var fn = self.settings.load;</w:t>
            </w:r>
          </w:p>
          <w:p w:rsidR="00156FB3" w:rsidRDefault="00156FB3" w:rsidP="00156FB3">
            <w:r>
              <w:tab/>
            </w:r>
            <w:r>
              <w:tab/>
            </w:r>
            <w:r>
              <w:tab/>
              <w:t>if (!fn) return;</w:t>
            </w:r>
          </w:p>
          <w:p w:rsidR="00156FB3" w:rsidRDefault="00156FB3" w:rsidP="00156FB3">
            <w:r>
              <w:tab/>
            </w:r>
            <w:r>
              <w:tab/>
            </w:r>
            <w:r>
              <w:tab/>
              <w:t>if (self.loadedSearches.hasOwnProperty(value)) return;</w:t>
            </w:r>
          </w:p>
          <w:p w:rsidR="00156FB3" w:rsidRDefault="00156FB3" w:rsidP="00156FB3">
            <w:r>
              <w:tab/>
            </w:r>
            <w:r>
              <w:tab/>
            </w:r>
            <w:r>
              <w:tab/>
              <w:t>self.loadedSearches[value] = true;</w:t>
            </w:r>
          </w:p>
          <w:p w:rsidR="00156FB3" w:rsidRDefault="00156FB3" w:rsidP="00156FB3">
            <w:r>
              <w:tab/>
            </w:r>
            <w:r>
              <w:tab/>
            </w:r>
            <w:r>
              <w:tab/>
              <w:t>self.load(function(callback) {</w:t>
            </w:r>
          </w:p>
          <w:p w:rsidR="00156FB3" w:rsidRDefault="00156FB3" w:rsidP="00156FB3">
            <w:r>
              <w:tab/>
            </w:r>
            <w:r>
              <w:tab/>
            </w:r>
            <w:r>
              <w:tab/>
            </w:r>
            <w:r>
              <w:tab/>
              <w:t>fn.apply(self, [value, callback]);</w:t>
            </w:r>
          </w:p>
          <w:p w:rsidR="00156FB3" w:rsidRDefault="00156FB3" w:rsidP="00156FB3">
            <w:r>
              <w:tab/>
            </w:r>
            <w:r>
              <w:tab/>
            </w:r>
            <w:r>
              <w:tab/>
              <w:t>});</w:t>
            </w:r>
          </w:p>
          <w:p w:rsidR="00156FB3" w:rsidRDefault="00156FB3" w:rsidP="00156FB3">
            <w:r>
              <w:tab/>
            </w:r>
            <w:r>
              <w:tab/>
              <w:t>},</w:t>
            </w:r>
          </w:p>
          <w:p w:rsidR="00156FB3" w:rsidRDefault="00156FB3" w:rsidP="00156FB3">
            <w:r>
              <w:lastRenderedPageBreak/>
              <w:tab/>
            </w:r>
          </w:p>
          <w:p w:rsidR="00156FB3" w:rsidRDefault="00156FB3" w:rsidP="00156FB3">
            <w:r>
              <w:tab/>
            </w:r>
            <w:r>
              <w:tab/>
              <w:t>/**</w:t>
            </w:r>
          </w:p>
          <w:p w:rsidR="00156FB3" w:rsidRDefault="00156FB3" w:rsidP="00156FB3">
            <w:r>
              <w:tab/>
            </w:r>
            <w:r>
              <w:tab/>
              <w:t xml:space="preserve"> * Triggered on &lt;input&gt; focus.</w:t>
            </w:r>
          </w:p>
          <w:p w:rsidR="00156FB3" w:rsidRDefault="00156FB3" w:rsidP="00156FB3">
            <w:r>
              <w:tab/>
            </w:r>
            <w:r>
              <w:tab/>
              <w:t xml:space="preserve"> *</w:t>
            </w:r>
          </w:p>
          <w:p w:rsidR="00156FB3" w:rsidRDefault="00156FB3" w:rsidP="00156FB3">
            <w:r>
              <w:tab/>
            </w:r>
            <w:r>
              <w:tab/>
              <w:t xml:space="preserve"> * @param {object} e (optional)</w:t>
            </w:r>
          </w:p>
          <w:p w:rsidR="00156FB3" w:rsidRDefault="00156FB3" w:rsidP="00156FB3">
            <w:r>
              <w:tab/>
            </w:r>
            <w:r>
              <w:tab/>
              <w:t xml:space="preserve"> * @returns {boolean}</w:t>
            </w:r>
          </w:p>
          <w:p w:rsidR="00156FB3" w:rsidRDefault="00156FB3" w:rsidP="00156FB3">
            <w:r>
              <w:tab/>
            </w:r>
            <w:r>
              <w:tab/>
              <w:t xml:space="preserve"> */</w:t>
            </w:r>
          </w:p>
          <w:p w:rsidR="00156FB3" w:rsidRDefault="00156FB3" w:rsidP="00156FB3">
            <w:r>
              <w:tab/>
            </w:r>
            <w:r>
              <w:tab/>
              <w:t>onFocus: function(e) {</w:t>
            </w:r>
          </w:p>
          <w:p w:rsidR="00156FB3" w:rsidRDefault="00156FB3" w:rsidP="00156FB3">
            <w:r>
              <w:tab/>
            </w:r>
            <w:r>
              <w:tab/>
            </w:r>
            <w:r>
              <w:tab/>
              <w:t>var self = this;</w:t>
            </w:r>
          </w:p>
          <w:p w:rsidR="00156FB3" w:rsidRDefault="00156FB3" w:rsidP="00156FB3">
            <w:r>
              <w:tab/>
            </w:r>
            <w:r>
              <w:tab/>
            </w:r>
            <w:r>
              <w:tab/>
              <w:t>var wasFocused = self.isFocused;</w:t>
            </w:r>
          </w:p>
          <w:p w:rsidR="00156FB3" w:rsidRDefault="00156FB3" w:rsidP="00156FB3">
            <w:r>
              <w:tab/>
            </w:r>
          </w:p>
          <w:p w:rsidR="00156FB3" w:rsidRDefault="00156FB3" w:rsidP="00156FB3">
            <w:r>
              <w:tab/>
            </w:r>
            <w:r>
              <w:tab/>
            </w:r>
            <w:r>
              <w:tab/>
              <w:t>if (self.isDisabled) {</w:t>
            </w:r>
          </w:p>
          <w:p w:rsidR="00156FB3" w:rsidRDefault="00156FB3" w:rsidP="00156FB3">
            <w:r>
              <w:tab/>
            </w:r>
            <w:r>
              <w:tab/>
            </w:r>
            <w:r>
              <w:tab/>
            </w:r>
            <w:r>
              <w:tab/>
              <w:t>self.blur();</w:t>
            </w:r>
          </w:p>
          <w:p w:rsidR="00156FB3" w:rsidRDefault="00156FB3" w:rsidP="00156FB3">
            <w:r>
              <w:tab/>
            </w:r>
            <w:r>
              <w:tab/>
            </w:r>
            <w:r>
              <w:tab/>
            </w:r>
            <w:r>
              <w:tab/>
              <w:t>e &amp;&amp; e.preventDefault();</w:t>
            </w:r>
          </w:p>
          <w:p w:rsidR="00156FB3" w:rsidRDefault="00156FB3" w:rsidP="00156FB3">
            <w:r>
              <w:tab/>
            </w:r>
            <w:r>
              <w:tab/>
            </w:r>
            <w:r>
              <w:tab/>
            </w:r>
            <w:r>
              <w:tab/>
              <w:t>return false;</w:t>
            </w:r>
          </w:p>
          <w:p w:rsidR="00156FB3" w:rsidRDefault="00156FB3" w:rsidP="00156FB3">
            <w:r>
              <w:tab/>
            </w:r>
            <w:r>
              <w:tab/>
            </w:r>
            <w:r>
              <w:tab/>
              <w:t>}</w:t>
            </w:r>
          </w:p>
          <w:p w:rsidR="00156FB3" w:rsidRDefault="00156FB3" w:rsidP="00156FB3">
            <w:r>
              <w:tab/>
            </w:r>
          </w:p>
          <w:p w:rsidR="00156FB3" w:rsidRDefault="00156FB3" w:rsidP="00156FB3">
            <w:r>
              <w:tab/>
            </w:r>
            <w:r>
              <w:tab/>
            </w:r>
            <w:r>
              <w:tab/>
              <w:t>if (self.ignoreFocus) return;</w:t>
            </w:r>
          </w:p>
          <w:p w:rsidR="00156FB3" w:rsidRDefault="00156FB3" w:rsidP="00156FB3">
            <w:r>
              <w:tab/>
            </w:r>
            <w:r>
              <w:tab/>
            </w:r>
            <w:r>
              <w:tab/>
              <w:t>self.isFocused = true;</w:t>
            </w:r>
          </w:p>
          <w:p w:rsidR="00156FB3" w:rsidRDefault="00156FB3" w:rsidP="00156FB3">
            <w:r>
              <w:tab/>
            </w:r>
            <w:r>
              <w:tab/>
            </w:r>
            <w:r>
              <w:tab/>
              <w:t>if (self.settings.preload === 'focus') self.onSearchChange('');</w:t>
            </w:r>
          </w:p>
          <w:p w:rsidR="00156FB3" w:rsidRDefault="00156FB3" w:rsidP="00156FB3">
            <w:r>
              <w:tab/>
            </w:r>
          </w:p>
          <w:p w:rsidR="00156FB3" w:rsidRDefault="00156FB3" w:rsidP="00156FB3">
            <w:r>
              <w:tab/>
            </w:r>
            <w:r>
              <w:tab/>
            </w:r>
            <w:r>
              <w:tab/>
              <w:t>if (!wasFocused) self.trigger('focus');</w:t>
            </w:r>
          </w:p>
          <w:p w:rsidR="00156FB3" w:rsidRDefault="00156FB3" w:rsidP="00156FB3">
            <w:r>
              <w:tab/>
            </w:r>
          </w:p>
          <w:p w:rsidR="00156FB3" w:rsidRDefault="00156FB3" w:rsidP="00156FB3">
            <w:r>
              <w:tab/>
            </w:r>
            <w:r>
              <w:tab/>
            </w:r>
            <w:r>
              <w:tab/>
              <w:t>if (!self.$activeItems.length) {</w:t>
            </w:r>
          </w:p>
          <w:p w:rsidR="00156FB3" w:rsidRDefault="00156FB3" w:rsidP="00156FB3">
            <w:r>
              <w:tab/>
            </w:r>
            <w:r>
              <w:tab/>
            </w:r>
            <w:r>
              <w:tab/>
            </w:r>
            <w:r>
              <w:tab/>
              <w:t>self.showInput();</w:t>
            </w:r>
          </w:p>
          <w:p w:rsidR="00156FB3" w:rsidRDefault="00156FB3" w:rsidP="00156FB3">
            <w:r>
              <w:tab/>
            </w:r>
            <w:r>
              <w:tab/>
            </w:r>
            <w:r>
              <w:tab/>
            </w:r>
            <w:r>
              <w:tab/>
              <w:t>self.setActiveItem(null);</w:t>
            </w:r>
          </w:p>
          <w:p w:rsidR="00156FB3" w:rsidRDefault="00156FB3" w:rsidP="00156FB3">
            <w:r>
              <w:tab/>
            </w:r>
            <w:r>
              <w:tab/>
            </w:r>
            <w:r>
              <w:tab/>
            </w:r>
            <w:r>
              <w:tab/>
              <w:t>self.refreshOptions(!!self.settings.openOnFocus);</w:t>
            </w:r>
          </w:p>
          <w:p w:rsidR="00156FB3" w:rsidRDefault="00156FB3" w:rsidP="00156FB3">
            <w:r>
              <w:tab/>
            </w:r>
            <w:r>
              <w:tab/>
            </w:r>
            <w:r>
              <w:tab/>
              <w:t>}</w:t>
            </w:r>
          </w:p>
          <w:p w:rsidR="00156FB3" w:rsidRDefault="00156FB3" w:rsidP="00156FB3">
            <w:r>
              <w:tab/>
            </w:r>
          </w:p>
          <w:p w:rsidR="00156FB3" w:rsidRDefault="00156FB3" w:rsidP="00156FB3">
            <w:r>
              <w:tab/>
            </w:r>
            <w:r>
              <w:tab/>
            </w:r>
            <w:r>
              <w:tab/>
              <w:t>self.refreshState();</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Triggered on &lt;input&gt; blur.</w:t>
            </w:r>
          </w:p>
          <w:p w:rsidR="00156FB3" w:rsidRDefault="00156FB3" w:rsidP="00156FB3">
            <w:r>
              <w:tab/>
            </w:r>
            <w:r>
              <w:tab/>
              <w:t xml:space="preserve"> *</w:t>
            </w:r>
          </w:p>
          <w:p w:rsidR="00156FB3" w:rsidRDefault="00156FB3" w:rsidP="00156FB3">
            <w:r>
              <w:tab/>
            </w:r>
            <w:r>
              <w:tab/>
              <w:t xml:space="preserve"> * @param {object} e</w:t>
            </w:r>
          </w:p>
          <w:p w:rsidR="00156FB3" w:rsidRDefault="00156FB3" w:rsidP="00156FB3">
            <w:r>
              <w:tab/>
            </w:r>
            <w:r>
              <w:tab/>
              <w:t xml:space="preserve"> * @param {Element} dest</w:t>
            </w:r>
          </w:p>
          <w:p w:rsidR="00156FB3" w:rsidRDefault="00156FB3" w:rsidP="00156FB3">
            <w:r>
              <w:tab/>
            </w:r>
            <w:r>
              <w:tab/>
              <w:t xml:space="preserve"> */</w:t>
            </w:r>
          </w:p>
          <w:p w:rsidR="00156FB3" w:rsidRDefault="00156FB3" w:rsidP="00156FB3">
            <w:r>
              <w:tab/>
            </w:r>
            <w:r>
              <w:tab/>
              <w:t>onBlur: function(e, dest) {</w:t>
            </w:r>
          </w:p>
          <w:p w:rsidR="00156FB3" w:rsidRDefault="00156FB3" w:rsidP="00156FB3">
            <w:r>
              <w:tab/>
            </w:r>
            <w:r>
              <w:tab/>
            </w:r>
            <w:r>
              <w:tab/>
              <w:t>var self = this;</w:t>
            </w:r>
          </w:p>
          <w:p w:rsidR="00156FB3" w:rsidRDefault="00156FB3" w:rsidP="00156FB3">
            <w:r>
              <w:tab/>
            </w:r>
            <w:r>
              <w:tab/>
            </w:r>
            <w:r>
              <w:tab/>
              <w:t>if (!self.isFocused) return;</w:t>
            </w:r>
          </w:p>
          <w:p w:rsidR="00156FB3" w:rsidRDefault="00156FB3" w:rsidP="00156FB3">
            <w:r>
              <w:tab/>
            </w:r>
            <w:r>
              <w:tab/>
            </w:r>
            <w:r>
              <w:tab/>
              <w:t>self.isFocused = false;</w:t>
            </w:r>
          </w:p>
          <w:p w:rsidR="00156FB3" w:rsidRDefault="00156FB3" w:rsidP="00156FB3">
            <w:r>
              <w:tab/>
            </w:r>
          </w:p>
          <w:p w:rsidR="00156FB3" w:rsidRDefault="00156FB3" w:rsidP="00156FB3">
            <w:r>
              <w:tab/>
            </w:r>
            <w:r>
              <w:tab/>
            </w:r>
            <w:r>
              <w:tab/>
              <w:t>if (self.ignoreFocus) {</w:t>
            </w:r>
          </w:p>
          <w:p w:rsidR="00156FB3" w:rsidRDefault="00156FB3" w:rsidP="00156FB3">
            <w:r>
              <w:tab/>
            </w:r>
            <w:r>
              <w:tab/>
            </w:r>
            <w:r>
              <w:tab/>
            </w:r>
            <w:r>
              <w:tab/>
              <w:t>return;</w:t>
            </w:r>
          </w:p>
          <w:p w:rsidR="00156FB3" w:rsidRDefault="00156FB3" w:rsidP="00156FB3">
            <w:r>
              <w:tab/>
            </w:r>
            <w:r>
              <w:tab/>
            </w:r>
            <w:r>
              <w:tab/>
              <w:t>} else if (!self.ignoreBlur &amp;&amp; document.activeElement === self.$dropdown_content[0]) {</w:t>
            </w:r>
          </w:p>
          <w:p w:rsidR="00156FB3" w:rsidRDefault="00156FB3" w:rsidP="00156FB3">
            <w:r>
              <w:tab/>
            </w:r>
            <w:r>
              <w:tab/>
            </w:r>
            <w:r>
              <w:tab/>
            </w:r>
            <w:r>
              <w:tab/>
              <w:t xml:space="preserve">// necessary to prevent IE closing the dropdown when the scrollbar is </w:t>
            </w:r>
            <w:r>
              <w:lastRenderedPageBreak/>
              <w:t>clicked</w:t>
            </w:r>
          </w:p>
          <w:p w:rsidR="00156FB3" w:rsidRDefault="00156FB3" w:rsidP="00156FB3">
            <w:r>
              <w:tab/>
            </w:r>
            <w:r>
              <w:tab/>
            </w:r>
            <w:r>
              <w:tab/>
            </w:r>
            <w:r>
              <w:tab/>
              <w:t>self.ignoreBlur = true;</w:t>
            </w:r>
          </w:p>
          <w:p w:rsidR="00156FB3" w:rsidRDefault="00156FB3" w:rsidP="00156FB3">
            <w:r>
              <w:tab/>
            </w:r>
            <w:r>
              <w:tab/>
            </w:r>
            <w:r>
              <w:tab/>
            </w:r>
            <w:r>
              <w:tab/>
              <w:t>self.onFocus(e);</w:t>
            </w:r>
          </w:p>
          <w:p w:rsidR="00156FB3" w:rsidRDefault="00156FB3" w:rsidP="00156FB3">
            <w:r>
              <w:tab/>
            </w:r>
            <w:r>
              <w:tab/>
            </w:r>
            <w:r>
              <w:tab/>
            </w:r>
            <w:r>
              <w:tab/>
              <w:t>return;</w:t>
            </w:r>
          </w:p>
          <w:p w:rsidR="00156FB3" w:rsidRDefault="00156FB3" w:rsidP="00156FB3">
            <w:r>
              <w:tab/>
            </w:r>
            <w:r>
              <w:tab/>
            </w:r>
            <w:r>
              <w:tab/>
              <w:t>}</w:t>
            </w:r>
          </w:p>
          <w:p w:rsidR="00156FB3" w:rsidRDefault="00156FB3" w:rsidP="00156FB3">
            <w:r>
              <w:tab/>
            </w:r>
          </w:p>
          <w:p w:rsidR="00156FB3" w:rsidRDefault="00156FB3" w:rsidP="00156FB3">
            <w:r>
              <w:tab/>
            </w:r>
            <w:r>
              <w:tab/>
            </w:r>
            <w:r>
              <w:tab/>
              <w:t>var deactivate = function() {</w:t>
            </w:r>
          </w:p>
          <w:p w:rsidR="00156FB3" w:rsidRDefault="00156FB3" w:rsidP="00156FB3">
            <w:r>
              <w:tab/>
            </w:r>
            <w:r>
              <w:tab/>
            </w:r>
            <w:r>
              <w:tab/>
            </w:r>
            <w:r>
              <w:tab/>
              <w:t>self.close();</w:t>
            </w:r>
          </w:p>
          <w:p w:rsidR="00156FB3" w:rsidRDefault="00156FB3" w:rsidP="00156FB3">
            <w:r>
              <w:tab/>
            </w:r>
            <w:r>
              <w:tab/>
            </w:r>
            <w:r>
              <w:tab/>
            </w:r>
            <w:r>
              <w:tab/>
              <w:t>self.setTextboxValue('');</w:t>
            </w:r>
          </w:p>
          <w:p w:rsidR="00156FB3" w:rsidRDefault="00156FB3" w:rsidP="00156FB3">
            <w:r>
              <w:tab/>
            </w:r>
            <w:r>
              <w:tab/>
            </w:r>
            <w:r>
              <w:tab/>
            </w:r>
            <w:r>
              <w:tab/>
              <w:t>self.setActiveItem(null);</w:t>
            </w:r>
          </w:p>
          <w:p w:rsidR="00156FB3" w:rsidRDefault="00156FB3" w:rsidP="00156FB3">
            <w:r>
              <w:tab/>
            </w:r>
            <w:r>
              <w:tab/>
            </w:r>
            <w:r>
              <w:tab/>
            </w:r>
            <w:r>
              <w:tab/>
              <w:t>self.setActiveOption(null);</w:t>
            </w:r>
          </w:p>
          <w:p w:rsidR="00156FB3" w:rsidRDefault="00156FB3" w:rsidP="00156FB3">
            <w:r>
              <w:tab/>
            </w:r>
            <w:r>
              <w:tab/>
            </w:r>
            <w:r>
              <w:tab/>
            </w:r>
            <w:r>
              <w:tab/>
              <w:t>self.setCaret(self.items.length);</w:t>
            </w:r>
          </w:p>
          <w:p w:rsidR="00156FB3" w:rsidRDefault="00156FB3" w:rsidP="00156FB3">
            <w:r>
              <w:tab/>
            </w:r>
            <w:r>
              <w:tab/>
            </w:r>
            <w:r>
              <w:tab/>
            </w:r>
            <w:r>
              <w:tab/>
              <w:t>self.refreshState();</w:t>
            </w:r>
          </w:p>
          <w:p w:rsidR="00156FB3" w:rsidRDefault="00156FB3" w:rsidP="00156FB3">
            <w:r>
              <w:tab/>
            </w:r>
          </w:p>
          <w:p w:rsidR="00156FB3" w:rsidRDefault="00156FB3" w:rsidP="00156FB3">
            <w:r>
              <w:tab/>
            </w:r>
            <w:r>
              <w:tab/>
            </w:r>
            <w:r>
              <w:tab/>
            </w:r>
            <w:r>
              <w:tab/>
              <w:t>// IE11 bug: element still marked as active</w:t>
            </w:r>
          </w:p>
          <w:p w:rsidR="00156FB3" w:rsidRDefault="00156FB3" w:rsidP="00156FB3">
            <w:r>
              <w:tab/>
            </w:r>
            <w:r>
              <w:tab/>
            </w:r>
            <w:r>
              <w:tab/>
            </w:r>
            <w:r>
              <w:tab/>
              <w:t>dest &amp;&amp; dest.focus &amp;&amp; dest.focus();</w:t>
            </w:r>
          </w:p>
          <w:p w:rsidR="00156FB3" w:rsidRDefault="00156FB3" w:rsidP="00156FB3">
            <w:r>
              <w:tab/>
            </w:r>
          </w:p>
          <w:p w:rsidR="00156FB3" w:rsidRDefault="00156FB3" w:rsidP="00156FB3">
            <w:r>
              <w:tab/>
            </w:r>
            <w:r>
              <w:tab/>
            </w:r>
            <w:r>
              <w:tab/>
            </w:r>
            <w:r>
              <w:tab/>
              <w:t>self.ignoreFocus = false;</w:t>
            </w:r>
          </w:p>
          <w:p w:rsidR="00156FB3" w:rsidRDefault="00156FB3" w:rsidP="00156FB3">
            <w:r>
              <w:tab/>
            </w:r>
            <w:r>
              <w:tab/>
            </w:r>
            <w:r>
              <w:tab/>
            </w:r>
            <w:r>
              <w:tab/>
              <w:t>self.trigger('blur');</w:t>
            </w:r>
          </w:p>
          <w:p w:rsidR="00156FB3" w:rsidRDefault="00156FB3" w:rsidP="00156FB3">
            <w:r>
              <w:tab/>
            </w:r>
            <w:r>
              <w:tab/>
            </w:r>
            <w:r>
              <w:tab/>
              <w:t>};</w:t>
            </w:r>
          </w:p>
          <w:p w:rsidR="00156FB3" w:rsidRDefault="00156FB3" w:rsidP="00156FB3">
            <w:r>
              <w:tab/>
            </w:r>
          </w:p>
          <w:p w:rsidR="00156FB3" w:rsidRDefault="00156FB3" w:rsidP="00156FB3">
            <w:r>
              <w:tab/>
            </w:r>
            <w:r>
              <w:tab/>
            </w:r>
            <w:r>
              <w:tab/>
              <w:t>self.ignoreFocus = true;</w:t>
            </w:r>
          </w:p>
          <w:p w:rsidR="00156FB3" w:rsidRDefault="00156FB3" w:rsidP="00156FB3">
            <w:r>
              <w:tab/>
            </w:r>
            <w:r>
              <w:tab/>
            </w:r>
            <w:r>
              <w:tab/>
              <w:t>if (self.settings.create &amp;&amp; self.settings.createOnBlur) {</w:t>
            </w:r>
          </w:p>
          <w:p w:rsidR="00156FB3" w:rsidRDefault="00156FB3" w:rsidP="00156FB3">
            <w:r>
              <w:tab/>
            </w:r>
            <w:r>
              <w:tab/>
            </w:r>
            <w:r>
              <w:tab/>
            </w:r>
            <w:r>
              <w:tab/>
              <w:t>self.createItem(null, false, deactivate);</w:t>
            </w:r>
          </w:p>
          <w:p w:rsidR="00156FB3" w:rsidRDefault="00156FB3" w:rsidP="00156FB3">
            <w:r>
              <w:tab/>
            </w:r>
            <w:r>
              <w:tab/>
            </w:r>
            <w:r>
              <w:tab/>
              <w:t>} else {</w:t>
            </w:r>
          </w:p>
          <w:p w:rsidR="00156FB3" w:rsidRDefault="00156FB3" w:rsidP="00156FB3">
            <w:r>
              <w:tab/>
            </w:r>
            <w:r>
              <w:tab/>
            </w:r>
            <w:r>
              <w:tab/>
            </w:r>
            <w:r>
              <w:tab/>
              <w:t>deactivate();</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Triggered when the user rolls over</w:t>
            </w:r>
          </w:p>
          <w:p w:rsidR="00156FB3" w:rsidRDefault="00156FB3" w:rsidP="00156FB3">
            <w:r>
              <w:tab/>
            </w:r>
            <w:r>
              <w:tab/>
              <w:t xml:space="preserve"> * an option in the autocomplete dropdown menu.</w:t>
            </w:r>
          </w:p>
          <w:p w:rsidR="00156FB3" w:rsidRDefault="00156FB3" w:rsidP="00156FB3">
            <w:r>
              <w:tab/>
            </w:r>
            <w:r>
              <w:tab/>
              <w:t xml:space="preserve"> *</w:t>
            </w:r>
          </w:p>
          <w:p w:rsidR="00156FB3" w:rsidRDefault="00156FB3" w:rsidP="00156FB3">
            <w:r>
              <w:tab/>
            </w:r>
            <w:r>
              <w:tab/>
              <w:t xml:space="preserve"> * @param {object} e</w:t>
            </w:r>
          </w:p>
          <w:p w:rsidR="00156FB3" w:rsidRDefault="00156FB3" w:rsidP="00156FB3">
            <w:r>
              <w:tab/>
            </w:r>
            <w:r>
              <w:tab/>
              <w:t xml:space="preserve"> * @returns {boolean}</w:t>
            </w:r>
          </w:p>
          <w:p w:rsidR="00156FB3" w:rsidRDefault="00156FB3" w:rsidP="00156FB3">
            <w:r>
              <w:tab/>
            </w:r>
            <w:r>
              <w:tab/>
              <w:t xml:space="preserve"> */</w:t>
            </w:r>
          </w:p>
          <w:p w:rsidR="00156FB3" w:rsidRDefault="00156FB3" w:rsidP="00156FB3">
            <w:r>
              <w:tab/>
            </w:r>
            <w:r>
              <w:tab/>
              <w:t>onOptionHover: function(e) {</w:t>
            </w:r>
          </w:p>
          <w:p w:rsidR="00156FB3" w:rsidRDefault="00156FB3" w:rsidP="00156FB3">
            <w:r>
              <w:tab/>
            </w:r>
            <w:r>
              <w:tab/>
            </w:r>
            <w:r>
              <w:tab/>
              <w:t>if (this.ignoreHover) return;</w:t>
            </w:r>
          </w:p>
          <w:p w:rsidR="00156FB3" w:rsidRDefault="00156FB3" w:rsidP="00156FB3">
            <w:r>
              <w:tab/>
            </w:r>
            <w:r>
              <w:tab/>
            </w:r>
            <w:r>
              <w:tab/>
              <w:t>this.setActiveOption(e.currentTarget, false);</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Triggered when the user clicks on an option</w:t>
            </w:r>
          </w:p>
          <w:p w:rsidR="00156FB3" w:rsidRDefault="00156FB3" w:rsidP="00156FB3">
            <w:r>
              <w:tab/>
            </w:r>
            <w:r>
              <w:tab/>
              <w:t xml:space="preserve"> * in the autocomplete dropdown menu.</w:t>
            </w:r>
          </w:p>
          <w:p w:rsidR="00156FB3" w:rsidRDefault="00156FB3" w:rsidP="00156FB3">
            <w:r>
              <w:tab/>
            </w:r>
            <w:r>
              <w:tab/>
              <w:t xml:space="preserve"> *</w:t>
            </w:r>
          </w:p>
          <w:p w:rsidR="00156FB3" w:rsidRDefault="00156FB3" w:rsidP="00156FB3">
            <w:r>
              <w:tab/>
            </w:r>
            <w:r>
              <w:tab/>
              <w:t xml:space="preserve"> * @param {object} e</w:t>
            </w:r>
          </w:p>
          <w:p w:rsidR="00156FB3" w:rsidRDefault="00156FB3" w:rsidP="00156FB3">
            <w:r>
              <w:tab/>
            </w:r>
            <w:r>
              <w:tab/>
              <w:t xml:space="preserve"> * @returns {boolean}</w:t>
            </w:r>
          </w:p>
          <w:p w:rsidR="00156FB3" w:rsidRDefault="00156FB3" w:rsidP="00156FB3">
            <w:r>
              <w:tab/>
            </w:r>
            <w:r>
              <w:tab/>
              <w:t xml:space="preserve"> */</w:t>
            </w:r>
          </w:p>
          <w:p w:rsidR="00156FB3" w:rsidRDefault="00156FB3" w:rsidP="00156FB3">
            <w:r>
              <w:lastRenderedPageBreak/>
              <w:tab/>
            </w:r>
            <w:r>
              <w:tab/>
              <w:t>onOptionSelect: function(e) {</w:t>
            </w:r>
          </w:p>
          <w:p w:rsidR="00156FB3" w:rsidRDefault="00156FB3" w:rsidP="00156FB3">
            <w:r>
              <w:tab/>
            </w:r>
            <w:r>
              <w:tab/>
            </w:r>
            <w:r>
              <w:tab/>
              <w:t>var value, $target, $option, self = this;</w:t>
            </w:r>
          </w:p>
          <w:p w:rsidR="00156FB3" w:rsidRDefault="00156FB3" w:rsidP="00156FB3">
            <w:r>
              <w:tab/>
            </w:r>
          </w:p>
          <w:p w:rsidR="00156FB3" w:rsidRDefault="00156FB3" w:rsidP="00156FB3">
            <w:r>
              <w:tab/>
            </w:r>
            <w:r>
              <w:tab/>
            </w:r>
            <w:r>
              <w:tab/>
              <w:t>if (e.preventDefault) {</w:t>
            </w:r>
          </w:p>
          <w:p w:rsidR="00156FB3" w:rsidRDefault="00156FB3" w:rsidP="00156FB3">
            <w:r>
              <w:tab/>
            </w:r>
            <w:r>
              <w:tab/>
            </w:r>
            <w:r>
              <w:tab/>
            </w:r>
            <w:r>
              <w:tab/>
              <w:t>e.preventDefault();</w:t>
            </w:r>
          </w:p>
          <w:p w:rsidR="00156FB3" w:rsidRDefault="00156FB3" w:rsidP="00156FB3">
            <w:r>
              <w:tab/>
            </w:r>
            <w:r>
              <w:tab/>
            </w:r>
            <w:r>
              <w:tab/>
            </w:r>
            <w:r>
              <w:tab/>
              <w:t>e.stopPropagation();</w:t>
            </w:r>
          </w:p>
          <w:p w:rsidR="00156FB3" w:rsidRDefault="00156FB3" w:rsidP="00156FB3">
            <w:r>
              <w:tab/>
            </w:r>
            <w:r>
              <w:tab/>
            </w:r>
            <w:r>
              <w:tab/>
              <w:t>}</w:t>
            </w:r>
          </w:p>
          <w:p w:rsidR="00156FB3" w:rsidRDefault="00156FB3" w:rsidP="00156FB3">
            <w:r>
              <w:tab/>
            </w:r>
          </w:p>
          <w:p w:rsidR="00156FB3" w:rsidRDefault="00156FB3" w:rsidP="00156FB3">
            <w:r>
              <w:tab/>
            </w:r>
            <w:r>
              <w:tab/>
            </w:r>
            <w:r>
              <w:tab/>
              <w:t>$target = $(e.currentTarget);</w:t>
            </w:r>
          </w:p>
          <w:p w:rsidR="00156FB3" w:rsidRDefault="00156FB3" w:rsidP="00156FB3">
            <w:r>
              <w:tab/>
            </w:r>
            <w:r>
              <w:tab/>
            </w:r>
            <w:r>
              <w:tab/>
              <w:t>if ($target.hasClass('create')) {</w:t>
            </w:r>
          </w:p>
          <w:p w:rsidR="00156FB3" w:rsidRDefault="00156FB3" w:rsidP="00156FB3">
            <w:r>
              <w:tab/>
            </w:r>
            <w:r>
              <w:tab/>
            </w:r>
            <w:r>
              <w:tab/>
            </w:r>
            <w:r>
              <w:tab/>
              <w:t>self.createItem(null, function() {</w:t>
            </w:r>
          </w:p>
          <w:p w:rsidR="00156FB3" w:rsidRDefault="00156FB3" w:rsidP="00156FB3">
            <w:r>
              <w:tab/>
            </w:r>
            <w:r>
              <w:tab/>
            </w:r>
            <w:r>
              <w:tab/>
            </w:r>
            <w:r>
              <w:tab/>
            </w:r>
            <w:r>
              <w:tab/>
              <w:t>if (self.settings.closeAfterSelect) {</w:t>
            </w:r>
          </w:p>
          <w:p w:rsidR="00156FB3" w:rsidRDefault="00156FB3" w:rsidP="00156FB3">
            <w:r>
              <w:tab/>
            </w:r>
            <w:r>
              <w:tab/>
            </w:r>
            <w:r>
              <w:tab/>
            </w:r>
            <w:r>
              <w:tab/>
            </w:r>
            <w:r>
              <w:tab/>
            </w:r>
            <w:r>
              <w:tab/>
              <w:t>self.close();</w:t>
            </w:r>
          </w:p>
          <w:p w:rsidR="00156FB3" w:rsidRDefault="00156FB3" w:rsidP="00156FB3">
            <w:r>
              <w:tab/>
            </w:r>
            <w:r>
              <w:tab/>
            </w:r>
            <w:r>
              <w:tab/>
            </w:r>
            <w:r>
              <w:tab/>
            </w:r>
            <w:r>
              <w:tab/>
              <w:t>}</w:t>
            </w:r>
          </w:p>
          <w:p w:rsidR="00156FB3" w:rsidRDefault="00156FB3" w:rsidP="00156FB3">
            <w:r>
              <w:tab/>
            </w:r>
            <w:r>
              <w:tab/>
            </w:r>
            <w:r>
              <w:tab/>
            </w:r>
            <w:r>
              <w:tab/>
              <w:t>});</w:t>
            </w:r>
          </w:p>
          <w:p w:rsidR="00156FB3" w:rsidRDefault="00156FB3" w:rsidP="00156FB3">
            <w:r>
              <w:tab/>
            </w:r>
            <w:r>
              <w:tab/>
            </w:r>
            <w:r>
              <w:tab/>
              <w:t>} else {</w:t>
            </w:r>
          </w:p>
          <w:p w:rsidR="00156FB3" w:rsidRDefault="00156FB3" w:rsidP="00156FB3">
            <w:r>
              <w:tab/>
            </w:r>
            <w:r>
              <w:tab/>
            </w:r>
            <w:r>
              <w:tab/>
            </w:r>
            <w:r>
              <w:tab/>
              <w:t>value = $target.attr('data-value');</w:t>
            </w:r>
          </w:p>
          <w:p w:rsidR="00156FB3" w:rsidRDefault="00156FB3" w:rsidP="00156FB3">
            <w:r>
              <w:tab/>
            </w:r>
            <w:r>
              <w:tab/>
            </w:r>
            <w:r>
              <w:tab/>
            </w:r>
            <w:r>
              <w:tab/>
              <w:t>if (typeof value !== 'undefined') {</w:t>
            </w:r>
          </w:p>
          <w:p w:rsidR="00156FB3" w:rsidRDefault="00156FB3" w:rsidP="00156FB3">
            <w:r>
              <w:tab/>
            </w:r>
            <w:r>
              <w:tab/>
            </w:r>
            <w:r>
              <w:tab/>
            </w:r>
            <w:r>
              <w:tab/>
            </w:r>
            <w:r>
              <w:tab/>
              <w:t>self.lastQuery = null;</w:t>
            </w:r>
          </w:p>
          <w:p w:rsidR="00156FB3" w:rsidRDefault="00156FB3" w:rsidP="00156FB3">
            <w:r>
              <w:tab/>
            </w:r>
            <w:r>
              <w:tab/>
            </w:r>
            <w:r>
              <w:tab/>
            </w:r>
            <w:r>
              <w:tab/>
            </w:r>
            <w:r>
              <w:tab/>
              <w:t>self.setTextboxValue('');</w:t>
            </w:r>
          </w:p>
          <w:p w:rsidR="00156FB3" w:rsidRDefault="00156FB3" w:rsidP="00156FB3">
            <w:r>
              <w:tab/>
            </w:r>
            <w:r>
              <w:tab/>
            </w:r>
            <w:r>
              <w:tab/>
            </w:r>
            <w:r>
              <w:tab/>
            </w:r>
            <w:r>
              <w:tab/>
              <w:t>self.addItem(value);</w:t>
            </w:r>
          </w:p>
          <w:p w:rsidR="00156FB3" w:rsidRDefault="00156FB3" w:rsidP="00156FB3">
            <w:r>
              <w:tab/>
            </w:r>
            <w:r>
              <w:tab/>
            </w:r>
            <w:r>
              <w:tab/>
            </w:r>
            <w:r>
              <w:tab/>
            </w:r>
            <w:r>
              <w:tab/>
              <w:t>if (self.settings.closeAfterSelect) {</w:t>
            </w:r>
          </w:p>
          <w:p w:rsidR="00156FB3" w:rsidRDefault="00156FB3" w:rsidP="00156FB3">
            <w:r>
              <w:tab/>
            </w:r>
            <w:r>
              <w:tab/>
            </w:r>
            <w:r>
              <w:tab/>
            </w:r>
            <w:r>
              <w:tab/>
            </w:r>
            <w:r>
              <w:tab/>
            </w:r>
            <w:r>
              <w:tab/>
              <w:t>self.close();</w:t>
            </w:r>
          </w:p>
          <w:p w:rsidR="00156FB3" w:rsidRDefault="00156FB3" w:rsidP="00156FB3">
            <w:r>
              <w:tab/>
            </w:r>
            <w:r>
              <w:tab/>
            </w:r>
            <w:r>
              <w:tab/>
            </w:r>
            <w:r>
              <w:tab/>
            </w:r>
            <w:r>
              <w:tab/>
              <w:t>} else if (!self.settings.hideSelected &amp;&amp; e.type &amp;&amp; /mouse/.test(e.type)) {</w:t>
            </w:r>
          </w:p>
          <w:p w:rsidR="00156FB3" w:rsidRDefault="00156FB3" w:rsidP="00156FB3">
            <w:r>
              <w:tab/>
            </w:r>
            <w:r>
              <w:tab/>
            </w:r>
            <w:r>
              <w:tab/>
            </w:r>
            <w:r>
              <w:tab/>
            </w:r>
            <w:r>
              <w:tab/>
            </w:r>
            <w:r>
              <w:tab/>
              <w:t>self.setActiveOption(self.getOption(value));</w:t>
            </w:r>
          </w:p>
          <w:p w:rsidR="00156FB3" w:rsidRDefault="00156FB3" w:rsidP="00156FB3">
            <w:r>
              <w:tab/>
            </w:r>
            <w:r>
              <w:tab/>
            </w:r>
            <w:r>
              <w:tab/>
            </w:r>
            <w:r>
              <w:tab/>
            </w:r>
            <w:r>
              <w:tab/>
              <w:t>}</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Triggered when the user clicks on an item</w:t>
            </w:r>
          </w:p>
          <w:p w:rsidR="00156FB3" w:rsidRDefault="00156FB3" w:rsidP="00156FB3">
            <w:r>
              <w:tab/>
            </w:r>
            <w:r>
              <w:tab/>
              <w:t xml:space="preserve"> * that has been selected.</w:t>
            </w:r>
          </w:p>
          <w:p w:rsidR="00156FB3" w:rsidRDefault="00156FB3" w:rsidP="00156FB3">
            <w:r>
              <w:tab/>
            </w:r>
            <w:r>
              <w:tab/>
              <w:t xml:space="preserve"> *</w:t>
            </w:r>
          </w:p>
          <w:p w:rsidR="00156FB3" w:rsidRDefault="00156FB3" w:rsidP="00156FB3">
            <w:r>
              <w:tab/>
            </w:r>
            <w:r>
              <w:tab/>
              <w:t xml:space="preserve"> * @param {object} e</w:t>
            </w:r>
          </w:p>
          <w:p w:rsidR="00156FB3" w:rsidRDefault="00156FB3" w:rsidP="00156FB3">
            <w:r>
              <w:tab/>
            </w:r>
            <w:r>
              <w:tab/>
              <w:t xml:space="preserve"> * @returns {boolean}</w:t>
            </w:r>
          </w:p>
          <w:p w:rsidR="00156FB3" w:rsidRDefault="00156FB3" w:rsidP="00156FB3">
            <w:r>
              <w:tab/>
            </w:r>
            <w:r>
              <w:tab/>
              <w:t xml:space="preserve"> */</w:t>
            </w:r>
          </w:p>
          <w:p w:rsidR="00156FB3" w:rsidRDefault="00156FB3" w:rsidP="00156FB3">
            <w:r>
              <w:tab/>
            </w:r>
            <w:r>
              <w:tab/>
              <w:t>onItemSelect: function(e) {</w:t>
            </w:r>
          </w:p>
          <w:p w:rsidR="00156FB3" w:rsidRDefault="00156FB3" w:rsidP="00156FB3">
            <w:r>
              <w:tab/>
            </w:r>
            <w:r>
              <w:tab/>
            </w:r>
            <w:r>
              <w:tab/>
              <w:t>var self = this;</w:t>
            </w:r>
          </w:p>
          <w:p w:rsidR="00156FB3" w:rsidRDefault="00156FB3" w:rsidP="00156FB3">
            <w:r>
              <w:tab/>
            </w:r>
          </w:p>
          <w:p w:rsidR="00156FB3" w:rsidRDefault="00156FB3" w:rsidP="00156FB3">
            <w:r>
              <w:tab/>
            </w:r>
            <w:r>
              <w:tab/>
            </w:r>
            <w:r>
              <w:tab/>
              <w:t>if (self.isLocked) return;</w:t>
            </w:r>
          </w:p>
          <w:p w:rsidR="00156FB3" w:rsidRDefault="00156FB3" w:rsidP="00156FB3">
            <w:r>
              <w:tab/>
            </w:r>
            <w:r>
              <w:tab/>
            </w:r>
            <w:r>
              <w:tab/>
              <w:t>if (self.settings.mode === 'multi') {</w:t>
            </w:r>
          </w:p>
          <w:p w:rsidR="00156FB3" w:rsidRDefault="00156FB3" w:rsidP="00156FB3">
            <w:r>
              <w:tab/>
            </w:r>
            <w:r>
              <w:tab/>
            </w:r>
            <w:r>
              <w:tab/>
            </w:r>
            <w:r>
              <w:tab/>
              <w:t>e.preventDefault();</w:t>
            </w:r>
          </w:p>
          <w:p w:rsidR="00156FB3" w:rsidRDefault="00156FB3" w:rsidP="00156FB3">
            <w:r>
              <w:tab/>
            </w:r>
            <w:r>
              <w:tab/>
            </w:r>
            <w:r>
              <w:tab/>
            </w:r>
            <w:r>
              <w:tab/>
              <w:t>self.setActiveItem(e.currentTarget, e);</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lastRenderedPageBreak/>
              <w:tab/>
            </w:r>
            <w:r>
              <w:tab/>
              <w:t>/**</w:t>
            </w:r>
          </w:p>
          <w:p w:rsidR="00156FB3" w:rsidRDefault="00156FB3" w:rsidP="00156FB3">
            <w:r>
              <w:tab/>
            </w:r>
            <w:r>
              <w:tab/>
              <w:t xml:space="preserve"> * Invokes the provided method that provides</w:t>
            </w:r>
          </w:p>
          <w:p w:rsidR="00156FB3" w:rsidRDefault="00156FB3" w:rsidP="00156FB3">
            <w:r>
              <w:tab/>
            </w:r>
            <w:r>
              <w:tab/>
              <w:t xml:space="preserve"> * results to a callback---which are then added</w:t>
            </w:r>
          </w:p>
          <w:p w:rsidR="00156FB3" w:rsidRDefault="00156FB3" w:rsidP="00156FB3">
            <w:r>
              <w:tab/>
            </w:r>
            <w:r>
              <w:tab/>
              <w:t xml:space="preserve"> * as options to the control.</w:t>
            </w:r>
          </w:p>
          <w:p w:rsidR="00156FB3" w:rsidRDefault="00156FB3" w:rsidP="00156FB3">
            <w:r>
              <w:tab/>
            </w:r>
            <w:r>
              <w:tab/>
              <w:t xml:space="preserve"> *</w:t>
            </w:r>
          </w:p>
          <w:p w:rsidR="00156FB3" w:rsidRDefault="00156FB3" w:rsidP="00156FB3">
            <w:r>
              <w:tab/>
            </w:r>
            <w:r>
              <w:tab/>
              <w:t xml:space="preserve"> * @param {function} fn</w:t>
            </w:r>
          </w:p>
          <w:p w:rsidR="00156FB3" w:rsidRDefault="00156FB3" w:rsidP="00156FB3">
            <w:r>
              <w:tab/>
            </w:r>
            <w:r>
              <w:tab/>
              <w:t xml:space="preserve"> */</w:t>
            </w:r>
          </w:p>
          <w:p w:rsidR="00156FB3" w:rsidRDefault="00156FB3" w:rsidP="00156FB3">
            <w:r>
              <w:tab/>
            </w:r>
            <w:r>
              <w:tab/>
              <w:t>load: function(fn) {</w:t>
            </w:r>
          </w:p>
          <w:p w:rsidR="00156FB3" w:rsidRDefault="00156FB3" w:rsidP="00156FB3">
            <w:r>
              <w:tab/>
            </w:r>
            <w:r>
              <w:tab/>
            </w:r>
            <w:r>
              <w:tab/>
              <w:t>var self = this;</w:t>
            </w:r>
          </w:p>
          <w:p w:rsidR="00156FB3" w:rsidRDefault="00156FB3" w:rsidP="00156FB3">
            <w:r>
              <w:tab/>
            </w:r>
            <w:r>
              <w:tab/>
            </w:r>
            <w:r>
              <w:tab/>
              <w:t>var $wrapper = self.$wrapper.addClass(self.settings.loadingClass);</w:t>
            </w:r>
          </w:p>
          <w:p w:rsidR="00156FB3" w:rsidRDefault="00156FB3" w:rsidP="00156FB3">
            <w:r>
              <w:tab/>
            </w:r>
          </w:p>
          <w:p w:rsidR="00156FB3" w:rsidRDefault="00156FB3" w:rsidP="00156FB3">
            <w:r>
              <w:tab/>
            </w:r>
            <w:r>
              <w:tab/>
            </w:r>
            <w:r>
              <w:tab/>
              <w:t>self.loading++;</w:t>
            </w:r>
          </w:p>
          <w:p w:rsidR="00156FB3" w:rsidRDefault="00156FB3" w:rsidP="00156FB3">
            <w:r>
              <w:tab/>
            </w:r>
            <w:r>
              <w:tab/>
            </w:r>
            <w:r>
              <w:tab/>
              <w:t>fn.apply(self, [function(results) {</w:t>
            </w:r>
          </w:p>
          <w:p w:rsidR="00156FB3" w:rsidRDefault="00156FB3" w:rsidP="00156FB3">
            <w:r>
              <w:tab/>
            </w:r>
            <w:r>
              <w:tab/>
            </w:r>
            <w:r>
              <w:tab/>
            </w:r>
            <w:r>
              <w:tab/>
              <w:t>self.loading = Math.max(self.loading - 1, 0);</w:t>
            </w:r>
          </w:p>
          <w:p w:rsidR="00156FB3" w:rsidRDefault="00156FB3" w:rsidP="00156FB3">
            <w:r>
              <w:tab/>
            </w:r>
            <w:r>
              <w:tab/>
            </w:r>
            <w:r>
              <w:tab/>
            </w:r>
            <w:r>
              <w:tab/>
              <w:t>if (results &amp;&amp; results.length) {</w:t>
            </w:r>
          </w:p>
          <w:p w:rsidR="00156FB3" w:rsidRDefault="00156FB3" w:rsidP="00156FB3">
            <w:r>
              <w:tab/>
            </w:r>
            <w:r>
              <w:tab/>
            </w:r>
            <w:r>
              <w:tab/>
            </w:r>
            <w:r>
              <w:tab/>
            </w:r>
            <w:r>
              <w:tab/>
              <w:t>self.addOption(results);</w:t>
            </w:r>
          </w:p>
          <w:p w:rsidR="00156FB3" w:rsidRDefault="00156FB3" w:rsidP="00156FB3">
            <w:r>
              <w:tab/>
            </w:r>
            <w:r>
              <w:tab/>
            </w:r>
            <w:r>
              <w:tab/>
            </w:r>
            <w:r>
              <w:tab/>
            </w:r>
            <w:r>
              <w:tab/>
              <w:t>self.refreshOptions(self.isFocused &amp;&amp; !self.isInputHidden);</w:t>
            </w:r>
          </w:p>
          <w:p w:rsidR="00156FB3" w:rsidRDefault="00156FB3" w:rsidP="00156FB3">
            <w:r>
              <w:tab/>
            </w:r>
            <w:r>
              <w:tab/>
            </w:r>
            <w:r>
              <w:tab/>
            </w:r>
            <w:r>
              <w:tab/>
              <w:t>}</w:t>
            </w:r>
          </w:p>
          <w:p w:rsidR="00156FB3" w:rsidRDefault="00156FB3" w:rsidP="00156FB3">
            <w:r>
              <w:tab/>
            </w:r>
            <w:r>
              <w:tab/>
            </w:r>
            <w:r>
              <w:tab/>
            </w:r>
            <w:r>
              <w:tab/>
              <w:t>if (!self.loading) {</w:t>
            </w:r>
          </w:p>
          <w:p w:rsidR="00156FB3" w:rsidRDefault="00156FB3" w:rsidP="00156FB3">
            <w:r>
              <w:tab/>
            </w:r>
            <w:r>
              <w:tab/>
            </w:r>
            <w:r>
              <w:tab/>
            </w:r>
            <w:r>
              <w:tab/>
            </w:r>
            <w:r>
              <w:tab/>
              <w:t>$wrapper.removeClass(self.settings.loadingClass);</w:t>
            </w:r>
          </w:p>
          <w:p w:rsidR="00156FB3" w:rsidRDefault="00156FB3" w:rsidP="00156FB3">
            <w:r>
              <w:tab/>
            </w:r>
            <w:r>
              <w:tab/>
            </w:r>
            <w:r>
              <w:tab/>
            </w:r>
            <w:r>
              <w:tab/>
              <w:t>}</w:t>
            </w:r>
          </w:p>
          <w:p w:rsidR="00156FB3" w:rsidRDefault="00156FB3" w:rsidP="00156FB3">
            <w:r>
              <w:tab/>
            </w:r>
            <w:r>
              <w:tab/>
            </w:r>
            <w:r>
              <w:tab/>
            </w:r>
            <w:r>
              <w:tab/>
              <w:t>self.trigger('load', results);</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Sets the input field of the control to the specified value.</w:t>
            </w:r>
          </w:p>
          <w:p w:rsidR="00156FB3" w:rsidRDefault="00156FB3" w:rsidP="00156FB3">
            <w:r>
              <w:tab/>
            </w:r>
            <w:r>
              <w:tab/>
              <w:t xml:space="preserve"> *</w:t>
            </w:r>
          </w:p>
          <w:p w:rsidR="00156FB3" w:rsidRDefault="00156FB3" w:rsidP="00156FB3">
            <w:r>
              <w:tab/>
            </w:r>
            <w:r>
              <w:tab/>
              <w:t xml:space="preserve"> * @param {string} value</w:t>
            </w:r>
          </w:p>
          <w:p w:rsidR="00156FB3" w:rsidRDefault="00156FB3" w:rsidP="00156FB3">
            <w:r>
              <w:tab/>
            </w:r>
            <w:r>
              <w:tab/>
              <w:t xml:space="preserve"> */</w:t>
            </w:r>
          </w:p>
          <w:p w:rsidR="00156FB3" w:rsidRDefault="00156FB3" w:rsidP="00156FB3">
            <w:r>
              <w:tab/>
            </w:r>
            <w:r>
              <w:tab/>
              <w:t>setTextboxValue: function(value) {</w:t>
            </w:r>
          </w:p>
          <w:p w:rsidR="00156FB3" w:rsidRDefault="00156FB3" w:rsidP="00156FB3">
            <w:r>
              <w:tab/>
            </w:r>
            <w:r>
              <w:tab/>
            </w:r>
            <w:r>
              <w:tab/>
              <w:t>var $input = this.$control_input;</w:t>
            </w:r>
          </w:p>
          <w:p w:rsidR="00156FB3" w:rsidRDefault="00156FB3" w:rsidP="00156FB3">
            <w:r>
              <w:tab/>
            </w:r>
            <w:r>
              <w:tab/>
            </w:r>
            <w:r>
              <w:tab/>
              <w:t>var changed = $input.val() !== value;</w:t>
            </w:r>
          </w:p>
          <w:p w:rsidR="00156FB3" w:rsidRDefault="00156FB3" w:rsidP="00156FB3">
            <w:r>
              <w:tab/>
            </w:r>
            <w:r>
              <w:tab/>
            </w:r>
            <w:r>
              <w:tab/>
              <w:t>if (changed) {</w:t>
            </w:r>
          </w:p>
          <w:p w:rsidR="00156FB3" w:rsidRDefault="00156FB3" w:rsidP="00156FB3">
            <w:r>
              <w:tab/>
            </w:r>
            <w:r>
              <w:tab/>
            </w:r>
            <w:r>
              <w:tab/>
            </w:r>
            <w:r>
              <w:tab/>
              <w:t>$input.val(value).triggerHandler('update');</w:t>
            </w:r>
          </w:p>
          <w:p w:rsidR="00156FB3" w:rsidRDefault="00156FB3" w:rsidP="00156FB3">
            <w:r>
              <w:tab/>
            </w:r>
            <w:r>
              <w:tab/>
            </w:r>
            <w:r>
              <w:tab/>
            </w:r>
            <w:r>
              <w:tab/>
              <w:t>this.lastValue = value;</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Returns the value of the control. If multiple items</w:t>
            </w:r>
          </w:p>
          <w:p w:rsidR="00156FB3" w:rsidRDefault="00156FB3" w:rsidP="00156FB3">
            <w:r>
              <w:tab/>
            </w:r>
            <w:r>
              <w:tab/>
              <w:t xml:space="preserve"> * can be selected (e.g. &lt;select multiple&gt;), this returns</w:t>
            </w:r>
          </w:p>
          <w:p w:rsidR="00156FB3" w:rsidRDefault="00156FB3" w:rsidP="00156FB3">
            <w:r>
              <w:tab/>
            </w:r>
            <w:r>
              <w:tab/>
              <w:t xml:space="preserve"> * an array. If only one item can be selected, this</w:t>
            </w:r>
          </w:p>
          <w:p w:rsidR="00156FB3" w:rsidRDefault="00156FB3" w:rsidP="00156FB3">
            <w:r>
              <w:tab/>
            </w:r>
            <w:r>
              <w:tab/>
              <w:t xml:space="preserve"> * returns a string.</w:t>
            </w:r>
          </w:p>
          <w:p w:rsidR="00156FB3" w:rsidRDefault="00156FB3" w:rsidP="00156FB3">
            <w:r>
              <w:tab/>
            </w:r>
            <w:r>
              <w:tab/>
              <w:t xml:space="preserve"> *</w:t>
            </w:r>
          </w:p>
          <w:p w:rsidR="00156FB3" w:rsidRDefault="00156FB3" w:rsidP="00156FB3">
            <w:r>
              <w:tab/>
            </w:r>
            <w:r>
              <w:tab/>
              <w:t xml:space="preserve"> * @returns {mixed}</w:t>
            </w:r>
          </w:p>
          <w:p w:rsidR="00156FB3" w:rsidRDefault="00156FB3" w:rsidP="00156FB3">
            <w:r>
              <w:tab/>
            </w:r>
            <w:r>
              <w:tab/>
              <w:t xml:space="preserve"> */</w:t>
            </w:r>
          </w:p>
          <w:p w:rsidR="00156FB3" w:rsidRDefault="00156FB3" w:rsidP="00156FB3">
            <w:r>
              <w:tab/>
            </w:r>
            <w:r>
              <w:tab/>
              <w:t>getValue: function() {</w:t>
            </w:r>
          </w:p>
          <w:p w:rsidR="00156FB3" w:rsidRDefault="00156FB3" w:rsidP="00156FB3">
            <w:r>
              <w:lastRenderedPageBreak/>
              <w:tab/>
            </w:r>
            <w:r>
              <w:tab/>
            </w:r>
            <w:r>
              <w:tab/>
              <w:t>if (this.tagType === TAG_SELECT &amp;&amp; this.$input.attr('multiple')) {</w:t>
            </w:r>
          </w:p>
          <w:p w:rsidR="00156FB3" w:rsidRDefault="00156FB3" w:rsidP="00156FB3">
            <w:r>
              <w:tab/>
            </w:r>
            <w:r>
              <w:tab/>
            </w:r>
            <w:r>
              <w:tab/>
            </w:r>
            <w:r>
              <w:tab/>
              <w:t>return this.items;</w:t>
            </w:r>
          </w:p>
          <w:p w:rsidR="00156FB3" w:rsidRDefault="00156FB3" w:rsidP="00156FB3">
            <w:r>
              <w:tab/>
            </w:r>
            <w:r>
              <w:tab/>
            </w:r>
            <w:r>
              <w:tab/>
              <w:t>} else {</w:t>
            </w:r>
          </w:p>
          <w:p w:rsidR="00156FB3" w:rsidRDefault="00156FB3" w:rsidP="00156FB3">
            <w:r>
              <w:tab/>
            </w:r>
            <w:r>
              <w:tab/>
            </w:r>
            <w:r>
              <w:tab/>
            </w:r>
            <w:r>
              <w:tab/>
              <w:t>return this.items.join(this.settings.delimiter);</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Resets the selected items to the given value.</w:t>
            </w:r>
          </w:p>
          <w:p w:rsidR="00156FB3" w:rsidRDefault="00156FB3" w:rsidP="00156FB3">
            <w:r>
              <w:tab/>
            </w:r>
            <w:r>
              <w:tab/>
              <w:t xml:space="preserve"> *</w:t>
            </w:r>
          </w:p>
          <w:p w:rsidR="00156FB3" w:rsidRDefault="00156FB3" w:rsidP="00156FB3">
            <w:r>
              <w:tab/>
            </w:r>
            <w:r>
              <w:tab/>
              <w:t xml:space="preserve"> * @param {mixed} value</w:t>
            </w:r>
          </w:p>
          <w:p w:rsidR="00156FB3" w:rsidRDefault="00156FB3" w:rsidP="00156FB3">
            <w:r>
              <w:tab/>
            </w:r>
            <w:r>
              <w:tab/>
              <w:t xml:space="preserve"> */</w:t>
            </w:r>
          </w:p>
          <w:p w:rsidR="00156FB3" w:rsidRDefault="00156FB3" w:rsidP="00156FB3">
            <w:r>
              <w:tab/>
            </w:r>
            <w:r>
              <w:tab/>
              <w:t>setValue: function(value, silent) {</w:t>
            </w:r>
          </w:p>
          <w:p w:rsidR="00156FB3" w:rsidRDefault="00156FB3" w:rsidP="00156FB3">
            <w:r>
              <w:tab/>
            </w:r>
            <w:r>
              <w:tab/>
            </w:r>
            <w:r>
              <w:tab/>
              <w:t>var events = silent ? [] : ['change'];</w:t>
            </w:r>
          </w:p>
          <w:p w:rsidR="00156FB3" w:rsidRDefault="00156FB3" w:rsidP="00156FB3">
            <w:r>
              <w:tab/>
            </w:r>
          </w:p>
          <w:p w:rsidR="00156FB3" w:rsidRDefault="00156FB3" w:rsidP="00156FB3">
            <w:r>
              <w:tab/>
            </w:r>
            <w:r>
              <w:tab/>
            </w:r>
            <w:r>
              <w:tab/>
              <w:t>debounce_events(this, events, function() {</w:t>
            </w:r>
          </w:p>
          <w:p w:rsidR="00156FB3" w:rsidRDefault="00156FB3" w:rsidP="00156FB3">
            <w:r>
              <w:tab/>
            </w:r>
            <w:r>
              <w:tab/>
            </w:r>
            <w:r>
              <w:tab/>
            </w:r>
            <w:r>
              <w:tab/>
              <w:t>this.clear(silent);</w:t>
            </w:r>
          </w:p>
          <w:p w:rsidR="00156FB3" w:rsidRDefault="00156FB3" w:rsidP="00156FB3">
            <w:r>
              <w:tab/>
            </w:r>
            <w:r>
              <w:tab/>
            </w:r>
            <w:r>
              <w:tab/>
            </w:r>
            <w:r>
              <w:tab/>
              <w:t>this.addItems(value, silent);</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Sets the selected item.</w:t>
            </w:r>
          </w:p>
          <w:p w:rsidR="00156FB3" w:rsidRDefault="00156FB3" w:rsidP="00156FB3">
            <w:r>
              <w:tab/>
            </w:r>
            <w:r>
              <w:tab/>
              <w:t xml:space="preserve"> *</w:t>
            </w:r>
          </w:p>
          <w:p w:rsidR="00156FB3" w:rsidRDefault="00156FB3" w:rsidP="00156FB3">
            <w:r>
              <w:tab/>
            </w:r>
            <w:r>
              <w:tab/>
              <w:t xml:space="preserve"> * @param {object} $item</w:t>
            </w:r>
          </w:p>
          <w:p w:rsidR="00156FB3" w:rsidRDefault="00156FB3" w:rsidP="00156FB3">
            <w:r>
              <w:tab/>
            </w:r>
            <w:r>
              <w:tab/>
              <w:t xml:space="preserve"> * @param {object} e (optional)</w:t>
            </w:r>
          </w:p>
          <w:p w:rsidR="00156FB3" w:rsidRDefault="00156FB3" w:rsidP="00156FB3">
            <w:r>
              <w:tab/>
            </w:r>
            <w:r>
              <w:tab/>
              <w:t xml:space="preserve"> */</w:t>
            </w:r>
          </w:p>
          <w:p w:rsidR="00156FB3" w:rsidRDefault="00156FB3" w:rsidP="00156FB3">
            <w:r>
              <w:tab/>
            </w:r>
            <w:r>
              <w:tab/>
              <w:t>setActiveItem: function($item, e) {</w:t>
            </w:r>
          </w:p>
          <w:p w:rsidR="00156FB3" w:rsidRDefault="00156FB3" w:rsidP="00156FB3">
            <w:r>
              <w:tab/>
            </w:r>
            <w:r>
              <w:tab/>
            </w:r>
            <w:r>
              <w:tab/>
              <w:t>var self = this;</w:t>
            </w:r>
          </w:p>
          <w:p w:rsidR="00156FB3" w:rsidRDefault="00156FB3" w:rsidP="00156FB3">
            <w:r>
              <w:tab/>
            </w:r>
            <w:r>
              <w:tab/>
            </w:r>
            <w:r>
              <w:tab/>
              <w:t>var eventName;</w:t>
            </w:r>
          </w:p>
          <w:p w:rsidR="00156FB3" w:rsidRDefault="00156FB3" w:rsidP="00156FB3">
            <w:r>
              <w:tab/>
            </w:r>
            <w:r>
              <w:tab/>
            </w:r>
            <w:r>
              <w:tab/>
              <w:t>var i, idx, begin, end, item, swap;</w:t>
            </w:r>
          </w:p>
          <w:p w:rsidR="00156FB3" w:rsidRDefault="00156FB3" w:rsidP="00156FB3">
            <w:r>
              <w:tab/>
            </w:r>
            <w:r>
              <w:tab/>
            </w:r>
            <w:r>
              <w:tab/>
              <w:t>var $last;</w:t>
            </w:r>
          </w:p>
          <w:p w:rsidR="00156FB3" w:rsidRDefault="00156FB3" w:rsidP="00156FB3">
            <w:r>
              <w:tab/>
            </w:r>
          </w:p>
          <w:p w:rsidR="00156FB3" w:rsidRDefault="00156FB3" w:rsidP="00156FB3">
            <w:r>
              <w:tab/>
            </w:r>
            <w:r>
              <w:tab/>
            </w:r>
            <w:r>
              <w:tab/>
              <w:t>if (self.settings.mode === 'single') return;</w:t>
            </w:r>
          </w:p>
          <w:p w:rsidR="00156FB3" w:rsidRDefault="00156FB3" w:rsidP="00156FB3">
            <w:r>
              <w:tab/>
            </w:r>
            <w:r>
              <w:tab/>
            </w:r>
            <w:r>
              <w:tab/>
              <w:t>$item = $($item);</w:t>
            </w:r>
          </w:p>
          <w:p w:rsidR="00156FB3" w:rsidRDefault="00156FB3" w:rsidP="00156FB3">
            <w:r>
              <w:tab/>
            </w:r>
          </w:p>
          <w:p w:rsidR="00156FB3" w:rsidRDefault="00156FB3" w:rsidP="00156FB3">
            <w:r>
              <w:tab/>
            </w:r>
            <w:r>
              <w:tab/>
            </w:r>
            <w:r>
              <w:tab/>
              <w:t>// clear the active selection</w:t>
            </w:r>
          </w:p>
          <w:p w:rsidR="00156FB3" w:rsidRDefault="00156FB3" w:rsidP="00156FB3">
            <w:r>
              <w:tab/>
            </w:r>
            <w:r>
              <w:tab/>
            </w:r>
            <w:r>
              <w:tab/>
              <w:t>if (!$item.length) {</w:t>
            </w:r>
          </w:p>
          <w:p w:rsidR="00156FB3" w:rsidRDefault="00156FB3" w:rsidP="00156FB3">
            <w:r>
              <w:tab/>
            </w:r>
            <w:r>
              <w:tab/>
            </w:r>
            <w:r>
              <w:tab/>
            </w:r>
            <w:r>
              <w:tab/>
              <w:t>$(self.$activeItems).removeClass('active');</w:t>
            </w:r>
          </w:p>
          <w:p w:rsidR="00156FB3" w:rsidRDefault="00156FB3" w:rsidP="00156FB3">
            <w:r>
              <w:tab/>
            </w:r>
            <w:r>
              <w:tab/>
            </w:r>
            <w:r>
              <w:tab/>
            </w:r>
            <w:r>
              <w:tab/>
              <w:t>self.$activeItems = [];</w:t>
            </w:r>
          </w:p>
          <w:p w:rsidR="00156FB3" w:rsidRDefault="00156FB3" w:rsidP="00156FB3">
            <w:r>
              <w:tab/>
            </w:r>
            <w:r>
              <w:tab/>
            </w:r>
            <w:r>
              <w:tab/>
            </w:r>
            <w:r>
              <w:tab/>
              <w:t>if (self.isFocused) {</w:t>
            </w:r>
          </w:p>
          <w:p w:rsidR="00156FB3" w:rsidRDefault="00156FB3" w:rsidP="00156FB3">
            <w:r>
              <w:tab/>
            </w:r>
            <w:r>
              <w:tab/>
            </w:r>
            <w:r>
              <w:tab/>
            </w:r>
            <w:r>
              <w:tab/>
            </w:r>
            <w:r>
              <w:tab/>
              <w:t>self.showInput();</w:t>
            </w:r>
          </w:p>
          <w:p w:rsidR="00156FB3" w:rsidRDefault="00156FB3" w:rsidP="00156FB3">
            <w:r>
              <w:tab/>
            </w:r>
            <w:r>
              <w:tab/>
            </w:r>
            <w:r>
              <w:tab/>
            </w:r>
            <w:r>
              <w:tab/>
              <w:t>}</w:t>
            </w:r>
          </w:p>
          <w:p w:rsidR="00156FB3" w:rsidRDefault="00156FB3" w:rsidP="00156FB3">
            <w:r>
              <w:tab/>
            </w:r>
            <w:r>
              <w:tab/>
            </w:r>
            <w:r>
              <w:tab/>
            </w:r>
            <w:r>
              <w:tab/>
              <w:t>return;</w:t>
            </w:r>
          </w:p>
          <w:p w:rsidR="00156FB3" w:rsidRDefault="00156FB3" w:rsidP="00156FB3">
            <w:r>
              <w:tab/>
            </w:r>
            <w:r>
              <w:tab/>
            </w:r>
            <w:r>
              <w:tab/>
              <w:t>}</w:t>
            </w:r>
          </w:p>
          <w:p w:rsidR="00156FB3" w:rsidRDefault="00156FB3" w:rsidP="00156FB3">
            <w:r>
              <w:tab/>
            </w:r>
          </w:p>
          <w:p w:rsidR="00156FB3" w:rsidRDefault="00156FB3" w:rsidP="00156FB3">
            <w:r>
              <w:tab/>
            </w:r>
            <w:r>
              <w:tab/>
            </w:r>
            <w:r>
              <w:tab/>
              <w:t>// modify selection</w:t>
            </w:r>
          </w:p>
          <w:p w:rsidR="00156FB3" w:rsidRDefault="00156FB3" w:rsidP="00156FB3">
            <w:r>
              <w:tab/>
            </w:r>
            <w:r>
              <w:tab/>
            </w:r>
            <w:r>
              <w:tab/>
              <w:t>eventName = e &amp;&amp; e.type.toLowerCase();</w:t>
            </w:r>
          </w:p>
          <w:p w:rsidR="00156FB3" w:rsidRDefault="00156FB3" w:rsidP="00156FB3">
            <w:r>
              <w:lastRenderedPageBreak/>
              <w:tab/>
            </w:r>
          </w:p>
          <w:p w:rsidR="00156FB3" w:rsidRDefault="00156FB3" w:rsidP="00156FB3">
            <w:r>
              <w:tab/>
            </w:r>
            <w:r>
              <w:tab/>
            </w:r>
            <w:r>
              <w:tab/>
              <w:t>if (eventName === 'mousedown' &amp;&amp; self.isShiftDown &amp;&amp; self.$activeItems.length) {</w:t>
            </w:r>
          </w:p>
          <w:p w:rsidR="00156FB3" w:rsidRDefault="00156FB3" w:rsidP="00156FB3">
            <w:r>
              <w:tab/>
            </w:r>
            <w:r>
              <w:tab/>
            </w:r>
            <w:r>
              <w:tab/>
            </w:r>
            <w:r>
              <w:tab/>
              <w:t>$last = self.$control.children('.active:last');</w:t>
            </w:r>
          </w:p>
          <w:p w:rsidR="00156FB3" w:rsidRDefault="00156FB3" w:rsidP="00156FB3">
            <w:r>
              <w:tab/>
            </w:r>
            <w:r>
              <w:tab/>
            </w:r>
            <w:r>
              <w:tab/>
            </w:r>
            <w:r>
              <w:tab/>
              <w:t>begin = Array.prototype.indexOf.apply(self.$control[0].childNodes, [$last[0]]);</w:t>
            </w:r>
          </w:p>
          <w:p w:rsidR="00156FB3" w:rsidRDefault="00156FB3" w:rsidP="00156FB3">
            <w:r>
              <w:tab/>
            </w:r>
            <w:r>
              <w:tab/>
            </w:r>
            <w:r>
              <w:tab/>
            </w:r>
            <w:r>
              <w:tab/>
              <w:t>end   = Array.prototype.indexOf.apply(self.$control[0].childNodes, [$item[0]]);</w:t>
            </w:r>
          </w:p>
          <w:p w:rsidR="00156FB3" w:rsidRDefault="00156FB3" w:rsidP="00156FB3">
            <w:r>
              <w:tab/>
            </w:r>
            <w:r>
              <w:tab/>
            </w:r>
            <w:r>
              <w:tab/>
            </w:r>
            <w:r>
              <w:tab/>
              <w:t>if (begin &gt; end) {</w:t>
            </w:r>
          </w:p>
          <w:p w:rsidR="00156FB3" w:rsidRDefault="00156FB3" w:rsidP="00156FB3">
            <w:r>
              <w:tab/>
            </w:r>
            <w:r>
              <w:tab/>
            </w:r>
            <w:r>
              <w:tab/>
            </w:r>
            <w:r>
              <w:tab/>
            </w:r>
            <w:r>
              <w:tab/>
              <w:t>swap  = begin;</w:t>
            </w:r>
          </w:p>
          <w:p w:rsidR="00156FB3" w:rsidRDefault="00156FB3" w:rsidP="00156FB3">
            <w:r>
              <w:tab/>
            </w:r>
            <w:r>
              <w:tab/>
            </w:r>
            <w:r>
              <w:tab/>
            </w:r>
            <w:r>
              <w:tab/>
            </w:r>
            <w:r>
              <w:tab/>
              <w:t>begin = end;</w:t>
            </w:r>
          </w:p>
          <w:p w:rsidR="00156FB3" w:rsidRDefault="00156FB3" w:rsidP="00156FB3">
            <w:r>
              <w:tab/>
            </w:r>
            <w:r>
              <w:tab/>
            </w:r>
            <w:r>
              <w:tab/>
            </w:r>
            <w:r>
              <w:tab/>
            </w:r>
            <w:r>
              <w:tab/>
              <w:t>end   = swap;</w:t>
            </w:r>
          </w:p>
          <w:p w:rsidR="00156FB3" w:rsidRDefault="00156FB3" w:rsidP="00156FB3">
            <w:r>
              <w:tab/>
            </w:r>
            <w:r>
              <w:tab/>
            </w:r>
            <w:r>
              <w:tab/>
            </w:r>
            <w:r>
              <w:tab/>
              <w:t>}</w:t>
            </w:r>
          </w:p>
          <w:p w:rsidR="00156FB3" w:rsidRDefault="00156FB3" w:rsidP="00156FB3">
            <w:r>
              <w:tab/>
            </w:r>
            <w:r>
              <w:tab/>
            </w:r>
            <w:r>
              <w:tab/>
            </w:r>
            <w:r>
              <w:tab/>
              <w:t>for (i = begin; i &lt;= end; i++) {</w:t>
            </w:r>
          </w:p>
          <w:p w:rsidR="00156FB3" w:rsidRDefault="00156FB3" w:rsidP="00156FB3">
            <w:r>
              <w:tab/>
            </w:r>
            <w:r>
              <w:tab/>
            </w:r>
            <w:r>
              <w:tab/>
            </w:r>
            <w:r>
              <w:tab/>
            </w:r>
            <w:r>
              <w:tab/>
              <w:t>item = self.$control[0].childNodes[i];</w:t>
            </w:r>
          </w:p>
          <w:p w:rsidR="00156FB3" w:rsidRDefault="00156FB3" w:rsidP="00156FB3">
            <w:r>
              <w:tab/>
            </w:r>
            <w:r>
              <w:tab/>
            </w:r>
            <w:r>
              <w:tab/>
            </w:r>
            <w:r>
              <w:tab/>
            </w:r>
            <w:r>
              <w:tab/>
              <w:t>if (self.$activeItems.indexOf(item) === -1) {</w:t>
            </w:r>
          </w:p>
          <w:p w:rsidR="00156FB3" w:rsidRDefault="00156FB3" w:rsidP="00156FB3">
            <w:r>
              <w:tab/>
            </w:r>
            <w:r>
              <w:tab/>
            </w:r>
            <w:r>
              <w:tab/>
            </w:r>
            <w:r>
              <w:tab/>
            </w:r>
            <w:r>
              <w:tab/>
            </w:r>
            <w:r>
              <w:tab/>
              <w:t>$(item).addClass('active');</w:t>
            </w:r>
          </w:p>
          <w:p w:rsidR="00156FB3" w:rsidRDefault="00156FB3" w:rsidP="00156FB3">
            <w:r>
              <w:tab/>
            </w:r>
            <w:r>
              <w:tab/>
            </w:r>
            <w:r>
              <w:tab/>
            </w:r>
            <w:r>
              <w:tab/>
            </w:r>
            <w:r>
              <w:tab/>
            </w:r>
            <w:r>
              <w:tab/>
              <w:t>self.$activeItems.push(item);</w:t>
            </w:r>
          </w:p>
          <w:p w:rsidR="00156FB3" w:rsidRDefault="00156FB3" w:rsidP="00156FB3">
            <w:r>
              <w:tab/>
            </w:r>
            <w:r>
              <w:tab/>
            </w:r>
            <w:r>
              <w:tab/>
            </w:r>
            <w:r>
              <w:tab/>
            </w:r>
            <w:r>
              <w:tab/>
              <w:t>}</w:t>
            </w:r>
          </w:p>
          <w:p w:rsidR="00156FB3" w:rsidRDefault="00156FB3" w:rsidP="00156FB3">
            <w:r>
              <w:tab/>
            </w:r>
            <w:r>
              <w:tab/>
            </w:r>
            <w:r>
              <w:tab/>
            </w:r>
            <w:r>
              <w:tab/>
              <w:t>}</w:t>
            </w:r>
          </w:p>
          <w:p w:rsidR="00156FB3" w:rsidRDefault="00156FB3" w:rsidP="00156FB3">
            <w:r>
              <w:tab/>
            </w:r>
            <w:r>
              <w:tab/>
            </w:r>
            <w:r>
              <w:tab/>
            </w:r>
            <w:r>
              <w:tab/>
              <w:t>e.preventDefault();</w:t>
            </w:r>
          </w:p>
          <w:p w:rsidR="00156FB3" w:rsidRDefault="00156FB3" w:rsidP="00156FB3">
            <w:r>
              <w:tab/>
            </w:r>
            <w:r>
              <w:tab/>
            </w:r>
            <w:r>
              <w:tab/>
              <w:t>} else if ((eventName === 'mousedown' &amp;&amp; self.isCtrlDown) || (eventName === 'keydown' &amp;&amp; this.isShiftDown)) {</w:t>
            </w:r>
          </w:p>
          <w:p w:rsidR="00156FB3" w:rsidRDefault="00156FB3" w:rsidP="00156FB3">
            <w:r>
              <w:tab/>
            </w:r>
            <w:r>
              <w:tab/>
            </w:r>
            <w:r>
              <w:tab/>
            </w:r>
            <w:r>
              <w:tab/>
              <w:t>if ($item.hasClass('active')) {</w:t>
            </w:r>
          </w:p>
          <w:p w:rsidR="00156FB3" w:rsidRDefault="00156FB3" w:rsidP="00156FB3">
            <w:r>
              <w:tab/>
            </w:r>
            <w:r>
              <w:tab/>
            </w:r>
            <w:r>
              <w:tab/>
            </w:r>
            <w:r>
              <w:tab/>
            </w:r>
            <w:r>
              <w:tab/>
              <w:t>idx = self.$activeItems.indexOf($item[0]);</w:t>
            </w:r>
          </w:p>
          <w:p w:rsidR="00156FB3" w:rsidRDefault="00156FB3" w:rsidP="00156FB3">
            <w:r>
              <w:tab/>
            </w:r>
            <w:r>
              <w:tab/>
            </w:r>
            <w:r>
              <w:tab/>
            </w:r>
            <w:r>
              <w:tab/>
            </w:r>
            <w:r>
              <w:tab/>
              <w:t>self.$activeItems.splice(idx, 1);</w:t>
            </w:r>
          </w:p>
          <w:p w:rsidR="00156FB3" w:rsidRDefault="00156FB3" w:rsidP="00156FB3">
            <w:r>
              <w:tab/>
            </w:r>
            <w:r>
              <w:tab/>
            </w:r>
            <w:r>
              <w:tab/>
            </w:r>
            <w:r>
              <w:tab/>
            </w:r>
            <w:r>
              <w:tab/>
              <w:t>$item.removeClass('active');</w:t>
            </w:r>
          </w:p>
          <w:p w:rsidR="00156FB3" w:rsidRDefault="00156FB3" w:rsidP="00156FB3">
            <w:r>
              <w:tab/>
            </w:r>
            <w:r>
              <w:tab/>
            </w:r>
            <w:r>
              <w:tab/>
            </w:r>
            <w:r>
              <w:tab/>
              <w:t>} else {</w:t>
            </w:r>
          </w:p>
          <w:p w:rsidR="00156FB3" w:rsidRDefault="00156FB3" w:rsidP="00156FB3">
            <w:r>
              <w:tab/>
            </w:r>
            <w:r>
              <w:tab/>
            </w:r>
            <w:r>
              <w:tab/>
            </w:r>
            <w:r>
              <w:tab/>
            </w:r>
            <w:r>
              <w:tab/>
              <w:t>self.$activeItems.push($item.addClass('active')[0]);</w:t>
            </w:r>
          </w:p>
          <w:p w:rsidR="00156FB3" w:rsidRDefault="00156FB3" w:rsidP="00156FB3">
            <w:r>
              <w:tab/>
            </w:r>
            <w:r>
              <w:tab/>
            </w:r>
            <w:r>
              <w:tab/>
            </w:r>
            <w:r>
              <w:tab/>
              <w:t>}</w:t>
            </w:r>
          </w:p>
          <w:p w:rsidR="00156FB3" w:rsidRDefault="00156FB3" w:rsidP="00156FB3">
            <w:r>
              <w:tab/>
            </w:r>
            <w:r>
              <w:tab/>
            </w:r>
            <w:r>
              <w:tab/>
              <w:t>} else {</w:t>
            </w:r>
          </w:p>
          <w:p w:rsidR="00156FB3" w:rsidRDefault="00156FB3" w:rsidP="00156FB3">
            <w:r>
              <w:tab/>
            </w:r>
            <w:r>
              <w:tab/>
            </w:r>
            <w:r>
              <w:tab/>
            </w:r>
            <w:r>
              <w:tab/>
              <w:t>$(self.$activeItems).removeClass('active');</w:t>
            </w:r>
          </w:p>
          <w:p w:rsidR="00156FB3" w:rsidRDefault="00156FB3" w:rsidP="00156FB3">
            <w:r>
              <w:tab/>
            </w:r>
            <w:r>
              <w:tab/>
            </w:r>
            <w:r>
              <w:tab/>
            </w:r>
            <w:r>
              <w:tab/>
              <w:t>self.$activeItems = [$item.addClass('active')[0]];</w:t>
            </w:r>
          </w:p>
          <w:p w:rsidR="00156FB3" w:rsidRDefault="00156FB3" w:rsidP="00156FB3">
            <w:r>
              <w:tab/>
            </w:r>
            <w:r>
              <w:tab/>
            </w:r>
            <w:r>
              <w:tab/>
              <w:t>}</w:t>
            </w:r>
          </w:p>
          <w:p w:rsidR="00156FB3" w:rsidRDefault="00156FB3" w:rsidP="00156FB3">
            <w:r>
              <w:tab/>
            </w:r>
          </w:p>
          <w:p w:rsidR="00156FB3" w:rsidRDefault="00156FB3" w:rsidP="00156FB3">
            <w:r>
              <w:tab/>
            </w:r>
            <w:r>
              <w:tab/>
            </w:r>
            <w:r>
              <w:tab/>
              <w:t>// ensure control has focus</w:t>
            </w:r>
          </w:p>
          <w:p w:rsidR="00156FB3" w:rsidRDefault="00156FB3" w:rsidP="00156FB3">
            <w:r>
              <w:tab/>
            </w:r>
            <w:r>
              <w:tab/>
            </w:r>
            <w:r>
              <w:tab/>
              <w:t>self.hideInput();</w:t>
            </w:r>
          </w:p>
          <w:p w:rsidR="00156FB3" w:rsidRDefault="00156FB3" w:rsidP="00156FB3">
            <w:r>
              <w:tab/>
            </w:r>
            <w:r>
              <w:tab/>
            </w:r>
            <w:r>
              <w:tab/>
              <w:t>if (!this.isFocused) {</w:t>
            </w:r>
          </w:p>
          <w:p w:rsidR="00156FB3" w:rsidRDefault="00156FB3" w:rsidP="00156FB3">
            <w:r>
              <w:tab/>
            </w:r>
            <w:r>
              <w:tab/>
            </w:r>
            <w:r>
              <w:tab/>
            </w:r>
            <w:r>
              <w:tab/>
              <w:t>self.focus();</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Sets the selected item in the dropdown menu</w:t>
            </w:r>
          </w:p>
          <w:p w:rsidR="00156FB3" w:rsidRDefault="00156FB3" w:rsidP="00156FB3">
            <w:r>
              <w:tab/>
            </w:r>
            <w:r>
              <w:tab/>
              <w:t xml:space="preserve"> * of available options.</w:t>
            </w:r>
          </w:p>
          <w:p w:rsidR="00156FB3" w:rsidRDefault="00156FB3" w:rsidP="00156FB3">
            <w:r>
              <w:tab/>
            </w:r>
            <w:r>
              <w:tab/>
              <w:t xml:space="preserve"> *</w:t>
            </w:r>
          </w:p>
          <w:p w:rsidR="00156FB3" w:rsidRDefault="00156FB3" w:rsidP="00156FB3">
            <w:r>
              <w:tab/>
            </w:r>
            <w:r>
              <w:tab/>
              <w:t xml:space="preserve"> * @param {object} $object</w:t>
            </w:r>
          </w:p>
          <w:p w:rsidR="00156FB3" w:rsidRDefault="00156FB3" w:rsidP="00156FB3">
            <w:r>
              <w:tab/>
            </w:r>
            <w:r>
              <w:tab/>
              <w:t xml:space="preserve"> * @param {boolean} scroll</w:t>
            </w:r>
          </w:p>
          <w:p w:rsidR="00156FB3" w:rsidRDefault="00156FB3" w:rsidP="00156FB3">
            <w:r>
              <w:lastRenderedPageBreak/>
              <w:tab/>
            </w:r>
            <w:r>
              <w:tab/>
              <w:t xml:space="preserve"> * @param {boolean} animate</w:t>
            </w:r>
          </w:p>
          <w:p w:rsidR="00156FB3" w:rsidRDefault="00156FB3" w:rsidP="00156FB3">
            <w:r>
              <w:tab/>
            </w:r>
            <w:r>
              <w:tab/>
              <w:t xml:space="preserve"> */</w:t>
            </w:r>
          </w:p>
          <w:p w:rsidR="00156FB3" w:rsidRDefault="00156FB3" w:rsidP="00156FB3">
            <w:r>
              <w:tab/>
            </w:r>
            <w:r>
              <w:tab/>
              <w:t>setActiveOption: function($option, scroll, animate) {</w:t>
            </w:r>
          </w:p>
          <w:p w:rsidR="00156FB3" w:rsidRDefault="00156FB3" w:rsidP="00156FB3">
            <w:r>
              <w:tab/>
            </w:r>
            <w:r>
              <w:tab/>
            </w:r>
            <w:r>
              <w:tab/>
              <w:t>var height_menu, height_item, y;</w:t>
            </w:r>
          </w:p>
          <w:p w:rsidR="00156FB3" w:rsidRDefault="00156FB3" w:rsidP="00156FB3">
            <w:r>
              <w:tab/>
            </w:r>
            <w:r>
              <w:tab/>
            </w:r>
            <w:r>
              <w:tab/>
              <w:t>var scroll_top, scroll_bottom;</w:t>
            </w:r>
          </w:p>
          <w:p w:rsidR="00156FB3" w:rsidRDefault="00156FB3" w:rsidP="00156FB3">
            <w:r>
              <w:tab/>
            </w:r>
            <w:r>
              <w:tab/>
            </w:r>
            <w:r>
              <w:tab/>
              <w:t>var self = this;</w:t>
            </w:r>
          </w:p>
          <w:p w:rsidR="00156FB3" w:rsidRDefault="00156FB3" w:rsidP="00156FB3">
            <w:r>
              <w:tab/>
            </w:r>
          </w:p>
          <w:p w:rsidR="00156FB3" w:rsidRDefault="00156FB3" w:rsidP="00156FB3">
            <w:r>
              <w:tab/>
            </w:r>
            <w:r>
              <w:tab/>
            </w:r>
            <w:r>
              <w:tab/>
              <w:t>if (self.$activeOption) self.$activeOption.removeClass('active');</w:t>
            </w:r>
          </w:p>
          <w:p w:rsidR="00156FB3" w:rsidRDefault="00156FB3" w:rsidP="00156FB3">
            <w:r>
              <w:tab/>
            </w:r>
            <w:r>
              <w:tab/>
            </w:r>
            <w:r>
              <w:tab/>
              <w:t>self.$activeOption = null;</w:t>
            </w:r>
          </w:p>
          <w:p w:rsidR="00156FB3" w:rsidRDefault="00156FB3" w:rsidP="00156FB3">
            <w:r>
              <w:tab/>
            </w:r>
          </w:p>
          <w:p w:rsidR="00156FB3" w:rsidRDefault="00156FB3" w:rsidP="00156FB3">
            <w:r>
              <w:tab/>
            </w:r>
            <w:r>
              <w:tab/>
            </w:r>
            <w:r>
              <w:tab/>
              <w:t>$option = $($option);</w:t>
            </w:r>
          </w:p>
          <w:p w:rsidR="00156FB3" w:rsidRDefault="00156FB3" w:rsidP="00156FB3">
            <w:r>
              <w:tab/>
            </w:r>
            <w:r>
              <w:tab/>
            </w:r>
            <w:r>
              <w:tab/>
              <w:t>if (!$option.length) return;</w:t>
            </w:r>
          </w:p>
          <w:p w:rsidR="00156FB3" w:rsidRDefault="00156FB3" w:rsidP="00156FB3">
            <w:r>
              <w:tab/>
            </w:r>
          </w:p>
          <w:p w:rsidR="00156FB3" w:rsidRDefault="00156FB3" w:rsidP="00156FB3">
            <w:r>
              <w:tab/>
            </w:r>
            <w:r>
              <w:tab/>
            </w:r>
            <w:r>
              <w:tab/>
              <w:t>self.$activeOption = $option.addClass('active');</w:t>
            </w:r>
          </w:p>
          <w:p w:rsidR="00156FB3" w:rsidRDefault="00156FB3" w:rsidP="00156FB3">
            <w:r>
              <w:tab/>
            </w:r>
          </w:p>
          <w:p w:rsidR="00156FB3" w:rsidRDefault="00156FB3" w:rsidP="00156FB3">
            <w:r>
              <w:tab/>
            </w:r>
            <w:r>
              <w:tab/>
            </w:r>
            <w:r>
              <w:tab/>
              <w:t>if (scroll || !isset(scroll)) {</w:t>
            </w:r>
          </w:p>
          <w:p w:rsidR="00156FB3" w:rsidRDefault="00156FB3" w:rsidP="00156FB3">
            <w:r>
              <w:tab/>
            </w:r>
          </w:p>
          <w:p w:rsidR="00156FB3" w:rsidRDefault="00156FB3" w:rsidP="00156FB3">
            <w:r>
              <w:tab/>
            </w:r>
            <w:r>
              <w:tab/>
            </w:r>
            <w:r>
              <w:tab/>
            </w:r>
            <w:r>
              <w:tab/>
              <w:t>height_menu   = self.$dropdown_content.height();</w:t>
            </w:r>
          </w:p>
          <w:p w:rsidR="00156FB3" w:rsidRDefault="00156FB3" w:rsidP="00156FB3">
            <w:r>
              <w:tab/>
            </w:r>
            <w:r>
              <w:tab/>
            </w:r>
            <w:r>
              <w:tab/>
            </w:r>
            <w:r>
              <w:tab/>
              <w:t>height_item   = self.$activeOption.outerHeight(true);</w:t>
            </w:r>
          </w:p>
          <w:p w:rsidR="00156FB3" w:rsidRDefault="00156FB3" w:rsidP="00156FB3">
            <w:r>
              <w:tab/>
            </w:r>
            <w:r>
              <w:tab/>
            </w:r>
            <w:r>
              <w:tab/>
            </w:r>
            <w:r>
              <w:tab/>
              <w:t>scroll        = self.$dropdown_content.scrollTop() || 0;</w:t>
            </w:r>
          </w:p>
          <w:p w:rsidR="00156FB3" w:rsidRDefault="00156FB3" w:rsidP="00156FB3">
            <w:r>
              <w:tab/>
            </w:r>
            <w:r>
              <w:tab/>
            </w:r>
            <w:r>
              <w:tab/>
            </w:r>
            <w:r>
              <w:tab/>
              <w:t>y             = self.$activeOption.offset().top - self.$dropdown_content.offset().top + scroll;</w:t>
            </w:r>
          </w:p>
          <w:p w:rsidR="00156FB3" w:rsidRDefault="00156FB3" w:rsidP="00156FB3">
            <w:r>
              <w:tab/>
            </w:r>
            <w:r>
              <w:tab/>
            </w:r>
            <w:r>
              <w:tab/>
            </w:r>
            <w:r>
              <w:tab/>
              <w:t>scroll_top    = y;</w:t>
            </w:r>
          </w:p>
          <w:p w:rsidR="00156FB3" w:rsidRDefault="00156FB3" w:rsidP="00156FB3">
            <w:r>
              <w:tab/>
            </w:r>
            <w:r>
              <w:tab/>
            </w:r>
            <w:r>
              <w:tab/>
            </w:r>
            <w:r>
              <w:tab/>
              <w:t>scroll_bottom = y - height_menu + height_item;</w:t>
            </w:r>
          </w:p>
          <w:p w:rsidR="00156FB3" w:rsidRDefault="00156FB3" w:rsidP="00156FB3">
            <w:r>
              <w:tab/>
            </w:r>
          </w:p>
          <w:p w:rsidR="00156FB3" w:rsidRDefault="00156FB3" w:rsidP="00156FB3">
            <w:r>
              <w:tab/>
            </w:r>
            <w:r>
              <w:tab/>
            </w:r>
            <w:r>
              <w:tab/>
            </w:r>
            <w:r>
              <w:tab/>
              <w:t>if (y + height_item &gt; height_menu + scroll) {</w:t>
            </w:r>
          </w:p>
          <w:p w:rsidR="00156FB3" w:rsidRDefault="00156FB3" w:rsidP="00156FB3">
            <w:r>
              <w:tab/>
            </w:r>
            <w:r>
              <w:tab/>
            </w:r>
            <w:r>
              <w:tab/>
            </w:r>
            <w:r>
              <w:tab/>
            </w:r>
            <w:r>
              <w:tab/>
              <w:t>self.$dropdown_content.stop().animate({scrollTop: scroll_bottom}, animate ? self.settings.scrollDuration : 0);</w:t>
            </w:r>
          </w:p>
          <w:p w:rsidR="00156FB3" w:rsidRDefault="00156FB3" w:rsidP="00156FB3">
            <w:r>
              <w:tab/>
            </w:r>
            <w:r>
              <w:tab/>
            </w:r>
            <w:r>
              <w:tab/>
            </w:r>
            <w:r>
              <w:tab/>
              <w:t>} else if (y &lt; scroll) {</w:t>
            </w:r>
          </w:p>
          <w:p w:rsidR="00156FB3" w:rsidRDefault="00156FB3" w:rsidP="00156FB3">
            <w:r>
              <w:tab/>
            </w:r>
            <w:r>
              <w:tab/>
            </w:r>
            <w:r>
              <w:tab/>
            </w:r>
            <w:r>
              <w:tab/>
            </w:r>
            <w:r>
              <w:tab/>
              <w:t>self.$dropdown_content.stop().animate({scrollTop: scroll_top}, animate ? self.settings.scrollDuration : 0);</w:t>
            </w:r>
          </w:p>
          <w:p w:rsidR="00156FB3" w:rsidRDefault="00156FB3" w:rsidP="00156FB3">
            <w:r>
              <w:tab/>
            </w:r>
            <w:r>
              <w:tab/>
            </w:r>
            <w:r>
              <w:tab/>
            </w:r>
            <w:r>
              <w:tab/>
              <w:t>}</w:t>
            </w:r>
          </w:p>
          <w:p w:rsidR="00156FB3" w:rsidRDefault="00156FB3" w:rsidP="00156FB3">
            <w:r>
              <w:tab/>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Selects all items (CTRL + A).</w:t>
            </w:r>
          </w:p>
          <w:p w:rsidR="00156FB3" w:rsidRDefault="00156FB3" w:rsidP="00156FB3">
            <w:r>
              <w:tab/>
            </w:r>
            <w:r>
              <w:tab/>
              <w:t xml:space="preserve"> */</w:t>
            </w:r>
          </w:p>
          <w:p w:rsidR="00156FB3" w:rsidRDefault="00156FB3" w:rsidP="00156FB3">
            <w:r>
              <w:tab/>
            </w:r>
            <w:r>
              <w:tab/>
              <w:t>selectAll: function() {</w:t>
            </w:r>
          </w:p>
          <w:p w:rsidR="00156FB3" w:rsidRDefault="00156FB3" w:rsidP="00156FB3">
            <w:r>
              <w:tab/>
            </w:r>
            <w:r>
              <w:tab/>
            </w:r>
            <w:r>
              <w:tab/>
              <w:t>var self = this;</w:t>
            </w:r>
          </w:p>
          <w:p w:rsidR="00156FB3" w:rsidRDefault="00156FB3" w:rsidP="00156FB3">
            <w:r>
              <w:tab/>
            </w:r>
            <w:r>
              <w:tab/>
            </w:r>
            <w:r>
              <w:tab/>
              <w:t>if (self.settings.mode === 'single') return;</w:t>
            </w:r>
          </w:p>
          <w:p w:rsidR="00156FB3" w:rsidRDefault="00156FB3" w:rsidP="00156FB3">
            <w:r>
              <w:tab/>
            </w:r>
          </w:p>
          <w:p w:rsidR="00156FB3" w:rsidRDefault="00156FB3" w:rsidP="00156FB3">
            <w:r>
              <w:tab/>
            </w:r>
            <w:r>
              <w:tab/>
            </w:r>
            <w:r>
              <w:tab/>
              <w:t>self.$activeItems = Array.prototype.slice.apply(self.$control.children(':not(input)').addClass('active'));</w:t>
            </w:r>
          </w:p>
          <w:p w:rsidR="00156FB3" w:rsidRDefault="00156FB3" w:rsidP="00156FB3">
            <w:r>
              <w:tab/>
            </w:r>
            <w:r>
              <w:tab/>
            </w:r>
            <w:r>
              <w:tab/>
              <w:t>if (self.$activeItems.length) {</w:t>
            </w:r>
          </w:p>
          <w:p w:rsidR="00156FB3" w:rsidRDefault="00156FB3" w:rsidP="00156FB3">
            <w:r>
              <w:tab/>
            </w:r>
            <w:r>
              <w:tab/>
            </w:r>
            <w:r>
              <w:tab/>
            </w:r>
            <w:r>
              <w:tab/>
              <w:t>self.hideInput();</w:t>
            </w:r>
          </w:p>
          <w:p w:rsidR="00156FB3" w:rsidRDefault="00156FB3" w:rsidP="00156FB3">
            <w:r>
              <w:tab/>
            </w:r>
            <w:r>
              <w:tab/>
            </w:r>
            <w:r>
              <w:tab/>
            </w:r>
            <w:r>
              <w:tab/>
              <w:t>self.close();</w:t>
            </w:r>
          </w:p>
          <w:p w:rsidR="00156FB3" w:rsidRDefault="00156FB3" w:rsidP="00156FB3">
            <w:r>
              <w:lastRenderedPageBreak/>
              <w:tab/>
            </w:r>
            <w:r>
              <w:tab/>
            </w:r>
            <w:r>
              <w:tab/>
              <w:t>}</w:t>
            </w:r>
          </w:p>
          <w:p w:rsidR="00156FB3" w:rsidRDefault="00156FB3" w:rsidP="00156FB3">
            <w:r>
              <w:tab/>
            </w:r>
            <w:r>
              <w:tab/>
            </w:r>
            <w:r>
              <w:tab/>
              <w:t>self.focus();</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Hides the input element out of view, while</w:t>
            </w:r>
          </w:p>
          <w:p w:rsidR="00156FB3" w:rsidRDefault="00156FB3" w:rsidP="00156FB3">
            <w:r>
              <w:tab/>
            </w:r>
            <w:r>
              <w:tab/>
              <w:t xml:space="preserve"> * retaining its focus.</w:t>
            </w:r>
          </w:p>
          <w:p w:rsidR="00156FB3" w:rsidRDefault="00156FB3" w:rsidP="00156FB3">
            <w:r>
              <w:tab/>
            </w:r>
            <w:r>
              <w:tab/>
              <w:t xml:space="preserve"> */</w:t>
            </w:r>
          </w:p>
          <w:p w:rsidR="00156FB3" w:rsidRDefault="00156FB3" w:rsidP="00156FB3">
            <w:r>
              <w:tab/>
            </w:r>
            <w:r>
              <w:tab/>
              <w:t>hideInput: function() {</w:t>
            </w:r>
          </w:p>
          <w:p w:rsidR="00156FB3" w:rsidRDefault="00156FB3" w:rsidP="00156FB3">
            <w:r>
              <w:tab/>
            </w:r>
            <w:r>
              <w:tab/>
            </w:r>
            <w:r>
              <w:tab/>
              <w:t>var self = this;</w:t>
            </w:r>
          </w:p>
          <w:p w:rsidR="00156FB3" w:rsidRDefault="00156FB3" w:rsidP="00156FB3">
            <w:r>
              <w:tab/>
            </w:r>
          </w:p>
          <w:p w:rsidR="00156FB3" w:rsidRDefault="00156FB3" w:rsidP="00156FB3">
            <w:r>
              <w:tab/>
            </w:r>
            <w:r>
              <w:tab/>
            </w:r>
            <w:r>
              <w:tab/>
              <w:t>self.setTextboxValue('');</w:t>
            </w:r>
          </w:p>
          <w:p w:rsidR="00156FB3" w:rsidRDefault="00156FB3" w:rsidP="00156FB3">
            <w:r>
              <w:tab/>
            </w:r>
            <w:r>
              <w:tab/>
            </w:r>
            <w:r>
              <w:tab/>
              <w:t>self.$control_input.css({opacity: 0, position: 'absolute', left: self.rtl ? 10000 : -10000});</w:t>
            </w:r>
          </w:p>
          <w:p w:rsidR="00156FB3" w:rsidRDefault="00156FB3" w:rsidP="00156FB3">
            <w:r>
              <w:tab/>
            </w:r>
            <w:r>
              <w:tab/>
            </w:r>
            <w:r>
              <w:tab/>
              <w:t>self.isInputHidden = true;</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Restores input visibility.</w:t>
            </w:r>
          </w:p>
          <w:p w:rsidR="00156FB3" w:rsidRDefault="00156FB3" w:rsidP="00156FB3">
            <w:r>
              <w:tab/>
            </w:r>
            <w:r>
              <w:tab/>
              <w:t xml:space="preserve"> */</w:t>
            </w:r>
          </w:p>
          <w:p w:rsidR="00156FB3" w:rsidRDefault="00156FB3" w:rsidP="00156FB3">
            <w:r>
              <w:tab/>
            </w:r>
            <w:r>
              <w:tab/>
              <w:t>showInput: function() {</w:t>
            </w:r>
          </w:p>
          <w:p w:rsidR="00156FB3" w:rsidRDefault="00156FB3" w:rsidP="00156FB3">
            <w:r>
              <w:tab/>
            </w:r>
            <w:r>
              <w:tab/>
            </w:r>
            <w:r>
              <w:tab/>
              <w:t>this.$control_input.css({opacity: 1, position: 'relative', left: 0});</w:t>
            </w:r>
          </w:p>
          <w:p w:rsidR="00156FB3" w:rsidRDefault="00156FB3" w:rsidP="00156FB3">
            <w:r>
              <w:tab/>
            </w:r>
            <w:r>
              <w:tab/>
            </w:r>
            <w:r>
              <w:tab/>
              <w:t>this.isInputHidden = false;</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Gives the control focus.</w:t>
            </w:r>
          </w:p>
          <w:p w:rsidR="00156FB3" w:rsidRDefault="00156FB3" w:rsidP="00156FB3">
            <w:r>
              <w:tab/>
            </w:r>
            <w:r>
              <w:tab/>
              <w:t xml:space="preserve"> */</w:t>
            </w:r>
          </w:p>
          <w:p w:rsidR="00156FB3" w:rsidRDefault="00156FB3" w:rsidP="00156FB3">
            <w:r>
              <w:tab/>
            </w:r>
            <w:r>
              <w:tab/>
              <w:t>focus: function() {</w:t>
            </w:r>
          </w:p>
          <w:p w:rsidR="00156FB3" w:rsidRDefault="00156FB3" w:rsidP="00156FB3">
            <w:r>
              <w:tab/>
            </w:r>
            <w:r>
              <w:tab/>
            </w:r>
            <w:r>
              <w:tab/>
              <w:t>var self = this;</w:t>
            </w:r>
          </w:p>
          <w:p w:rsidR="00156FB3" w:rsidRDefault="00156FB3" w:rsidP="00156FB3">
            <w:r>
              <w:tab/>
            </w:r>
            <w:r>
              <w:tab/>
            </w:r>
            <w:r>
              <w:tab/>
              <w:t>if (self.isDisabled) return;</w:t>
            </w:r>
          </w:p>
          <w:p w:rsidR="00156FB3" w:rsidRDefault="00156FB3" w:rsidP="00156FB3">
            <w:r>
              <w:tab/>
            </w:r>
          </w:p>
          <w:p w:rsidR="00156FB3" w:rsidRDefault="00156FB3" w:rsidP="00156FB3">
            <w:r>
              <w:tab/>
            </w:r>
            <w:r>
              <w:tab/>
            </w:r>
            <w:r>
              <w:tab/>
              <w:t>self.ignoreFocus = true;</w:t>
            </w:r>
          </w:p>
          <w:p w:rsidR="00156FB3" w:rsidRDefault="00156FB3" w:rsidP="00156FB3">
            <w:r>
              <w:tab/>
            </w:r>
            <w:r>
              <w:tab/>
            </w:r>
            <w:r>
              <w:tab/>
              <w:t>self.$control_input[0].focus();</w:t>
            </w:r>
          </w:p>
          <w:p w:rsidR="00156FB3" w:rsidRDefault="00156FB3" w:rsidP="00156FB3">
            <w:r>
              <w:tab/>
            </w:r>
            <w:r>
              <w:tab/>
            </w:r>
            <w:r>
              <w:tab/>
              <w:t>window.setTimeout(function() {</w:t>
            </w:r>
          </w:p>
          <w:p w:rsidR="00156FB3" w:rsidRDefault="00156FB3" w:rsidP="00156FB3">
            <w:r>
              <w:tab/>
            </w:r>
            <w:r>
              <w:tab/>
            </w:r>
            <w:r>
              <w:tab/>
            </w:r>
            <w:r>
              <w:tab/>
              <w:t>self.ignoreFocus = false;</w:t>
            </w:r>
          </w:p>
          <w:p w:rsidR="00156FB3" w:rsidRDefault="00156FB3" w:rsidP="00156FB3">
            <w:r>
              <w:tab/>
            </w:r>
            <w:r>
              <w:tab/>
            </w:r>
            <w:r>
              <w:tab/>
            </w:r>
            <w:r>
              <w:tab/>
              <w:t>self.onFocus();</w:t>
            </w:r>
          </w:p>
          <w:p w:rsidR="00156FB3" w:rsidRDefault="00156FB3" w:rsidP="00156FB3">
            <w:r>
              <w:tab/>
            </w:r>
            <w:r>
              <w:tab/>
            </w:r>
            <w:r>
              <w:tab/>
              <w:t>}, 0);</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Forces the control out of focus.</w:t>
            </w:r>
          </w:p>
          <w:p w:rsidR="00156FB3" w:rsidRDefault="00156FB3" w:rsidP="00156FB3">
            <w:r>
              <w:tab/>
            </w:r>
            <w:r>
              <w:tab/>
              <w:t xml:space="preserve"> *</w:t>
            </w:r>
          </w:p>
          <w:p w:rsidR="00156FB3" w:rsidRDefault="00156FB3" w:rsidP="00156FB3">
            <w:r>
              <w:tab/>
            </w:r>
            <w:r>
              <w:tab/>
              <w:t xml:space="preserve"> * @param {Element} dest</w:t>
            </w:r>
          </w:p>
          <w:p w:rsidR="00156FB3" w:rsidRDefault="00156FB3" w:rsidP="00156FB3">
            <w:r>
              <w:tab/>
            </w:r>
            <w:r>
              <w:tab/>
              <w:t xml:space="preserve"> */</w:t>
            </w:r>
          </w:p>
          <w:p w:rsidR="00156FB3" w:rsidRDefault="00156FB3" w:rsidP="00156FB3">
            <w:r>
              <w:tab/>
            </w:r>
            <w:r>
              <w:tab/>
              <w:t>blur: function(dest) {</w:t>
            </w:r>
          </w:p>
          <w:p w:rsidR="00156FB3" w:rsidRDefault="00156FB3" w:rsidP="00156FB3">
            <w:r>
              <w:tab/>
            </w:r>
            <w:r>
              <w:tab/>
            </w:r>
            <w:r>
              <w:tab/>
              <w:t>this.$control_input[0].blur();</w:t>
            </w:r>
          </w:p>
          <w:p w:rsidR="00156FB3" w:rsidRDefault="00156FB3" w:rsidP="00156FB3">
            <w:r>
              <w:tab/>
            </w:r>
            <w:r>
              <w:tab/>
            </w:r>
            <w:r>
              <w:tab/>
              <w:t>this.onBlur(null, dest);</w:t>
            </w:r>
          </w:p>
          <w:p w:rsidR="00156FB3" w:rsidRDefault="00156FB3" w:rsidP="00156FB3">
            <w:r>
              <w:lastRenderedPageBreak/>
              <w:tab/>
            </w:r>
            <w:r>
              <w:tab/>
              <w:t>},</w:t>
            </w:r>
          </w:p>
          <w:p w:rsidR="00156FB3" w:rsidRDefault="00156FB3" w:rsidP="00156FB3">
            <w:r>
              <w:tab/>
            </w:r>
          </w:p>
          <w:p w:rsidR="00156FB3" w:rsidRDefault="00156FB3" w:rsidP="00156FB3">
            <w:r>
              <w:tab/>
            </w:r>
            <w:r>
              <w:tab/>
              <w:t>/**</w:t>
            </w:r>
          </w:p>
          <w:p w:rsidR="00156FB3" w:rsidRDefault="00156FB3" w:rsidP="00156FB3">
            <w:r>
              <w:tab/>
            </w:r>
            <w:r>
              <w:tab/>
              <w:t xml:space="preserve"> * Returns a function that scores an object</w:t>
            </w:r>
          </w:p>
          <w:p w:rsidR="00156FB3" w:rsidRDefault="00156FB3" w:rsidP="00156FB3">
            <w:r>
              <w:tab/>
            </w:r>
            <w:r>
              <w:tab/>
              <w:t xml:space="preserve"> * to show how good of a match it is to the</w:t>
            </w:r>
          </w:p>
          <w:p w:rsidR="00156FB3" w:rsidRDefault="00156FB3" w:rsidP="00156FB3">
            <w:r>
              <w:tab/>
            </w:r>
            <w:r>
              <w:tab/>
              <w:t xml:space="preserve"> * provided query.</w:t>
            </w:r>
          </w:p>
          <w:p w:rsidR="00156FB3" w:rsidRDefault="00156FB3" w:rsidP="00156FB3">
            <w:r>
              <w:tab/>
            </w:r>
            <w:r>
              <w:tab/>
              <w:t xml:space="preserve"> *</w:t>
            </w:r>
          </w:p>
          <w:p w:rsidR="00156FB3" w:rsidRDefault="00156FB3" w:rsidP="00156FB3">
            <w:r>
              <w:tab/>
            </w:r>
            <w:r>
              <w:tab/>
              <w:t xml:space="preserve"> * @param {string} query</w:t>
            </w:r>
          </w:p>
          <w:p w:rsidR="00156FB3" w:rsidRDefault="00156FB3" w:rsidP="00156FB3">
            <w:r>
              <w:tab/>
            </w:r>
            <w:r>
              <w:tab/>
              <w:t xml:space="preserve"> * @param {object} options</w:t>
            </w:r>
          </w:p>
          <w:p w:rsidR="00156FB3" w:rsidRDefault="00156FB3" w:rsidP="00156FB3">
            <w:r>
              <w:tab/>
            </w:r>
            <w:r>
              <w:tab/>
              <w:t xml:space="preserve"> * @return {function}</w:t>
            </w:r>
          </w:p>
          <w:p w:rsidR="00156FB3" w:rsidRDefault="00156FB3" w:rsidP="00156FB3">
            <w:r>
              <w:tab/>
            </w:r>
            <w:r>
              <w:tab/>
              <w:t xml:space="preserve"> */</w:t>
            </w:r>
          </w:p>
          <w:p w:rsidR="00156FB3" w:rsidRDefault="00156FB3" w:rsidP="00156FB3">
            <w:r>
              <w:tab/>
            </w:r>
            <w:r>
              <w:tab/>
              <w:t>getScoreFunction: function(query) {</w:t>
            </w:r>
          </w:p>
          <w:p w:rsidR="00156FB3" w:rsidRDefault="00156FB3" w:rsidP="00156FB3">
            <w:r>
              <w:tab/>
            </w:r>
            <w:r>
              <w:tab/>
            </w:r>
            <w:r>
              <w:tab/>
              <w:t>return this.sifter.getScoreFunction(query, this.getSearchOptions());</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Returns search options for sifter (the system</w:t>
            </w:r>
          </w:p>
          <w:p w:rsidR="00156FB3" w:rsidRDefault="00156FB3" w:rsidP="00156FB3">
            <w:r>
              <w:tab/>
            </w:r>
            <w:r>
              <w:tab/>
              <w:t xml:space="preserve"> * for scoring and sorting results).</w:t>
            </w:r>
          </w:p>
          <w:p w:rsidR="00156FB3" w:rsidRDefault="00156FB3" w:rsidP="00156FB3">
            <w:r>
              <w:tab/>
            </w:r>
            <w:r>
              <w:tab/>
              <w:t xml:space="preserve"> *</w:t>
            </w:r>
          </w:p>
          <w:p w:rsidR="00156FB3" w:rsidRDefault="00156FB3" w:rsidP="00156FB3">
            <w:r>
              <w:tab/>
            </w:r>
            <w:r>
              <w:tab/>
              <w:t xml:space="preserve"> * @see https://github.com/brianreavis/sifter.js</w:t>
            </w:r>
          </w:p>
          <w:p w:rsidR="00156FB3" w:rsidRDefault="00156FB3" w:rsidP="00156FB3">
            <w:r>
              <w:tab/>
            </w:r>
            <w:r>
              <w:tab/>
              <w:t xml:space="preserve"> * @return {object}</w:t>
            </w:r>
          </w:p>
          <w:p w:rsidR="00156FB3" w:rsidRDefault="00156FB3" w:rsidP="00156FB3">
            <w:r>
              <w:tab/>
            </w:r>
            <w:r>
              <w:tab/>
              <w:t xml:space="preserve"> */</w:t>
            </w:r>
          </w:p>
          <w:p w:rsidR="00156FB3" w:rsidRDefault="00156FB3" w:rsidP="00156FB3">
            <w:r>
              <w:tab/>
            </w:r>
            <w:r>
              <w:tab/>
              <w:t>getSearchOptions: function() {</w:t>
            </w:r>
          </w:p>
          <w:p w:rsidR="00156FB3" w:rsidRDefault="00156FB3" w:rsidP="00156FB3">
            <w:r>
              <w:tab/>
            </w:r>
            <w:r>
              <w:tab/>
            </w:r>
            <w:r>
              <w:tab/>
              <w:t>var settings = this.settings;</w:t>
            </w:r>
          </w:p>
          <w:p w:rsidR="00156FB3" w:rsidRDefault="00156FB3" w:rsidP="00156FB3">
            <w:r>
              <w:tab/>
            </w:r>
            <w:r>
              <w:tab/>
            </w:r>
            <w:r>
              <w:tab/>
              <w:t>var sort = settings.sortField;</w:t>
            </w:r>
          </w:p>
          <w:p w:rsidR="00156FB3" w:rsidRDefault="00156FB3" w:rsidP="00156FB3">
            <w:r>
              <w:tab/>
            </w:r>
            <w:r>
              <w:tab/>
            </w:r>
            <w:r>
              <w:tab/>
              <w:t>if (typeof sort === 'string') {</w:t>
            </w:r>
          </w:p>
          <w:p w:rsidR="00156FB3" w:rsidRDefault="00156FB3" w:rsidP="00156FB3">
            <w:r>
              <w:tab/>
            </w:r>
            <w:r>
              <w:tab/>
            </w:r>
            <w:r>
              <w:tab/>
            </w:r>
            <w:r>
              <w:tab/>
              <w:t>sort = [{field: sort}];</w:t>
            </w:r>
          </w:p>
          <w:p w:rsidR="00156FB3" w:rsidRDefault="00156FB3" w:rsidP="00156FB3">
            <w:r>
              <w:tab/>
            </w:r>
            <w:r>
              <w:tab/>
            </w:r>
            <w:r>
              <w:tab/>
              <w:t>}</w:t>
            </w:r>
          </w:p>
          <w:p w:rsidR="00156FB3" w:rsidRDefault="00156FB3" w:rsidP="00156FB3">
            <w:r>
              <w:tab/>
            </w:r>
          </w:p>
          <w:p w:rsidR="00156FB3" w:rsidRDefault="00156FB3" w:rsidP="00156FB3">
            <w:r>
              <w:tab/>
            </w:r>
            <w:r>
              <w:tab/>
            </w:r>
            <w:r>
              <w:tab/>
              <w:t>return {</w:t>
            </w:r>
          </w:p>
          <w:p w:rsidR="00156FB3" w:rsidRDefault="00156FB3" w:rsidP="00156FB3">
            <w:r>
              <w:tab/>
            </w:r>
            <w:r>
              <w:tab/>
            </w:r>
            <w:r>
              <w:tab/>
            </w:r>
            <w:r>
              <w:tab/>
              <w:t>fields      : settings.searchField,</w:t>
            </w:r>
          </w:p>
          <w:p w:rsidR="00156FB3" w:rsidRDefault="00156FB3" w:rsidP="00156FB3">
            <w:r>
              <w:tab/>
            </w:r>
            <w:r>
              <w:tab/>
            </w:r>
            <w:r>
              <w:tab/>
            </w:r>
            <w:r>
              <w:tab/>
              <w:t>conjunction : settings.searchConjunction,</w:t>
            </w:r>
          </w:p>
          <w:p w:rsidR="00156FB3" w:rsidRDefault="00156FB3" w:rsidP="00156FB3">
            <w:r>
              <w:tab/>
            </w:r>
            <w:r>
              <w:tab/>
            </w:r>
            <w:r>
              <w:tab/>
            </w:r>
            <w:r>
              <w:tab/>
              <w:t>sort        : sort</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Searches through available options and returns</w:t>
            </w:r>
          </w:p>
          <w:p w:rsidR="00156FB3" w:rsidRDefault="00156FB3" w:rsidP="00156FB3">
            <w:r>
              <w:tab/>
            </w:r>
            <w:r>
              <w:tab/>
              <w:t xml:space="preserve"> * a sorted array of matches.</w:t>
            </w:r>
          </w:p>
          <w:p w:rsidR="00156FB3" w:rsidRDefault="00156FB3" w:rsidP="00156FB3">
            <w:r>
              <w:tab/>
            </w:r>
            <w:r>
              <w:tab/>
              <w:t xml:space="preserve"> *</w:t>
            </w:r>
          </w:p>
          <w:p w:rsidR="00156FB3" w:rsidRDefault="00156FB3" w:rsidP="00156FB3">
            <w:r>
              <w:tab/>
            </w:r>
            <w:r>
              <w:tab/>
              <w:t xml:space="preserve"> * Returns an object containing:</w:t>
            </w:r>
          </w:p>
          <w:p w:rsidR="00156FB3" w:rsidRDefault="00156FB3" w:rsidP="00156FB3">
            <w:r>
              <w:tab/>
            </w:r>
            <w:r>
              <w:tab/>
              <w:t xml:space="preserve"> *</w:t>
            </w:r>
          </w:p>
          <w:p w:rsidR="00156FB3" w:rsidRDefault="00156FB3" w:rsidP="00156FB3">
            <w:r>
              <w:tab/>
            </w:r>
            <w:r>
              <w:tab/>
              <w:t xml:space="preserve"> *   - query {string}</w:t>
            </w:r>
          </w:p>
          <w:p w:rsidR="00156FB3" w:rsidRDefault="00156FB3" w:rsidP="00156FB3">
            <w:r>
              <w:tab/>
            </w:r>
            <w:r>
              <w:tab/>
              <w:t xml:space="preserve"> *   - tokens {array}</w:t>
            </w:r>
          </w:p>
          <w:p w:rsidR="00156FB3" w:rsidRDefault="00156FB3" w:rsidP="00156FB3">
            <w:r>
              <w:tab/>
            </w:r>
            <w:r>
              <w:tab/>
              <w:t xml:space="preserve"> *   - total {int}</w:t>
            </w:r>
          </w:p>
          <w:p w:rsidR="00156FB3" w:rsidRDefault="00156FB3" w:rsidP="00156FB3">
            <w:r>
              <w:tab/>
            </w:r>
            <w:r>
              <w:tab/>
              <w:t xml:space="preserve"> *   - items {array}</w:t>
            </w:r>
          </w:p>
          <w:p w:rsidR="00156FB3" w:rsidRDefault="00156FB3" w:rsidP="00156FB3">
            <w:r>
              <w:tab/>
            </w:r>
            <w:r>
              <w:tab/>
              <w:t xml:space="preserve"> *</w:t>
            </w:r>
          </w:p>
          <w:p w:rsidR="00156FB3" w:rsidRDefault="00156FB3" w:rsidP="00156FB3">
            <w:r>
              <w:tab/>
            </w:r>
            <w:r>
              <w:tab/>
              <w:t xml:space="preserve"> * @param {string} query</w:t>
            </w:r>
          </w:p>
          <w:p w:rsidR="00156FB3" w:rsidRDefault="00156FB3" w:rsidP="00156FB3">
            <w:r>
              <w:lastRenderedPageBreak/>
              <w:tab/>
            </w:r>
            <w:r>
              <w:tab/>
              <w:t xml:space="preserve"> * @returns {object}</w:t>
            </w:r>
          </w:p>
          <w:p w:rsidR="00156FB3" w:rsidRDefault="00156FB3" w:rsidP="00156FB3">
            <w:r>
              <w:tab/>
            </w:r>
            <w:r>
              <w:tab/>
              <w:t xml:space="preserve"> */</w:t>
            </w:r>
          </w:p>
          <w:p w:rsidR="00156FB3" w:rsidRDefault="00156FB3" w:rsidP="00156FB3">
            <w:r>
              <w:tab/>
            </w:r>
            <w:r>
              <w:tab/>
              <w:t>search: function(query) {</w:t>
            </w:r>
          </w:p>
          <w:p w:rsidR="00156FB3" w:rsidRDefault="00156FB3" w:rsidP="00156FB3">
            <w:r>
              <w:tab/>
            </w:r>
            <w:r>
              <w:tab/>
            </w:r>
            <w:r>
              <w:tab/>
              <w:t>var i, value, score, result, calculateScore;</w:t>
            </w:r>
          </w:p>
          <w:p w:rsidR="00156FB3" w:rsidRDefault="00156FB3" w:rsidP="00156FB3">
            <w:r>
              <w:tab/>
            </w:r>
            <w:r>
              <w:tab/>
            </w:r>
            <w:r>
              <w:tab/>
              <w:t>var self     = this;</w:t>
            </w:r>
          </w:p>
          <w:p w:rsidR="00156FB3" w:rsidRDefault="00156FB3" w:rsidP="00156FB3">
            <w:r>
              <w:tab/>
            </w:r>
            <w:r>
              <w:tab/>
            </w:r>
            <w:r>
              <w:tab/>
              <w:t>var settings = self.settings;</w:t>
            </w:r>
          </w:p>
          <w:p w:rsidR="00156FB3" w:rsidRDefault="00156FB3" w:rsidP="00156FB3">
            <w:r>
              <w:tab/>
            </w:r>
            <w:r>
              <w:tab/>
            </w:r>
            <w:r>
              <w:tab/>
              <w:t>var options  = this.getSearchOptions();</w:t>
            </w:r>
          </w:p>
          <w:p w:rsidR="00156FB3" w:rsidRDefault="00156FB3" w:rsidP="00156FB3">
            <w:r>
              <w:tab/>
            </w:r>
          </w:p>
          <w:p w:rsidR="00156FB3" w:rsidRDefault="00156FB3" w:rsidP="00156FB3">
            <w:r>
              <w:tab/>
            </w:r>
            <w:r>
              <w:tab/>
            </w:r>
            <w:r>
              <w:tab/>
              <w:t>// validate user-provided result scoring function</w:t>
            </w:r>
          </w:p>
          <w:p w:rsidR="00156FB3" w:rsidRDefault="00156FB3" w:rsidP="00156FB3">
            <w:r>
              <w:tab/>
            </w:r>
            <w:r>
              <w:tab/>
            </w:r>
            <w:r>
              <w:tab/>
              <w:t>if (settings.score) {</w:t>
            </w:r>
          </w:p>
          <w:p w:rsidR="00156FB3" w:rsidRDefault="00156FB3" w:rsidP="00156FB3">
            <w:r>
              <w:tab/>
            </w:r>
            <w:r>
              <w:tab/>
            </w:r>
            <w:r>
              <w:tab/>
            </w:r>
            <w:r>
              <w:tab/>
              <w:t>calculateScore = self.settings.score.apply(this, [query]);</w:t>
            </w:r>
          </w:p>
          <w:p w:rsidR="00156FB3" w:rsidRDefault="00156FB3" w:rsidP="00156FB3">
            <w:r>
              <w:tab/>
            </w:r>
            <w:r>
              <w:tab/>
            </w:r>
            <w:r>
              <w:tab/>
            </w:r>
            <w:r>
              <w:tab/>
              <w:t>if (typeof calculateScore !== 'function') {</w:t>
            </w:r>
          </w:p>
          <w:p w:rsidR="00156FB3" w:rsidRDefault="00156FB3" w:rsidP="00156FB3">
            <w:r>
              <w:tab/>
            </w:r>
            <w:r>
              <w:tab/>
            </w:r>
            <w:r>
              <w:tab/>
            </w:r>
            <w:r>
              <w:tab/>
            </w:r>
            <w:r>
              <w:tab/>
              <w:t>throw new Error('Selectize "score" setting must be a function that returns a function');</w:t>
            </w:r>
          </w:p>
          <w:p w:rsidR="00156FB3" w:rsidRDefault="00156FB3" w:rsidP="00156FB3">
            <w:r>
              <w:tab/>
            </w:r>
            <w:r>
              <w:tab/>
            </w:r>
            <w:r>
              <w:tab/>
            </w:r>
            <w:r>
              <w:tab/>
              <w:t>}</w:t>
            </w:r>
          </w:p>
          <w:p w:rsidR="00156FB3" w:rsidRDefault="00156FB3" w:rsidP="00156FB3">
            <w:r>
              <w:tab/>
            </w:r>
            <w:r>
              <w:tab/>
            </w:r>
            <w:r>
              <w:tab/>
              <w:t>}</w:t>
            </w:r>
          </w:p>
          <w:p w:rsidR="00156FB3" w:rsidRDefault="00156FB3" w:rsidP="00156FB3">
            <w:r>
              <w:tab/>
            </w:r>
          </w:p>
          <w:p w:rsidR="00156FB3" w:rsidRDefault="00156FB3" w:rsidP="00156FB3">
            <w:r>
              <w:tab/>
            </w:r>
            <w:r>
              <w:tab/>
            </w:r>
            <w:r>
              <w:tab/>
              <w:t>// perform search</w:t>
            </w:r>
          </w:p>
          <w:p w:rsidR="00156FB3" w:rsidRDefault="00156FB3" w:rsidP="00156FB3">
            <w:r>
              <w:tab/>
            </w:r>
            <w:r>
              <w:tab/>
            </w:r>
            <w:r>
              <w:tab/>
              <w:t>if (query !== self.lastQuery) {</w:t>
            </w:r>
          </w:p>
          <w:p w:rsidR="00156FB3" w:rsidRDefault="00156FB3" w:rsidP="00156FB3">
            <w:r>
              <w:tab/>
            </w:r>
            <w:r>
              <w:tab/>
            </w:r>
            <w:r>
              <w:tab/>
            </w:r>
            <w:r>
              <w:tab/>
              <w:t>self.lastQuery = query;</w:t>
            </w:r>
          </w:p>
          <w:p w:rsidR="00156FB3" w:rsidRDefault="00156FB3" w:rsidP="00156FB3">
            <w:r>
              <w:tab/>
            </w:r>
            <w:r>
              <w:tab/>
            </w:r>
            <w:r>
              <w:tab/>
            </w:r>
            <w:r>
              <w:tab/>
              <w:t>result = self.sifter.search(query, $.extend(options, {score: calculateScore}));</w:t>
            </w:r>
          </w:p>
          <w:p w:rsidR="00156FB3" w:rsidRDefault="00156FB3" w:rsidP="00156FB3">
            <w:r>
              <w:tab/>
            </w:r>
            <w:r>
              <w:tab/>
            </w:r>
            <w:r>
              <w:tab/>
            </w:r>
            <w:r>
              <w:tab/>
              <w:t>self.currentResults = result;</w:t>
            </w:r>
          </w:p>
          <w:p w:rsidR="00156FB3" w:rsidRDefault="00156FB3" w:rsidP="00156FB3">
            <w:r>
              <w:tab/>
            </w:r>
            <w:r>
              <w:tab/>
            </w:r>
            <w:r>
              <w:tab/>
              <w:t>} else {</w:t>
            </w:r>
          </w:p>
          <w:p w:rsidR="00156FB3" w:rsidRDefault="00156FB3" w:rsidP="00156FB3">
            <w:r>
              <w:tab/>
            </w:r>
            <w:r>
              <w:tab/>
            </w:r>
            <w:r>
              <w:tab/>
            </w:r>
            <w:r>
              <w:tab/>
              <w:t>result = $.extend(true, {}, self.currentResults);</w:t>
            </w:r>
          </w:p>
          <w:p w:rsidR="00156FB3" w:rsidRDefault="00156FB3" w:rsidP="00156FB3">
            <w:r>
              <w:tab/>
            </w:r>
            <w:r>
              <w:tab/>
            </w:r>
            <w:r>
              <w:tab/>
              <w:t>}</w:t>
            </w:r>
          </w:p>
          <w:p w:rsidR="00156FB3" w:rsidRDefault="00156FB3" w:rsidP="00156FB3">
            <w:r>
              <w:tab/>
            </w:r>
          </w:p>
          <w:p w:rsidR="00156FB3" w:rsidRDefault="00156FB3" w:rsidP="00156FB3">
            <w:r>
              <w:tab/>
            </w:r>
            <w:r>
              <w:tab/>
            </w:r>
            <w:r>
              <w:tab/>
              <w:t>// filter out selected items</w:t>
            </w:r>
          </w:p>
          <w:p w:rsidR="00156FB3" w:rsidRDefault="00156FB3" w:rsidP="00156FB3">
            <w:r>
              <w:tab/>
            </w:r>
            <w:r>
              <w:tab/>
            </w:r>
            <w:r>
              <w:tab/>
              <w:t>if (settings.hideSelected) {</w:t>
            </w:r>
          </w:p>
          <w:p w:rsidR="00156FB3" w:rsidRDefault="00156FB3" w:rsidP="00156FB3">
            <w:r>
              <w:tab/>
            </w:r>
            <w:r>
              <w:tab/>
            </w:r>
            <w:r>
              <w:tab/>
            </w:r>
            <w:r>
              <w:tab/>
              <w:t>for (i = result.items.length - 1; i &gt;= 0; i--) {</w:t>
            </w:r>
          </w:p>
          <w:p w:rsidR="00156FB3" w:rsidRDefault="00156FB3" w:rsidP="00156FB3">
            <w:r>
              <w:tab/>
            </w:r>
            <w:r>
              <w:tab/>
            </w:r>
            <w:r>
              <w:tab/>
            </w:r>
            <w:r>
              <w:tab/>
            </w:r>
            <w:r>
              <w:tab/>
              <w:t>if (self.items.indexOf(hash_key(result.items[i].id)) !== -1) {</w:t>
            </w:r>
          </w:p>
          <w:p w:rsidR="00156FB3" w:rsidRDefault="00156FB3" w:rsidP="00156FB3">
            <w:r>
              <w:tab/>
            </w:r>
            <w:r>
              <w:tab/>
            </w:r>
            <w:r>
              <w:tab/>
            </w:r>
            <w:r>
              <w:tab/>
            </w:r>
            <w:r>
              <w:tab/>
            </w:r>
            <w:r>
              <w:tab/>
              <w:t>result.items.splice(i, 1);</w:t>
            </w:r>
          </w:p>
          <w:p w:rsidR="00156FB3" w:rsidRDefault="00156FB3" w:rsidP="00156FB3">
            <w:r>
              <w:tab/>
            </w:r>
            <w:r>
              <w:tab/>
            </w:r>
            <w:r>
              <w:tab/>
            </w:r>
            <w:r>
              <w:tab/>
            </w:r>
            <w:r>
              <w:tab/>
              <w:t>}</w:t>
            </w:r>
          </w:p>
          <w:p w:rsidR="00156FB3" w:rsidRDefault="00156FB3" w:rsidP="00156FB3">
            <w:r>
              <w:tab/>
            </w:r>
            <w:r>
              <w:tab/>
            </w:r>
            <w:r>
              <w:tab/>
            </w:r>
            <w:r>
              <w:tab/>
              <w:t>}</w:t>
            </w:r>
          </w:p>
          <w:p w:rsidR="00156FB3" w:rsidRDefault="00156FB3" w:rsidP="00156FB3">
            <w:r>
              <w:tab/>
            </w:r>
            <w:r>
              <w:tab/>
            </w:r>
            <w:r>
              <w:tab/>
              <w:t>}</w:t>
            </w:r>
          </w:p>
          <w:p w:rsidR="00156FB3" w:rsidRDefault="00156FB3" w:rsidP="00156FB3">
            <w:r>
              <w:tab/>
            </w:r>
          </w:p>
          <w:p w:rsidR="00156FB3" w:rsidRDefault="00156FB3" w:rsidP="00156FB3">
            <w:r>
              <w:tab/>
            </w:r>
            <w:r>
              <w:tab/>
            </w:r>
            <w:r>
              <w:tab/>
              <w:t>return resul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Refreshes the list of available options shown</w:t>
            </w:r>
          </w:p>
          <w:p w:rsidR="00156FB3" w:rsidRDefault="00156FB3" w:rsidP="00156FB3">
            <w:r>
              <w:tab/>
            </w:r>
            <w:r>
              <w:tab/>
              <w:t xml:space="preserve"> * in the autocomplete dropdown menu.</w:t>
            </w:r>
          </w:p>
          <w:p w:rsidR="00156FB3" w:rsidRDefault="00156FB3" w:rsidP="00156FB3">
            <w:r>
              <w:tab/>
            </w:r>
            <w:r>
              <w:tab/>
              <w:t xml:space="preserve"> *</w:t>
            </w:r>
          </w:p>
          <w:p w:rsidR="00156FB3" w:rsidRDefault="00156FB3" w:rsidP="00156FB3">
            <w:r>
              <w:tab/>
            </w:r>
            <w:r>
              <w:tab/>
              <w:t xml:space="preserve"> * @param {boolean} triggerDropdown</w:t>
            </w:r>
          </w:p>
          <w:p w:rsidR="00156FB3" w:rsidRDefault="00156FB3" w:rsidP="00156FB3">
            <w:r>
              <w:tab/>
            </w:r>
            <w:r>
              <w:tab/>
              <w:t xml:space="preserve"> */</w:t>
            </w:r>
          </w:p>
          <w:p w:rsidR="00156FB3" w:rsidRDefault="00156FB3" w:rsidP="00156FB3">
            <w:r>
              <w:tab/>
            </w:r>
            <w:r>
              <w:tab/>
              <w:t>refreshOptions: function(triggerDropdown) {</w:t>
            </w:r>
          </w:p>
          <w:p w:rsidR="00156FB3" w:rsidRDefault="00156FB3" w:rsidP="00156FB3">
            <w:r>
              <w:tab/>
            </w:r>
            <w:r>
              <w:tab/>
            </w:r>
            <w:r>
              <w:tab/>
              <w:t>var i, j, k, n, groups, groups_order, option, option_html, optgroup, optgroups, html, html_children, has_create_option;</w:t>
            </w:r>
          </w:p>
          <w:p w:rsidR="00156FB3" w:rsidRDefault="00156FB3" w:rsidP="00156FB3">
            <w:r>
              <w:lastRenderedPageBreak/>
              <w:tab/>
            </w:r>
            <w:r>
              <w:tab/>
            </w:r>
            <w:r>
              <w:tab/>
              <w:t>var $active, $active_before, $create;</w:t>
            </w:r>
          </w:p>
          <w:p w:rsidR="00156FB3" w:rsidRDefault="00156FB3" w:rsidP="00156FB3">
            <w:r>
              <w:tab/>
            </w:r>
          </w:p>
          <w:p w:rsidR="00156FB3" w:rsidRDefault="00156FB3" w:rsidP="00156FB3">
            <w:r>
              <w:tab/>
            </w:r>
            <w:r>
              <w:tab/>
            </w:r>
            <w:r>
              <w:tab/>
              <w:t>if (typeof triggerDropdown === 'undefined') {</w:t>
            </w:r>
          </w:p>
          <w:p w:rsidR="00156FB3" w:rsidRDefault="00156FB3" w:rsidP="00156FB3">
            <w:r>
              <w:tab/>
            </w:r>
            <w:r>
              <w:tab/>
            </w:r>
            <w:r>
              <w:tab/>
            </w:r>
            <w:r>
              <w:tab/>
              <w:t>triggerDropdown = true;</w:t>
            </w:r>
          </w:p>
          <w:p w:rsidR="00156FB3" w:rsidRDefault="00156FB3" w:rsidP="00156FB3">
            <w:r>
              <w:tab/>
            </w:r>
            <w:r>
              <w:tab/>
            </w:r>
            <w:r>
              <w:tab/>
              <w:t>}</w:t>
            </w:r>
          </w:p>
          <w:p w:rsidR="00156FB3" w:rsidRDefault="00156FB3" w:rsidP="00156FB3">
            <w:r>
              <w:tab/>
            </w:r>
          </w:p>
          <w:p w:rsidR="00156FB3" w:rsidRDefault="00156FB3" w:rsidP="00156FB3">
            <w:r>
              <w:tab/>
            </w:r>
            <w:r>
              <w:tab/>
            </w:r>
            <w:r>
              <w:tab/>
              <w:t>var self              = this;</w:t>
            </w:r>
          </w:p>
          <w:p w:rsidR="00156FB3" w:rsidRDefault="00156FB3" w:rsidP="00156FB3">
            <w:r>
              <w:tab/>
            </w:r>
            <w:r>
              <w:tab/>
            </w:r>
            <w:r>
              <w:tab/>
              <w:t>var query             = $.trim(self.$control_input.val());</w:t>
            </w:r>
          </w:p>
          <w:p w:rsidR="00156FB3" w:rsidRDefault="00156FB3" w:rsidP="00156FB3">
            <w:r>
              <w:tab/>
            </w:r>
            <w:r>
              <w:tab/>
            </w:r>
            <w:r>
              <w:tab/>
              <w:t>var results           = self.search(query);</w:t>
            </w:r>
          </w:p>
          <w:p w:rsidR="00156FB3" w:rsidRDefault="00156FB3" w:rsidP="00156FB3">
            <w:r>
              <w:tab/>
            </w:r>
            <w:r>
              <w:tab/>
            </w:r>
            <w:r>
              <w:tab/>
              <w:t>var $dropdown_content = self.$dropdown_content;</w:t>
            </w:r>
          </w:p>
          <w:p w:rsidR="00156FB3" w:rsidRDefault="00156FB3" w:rsidP="00156FB3">
            <w:r>
              <w:tab/>
            </w:r>
            <w:r>
              <w:tab/>
            </w:r>
            <w:r>
              <w:tab/>
              <w:t>var active_before     = self.$activeOption &amp;&amp; hash_key(self.$activeOption.attr('data-value'));</w:t>
            </w:r>
          </w:p>
          <w:p w:rsidR="00156FB3" w:rsidRDefault="00156FB3" w:rsidP="00156FB3">
            <w:r>
              <w:tab/>
            </w:r>
          </w:p>
          <w:p w:rsidR="00156FB3" w:rsidRDefault="00156FB3" w:rsidP="00156FB3">
            <w:r>
              <w:tab/>
            </w:r>
            <w:r>
              <w:tab/>
            </w:r>
            <w:r>
              <w:tab/>
              <w:t>// build markup</w:t>
            </w:r>
          </w:p>
          <w:p w:rsidR="00156FB3" w:rsidRDefault="00156FB3" w:rsidP="00156FB3">
            <w:r>
              <w:tab/>
            </w:r>
            <w:r>
              <w:tab/>
            </w:r>
            <w:r>
              <w:tab/>
              <w:t>n = results.items.length;</w:t>
            </w:r>
          </w:p>
          <w:p w:rsidR="00156FB3" w:rsidRDefault="00156FB3" w:rsidP="00156FB3">
            <w:r>
              <w:tab/>
            </w:r>
            <w:r>
              <w:tab/>
            </w:r>
            <w:r>
              <w:tab/>
              <w:t>if (typeof self.settings.maxOptions === 'number') {</w:t>
            </w:r>
          </w:p>
          <w:p w:rsidR="00156FB3" w:rsidRDefault="00156FB3" w:rsidP="00156FB3">
            <w:r>
              <w:tab/>
            </w:r>
            <w:r>
              <w:tab/>
            </w:r>
            <w:r>
              <w:tab/>
            </w:r>
            <w:r>
              <w:tab/>
              <w:t>n = Math.min(n, self.settings.maxOptions);</w:t>
            </w:r>
          </w:p>
          <w:p w:rsidR="00156FB3" w:rsidRDefault="00156FB3" w:rsidP="00156FB3">
            <w:r>
              <w:tab/>
            </w:r>
            <w:r>
              <w:tab/>
            </w:r>
            <w:r>
              <w:tab/>
              <w:t>}</w:t>
            </w:r>
          </w:p>
          <w:p w:rsidR="00156FB3" w:rsidRDefault="00156FB3" w:rsidP="00156FB3">
            <w:r>
              <w:tab/>
            </w:r>
          </w:p>
          <w:p w:rsidR="00156FB3" w:rsidRDefault="00156FB3" w:rsidP="00156FB3">
            <w:r>
              <w:tab/>
            </w:r>
            <w:r>
              <w:tab/>
            </w:r>
            <w:r>
              <w:tab/>
              <w:t>// render and group available options individually</w:t>
            </w:r>
          </w:p>
          <w:p w:rsidR="00156FB3" w:rsidRDefault="00156FB3" w:rsidP="00156FB3">
            <w:r>
              <w:tab/>
            </w:r>
            <w:r>
              <w:tab/>
            </w:r>
            <w:r>
              <w:tab/>
              <w:t>groups = {};</w:t>
            </w:r>
          </w:p>
          <w:p w:rsidR="00156FB3" w:rsidRDefault="00156FB3" w:rsidP="00156FB3">
            <w:r>
              <w:tab/>
            </w:r>
            <w:r>
              <w:tab/>
            </w:r>
            <w:r>
              <w:tab/>
              <w:t>groups_order = [];</w:t>
            </w:r>
          </w:p>
          <w:p w:rsidR="00156FB3" w:rsidRDefault="00156FB3" w:rsidP="00156FB3">
            <w:r>
              <w:tab/>
            </w:r>
          </w:p>
          <w:p w:rsidR="00156FB3" w:rsidRDefault="00156FB3" w:rsidP="00156FB3">
            <w:r>
              <w:tab/>
            </w:r>
            <w:r>
              <w:tab/>
            </w:r>
            <w:r>
              <w:tab/>
              <w:t>for (i = 0; i &lt; n; i++) {</w:t>
            </w:r>
          </w:p>
          <w:p w:rsidR="00156FB3" w:rsidRDefault="00156FB3" w:rsidP="00156FB3">
            <w:r>
              <w:tab/>
            </w:r>
            <w:r>
              <w:tab/>
            </w:r>
            <w:r>
              <w:tab/>
            </w:r>
            <w:r>
              <w:tab/>
              <w:t>option      = self.options[results.items[i].id];</w:t>
            </w:r>
          </w:p>
          <w:p w:rsidR="00156FB3" w:rsidRDefault="00156FB3" w:rsidP="00156FB3">
            <w:r>
              <w:tab/>
            </w:r>
            <w:r>
              <w:tab/>
            </w:r>
            <w:r>
              <w:tab/>
            </w:r>
            <w:r>
              <w:tab/>
              <w:t>option_html = self.render('option', option);</w:t>
            </w:r>
          </w:p>
          <w:p w:rsidR="00156FB3" w:rsidRDefault="00156FB3" w:rsidP="00156FB3">
            <w:r>
              <w:tab/>
            </w:r>
            <w:r>
              <w:tab/>
            </w:r>
            <w:r>
              <w:tab/>
            </w:r>
            <w:r>
              <w:tab/>
              <w:t>optgroup    = option[self.settings.optgroupField] || '';</w:t>
            </w:r>
          </w:p>
          <w:p w:rsidR="00156FB3" w:rsidRDefault="00156FB3" w:rsidP="00156FB3">
            <w:r>
              <w:tab/>
            </w:r>
            <w:r>
              <w:tab/>
            </w:r>
            <w:r>
              <w:tab/>
            </w:r>
            <w:r>
              <w:tab/>
              <w:t>optgroups   = $.isArray(optgroup) ? optgroup : [optgroup];</w:t>
            </w:r>
          </w:p>
          <w:p w:rsidR="00156FB3" w:rsidRDefault="00156FB3" w:rsidP="00156FB3">
            <w:r>
              <w:tab/>
            </w:r>
          </w:p>
          <w:p w:rsidR="00156FB3" w:rsidRDefault="00156FB3" w:rsidP="00156FB3">
            <w:r>
              <w:tab/>
            </w:r>
            <w:r>
              <w:tab/>
            </w:r>
            <w:r>
              <w:tab/>
            </w:r>
            <w:r>
              <w:tab/>
              <w:t>for (j = 0, k = optgroups &amp;&amp; optgroups.length; j &lt; k; j++) {</w:t>
            </w:r>
          </w:p>
          <w:p w:rsidR="00156FB3" w:rsidRDefault="00156FB3" w:rsidP="00156FB3">
            <w:r>
              <w:tab/>
            </w:r>
            <w:r>
              <w:tab/>
            </w:r>
            <w:r>
              <w:tab/>
            </w:r>
            <w:r>
              <w:tab/>
            </w:r>
            <w:r>
              <w:tab/>
              <w:t>optgroup = optgroups[j];</w:t>
            </w:r>
          </w:p>
          <w:p w:rsidR="00156FB3" w:rsidRDefault="00156FB3" w:rsidP="00156FB3">
            <w:r>
              <w:tab/>
            </w:r>
            <w:r>
              <w:tab/>
            </w:r>
            <w:r>
              <w:tab/>
            </w:r>
            <w:r>
              <w:tab/>
            </w:r>
            <w:r>
              <w:tab/>
              <w:t>if (!self.optgroups.hasOwnProperty(optgroup)) {</w:t>
            </w:r>
          </w:p>
          <w:p w:rsidR="00156FB3" w:rsidRDefault="00156FB3" w:rsidP="00156FB3">
            <w:r>
              <w:tab/>
            </w:r>
            <w:r>
              <w:tab/>
            </w:r>
            <w:r>
              <w:tab/>
            </w:r>
            <w:r>
              <w:tab/>
            </w:r>
            <w:r>
              <w:tab/>
            </w:r>
            <w:r>
              <w:tab/>
              <w:t>optgroup = '';</w:t>
            </w:r>
          </w:p>
          <w:p w:rsidR="00156FB3" w:rsidRDefault="00156FB3" w:rsidP="00156FB3">
            <w:r>
              <w:tab/>
            </w:r>
            <w:r>
              <w:tab/>
            </w:r>
            <w:r>
              <w:tab/>
            </w:r>
            <w:r>
              <w:tab/>
            </w:r>
            <w:r>
              <w:tab/>
              <w:t>}</w:t>
            </w:r>
          </w:p>
          <w:p w:rsidR="00156FB3" w:rsidRDefault="00156FB3" w:rsidP="00156FB3">
            <w:r>
              <w:tab/>
            </w:r>
            <w:r>
              <w:tab/>
            </w:r>
            <w:r>
              <w:tab/>
            </w:r>
            <w:r>
              <w:tab/>
            </w:r>
            <w:r>
              <w:tab/>
              <w:t>if (!groups.hasOwnProperty(optgroup)) {</w:t>
            </w:r>
          </w:p>
          <w:p w:rsidR="00156FB3" w:rsidRDefault="00156FB3" w:rsidP="00156FB3">
            <w:r>
              <w:tab/>
            </w:r>
            <w:r>
              <w:tab/>
            </w:r>
            <w:r>
              <w:tab/>
            </w:r>
            <w:r>
              <w:tab/>
            </w:r>
            <w:r>
              <w:tab/>
            </w:r>
            <w:r>
              <w:tab/>
              <w:t>groups[optgroup] = document.createDocumentFragment();</w:t>
            </w:r>
          </w:p>
          <w:p w:rsidR="00156FB3" w:rsidRDefault="00156FB3" w:rsidP="00156FB3">
            <w:r>
              <w:tab/>
            </w:r>
            <w:r>
              <w:tab/>
            </w:r>
            <w:r>
              <w:tab/>
            </w:r>
            <w:r>
              <w:tab/>
            </w:r>
            <w:r>
              <w:tab/>
            </w:r>
            <w:r>
              <w:tab/>
              <w:t>groups_order.push(optgroup);</w:t>
            </w:r>
          </w:p>
          <w:p w:rsidR="00156FB3" w:rsidRDefault="00156FB3" w:rsidP="00156FB3">
            <w:r>
              <w:tab/>
            </w:r>
            <w:r>
              <w:tab/>
            </w:r>
            <w:r>
              <w:tab/>
            </w:r>
            <w:r>
              <w:tab/>
            </w:r>
            <w:r>
              <w:tab/>
              <w:t>}</w:t>
            </w:r>
          </w:p>
          <w:p w:rsidR="00156FB3" w:rsidRDefault="00156FB3" w:rsidP="00156FB3">
            <w:r>
              <w:tab/>
            </w:r>
            <w:r>
              <w:tab/>
            </w:r>
            <w:r>
              <w:tab/>
            </w:r>
            <w:r>
              <w:tab/>
            </w:r>
            <w:r>
              <w:tab/>
              <w:t>groups[optgroup].appendChild(option_html);</w:t>
            </w:r>
          </w:p>
          <w:p w:rsidR="00156FB3" w:rsidRDefault="00156FB3" w:rsidP="00156FB3">
            <w:r>
              <w:tab/>
            </w:r>
            <w:r>
              <w:tab/>
            </w:r>
            <w:r>
              <w:tab/>
            </w:r>
            <w:r>
              <w:tab/>
              <w:t>}</w:t>
            </w:r>
          </w:p>
          <w:p w:rsidR="00156FB3" w:rsidRDefault="00156FB3" w:rsidP="00156FB3">
            <w:r>
              <w:tab/>
            </w:r>
            <w:r>
              <w:tab/>
            </w:r>
            <w:r>
              <w:tab/>
              <w:t>}</w:t>
            </w:r>
          </w:p>
          <w:p w:rsidR="00156FB3" w:rsidRDefault="00156FB3" w:rsidP="00156FB3">
            <w:r>
              <w:tab/>
            </w:r>
          </w:p>
          <w:p w:rsidR="00156FB3" w:rsidRDefault="00156FB3" w:rsidP="00156FB3">
            <w:r>
              <w:tab/>
            </w:r>
            <w:r>
              <w:tab/>
            </w:r>
            <w:r>
              <w:tab/>
              <w:t>// sort optgroups</w:t>
            </w:r>
          </w:p>
          <w:p w:rsidR="00156FB3" w:rsidRDefault="00156FB3" w:rsidP="00156FB3">
            <w:r>
              <w:tab/>
            </w:r>
            <w:r>
              <w:tab/>
            </w:r>
            <w:r>
              <w:tab/>
              <w:t>if (this.settings.lockOptgroupOrder) {</w:t>
            </w:r>
          </w:p>
          <w:p w:rsidR="00156FB3" w:rsidRDefault="00156FB3" w:rsidP="00156FB3">
            <w:r>
              <w:tab/>
            </w:r>
            <w:r>
              <w:tab/>
            </w:r>
            <w:r>
              <w:tab/>
            </w:r>
            <w:r>
              <w:tab/>
              <w:t>groups_order.sort(function(a, b) {</w:t>
            </w:r>
          </w:p>
          <w:p w:rsidR="00156FB3" w:rsidRDefault="00156FB3" w:rsidP="00156FB3">
            <w:r>
              <w:tab/>
            </w:r>
            <w:r>
              <w:tab/>
            </w:r>
            <w:r>
              <w:tab/>
            </w:r>
            <w:r>
              <w:tab/>
            </w:r>
            <w:r>
              <w:tab/>
              <w:t>var a_order = self.optgroups[a].$order || 0;</w:t>
            </w:r>
          </w:p>
          <w:p w:rsidR="00156FB3" w:rsidRDefault="00156FB3" w:rsidP="00156FB3">
            <w:r>
              <w:tab/>
            </w:r>
            <w:r>
              <w:tab/>
            </w:r>
            <w:r>
              <w:tab/>
            </w:r>
            <w:r>
              <w:tab/>
            </w:r>
            <w:r>
              <w:tab/>
              <w:t>var b_order = self.optgroups[b].$order || 0;</w:t>
            </w:r>
          </w:p>
          <w:p w:rsidR="00156FB3" w:rsidRDefault="00156FB3" w:rsidP="00156FB3">
            <w:r>
              <w:lastRenderedPageBreak/>
              <w:tab/>
            </w:r>
            <w:r>
              <w:tab/>
            </w:r>
            <w:r>
              <w:tab/>
            </w:r>
            <w:r>
              <w:tab/>
            </w:r>
            <w:r>
              <w:tab/>
              <w:t>return a_order - b_order;</w:t>
            </w:r>
          </w:p>
          <w:p w:rsidR="00156FB3" w:rsidRDefault="00156FB3" w:rsidP="00156FB3">
            <w:r>
              <w:tab/>
            </w:r>
            <w:r>
              <w:tab/>
            </w:r>
            <w:r>
              <w:tab/>
            </w:r>
            <w:r>
              <w:tab/>
              <w:t>});</w:t>
            </w:r>
          </w:p>
          <w:p w:rsidR="00156FB3" w:rsidRDefault="00156FB3" w:rsidP="00156FB3">
            <w:r>
              <w:tab/>
            </w:r>
            <w:r>
              <w:tab/>
            </w:r>
            <w:r>
              <w:tab/>
              <w:t>}</w:t>
            </w:r>
          </w:p>
          <w:p w:rsidR="00156FB3" w:rsidRDefault="00156FB3" w:rsidP="00156FB3">
            <w:r>
              <w:tab/>
            </w:r>
          </w:p>
          <w:p w:rsidR="00156FB3" w:rsidRDefault="00156FB3" w:rsidP="00156FB3">
            <w:r>
              <w:tab/>
            </w:r>
            <w:r>
              <w:tab/>
            </w:r>
            <w:r>
              <w:tab/>
              <w:t>// render optgroup headers &amp; join groups</w:t>
            </w:r>
          </w:p>
          <w:p w:rsidR="00156FB3" w:rsidRDefault="00156FB3" w:rsidP="00156FB3">
            <w:r>
              <w:tab/>
            </w:r>
            <w:r>
              <w:tab/>
            </w:r>
            <w:r>
              <w:tab/>
              <w:t>html = document.createDocumentFragment();</w:t>
            </w:r>
          </w:p>
          <w:p w:rsidR="00156FB3" w:rsidRDefault="00156FB3" w:rsidP="00156FB3">
            <w:r>
              <w:tab/>
            </w:r>
            <w:r>
              <w:tab/>
            </w:r>
            <w:r>
              <w:tab/>
              <w:t>for (i = 0, n = groups_order.length; i &lt; n; i++) {</w:t>
            </w:r>
          </w:p>
          <w:p w:rsidR="00156FB3" w:rsidRDefault="00156FB3" w:rsidP="00156FB3">
            <w:r>
              <w:tab/>
            </w:r>
            <w:r>
              <w:tab/>
            </w:r>
            <w:r>
              <w:tab/>
            </w:r>
            <w:r>
              <w:tab/>
              <w:t>optgroup = groups_order[i];</w:t>
            </w:r>
          </w:p>
          <w:p w:rsidR="00156FB3" w:rsidRDefault="00156FB3" w:rsidP="00156FB3">
            <w:r>
              <w:tab/>
            </w:r>
            <w:r>
              <w:tab/>
            </w:r>
            <w:r>
              <w:tab/>
            </w:r>
            <w:r>
              <w:tab/>
              <w:t>if (self.optgroups.hasOwnProperty(optgroup) &amp;&amp; groups[optgroup].childNodes.length) {</w:t>
            </w:r>
          </w:p>
          <w:p w:rsidR="00156FB3" w:rsidRDefault="00156FB3" w:rsidP="00156FB3">
            <w:r>
              <w:tab/>
            </w:r>
            <w:r>
              <w:tab/>
            </w:r>
            <w:r>
              <w:tab/>
            </w:r>
            <w:r>
              <w:tab/>
            </w:r>
            <w:r>
              <w:tab/>
              <w:t>// render the optgroup header and options within it,</w:t>
            </w:r>
          </w:p>
          <w:p w:rsidR="00156FB3" w:rsidRDefault="00156FB3" w:rsidP="00156FB3">
            <w:r>
              <w:tab/>
            </w:r>
            <w:r>
              <w:tab/>
            </w:r>
            <w:r>
              <w:tab/>
            </w:r>
            <w:r>
              <w:tab/>
            </w:r>
            <w:r>
              <w:tab/>
              <w:t>// then pass it to the wrapper template</w:t>
            </w:r>
          </w:p>
          <w:p w:rsidR="00156FB3" w:rsidRDefault="00156FB3" w:rsidP="00156FB3">
            <w:r>
              <w:tab/>
            </w:r>
            <w:r>
              <w:tab/>
            </w:r>
            <w:r>
              <w:tab/>
            </w:r>
            <w:r>
              <w:tab/>
            </w:r>
            <w:r>
              <w:tab/>
              <w:t>html_children = document.createDocumentFragment();</w:t>
            </w:r>
          </w:p>
          <w:p w:rsidR="00156FB3" w:rsidRDefault="00156FB3" w:rsidP="00156FB3">
            <w:r>
              <w:tab/>
            </w:r>
            <w:r>
              <w:tab/>
            </w:r>
            <w:r>
              <w:tab/>
            </w:r>
            <w:r>
              <w:tab/>
            </w:r>
            <w:r>
              <w:tab/>
              <w:t>html_children.appendChild(self.render('optgroup_header', self.optgroups[optgroup]));</w:t>
            </w:r>
          </w:p>
          <w:p w:rsidR="00156FB3" w:rsidRDefault="00156FB3" w:rsidP="00156FB3">
            <w:r>
              <w:tab/>
            </w:r>
            <w:r>
              <w:tab/>
            </w:r>
            <w:r>
              <w:tab/>
            </w:r>
            <w:r>
              <w:tab/>
            </w:r>
            <w:r>
              <w:tab/>
              <w:t>html_children.appendChild(groups[optgroup]);</w:t>
            </w:r>
          </w:p>
          <w:p w:rsidR="00156FB3" w:rsidRDefault="00156FB3" w:rsidP="00156FB3">
            <w:r>
              <w:tab/>
            </w:r>
          </w:p>
          <w:p w:rsidR="00156FB3" w:rsidRDefault="00156FB3" w:rsidP="00156FB3">
            <w:r>
              <w:tab/>
            </w:r>
            <w:r>
              <w:tab/>
            </w:r>
            <w:r>
              <w:tab/>
            </w:r>
            <w:r>
              <w:tab/>
            </w:r>
            <w:r>
              <w:tab/>
              <w:t>html.appendChild(self.render('optgroup', $.extend({}, self.optgroups[optgroup], {</w:t>
            </w:r>
          </w:p>
          <w:p w:rsidR="00156FB3" w:rsidRDefault="00156FB3" w:rsidP="00156FB3">
            <w:r>
              <w:tab/>
            </w:r>
            <w:r>
              <w:tab/>
            </w:r>
            <w:r>
              <w:tab/>
            </w:r>
            <w:r>
              <w:tab/>
            </w:r>
            <w:r>
              <w:tab/>
            </w:r>
            <w:r>
              <w:tab/>
              <w:t>html: domToString(html_children),</w:t>
            </w:r>
          </w:p>
          <w:p w:rsidR="00156FB3" w:rsidRDefault="00156FB3" w:rsidP="00156FB3">
            <w:r>
              <w:tab/>
            </w:r>
            <w:r>
              <w:tab/>
            </w:r>
            <w:r>
              <w:tab/>
            </w:r>
            <w:r>
              <w:tab/>
            </w:r>
            <w:r>
              <w:tab/>
            </w:r>
            <w:r>
              <w:tab/>
              <w:t>dom:  html_children</w:t>
            </w:r>
          </w:p>
          <w:p w:rsidR="00156FB3" w:rsidRDefault="00156FB3" w:rsidP="00156FB3">
            <w:r>
              <w:tab/>
            </w:r>
            <w:r>
              <w:tab/>
            </w:r>
            <w:r>
              <w:tab/>
            </w:r>
            <w:r>
              <w:tab/>
            </w:r>
            <w:r>
              <w:tab/>
              <w:t>})));</w:t>
            </w:r>
          </w:p>
          <w:p w:rsidR="00156FB3" w:rsidRDefault="00156FB3" w:rsidP="00156FB3">
            <w:r>
              <w:tab/>
            </w:r>
            <w:r>
              <w:tab/>
            </w:r>
            <w:r>
              <w:tab/>
            </w:r>
            <w:r>
              <w:tab/>
              <w:t>} else {</w:t>
            </w:r>
          </w:p>
          <w:p w:rsidR="00156FB3" w:rsidRDefault="00156FB3" w:rsidP="00156FB3">
            <w:r>
              <w:tab/>
            </w:r>
            <w:r>
              <w:tab/>
            </w:r>
            <w:r>
              <w:tab/>
            </w:r>
            <w:r>
              <w:tab/>
            </w:r>
            <w:r>
              <w:tab/>
              <w:t>html.appendChild(groups[optgroup]);</w:t>
            </w:r>
          </w:p>
          <w:p w:rsidR="00156FB3" w:rsidRDefault="00156FB3" w:rsidP="00156FB3">
            <w:r>
              <w:tab/>
            </w:r>
            <w:r>
              <w:tab/>
            </w:r>
            <w:r>
              <w:tab/>
            </w:r>
            <w:r>
              <w:tab/>
              <w:t>}</w:t>
            </w:r>
          </w:p>
          <w:p w:rsidR="00156FB3" w:rsidRDefault="00156FB3" w:rsidP="00156FB3">
            <w:r>
              <w:tab/>
            </w:r>
            <w:r>
              <w:tab/>
            </w:r>
            <w:r>
              <w:tab/>
              <w:t>}</w:t>
            </w:r>
          </w:p>
          <w:p w:rsidR="00156FB3" w:rsidRDefault="00156FB3" w:rsidP="00156FB3">
            <w:r>
              <w:tab/>
            </w:r>
          </w:p>
          <w:p w:rsidR="00156FB3" w:rsidRDefault="00156FB3" w:rsidP="00156FB3">
            <w:r>
              <w:tab/>
            </w:r>
            <w:r>
              <w:tab/>
            </w:r>
            <w:r>
              <w:tab/>
              <w:t>$dropdown_content.html(html);</w:t>
            </w:r>
          </w:p>
          <w:p w:rsidR="00156FB3" w:rsidRDefault="00156FB3" w:rsidP="00156FB3">
            <w:r>
              <w:tab/>
            </w:r>
          </w:p>
          <w:p w:rsidR="00156FB3" w:rsidRDefault="00156FB3" w:rsidP="00156FB3">
            <w:r>
              <w:tab/>
            </w:r>
            <w:r>
              <w:tab/>
            </w:r>
            <w:r>
              <w:tab/>
              <w:t>// highlight matching terms inline</w:t>
            </w:r>
          </w:p>
          <w:p w:rsidR="00156FB3" w:rsidRDefault="00156FB3" w:rsidP="00156FB3">
            <w:r>
              <w:tab/>
            </w:r>
            <w:r>
              <w:tab/>
            </w:r>
            <w:r>
              <w:tab/>
              <w:t>if (self.settings.highlight &amp;&amp; results.query.length &amp;&amp; results.tokens.length) {</w:t>
            </w:r>
          </w:p>
          <w:p w:rsidR="00156FB3" w:rsidRDefault="00156FB3" w:rsidP="00156FB3">
            <w:r>
              <w:tab/>
            </w:r>
            <w:r>
              <w:tab/>
            </w:r>
            <w:r>
              <w:tab/>
            </w:r>
            <w:r>
              <w:tab/>
              <w:t>$dropdown_content.removeHighlight();</w:t>
            </w:r>
          </w:p>
          <w:p w:rsidR="00156FB3" w:rsidRDefault="00156FB3" w:rsidP="00156FB3">
            <w:r>
              <w:tab/>
            </w:r>
            <w:r>
              <w:tab/>
            </w:r>
            <w:r>
              <w:tab/>
            </w:r>
            <w:r>
              <w:tab/>
              <w:t>for (i = 0, n = results.tokens.length; i &lt; n; i++) {</w:t>
            </w:r>
          </w:p>
          <w:p w:rsidR="00156FB3" w:rsidRDefault="00156FB3" w:rsidP="00156FB3">
            <w:r>
              <w:tab/>
            </w:r>
            <w:r>
              <w:tab/>
            </w:r>
            <w:r>
              <w:tab/>
            </w:r>
            <w:r>
              <w:tab/>
            </w:r>
            <w:r>
              <w:tab/>
              <w:t>highlight($dropdown_content, results.tokens[i].regex);</w:t>
            </w:r>
          </w:p>
          <w:p w:rsidR="00156FB3" w:rsidRDefault="00156FB3" w:rsidP="00156FB3">
            <w:r>
              <w:tab/>
            </w:r>
            <w:r>
              <w:tab/>
            </w:r>
            <w:r>
              <w:tab/>
            </w:r>
            <w:r>
              <w:tab/>
              <w:t>}</w:t>
            </w:r>
          </w:p>
          <w:p w:rsidR="00156FB3" w:rsidRDefault="00156FB3" w:rsidP="00156FB3">
            <w:r>
              <w:tab/>
            </w:r>
            <w:r>
              <w:tab/>
            </w:r>
            <w:r>
              <w:tab/>
              <w:t>}</w:t>
            </w:r>
          </w:p>
          <w:p w:rsidR="00156FB3" w:rsidRDefault="00156FB3" w:rsidP="00156FB3">
            <w:r>
              <w:tab/>
            </w:r>
          </w:p>
          <w:p w:rsidR="00156FB3" w:rsidRDefault="00156FB3" w:rsidP="00156FB3">
            <w:r>
              <w:tab/>
            </w:r>
            <w:r>
              <w:tab/>
            </w:r>
            <w:r>
              <w:tab/>
              <w:t>// add "selected" class to selected options</w:t>
            </w:r>
          </w:p>
          <w:p w:rsidR="00156FB3" w:rsidRDefault="00156FB3" w:rsidP="00156FB3">
            <w:r>
              <w:tab/>
            </w:r>
            <w:r>
              <w:tab/>
            </w:r>
            <w:r>
              <w:tab/>
              <w:t>if (!self.settings.hideSelected) {</w:t>
            </w:r>
          </w:p>
          <w:p w:rsidR="00156FB3" w:rsidRDefault="00156FB3" w:rsidP="00156FB3">
            <w:r>
              <w:tab/>
            </w:r>
            <w:r>
              <w:tab/>
            </w:r>
            <w:r>
              <w:tab/>
            </w:r>
            <w:r>
              <w:tab/>
              <w:t>for (i = 0, n = self.items.length; i &lt; n; i++) {</w:t>
            </w:r>
          </w:p>
          <w:p w:rsidR="00156FB3" w:rsidRDefault="00156FB3" w:rsidP="00156FB3">
            <w:r>
              <w:tab/>
            </w:r>
            <w:r>
              <w:tab/>
            </w:r>
            <w:r>
              <w:tab/>
            </w:r>
            <w:r>
              <w:tab/>
            </w:r>
            <w:r>
              <w:tab/>
              <w:t>self.getOption(self.items[i]).addClass('selected');</w:t>
            </w:r>
          </w:p>
          <w:p w:rsidR="00156FB3" w:rsidRDefault="00156FB3" w:rsidP="00156FB3">
            <w:r>
              <w:tab/>
            </w:r>
            <w:r>
              <w:tab/>
            </w:r>
            <w:r>
              <w:tab/>
            </w:r>
            <w:r>
              <w:tab/>
              <w:t>}</w:t>
            </w:r>
          </w:p>
          <w:p w:rsidR="00156FB3" w:rsidRDefault="00156FB3" w:rsidP="00156FB3">
            <w:r>
              <w:tab/>
            </w:r>
            <w:r>
              <w:tab/>
            </w:r>
            <w:r>
              <w:tab/>
              <w:t>}</w:t>
            </w:r>
          </w:p>
          <w:p w:rsidR="00156FB3" w:rsidRDefault="00156FB3" w:rsidP="00156FB3">
            <w:r>
              <w:tab/>
            </w:r>
          </w:p>
          <w:p w:rsidR="00156FB3" w:rsidRDefault="00156FB3" w:rsidP="00156FB3">
            <w:r>
              <w:tab/>
            </w:r>
            <w:r>
              <w:tab/>
            </w:r>
            <w:r>
              <w:tab/>
              <w:t>// add create option</w:t>
            </w:r>
          </w:p>
          <w:p w:rsidR="00156FB3" w:rsidRDefault="00156FB3" w:rsidP="00156FB3">
            <w:r>
              <w:tab/>
            </w:r>
            <w:r>
              <w:tab/>
            </w:r>
            <w:r>
              <w:tab/>
              <w:t>has_create_option = self.canCreate(query);</w:t>
            </w:r>
          </w:p>
          <w:p w:rsidR="00156FB3" w:rsidRDefault="00156FB3" w:rsidP="00156FB3">
            <w:r>
              <w:tab/>
            </w:r>
            <w:r>
              <w:tab/>
            </w:r>
            <w:r>
              <w:tab/>
              <w:t>if (has_create_option) {</w:t>
            </w:r>
          </w:p>
          <w:p w:rsidR="00156FB3" w:rsidRDefault="00156FB3" w:rsidP="00156FB3">
            <w:r>
              <w:tab/>
            </w:r>
            <w:r>
              <w:tab/>
            </w:r>
            <w:r>
              <w:tab/>
            </w:r>
            <w:r>
              <w:tab/>
              <w:t xml:space="preserve">$dropdown_content.prepend(self.render('option_create', {input: </w:t>
            </w:r>
            <w:r>
              <w:lastRenderedPageBreak/>
              <w:t>query}));</w:t>
            </w:r>
          </w:p>
          <w:p w:rsidR="00156FB3" w:rsidRDefault="00156FB3" w:rsidP="00156FB3">
            <w:r>
              <w:tab/>
            </w:r>
            <w:r>
              <w:tab/>
            </w:r>
            <w:r>
              <w:tab/>
            </w:r>
            <w:r>
              <w:tab/>
              <w:t>$create = $($dropdown_content[0].childNodes[0]);</w:t>
            </w:r>
          </w:p>
          <w:p w:rsidR="00156FB3" w:rsidRDefault="00156FB3" w:rsidP="00156FB3">
            <w:r>
              <w:tab/>
            </w:r>
            <w:r>
              <w:tab/>
            </w:r>
            <w:r>
              <w:tab/>
              <w:t>}</w:t>
            </w:r>
          </w:p>
          <w:p w:rsidR="00156FB3" w:rsidRDefault="00156FB3" w:rsidP="00156FB3">
            <w:r>
              <w:tab/>
            </w:r>
          </w:p>
          <w:p w:rsidR="00156FB3" w:rsidRDefault="00156FB3" w:rsidP="00156FB3">
            <w:r>
              <w:tab/>
            </w:r>
            <w:r>
              <w:tab/>
            </w:r>
            <w:r>
              <w:tab/>
              <w:t>// activate</w:t>
            </w:r>
          </w:p>
          <w:p w:rsidR="00156FB3" w:rsidRDefault="00156FB3" w:rsidP="00156FB3">
            <w:r>
              <w:tab/>
            </w:r>
            <w:r>
              <w:tab/>
            </w:r>
            <w:r>
              <w:tab/>
              <w:t>self.hasOptions = results.items.length &gt; 0 || has_create_option;</w:t>
            </w:r>
          </w:p>
          <w:p w:rsidR="00156FB3" w:rsidRDefault="00156FB3" w:rsidP="00156FB3">
            <w:r>
              <w:tab/>
            </w:r>
            <w:r>
              <w:tab/>
            </w:r>
            <w:r>
              <w:tab/>
              <w:t>if (self.hasOptions) {</w:t>
            </w:r>
          </w:p>
          <w:p w:rsidR="00156FB3" w:rsidRDefault="00156FB3" w:rsidP="00156FB3">
            <w:r>
              <w:tab/>
            </w:r>
            <w:r>
              <w:tab/>
            </w:r>
            <w:r>
              <w:tab/>
            </w:r>
            <w:r>
              <w:tab/>
              <w:t>if (results.items.length &gt; 0) {</w:t>
            </w:r>
          </w:p>
          <w:p w:rsidR="00156FB3" w:rsidRDefault="00156FB3" w:rsidP="00156FB3">
            <w:r>
              <w:tab/>
            </w:r>
            <w:r>
              <w:tab/>
            </w:r>
            <w:r>
              <w:tab/>
            </w:r>
            <w:r>
              <w:tab/>
            </w:r>
            <w:r>
              <w:tab/>
              <w:t>$active_before = active_before &amp;&amp; self.getOption(active_before);</w:t>
            </w:r>
          </w:p>
          <w:p w:rsidR="00156FB3" w:rsidRDefault="00156FB3" w:rsidP="00156FB3">
            <w:r>
              <w:tab/>
            </w:r>
            <w:r>
              <w:tab/>
            </w:r>
            <w:r>
              <w:tab/>
            </w:r>
            <w:r>
              <w:tab/>
            </w:r>
            <w:r>
              <w:tab/>
              <w:t>if ($active_before &amp;&amp; $active_before.length) {</w:t>
            </w:r>
          </w:p>
          <w:p w:rsidR="00156FB3" w:rsidRDefault="00156FB3" w:rsidP="00156FB3">
            <w:r>
              <w:tab/>
            </w:r>
            <w:r>
              <w:tab/>
            </w:r>
            <w:r>
              <w:tab/>
            </w:r>
            <w:r>
              <w:tab/>
            </w:r>
            <w:r>
              <w:tab/>
            </w:r>
            <w:r>
              <w:tab/>
              <w:t>$active = $active_before;</w:t>
            </w:r>
          </w:p>
          <w:p w:rsidR="00156FB3" w:rsidRDefault="00156FB3" w:rsidP="00156FB3">
            <w:r>
              <w:tab/>
            </w:r>
            <w:r>
              <w:tab/>
            </w:r>
            <w:r>
              <w:tab/>
            </w:r>
            <w:r>
              <w:tab/>
            </w:r>
            <w:r>
              <w:tab/>
              <w:t>} else if (self.settings.mode === 'single' &amp;&amp; self.items.length) {</w:t>
            </w:r>
          </w:p>
          <w:p w:rsidR="00156FB3" w:rsidRDefault="00156FB3" w:rsidP="00156FB3">
            <w:r>
              <w:tab/>
            </w:r>
            <w:r>
              <w:tab/>
            </w:r>
            <w:r>
              <w:tab/>
            </w:r>
            <w:r>
              <w:tab/>
            </w:r>
            <w:r>
              <w:tab/>
            </w:r>
            <w:r>
              <w:tab/>
              <w:t>$active = self.getOption(self.items[0]);</w:t>
            </w:r>
          </w:p>
          <w:p w:rsidR="00156FB3" w:rsidRDefault="00156FB3" w:rsidP="00156FB3">
            <w:r>
              <w:tab/>
            </w:r>
            <w:r>
              <w:tab/>
            </w:r>
            <w:r>
              <w:tab/>
            </w:r>
            <w:r>
              <w:tab/>
            </w:r>
            <w:r>
              <w:tab/>
              <w:t>}</w:t>
            </w:r>
          </w:p>
          <w:p w:rsidR="00156FB3" w:rsidRDefault="00156FB3" w:rsidP="00156FB3">
            <w:r>
              <w:tab/>
            </w:r>
            <w:r>
              <w:tab/>
            </w:r>
            <w:r>
              <w:tab/>
            </w:r>
            <w:r>
              <w:tab/>
            </w:r>
            <w:r>
              <w:tab/>
              <w:t>if (!$active || !$active.length) {</w:t>
            </w:r>
          </w:p>
          <w:p w:rsidR="00156FB3" w:rsidRDefault="00156FB3" w:rsidP="00156FB3">
            <w:r>
              <w:tab/>
            </w:r>
            <w:r>
              <w:tab/>
            </w:r>
            <w:r>
              <w:tab/>
            </w:r>
            <w:r>
              <w:tab/>
            </w:r>
            <w:r>
              <w:tab/>
            </w:r>
            <w:r>
              <w:tab/>
              <w:t>if ($create &amp;&amp; !self.settings.addPrecedence) {</w:t>
            </w:r>
          </w:p>
          <w:p w:rsidR="00156FB3" w:rsidRDefault="00156FB3" w:rsidP="00156FB3">
            <w:r>
              <w:tab/>
            </w:r>
            <w:r>
              <w:tab/>
            </w:r>
            <w:r>
              <w:tab/>
            </w:r>
            <w:r>
              <w:tab/>
            </w:r>
            <w:r>
              <w:tab/>
            </w:r>
            <w:r>
              <w:tab/>
            </w:r>
            <w:r>
              <w:tab/>
              <w:t>$active = self.getAdjacentOption($create, 1);</w:t>
            </w:r>
          </w:p>
          <w:p w:rsidR="00156FB3" w:rsidRDefault="00156FB3" w:rsidP="00156FB3">
            <w:r>
              <w:tab/>
            </w:r>
            <w:r>
              <w:tab/>
            </w:r>
            <w:r>
              <w:tab/>
            </w:r>
            <w:r>
              <w:tab/>
            </w:r>
            <w:r>
              <w:tab/>
            </w:r>
            <w:r>
              <w:tab/>
              <w:t>} else {</w:t>
            </w:r>
          </w:p>
          <w:p w:rsidR="00156FB3" w:rsidRDefault="00156FB3" w:rsidP="00156FB3">
            <w:r>
              <w:tab/>
            </w:r>
            <w:r>
              <w:tab/>
            </w:r>
            <w:r>
              <w:tab/>
            </w:r>
            <w:r>
              <w:tab/>
            </w:r>
            <w:r>
              <w:tab/>
            </w:r>
            <w:r>
              <w:tab/>
            </w:r>
            <w:r>
              <w:tab/>
              <w:t>$active = $dropdown_content.find('[data-selectable]:first');</w:t>
            </w:r>
          </w:p>
          <w:p w:rsidR="00156FB3" w:rsidRDefault="00156FB3" w:rsidP="00156FB3">
            <w:r>
              <w:tab/>
            </w:r>
            <w:r>
              <w:tab/>
            </w:r>
            <w:r>
              <w:tab/>
            </w:r>
            <w:r>
              <w:tab/>
            </w:r>
            <w:r>
              <w:tab/>
            </w:r>
            <w:r>
              <w:tab/>
              <w:t>}</w:t>
            </w:r>
          </w:p>
          <w:p w:rsidR="00156FB3" w:rsidRDefault="00156FB3" w:rsidP="00156FB3">
            <w:r>
              <w:tab/>
            </w:r>
            <w:r>
              <w:tab/>
            </w:r>
            <w:r>
              <w:tab/>
            </w:r>
            <w:r>
              <w:tab/>
            </w:r>
            <w:r>
              <w:tab/>
              <w:t>}</w:t>
            </w:r>
          </w:p>
          <w:p w:rsidR="00156FB3" w:rsidRDefault="00156FB3" w:rsidP="00156FB3">
            <w:r>
              <w:tab/>
            </w:r>
            <w:r>
              <w:tab/>
            </w:r>
            <w:r>
              <w:tab/>
            </w:r>
            <w:r>
              <w:tab/>
              <w:t>} else {</w:t>
            </w:r>
          </w:p>
          <w:p w:rsidR="00156FB3" w:rsidRDefault="00156FB3" w:rsidP="00156FB3">
            <w:r>
              <w:tab/>
            </w:r>
            <w:r>
              <w:tab/>
            </w:r>
            <w:r>
              <w:tab/>
            </w:r>
            <w:r>
              <w:tab/>
            </w:r>
            <w:r>
              <w:tab/>
              <w:t>$active = $create;</w:t>
            </w:r>
          </w:p>
          <w:p w:rsidR="00156FB3" w:rsidRDefault="00156FB3" w:rsidP="00156FB3">
            <w:r>
              <w:tab/>
            </w:r>
            <w:r>
              <w:tab/>
            </w:r>
            <w:r>
              <w:tab/>
            </w:r>
            <w:r>
              <w:tab/>
              <w:t>}</w:t>
            </w:r>
          </w:p>
          <w:p w:rsidR="00156FB3" w:rsidRDefault="00156FB3" w:rsidP="00156FB3">
            <w:r>
              <w:tab/>
            </w:r>
            <w:r>
              <w:tab/>
            </w:r>
            <w:r>
              <w:tab/>
            </w:r>
            <w:r>
              <w:tab/>
              <w:t>self.setActiveOption($active);</w:t>
            </w:r>
          </w:p>
          <w:p w:rsidR="00156FB3" w:rsidRDefault="00156FB3" w:rsidP="00156FB3">
            <w:r>
              <w:tab/>
            </w:r>
            <w:r>
              <w:tab/>
            </w:r>
            <w:r>
              <w:tab/>
            </w:r>
            <w:r>
              <w:tab/>
              <w:t>if (triggerDropdown &amp;&amp; !self.isOpen) { self.open(); }</w:t>
            </w:r>
          </w:p>
          <w:p w:rsidR="00156FB3" w:rsidRDefault="00156FB3" w:rsidP="00156FB3">
            <w:r>
              <w:tab/>
            </w:r>
            <w:r>
              <w:tab/>
            </w:r>
            <w:r>
              <w:tab/>
              <w:t>} else {</w:t>
            </w:r>
          </w:p>
          <w:p w:rsidR="00156FB3" w:rsidRDefault="00156FB3" w:rsidP="00156FB3">
            <w:r>
              <w:tab/>
            </w:r>
            <w:r>
              <w:tab/>
            </w:r>
            <w:r>
              <w:tab/>
            </w:r>
            <w:r>
              <w:tab/>
              <w:t>self.setActiveOption(null);</w:t>
            </w:r>
          </w:p>
          <w:p w:rsidR="00156FB3" w:rsidRDefault="00156FB3" w:rsidP="00156FB3">
            <w:r>
              <w:tab/>
            </w:r>
            <w:r>
              <w:tab/>
            </w:r>
            <w:r>
              <w:tab/>
            </w:r>
            <w:r>
              <w:tab/>
              <w:t>if (triggerDropdown &amp;&amp; self.isOpen) { self.close(); }</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Adds an available option. If it already exists,</w:t>
            </w:r>
          </w:p>
          <w:p w:rsidR="00156FB3" w:rsidRDefault="00156FB3" w:rsidP="00156FB3">
            <w:r>
              <w:tab/>
            </w:r>
            <w:r>
              <w:tab/>
              <w:t xml:space="preserve"> * nothing will happen. Note: this does not refresh</w:t>
            </w:r>
          </w:p>
          <w:p w:rsidR="00156FB3" w:rsidRDefault="00156FB3" w:rsidP="00156FB3">
            <w:r>
              <w:tab/>
            </w:r>
            <w:r>
              <w:tab/>
              <w:t xml:space="preserve"> * the options list dropdown (use `refreshOptions`</w:t>
            </w:r>
          </w:p>
          <w:p w:rsidR="00156FB3" w:rsidRDefault="00156FB3" w:rsidP="00156FB3">
            <w:r>
              <w:tab/>
            </w:r>
            <w:r>
              <w:tab/>
              <w:t xml:space="preserve"> * for that).</w:t>
            </w:r>
          </w:p>
          <w:p w:rsidR="00156FB3" w:rsidRDefault="00156FB3" w:rsidP="00156FB3">
            <w:r>
              <w:tab/>
            </w:r>
            <w:r>
              <w:tab/>
              <w:t xml:space="preserve"> *</w:t>
            </w:r>
          </w:p>
          <w:p w:rsidR="00156FB3" w:rsidRDefault="00156FB3" w:rsidP="00156FB3">
            <w:r>
              <w:tab/>
            </w:r>
            <w:r>
              <w:tab/>
              <w:t xml:space="preserve"> * Usage:</w:t>
            </w:r>
          </w:p>
          <w:p w:rsidR="00156FB3" w:rsidRDefault="00156FB3" w:rsidP="00156FB3">
            <w:r>
              <w:tab/>
            </w:r>
            <w:r>
              <w:tab/>
              <w:t xml:space="preserve"> *</w:t>
            </w:r>
          </w:p>
          <w:p w:rsidR="00156FB3" w:rsidRDefault="00156FB3" w:rsidP="00156FB3">
            <w:r>
              <w:tab/>
            </w:r>
            <w:r>
              <w:tab/>
              <w:t xml:space="preserve"> *   this.addOption(data)</w:t>
            </w:r>
          </w:p>
          <w:p w:rsidR="00156FB3" w:rsidRDefault="00156FB3" w:rsidP="00156FB3">
            <w:r>
              <w:tab/>
            </w:r>
            <w:r>
              <w:tab/>
              <w:t xml:space="preserve"> *</w:t>
            </w:r>
          </w:p>
          <w:p w:rsidR="00156FB3" w:rsidRDefault="00156FB3" w:rsidP="00156FB3">
            <w:r>
              <w:tab/>
            </w:r>
            <w:r>
              <w:tab/>
              <w:t xml:space="preserve"> * @param {object|array} data</w:t>
            </w:r>
          </w:p>
          <w:p w:rsidR="00156FB3" w:rsidRDefault="00156FB3" w:rsidP="00156FB3">
            <w:r>
              <w:tab/>
            </w:r>
            <w:r>
              <w:tab/>
              <w:t xml:space="preserve"> */</w:t>
            </w:r>
          </w:p>
          <w:p w:rsidR="00156FB3" w:rsidRDefault="00156FB3" w:rsidP="00156FB3">
            <w:r>
              <w:tab/>
            </w:r>
            <w:r>
              <w:tab/>
              <w:t>addOption: function(data) {</w:t>
            </w:r>
          </w:p>
          <w:p w:rsidR="00156FB3" w:rsidRDefault="00156FB3" w:rsidP="00156FB3">
            <w:r>
              <w:tab/>
            </w:r>
            <w:r>
              <w:tab/>
            </w:r>
            <w:r>
              <w:tab/>
              <w:t>var i, n, value, self = this;</w:t>
            </w:r>
          </w:p>
          <w:p w:rsidR="00156FB3" w:rsidRDefault="00156FB3" w:rsidP="00156FB3">
            <w:r>
              <w:lastRenderedPageBreak/>
              <w:tab/>
            </w:r>
          </w:p>
          <w:p w:rsidR="00156FB3" w:rsidRDefault="00156FB3" w:rsidP="00156FB3">
            <w:r>
              <w:tab/>
            </w:r>
            <w:r>
              <w:tab/>
            </w:r>
            <w:r>
              <w:tab/>
              <w:t>if ($.isArray(data)) {</w:t>
            </w:r>
          </w:p>
          <w:p w:rsidR="00156FB3" w:rsidRDefault="00156FB3" w:rsidP="00156FB3">
            <w:r>
              <w:tab/>
            </w:r>
            <w:r>
              <w:tab/>
            </w:r>
            <w:r>
              <w:tab/>
            </w:r>
            <w:r>
              <w:tab/>
              <w:t>for (i = 0, n = data.length; i &lt; n; i++) {</w:t>
            </w:r>
          </w:p>
          <w:p w:rsidR="00156FB3" w:rsidRDefault="00156FB3" w:rsidP="00156FB3">
            <w:r>
              <w:tab/>
            </w:r>
            <w:r>
              <w:tab/>
            </w:r>
            <w:r>
              <w:tab/>
            </w:r>
            <w:r>
              <w:tab/>
            </w:r>
            <w:r>
              <w:tab/>
              <w:t>self.addOption(data[i]);</w:t>
            </w:r>
          </w:p>
          <w:p w:rsidR="00156FB3" w:rsidRDefault="00156FB3" w:rsidP="00156FB3">
            <w:r>
              <w:tab/>
            </w:r>
            <w:r>
              <w:tab/>
            </w:r>
            <w:r>
              <w:tab/>
            </w:r>
            <w:r>
              <w:tab/>
              <w:t>}</w:t>
            </w:r>
          </w:p>
          <w:p w:rsidR="00156FB3" w:rsidRDefault="00156FB3" w:rsidP="00156FB3">
            <w:r>
              <w:tab/>
            </w:r>
            <w:r>
              <w:tab/>
            </w:r>
            <w:r>
              <w:tab/>
            </w:r>
            <w:r>
              <w:tab/>
              <w:t>return;</w:t>
            </w:r>
          </w:p>
          <w:p w:rsidR="00156FB3" w:rsidRDefault="00156FB3" w:rsidP="00156FB3">
            <w:r>
              <w:tab/>
            </w:r>
            <w:r>
              <w:tab/>
            </w:r>
            <w:r>
              <w:tab/>
              <w:t>}</w:t>
            </w:r>
          </w:p>
          <w:p w:rsidR="00156FB3" w:rsidRDefault="00156FB3" w:rsidP="00156FB3">
            <w:r>
              <w:tab/>
            </w:r>
          </w:p>
          <w:p w:rsidR="00156FB3" w:rsidRDefault="00156FB3" w:rsidP="00156FB3">
            <w:r>
              <w:tab/>
            </w:r>
            <w:r>
              <w:tab/>
            </w:r>
            <w:r>
              <w:tab/>
              <w:t>if (value = self.registerOption(data)) {</w:t>
            </w:r>
          </w:p>
          <w:p w:rsidR="00156FB3" w:rsidRDefault="00156FB3" w:rsidP="00156FB3">
            <w:r>
              <w:tab/>
            </w:r>
            <w:r>
              <w:tab/>
            </w:r>
            <w:r>
              <w:tab/>
            </w:r>
            <w:r>
              <w:tab/>
              <w:t>self.userOptions[value] = true;</w:t>
            </w:r>
          </w:p>
          <w:p w:rsidR="00156FB3" w:rsidRDefault="00156FB3" w:rsidP="00156FB3">
            <w:r>
              <w:tab/>
            </w:r>
            <w:r>
              <w:tab/>
            </w:r>
            <w:r>
              <w:tab/>
            </w:r>
            <w:r>
              <w:tab/>
              <w:t>self.lastQuery = null;</w:t>
            </w:r>
          </w:p>
          <w:p w:rsidR="00156FB3" w:rsidRDefault="00156FB3" w:rsidP="00156FB3">
            <w:r>
              <w:tab/>
            </w:r>
            <w:r>
              <w:tab/>
            </w:r>
            <w:r>
              <w:tab/>
            </w:r>
            <w:r>
              <w:tab/>
              <w:t>self.trigger('option_add', value, data);</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Registers an option to the pool of options.</w:t>
            </w:r>
          </w:p>
          <w:p w:rsidR="00156FB3" w:rsidRDefault="00156FB3" w:rsidP="00156FB3">
            <w:r>
              <w:tab/>
            </w:r>
            <w:r>
              <w:tab/>
              <w:t xml:space="preserve"> *</w:t>
            </w:r>
          </w:p>
          <w:p w:rsidR="00156FB3" w:rsidRDefault="00156FB3" w:rsidP="00156FB3">
            <w:r>
              <w:tab/>
            </w:r>
            <w:r>
              <w:tab/>
              <w:t xml:space="preserve"> * @param {object} data</w:t>
            </w:r>
          </w:p>
          <w:p w:rsidR="00156FB3" w:rsidRDefault="00156FB3" w:rsidP="00156FB3">
            <w:r>
              <w:tab/>
            </w:r>
            <w:r>
              <w:tab/>
              <w:t xml:space="preserve"> * @return {boolean|string}</w:t>
            </w:r>
          </w:p>
          <w:p w:rsidR="00156FB3" w:rsidRDefault="00156FB3" w:rsidP="00156FB3">
            <w:r>
              <w:tab/>
            </w:r>
            <w:r>
              <w:tab/>
              <w:t xml:space="preserve"> */</w:t>
            </w:r>
          </w:p>
          <w:p w:rsidR="00156FB3" w:rsidRDefault="00156FB3" w:rsidP="00156FB3">
            <w:r>
              <w:tab/>
            </w:r>
            <w:r>
              <w:tab/>
              <w:t>registerOption: function(data) {</w:t>
            </w:r>
          </w:p>
          <w:p w:rsidR="00156FB3" w:rsidRDefault="00156FB3" w:rsidP="00156FB3">
            <w:r>
              <w:tab/>
            </w:r>
            <w:r>
              <w:tab/>
            </w:r>
            <w:r>
              <w:tab/>
              <w:t>var key = hash_key(data[this.settings.valueField]);</w:t>
            </w:r>
          </w:p>
          <w:p w:rsidR="00156FB3" w:rsidRDefault="00156FB3" w:rsidP="00156FB3">
            <w:r>
              <w:tab/>
            </w:r>
            <w:r>
              <w:tab/>
            </w:r>
            <w:r>
              <w:tab/>
              <w:t>if (typeof key === 'undefined' || key === null || this.options.hasOwnProperty(key)) return false;</w:t>
            </w:r>
          </w:p>
          <w:p w:rsidR="00156FB3" w:rsidRDefault="00156FB3" w:rsidP="00156FB3">
            <w:r>
              <w:tab/>
            </w:r>
            <w:r>
              <w:tab/>
            </w:r>
            <w:r>
              <w:tab/>
              <w:t>data.$order = data.$order || ++this.order;</w:t>
            </w:r>
          </w:p>
          <w:p w:rsidR="00156FB3" w:rsidRDefault="00156FB3" w:rsidP="00156FB3">
            <w:r>
              <w:tab/>
            </w:r>
            <w:r>
              <w:tab/>
            </w:r>
            <w:r>
              <w:tab/>
              <w:t>this.options[key] = data;</w:t>
            </w:r>
          </w:p>
          <w:p w:rsidR="00156FB3" w:rsidRDefault="00156FB3" w:rsidP="00156FB3">
            <w:r>
              <w:tab/>
            </w:r>
            <w:r>
              <w:tab/>
            </w:r>
            <w:r>
              <w:tab/>
              <w:t>return key;</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Registers an option group to the pool of option groups.</w:t>
            </w:r>
          </w:p>
          <w:p w:rsidR="00156FB3" w:rsidRDefault="00156FB3" w:rsidP="00156FB3">
            <w:r>
              <w:tab/>
            </w:r>
            <w:r>
              <w:tab/>
              <w:t xml:space="preserve"> *</w:t>
            </w:r>
          </w:p>
          <w:p w:rsidR="00156FB3" w:rsidRDefault="00156FB3" w:rsidP="00156FB3">
            <w:r>
              <w:tab/>
            </w:r>
            <w:r>
              <w:tab/>
              <w:t xml:space="preserve"> * @param {object} data</w:t>
            </w:r>
          </w:p>
          <w:p w:rsidR="00156FB3" w:rsidRDefault="00156FB3" w:rsidP="00156FB3">
            <w:r>
              <w:tab/>
            </w:r>
            <w:r>
              <w:tab/>
              <w:t xml:space="preserve"> * @return {boolean|string}</w:t>
            </w:r>
          </w:p>
          <w:p w:rsidR="00156FB3" w:rsidRDefault="00156FB3" w:rsidP="00156FB3">
            <w:r>
              <w:tab/>
            </w:r>
            <w:r>
              <w:tab/>
              <w:t xml:space="preserve"> */</w:t>
            </w:r>
          </w:p>
          <w:p w:rsidR="00156FB3" w:rsidRDefault="00156FB3" w:rsidP="00156FB3">
            <w:r>
              <w:tab/>
            </w:r>
            <w:r>
              <w:tab/>
              <w:t>registerOptionGroup: function(data) {</w:t>
            </w:r>
          </w:p>
          <w:p w:rsidR="00156FB3" w:rsidRDefault="00156FB3" w:rsidP="00156FB3">
            <w:r>
              <w:tab/>
            </w:r>
            <w:r>
              <w:tab/>
            </w:r>
            <w:r>
              <w:tab/>
              <w:t>var key = hash_key(data[this.settings.optgroupValueField]);</w:t>
            </w:r>
          </w:p>
          <w:p w:rsidR="00156FB3" w:rsidRDefault="00156FB3" w:rsidP="00156FB3">
            <w:r>
              <w:tab/>
            </w:r>
            <w:r>
              <w:tab/>
            </w:r>
            <w:r>
              <w:tab/>
              <w:t>if (!key) return false;</w:t>
            </w:r>
          </w:p>
          <w:p w:rsidR="00156FB3" w:rsidRDefault="00156FB3" w:rsidP="00156FB3">
            <w:r>
              <w:tab/>
            </w:r>
          </w:p>
          <w:p w:rsidR="00156FB3" w:rsidRDefault="00156FB3" w:rsidP="00156FB3">
            <w:r>
              <w:tab/>
            </w:r>
            <w:r>
              <w:tab/>
            </w:r>
            <w:r>
              <w:tab/>
              <w:t>data.$order = data.$order || ++this.order;</w:t>
            </w:r>
          </w:p>
          <w:p w:rsidR="00156FB3" w:rsidRDefault="00156FB3" w:rsidP="00156FB3">
            <w:r>
              <w:tab/>
            </w:r>
            <w:r>
              <w:tab/>
            </w:r>
            <w:r>
              <w:tab/>
              <w:t>this.optgroups[key] = data;</w:t>
            </w:r>
          </w:p>
          <w:p w:rsidR="00156FB3" w:rsidRDefault="00156FB3" w:rsidP="00156FB3">
            <w:r>
              <w:tab/>
            </w:r>
            <w:r>
              <w:tab/>
            </w:r>
            <w:r>
              <w:tab/>
              <w:t>return key;</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Registers a new optgroup for options</w:t>
            </w:r>
          </w:p>
          <w:p w:rsidR="00156FB3" w:rsidRDefault="00156FB3" w:rsidP="00156FB3">
            <w:r>
              <w:tab/>
            </w:r>
            <w:r>
              <w:tab/>
              <w:t xml:space="preserve"> * to be bucketed into.</w:t>
            </w:r>
          </w:p>
          <w:p w:rsidR="00156FB3" w:rsidRDefault="00156FB3" w:rsidP="00156FB3">
            <w:r>
              <w:lastRenderedPageBreak/>
              <w:tab/>
            </w:r>
            <w:r>
              <w:tab/>
              <w:t xml:space="preserve"> *</w:t>
            </w:r>
          </w:p>
          <w:p w:rsidR="00156FB3" w:rsidRDefault="00156FB3" w:rsidP="00156FB3">
            <w:r>
              <w:tab/>
            </w:r>
            <w:r>
              <w:tab/>
              <w:t xml:space="preserve"> * @param {string} id</w:t>
            </w:r>
          </w:p>
          <w:p w:rsidR="00156FB3" w:rsidRDefault="00156FB3" w:rsidP="00156FB3">
            <w:r>
              <w:tab/>
            </w:r>
            <w:r>
              <w:tab/>
              <w:t xml:space="preserve"> * @param {object} data</w:t>
            </w:r>
          </w:p>
          <w:p w:rsidR="00156FB3" w:rsidRDefault="00156FB3" w:rsidP="00156FB3">
            <w:r>
              <w:tab/>
            </w:r>
            <w:r>
              <w:tab/>
              <w:t xml:space="preserve"> */</w:t>
            </w:r>
          </w:p>
          <w:p w:rsidR="00156FB3" w:rsidRDefault="00156FB3" w:rsidP="00156FB3">
            <w:r>
              <w:tab/>
            </w:r>
            <w:r>
              <w:tab/>
              <w:t>addOptionGroup: function(id, data) {</w:t>
            </w:r>
          </w:p>
          <w:p w:rsidR="00156FB3" w:rsidRDefault="00156FB3" w:rsidP="00156FB3">
            <w:r>
              <w:tab/>
            </w:r>
            <w:r>
              <w:tab/>
            </w:r>
            <w:r>
              <w:tab/>
              <w:t>data[this.settings.optgroupValueField] = id;</w:t>
            </w:r>
          </w:p>
          <w:p w:rsidR="00156FB3" w:rsidRDefault="00156FB3" w:rsidP="00156FB3">
            <w:r>
              <w:tab/>
            </w:r>
            <w:r>
              <w:tab/>
            </w:r>
            <w:r>
              <w:tab/>
              <w:t>if (id = this.registerOptionGroup(data)) {</w:t>
            </w:r>
          </w:p>
          <w:p w:rsidR="00156FB3" w:rsidRDefault="00156FB3" w:rsidP="00156FB3">
            <w:r>
              <w:tab/>
            </w:r>
            <w:r>
              <w:tab/>
            </w:r>
            <w:r>
              <w:tab/>
            </w:r>
            <w:r>
              <w:tab/>
              <w:t>this.trigger('optgroup_add', id, data);</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Removes an existing option group.</w:t>
            </w:r>
          </w:p>
          <w:p w:rsidR="00156FB3" w:rsidRDefault="00156FB3" w:rsidP="00156FB3">
            <w:r>
              <w:tab/>
            </w:r>
            <w:r>
              <w:tab/>
              <w:t xml:space="preserve"> *</w:t>
            </w:r>
          </w:p>
          <w:p w:rsidR="00156FB3" w:rsidRDefault="00156FB3" w:rsidP="00156FB3">
            <w:r>
              <w:tab/>
            </w:r>
            <w:r>
              <w:tab/>
              <w:t xml:space="preserve"> * @param {string} id</w:t>
            </w:r>
          </w:p>
          <w:p w:rsidR="00156FB3" w:rsidRDefault="00156FB3" w:rsidP="00156FB3">
            <w:r>
              <w:tab/>
            </w:r>
            <w:r>
              <w:tab/>
              <w:t xml:space="preserve"> */</w:t>
            </w:r>
          </w:p>
          <w:p w:rsidR="00156FB3" w:rsidRDefault="00156FB3" w:rsidP="00156FB3">
            <w:r>
              <w:tab/>
            </w:r>
            <w:r>
              <w:tab/>
              <w:t>removeOptionGroup: function(id) {</w:t>
            </w:r>
          </w:p>
          <w:p w:rsidR="00156FB3" w:rsidRDefault="00156FB3" w:rsidP="00156FB3">
            <w:r>
              <w:tab/>
            </w:r>
            <w:r>
              <w:tab/>
            </w:r>
            <w:r>
              <w:tab/>
              <w:t>if (this.optgroups.hasOwnProperty(id)) {</w:t>
            </w:r>
          </w:p>
          <w:p w:rsidR="00156FB3" w:rsidRDefault="00156FB3" w:rsidP="00156FB3">
            <w:r>
              <w:tab/>
            </w:r>
            <w:r>
              <w:tab/>
            </w:r>
            <w:r>
              <w:tab/>
            </w:r>
            <w:r>
              <w:tab/>
              <w:t>delete this.optgroups[id];</w:t>
            </w:r>
          </w:p>
          <w:p w:rsidR="00156FB3" w:rsidRDefault="00156FB3" w:rsidP="00156FB3">
            <w:r>
              <w:tab/>
            </w:r>
            <w:r>
              <w:tab/>
            </w:r>
            <w:r>
              <w:tab/>
            </w:r>
            <w:r>
              <w:tab/>
              <w:t>this.renderCache = {};</w:t>
            </w:r>
          </w:p>
          <w:p w:rsidR="00156FB3" w:rsidRDefault="00156FB3" w:rsidP="00156FB3">
            <w:r>
              <w:tab/>
            </w:r>
            <w:r>
              <w:tab/>
            </w:r>
            <w:r>
              <w:tab/>
            </w:r>
            <w:r>
              <w:tab/>
              <w:t>this.trigger('optgroup_remove', id);</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Clears all existing option groups.</w:t>
            </w:r>
          </w:p>
          <w:p w:rsidR="00156FB3" w:rsidRDefault="00156FB3" w:rsidP="00156FB3">
            <w:r>
              <w:tab/>
            </w:r>
            <w:r>
              <w:tab/>
              <w:t xml:space="preserve"> */</w:t>
            </w:r>
          </w:p>
          <w:p w:rsidR="00156FB3" w:rsidRDefault="00156FB3" w:rsidP="00156FB3">
            <w:r>
              <w:tab/>
            </w:r>
            <w:r>
              <w:tab/>
              <w:t>clearOptionGroups: function() {</w:t>
            </w:r>
          </w:p>
          <w:p w:rsidR="00156FB3" w:rsidRDefault="00156FB3" w:rsidP="00156FB3">
            <w:r>
              <w:tab/>
            </w:r>
            <w:r>
              <w:tab/>
            </w:r>
            <w:r>
              <w:tab/>
              <w:t>this.optgroups = {};</w:t>
            </w:r>
          </w:p>
          <w:p w:rsidR="00156FB3" w:rsidRDefault="00156FB3" w:rsidP="00156FB3">
            <w:r>
              <w:tab/>
            </w:r>
            <w:r>
              <w:tab/>
            </w:r>
            <w:r>
              <w:tab/>
              <w:t>this.renderCache = {};</w:t>
            </w:r>
          </w:p>
          <w:p w:rsidR="00156FB3" w:rsidRDefault="00156FB3" w:rsidP="00156FB3">
            <w:r>
              <w:tab/>
            </w:r>
            <w:r>
              <w:tab/>
            </w:r>
            <w:r>
              <w:tab/>
              <w:t>this.trigger('optgroup_clear');</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Updates an option available for selection. If</w:t>
            </w:r>
          </w:p>
          <w:p w:rsidR="00156FB3" w:rsidRDefault="00156FB3" w:rsidP="00156FB3">
            <w:r>
              <w:tab/>
            </w:r>
            <w:r>
              <w:tab/>
              <w:t xml:space="preserve"> * it is visible in the selected items or options</w:t>
            </w:r>
          </w:p>
          <w:p w:rsidR="00156FB3" w:rsidRDefault="00156FB3" w:rsidP="00156FB3">
            <w:r>
              <w:tab/>
            </w:r>
            <w:r>
              <w:tab/>
              <w:t xml:space="preserve"> * dropdown, it will be re-rendered automatically.</w:t>
            </w:r>
          </w:p>
          <w:p w:rsidR="00156FB3" w:rsidRDefault="00156FB3" w:rsidP="00156FB3">
            <w:r>
              <w:tab/>
            </w:r>
            <w:r>
              <w:tab/>
              <w:t xml:space="preserve"> *</w:t>
            </w:r>
          </w:p>
          <w:p w:rsidR="00156FB3" w:rsidRDefault="00156FB3" w:rsidP="00156FB3">
            <w:r>
              <w:tab/>
            </w:r>
            <w:r>
              <w:tab/>
              <w:t xml:space="preserve"> * @param {string} value</w:t>
            </w:r>
          </w:p>
          <w:p w:rsidR="00156FB3" w:rsidRDefault="00156FB3" w:rsidP="00156FB3">
            <w:r>
              <w:tab/>
            </w:r>
            <w:r>
              <w:tab/>
              <w:t xml:space="preserve"> * @param {object} data</w:t>
            </w:r>
          </w:p>
          <w:p w:rsidR="00156FB3" w:rsidRDefault="00156FB3" w:rsidP="00156FB3">
            <w:r>
              <w:tab/>
            </w:r>
            <w:r>
              <w:tab/>
              <w:t xml:space="preserve"> */</w:t>
            </w:r>
          </w:p>
          <w:p w:rsidR="00156FB3" w:rsidRDefault="00156FB3" w:rsidP="00156FB3">
            <w:r>
              <w:tab/>
            </w:r>
            <w:r>
              <w:tab/>
              <w:t>updateOption: function(value, data) {</w:t>
            </w:r>
          </w:p>
          <w:p w:rsidR="00156FB3" w:rsidRDefault="00156FB3" w:rsidP="00156FB3">
            <w:r>
              <w:tab/>
            </w:r>
            <w:r>
              <w:tab/>
            </w:r>
            <w:r>
              <w:tab/>
              <w:t>var self = this;</w:t>
            </w:r>
          </w:p>
          <w:p w:rsidR="00156FB3" w:rsidRDefault="00156FB3" w:rsidP="00156FB3">
            <w:r>
              <w:tab/>
            </w:r>
            <w:r>
              <w:tab/>
            </w:r>
            <w:r>
              <w:tab/>
              <w:t>var $item, $item_new;</w:t>
            </w:r>
          </w:p>
          <w:p w:rsidR="00156FB3" w:rsidRDefault="00156FB3" w:rsidP="00156FB3">
            <w:r>
              <w:tab/>
            </w:r>
            <w:r>
              <w:tab/>
            </w:r>
            <w:r>
              <w:tab/>
              <w:t>var value_new, index_item, cache_items, cache_options, order_old;</w:t>
            </w:r>
          </w:p>
          <w:p w:rsidR="00156FB3" w:rsidRDefault="00156FB3" w:rsidP="00156FB3">
            <w:r>
              <w:tab/>
            </w:r>
          </w:p>
          <w:p w:rsidR="00156FB3" w:rsidRDefault="00156FB3" w:rsidP="00156FB3">
            <w:r>
              <w:tab/>
            </w:r>
            <w:r>
              <w:tab/>
            </w:r>
            <w:r>
              <w:tab/>
              <w:t>value     = hash_key(value);</w:t>
            </w:r>
          </w:p>
          <w:p w:rsidR="00156FB3" w:rsidRDefault="00156FB3" w:rsidP="00156FB3">
            <w:r>
              <w:tab/>
            </w:r>
            <w:r>
              <w:tab/>
            </w:r>
            <w:r>
              <w:tab/>
              <w:t>value_new = hash_key(data[self.settings.valueField]);</w:t>
            </w:r>
          </w:p>
          <w:p w:rsidR="00156FB3" w:rsidRDefault="00156FB3" w:rsidP="00156FB3">
            <w:r>
              <w:lastRenderedPageBreak/>
              <w:tab/>
            </w:r>
          </w:p>
          <w:p w:rsidR="00156FB3" w:rsidRDefault="00156FB3" w:rsidP="00156FB3">
            <w:r>
              <w:tab/>
            </w:r>
            <w:r>
              <w:tab/>
            </w:r>
            <w:r>
              <w:tab/>
              <w:t>// sanity checks</w:t>
            </w:r>
          </w:p>
          <w:p w:rsidR="00156FB3" w:rsidRDefault="00156FB3" w:rsidP="00156FB3">
            <w:r>
              <w:tab/>
            </w:r>
            <w:r>
              <w:tab/>
            </w:r>
            <w:r>
              <w:tab/>
              <w:t>if (value === null) return;</w:t>
            </w:r>
          </w:p>
          <w:p w:rsidR="00156FB3" w:rsidRDefault="00156FB3" w:rsidP="00156FB3">
            <w:r>
              <w:tab/>
            </w:r>
            <w:r>
              <w:tab/>
            </w:r>
            <w:r>
              <w:tab/>
              <w:t>if (!self.options.hasOwnProperty(value)) return;</w:t>
            </w:r>
          </w:p>
          <w:p w:rsidR="00156FB3" w:rsidRDefault="00156FB3" w:rsidP="00156FB3">
            <w:r>
              <w:tab/>
            </w:r>
            <w:r>
              <w:tab/>
            </w:r>
            <w:r>
              <w:tab/>
              <w:t>if (typeof value_new !== 'string') throw new Error('Value must be set in option data');</w:t>
            </w:r>
          </w:p>
          <w:p w:rsidR="00156FB3" w:rsidRDefault="00156FB3" w:rsidP="00156FB3">
            <w:r>
              <w:tab/>
            </w:r>
          </w:p>
          <w:p w:rsidR="00156FB3" w:rsidRDefault="00156FB3" w:rsidP="00156FB3">
            <w:r>
              <w:tab/>
            </w:r>
            <w:r>
              <w:tab/>
            </w:r>
            <w:r>
              <w:tab/>
              <w:t>order_old = self.options[value].$order;</w:t>
            </w:r>
          </w:p>
          <w:p w:rsidR="00156FB3" w:rsidRDefault="00156FB3" w:rsidP="00156FB3">
            <w:r>
              <w:tab/>
            </w:r>
          </w:p>
          <w:p w:rsidR="00156FB3" w:rsidRDefault="00156FB3" w:rsidP="00156FB3">
            <w:r>
              <w:tab/>
            </w:r>
            <w:r>
              <w:tab/>
            </w:r>
            <w:r>
              <w:tab/>
              <w:t>// update references</w:t>
            </w:r>
          </w:p>
          <w:p w:rsidR="00156FB3" w:rsidRDefault="00156FB3" w:rsidP="00156FB3">
            <w:r>
              <w:tab/>
            </w:r>
            <w:r>
              <w:tab/>
            </w:r>
            <w:r>
              <w:tab/>
              <w:t>if (value_new !== value) {</w:t>
            </w:r>
          </w:p>
          <w:p w:rsidR="00156FB3" w:rsidRDefault="00156FB3" w:rsidP="00156FB3">
            <w:r>
              <w:tab/>
            </w:r>
            <w:r>
              <w:tab/>
            </w:r>
            <w:r>
              <w:tab/>
            </w:r>
            <w:r>
              <w:tab/>
              <w:t>delete self.options[value];</w:t>
            </w:r>
          </w:p>
          <w:p w:rsidR="00156FB3" w:rsidRDefault="00156FB3" w:rsidP="00156FB3">
            <w:r>
              <w:tab/>
            </w:r>
            <w:r>
              <w:tab/>
            </w:r>
            <w:r>
              <w:tab/>
            </w:r>
            <w:r>
              <w:tab/>
              <w:t>index_item = self.items.indexOf(value);</w:t>
            </w:r>
          </w:p>
          <w:p w:rsidR="00156FB3" w:rsidRDefault="00156FB3" w:rsidP="00156FB3">
            <w:r>
              <w:tab/>
            </w:r>
            <w:r>
              <w:tab/>
            </w:r>
            <w:r>
              <w:tab/>
            </w:r>
            <w:r>
              <w:tab/>
              <w:t>if (index_item !== -1) {</w:t>
            </w:r>
          </w:p>
          <w:p w:rsidR="00156FB3" w:rsidRDefault="00156FB3" w:rsidP="00156FB3">
            <w:r>
              <w:tab/>
            </w:r>
            <w:r>
              <w:tab/>
            </w:r>
            <w:r>
              <w:tab/>
            </w:r>
            <w:r>
              <w:tab/>
            </w:r>
            <w:r>
              <w:tab/>
              <w:t>self.items.splice(index_item, 1, value_new);</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r>
            <w:r>
              <w:tab/>
              <w:t>data.$order = data.$order || order_old;</w:t>
            </w:r>
          </w:p>
          <w:p w:rsidR="00156FB3" w:rsidRDefault="00156FB3" w:rsidP="00156FB3">
            <w:r>
              <w:tab/>
            </w:r>
            <w:r>
              <w:tab/>
            </w:r>
            <w:r>
              <w:tab/>
              <w:t>self.options[value_new] = data;</w:t>
            </w:r>
          </w:p>
          <w:p w:rsidR="00156FB3" w:rsidRDefault="00156FB3" w:rsidP="00156FB3">
            <w:r>
              <w:tab/>
            </w:r>
          </w:p>
          <w:p w:rsidR="00156FB3" w:rsidRDefault="00156FB3" w:rsidP="00156FB3">
            <w:r>
              <w:tab/>
            </w:r>
            <w:r>
              <w:tab/>
            </w:r>
            <w:r>
              <w:tab/>
              <w:t>// invalidate render cache</w:t>
            </w:r>
          </w:p>
          <w:p w:rsidR="00156FB3" w:rsidRDefault="00156FB3" w:rsidP="00156FB3">
            <w:r>
              <w:tab/>
            </w:r>
            <w:r>
              <w:tab/>
            </w:r>
            <w:r>
              <w:tab/>
              <w:t>cache_items = self.renderCache['item'];</w:t>
            </w:r>
          </w:p>
          <w:p w:rsidR="00156FB3" w:rsidRDefault="00156FB3" w:rsidP="00156FB3">
            <w:r>
              <w:tab/>
            </w:r>
            <w:r>
              <w:tab/>
            </w:r>
            <w:r>
              <w:tab/>
              <w:t>cache_options = self.renderCache['option'];</w:t>
            </w:r>
          </w:p>
          <w:p w:rsidR="00156FB3" w:rsidRDefault="00156FB3" w:rsidP="00156FB3">
            <w:r>
              <w:tab/>
            </w:r>
          </w:p>
          <w:p w:rsidR="00156FB3" w:rsidRDefault="00156FB3" w:rsidP="00156FB3">
            <w:r>
              <w:tab/>
            </w:r>
            <w:r>
              <w:tab/>
            </w:r>
            <w:r>
              <w:tab/>
              <w:t>if (cache_items) {</w:t>
            </w:r>
          </w:p>
          <w:p w:rsidR="00156FB3" w:rsidRDefault="00156FB3" w:rsidP="00156FB3">
            <w:r>
              <w:tab/>
            </w:r>
            <w:r>
              <w:tab/>
            </w:r>
            <w:r>
              <w:tab/>
            </w:r>
            <w:r>
              <w:tab/>
              <w:t>delete cache_items[value];</w:t>
            </w:r>
          </w:p>
          <w:p w:rsidR="00156FB3" w:rsidRDefault="00156FB3" w:rsidP="00156FB3">
            <w:r>
              <w:tab/>
            </w:r>
            <w:r>
              <w:tab/>
            </w:r>
            <w:r>
              <w:tab/>
            </w:r>
            <w:r>
              <w:tab/>
              <w:t>delete cache_items[value_new];</w:t>
            </w:r>
          </w:p>
          <w:p w:rsidR="00156FB3" w:rsidRDefault="00156FB3" w:rsidP="00156FB3">
            <w:r>
              <w:tab/>
            </w:r>
            <w:r>
              <w:tab/>
            </w:r>
            <w:r>
              <w:tab/>
              <w:t>}</w:t>
            </w:r>
          </w:p>
          <w:p w:rsidR="00156FB3" w:rsidRDefault="00156FB3" w:rsidP="00156FB3">
            <w:r>
              <w:tab/>
            </w:r>
            <w:r>
              <w:tab/>
            </w:r>
            <w:r>
              <w:tab/>
              <w:t>if (cache_options) {</w:t>
            </w:r>
          </w:p>
          <w:p w:rsidR="00156FB3" w:rsidRDefault="00156FB3" w:rsidP="00156FB3">
            <w:r>
              <w:tab/>
            </w:r>
            <w:r>
              <w:tab/>
            </w:r>
            <w:r>
              <w:tab/>
            </w:r>
            <w:r>
              <w:tab/>
              <w:t>delete cache_options[value];</w:t>
            </w:r>
          </w:p>
          <w:p w:rsidR="00156FB3" w:rsidRDefault="00156FB3" w:rsidP="00156FB3">
            <w:r>
              <w:tab/>
            </w:r>
            <w:r>
              <w:tab/>
            </w:r>
            <w:r>
              <w:tab/>
            </w:r>
            <w:r>
              <w:tab/>
              <w:t>delete cache_options[value_new];</w:t>
            </w:r>
          </w:p>
          <w:p w:rsidR="00156FB3" w:rsidRDefault="00156FB3" w:rsidP="00156FB3">
            <w:r>
              <w:tab/>
            </w:r>
            <w:r>
              <w:tab/>
            </w:r>
            <w:r>
              <w:tab/>
              <w:t>}</w:t>
            </w:r>
          </w:p>
          <w:p w:rsidR="00156FB3" w:rsidRDefault="00156FB3" w:rsidP="00156FB3">
            <w:r>
              <w:tab/>
            </w:r>
          </w:p>
          <w:p w:rsidR="00156FB3" w:rsidRDefault="00156FB3" w:rsidP="00156FB3">
            <w:r>
              <w:tab/>
            </w:r>
            <w:r>
              <w:tab/>
            </w:r>
            <w:r>
              <w:tab/>
              <w:t>// update the item if it's selected</w:t>
            </w:r>
          </w:p>
          <w:p w:rsidR="00156FB3" w:rsidRDefault="00156FB3" w:rsidP="00156FB3">
            <w:r>
              <w:tab/>
            </w:r>
            <w:r>
              <w:tab/>
            </w:r>
            <w:r>
              <w:tab/>
              <w:t>if (self.items.indexOf(value_new) !== -1) {</w:t>
            </w:r>
          </w:p>
          <w:p w:rsidR="00156FB3" w:rsidRDefault="00156FB3" w:rsidP="00156FB3">
            <w:r>
              <w:tab/>
            </w:r>
            <w:r>
              <w:tab/>
            </w:r>
            <w:r>
              <w:tab/>
            </w:r>
            <w:r>
              <w:tab/>
              <w:t>$item = self.getItem(value);</w:t>
            </w:r>
          </w:p>
          <w:p w:rsidR="00156FB3" w:rsidRDefault="00156FB3" w:rsidP="00156FB3">
            <w:r>
              <w:tab/>
            </w:r>
            <w:r>
              <w:tab/>
            </w:r>
            <w:r>
              <w:tab/>
            </w:r>
            <w:r>
              <w:tab/>
              <w:t>$item_new = $(self.render('item', data));</w:t>
            </w:r>
          </w:p>
          <w:p w:rsidR="00156FB3" w:rsidRDefault="00156FB3" w:rsidP="00156FB3">
            <w:r>
              <w:tab/>
            </w:r>
            <w:r>
              <w:tab/>
            </w:r>
            <w:r>
              <w:tab/>
            </w:r>
            <w:r>
              <w:tab/>
              <w:t>if ($item.hasClass('active')) $item_new.addClass('active');</w:t>
            </w:r>
          </w:p>
          <w:p w:rsidR="00156FB3" w:rsidRDefault="00156FB3" w:rsidP="00156FB3">
            <w:r>
              <w:tab/>
            </w:r>
            <w:r>
              <w:tab/>
            </w:r>
            <w:r>
              <w:tab/>
            </w:r>
            <w:r>
              <w:tab/>
              <w:t>$item.replaceWith($item_new);</w:t>
            </w:r>
          </w:p>
          <w:p w:rsidR="00156FB3" w:rsidRDefault="00156FB3" w:rsidP="00156FB3">
            <w:r>
              <w:tab/>
            </w:r>
            <w:r>
              <w:tab/>
            </w:r>
            <w:r>
              <w:tab/>
              <w:t>}</w:t>
            </w:r>
          </w:p>
          <w:p w:rsidR="00156FB3" w:rsidRDefault="00156FB3" w:rsidP="00156FB3">
            <w:r>
              <w:tab/>
            </w:r>
          </w:p>
          <w:p w:rsidR="00156FB3" w:rsidRDefault="00156FB3" w:rsidP="00156FB3">
            <w:r>
              <w:tab/>
            </w:r>
            <w:r>
              <w:tab/>
            </w:r>
            <w:r>
              <w:tab/>
              <w:t>// invalidate last query because we might have updated the sortField</w:t>
            </w:r>
          </w:p>
          <w:p w:rsidR="00156FB3" w:rsidRDefault="00156FB3" w:rsidP="00156FB3">
            <w:r>
              <w:tab/>
            </w:r>
            <w:r>
              <w:tab/>
            </w:r>
            <w:r>
              <w:tab/>
              <w:t>self.lastQuery = null;</w:t>
            </w:r>
          </w:p>
          <w:p w:rsidR="00156FB3" w:rsidRDefault="00156FB3" w:rsidP="00156FB3">
            <w:r>
              <w:tab/>
            </w:r>
          </w:p>
          <w:p w:rsidR="00156FB3" w:rsidRDefault="00156FB3" w:rsidP="00156FB3">
            <w:r>
              <w:tab/>
            </w:r>
            <w:r>
              <w:tab/>
            </w:r>
            <w:r>
              <w:tab/>
              <w:t>// update dropdown contents</w:t>
            </w:r>
          </w:p>
          <w:p w:rsidR="00156FB3" w:rsidRDefault="00156FB3" w:rsidP="00156FB3">
            <w:r>
              <w:tab/>
            </w:r>
            <w:r>
              <w:tab/>
            </w:r>
            <w:r>
              <w:tab/>
              <w:t>if (self.isOpen) {</w:t>
            </w:r>
          </w:p>
          <w:p w:rsidR="00156FB3" w:rsidRDefault="00156FB3" w:rsidP="00156FB3">
            <w:r>
              <w:tab/>
            </w:r>
            <w:r>
              <w:tab/>
            </w:r>
            <w:r>
              <w:tab/>
            </w:r>
            <w:r>
              <w:tab/>
              <w:t>self.refreshOptions(false);</w:t>
            </w:r>
          </w:p>
          <w:p w:rsidR="00156FB3" w:rsidRDefault="00156FB3" w:rsidP="00156FB3">
            <w:r>
              <w:tab/>
            </w:r>
            <w:r>
              <w:tab/>
            </w:r>
            <w:r>
              <w:tab/>
              <w:t>}</w:t>
            </w:r>
          </w:p>
          <w:p w:rsidR="00156FB3" w:rsidRDefault="00156FB3" w:rsidP="00156FB3">
            <w:r>
              <w:lastRenderedPageBreak/>
              <w:tab/>
            </w:r>
            <w:r>
              <w:tab/>
              <w:t>},</w:t>
            </w:r>
          </w:p>
          <w:p w:rsidR="00156FB3" w:rsidRDefault="00156FB3" w:rsidP="00156FB3">
            <w:r>
              <w:tab/>
            </w:r>
          </w:p>
          <w:p w:rsidR="00156FB3" w:rsidRDefault="00156FB3" w:rsidP="00156FB3">
            <w:r>
              <w:tab/>
            </w:r>
            <w:r>
              <w:tab/>
              <w:t>/**</w:t>
            </w:r>
          </w:p>
          <w:p w:rsidR="00156FB3" w:rsidRDefault="00156FB3" w:rsidP="00156FB3">
            <w:r>
              <w:tab/>
            </w:r>
            <w:r>
              <w:tab/>
              <w:t xml:space="preserve"> * Removes a single option.</w:t>
            </w:r>
          </w:p>
          <w:p w:rsidR="00156FB3" w:rsidRDefault="00156FB3" w:rsidP="00156FB3">
            <w:r>
              <w:tab/>
            </w:r>
            <w:r>
              <w:tab/>
              <w:t xml:space="preserve"> *</w:t>
            </w:r>
          </w:p>
          <w:p w:rsidR="00156FB3" w:rsidRDefault="00156FB3" w:rsidP="00156FB3">
            <w:r>
              <w:tab/>
            </w:r>
            <w:r>
              <w:tab/>
              <w:t xml:space="preserve"> * @param {string} value</w:t>
            </w:r>
          </w:p>
          <w:p w:rsidR="00156FB3" w:rsidRDefault="00156FB3" w:rsidP="00156FB3">
            <w:r>
              <w:tab/>
            </w:r>
            <w:r>
              <w:tab/>
              <w:t xml:space="preserve"> * @param {boolean} silent</w:t>
            </w:r>
          </w:p>
          <w:p w:rsidR="00156FB3" w:rsidRDefault="00156FB3" w:rsidP="00156FB3">
            <w:r>
              <w:tab/>
            </w:r>
            <w:r>
              <w:tab/>
              <w:t xml:space="preserve"> */</w:t>
            </w:r>
          </w:p>
          <w:p w:rsidR="00156FB3" w:rsidRDefault="00156FB3" w:rsidP="00156FB3">
            <w:r>
              <w:tab/>
            </w:r>
            <w:r>
              <w:tab/>
              <w:t>removeOption: function(value, silent) {</w:t>
            </w:r>
          </w:p>
          <w:p w:rsidR="00156FB3" w:rsidRDefault="00156FB3" w:rsidP="00156FB3">
            <w:r>
              <w:tab/>
            </w:r>
            <w:r>
              <w:tab/>
            </w:r>
            <w:r>
              <w:tab/>
              <w:t>var self = this;</w:t>
            </w:r>
          </w:p>
          <w:p w:rsidR="00156FB3" w:rsidRDefault="00156FB3" w:rsidP="00156FB3">
            <w:r>
              <w:tab/>
            </w:r>
            <w:r>
              <w:tab/>
            </w:r>
            <w:r>
              <w:tab/>
              <w:t>value = hash_key(value);</w:t>
            </w:r>
          </w:p>
          <w:p w:rsidR="00156FB3" w:rsidRDefault="00156FB3" w:rsidP="00156FB3">
            <w:r>
              <w:tab/>
            </w:r>
          </w:p>
          <w:p w:rsidR="00156FB3" w:rsidRDefault="00156FB3" w:rsidP="00156FB3">
            <w:r>
              <w:tab/>
            </w:r>
            <w:r>
              <w:tab/>
            </w:r>
            <w:r>
              <w:tab/>
              <w:t>var cache_items = self.renderCache['item'];</w:t>
            </w:r>
          </w:p>
          <w:p w:rsidR="00156FB3" w:rsidRDefault="00156FB3" w:rsidP="00156FB3">
            <w:r>
              <w:tab/>
            </w:r>
            <w:r>
              <w:tab/>
            </w:r>
            <w:r>
              <w:tab/>
              <w:t>var cache_options = self.renderCache['option'];</w:t>
            </w:r>
          </w:p>
          <w:p w:rsidR="00156FB3" w:rsidRDefault="00156FB3" w:rsidP="00156FB3">
            <w:r>
              <w:tab/>
            </w:r>
            <w:r>
              <w:tab/>
            </w:r>
            <w:r>
              <w:tab/>
              <w:t>if (cache_items) delete cache_items[value];</w:t>
            </w:r>
          </w:p>
          <w:p w:rsidR="00156FB3" w:rsidRDefault="00156FB3" w:rsidP="00156FB3">
            <w:r>
              <w:tab/>
            </w:r>
            <w:r>
              <w:tab/>
            </w:r>
            <w:r>
              <w:tab/>
              <w:t>if (cache_options) delete cache_options[value];</w:t>
            </w:r>
          </w:p>
          <w:p w:rsidR="00156FB3" w:rsidRDefault="00156FB3" w:rsidP="00156FB3">
            <w:r>
              <w:tab/>
            </w:r>
          </w:p>
          <w:p w:rsidR="00156FB3" w:rsidRDefault="00156FB3" w:rsidP="00156FB3">
            <w:r>
              <w:tab/>
            </w:r>
            <w:r>
              <w:tab/>
            </w:r>
            <w:r>
              <w:tab/>
              <w:t>delete self.userOptions[value];</w:t>
            </w:r>
          </w:p>
          <w:p w:rsidR="00156FB3" w:rsidRDefault="00156FB3" w:rsidP="00156FB3">
            <w:r>
              <w:tab/>
            </w:r>
            <w:r>
              <w:tab/>
            </w:r>
            <w:r>
              <w:tab/>
              <w:t>delete self.options[value];</w:t>
            </w:r>
          </w:p>
          <w:p w:rsidR="00156FB3" w:rsidRDefault="00156FB3" w:rsidP="00156FB3">
            <w:r>
              <w:tab/>
            </w:r>
            <w:r>
              <w:tab/>
            </w:r>
            <w:r>
              <w:tab/>
              <w:t>self.lastQuery = null;</w:t>
            </w:r>
          </w:p>
          <w:p w:rsidR="00156FB3" w:rsidRDefault="00156FB3" w:rsidP="00156FB3">
            <w:r>
              <w:tab/>
            </w:r>
            <w:r>
              <w:tab/>
            </w:r>
            <w:r>
              <w:tab/>
              <w:t>self.trigger('option_remove', value);</w:t>
            </w:r>
          </w:p>
          <w:p w:rsidR="00156FB3" w:rsidRDefault="00156FB3" w:rsidP="00156FB3">
            <w:r>
              <w:tab/>
            </w:r>
            <w:r>
              <w:tab/>
            </w:r>
            <w:r>
              <w:tab/>
              <w:t>self.removeItem(value, silen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Clears all options.</w:t>
            </w:r>
          </w:p>
          <w:p w:rsidR="00156FB3" w:rsidRDefault="00156FB3" w:rsidP="00156FB3">
            <w:r>
              <w:tab/>
            </w:r>
            <w:r>
              <w:tab/>
              <w:t xml:space="preserve"> */</w:t>
            </w:r>
          </w:p>
          <w:p w:rsidR="00156FB3" w:rsidRDefault="00156FB3" w:rsidP="00156FB3">
            <w:r>
              <w:tab/>
            </w:r>
            <w:r>
              <w:tab/>
              <w:t>clearOptions: function() {</w:t>
            </w:r>
          </w:p>
          <w:p w:rsidR="00156FB3" w:rsidRDefault="00156FB3" w:rsidP="00156FB3">
            <w:r>
              <w:tab/>
            </w:r>
            <w:r>
              <w:tab/>
            </w:r>
            <w:r>
              <w:tab/>
              <w:t>var self = this;</w:t>
            </w:r>
          </w:p>
          <w:p w:rsidR="00156FB3" w:rsidRDefault="00156FB3" w:rsidP="00156FB3">
            <w:r>
              <w:tab/>
            </w:r>
          </w:p>
          <w:p w:rsidR="00156FB3" w:rsidRDefault="00156FB3" w:rsidP="00156FB3">
            <w:r>
              <w:tab/>
            </w:r>
            <w:r>
              <w:tab/>
            </w:r>
            <w:r>
              <w:tab/>
              <w:t>self.loadedSearches = {};</w:t>
            </w:r>
          </w:p>
          <w:p w:rsidR="00156FB3" w:rsidRDefault="00156FB3" w:rsidP="00156FB3">
            <w:r>
              <w:tab/>
            </w:r>
            <w:r>
              <w:tab/>
            </w:r>
            <w:r>
              <w:tab/>
              <w:t>self.userOptions = {};</w:t>
            </w:r>
          </w:p>
          <w:p w:rsidR="00156FB3" w:rsidRDefault="00156FB3" w:rsidP="00156FB3">
            <w:r>
              <w:tab/>
            </w:r>
            <w:r>
              <w:tab/>
            </w:r>
            <w:r>
              <w:tab/>
              <w:t>self.renderCache = {};</w:t>
            </w:r>
          </w:p>
          <w:p w:rsidR="00156FB3" w:rsidRDefault="00156FB3" w:rsidP="00156FB3">
            <w:r>
              <w:tab/>
            </w:r>
            <w:r>
              <w:tab/>
            </w:r>
            <w:r>
              <w:tab/>
              <w:t>self.options = self.sifter.items = {};</w:t>
            </w:r>
          </w:p>
          <w:p w:rsidR="00156FB3" w:rsidRDefault="00156FB3" w:rsidP="00156FB3">
            <w:r>
              <w:tab/>
            </w:r>
            <w:r>
              <w:tab/>
            </w:r>
            <w:r>
              <w:tab/>
              <w:t>self.lastQuery = null;</w:t>
            </w:r>
          </w:p>
          <w:p w:rsidR="00156FB3" w:rsidRDefault="00156FB3" w:rsidP="00156FB3">
            <w:r>
              <w:tab/>
            </w:r>
            <w:r>
              <w:tab/>
            </w:r>
            <w:r>
              <w:tab/>
              <w:t>self.trigger('option_clear');</w:t>
            </w:r>
          </w:p>
          <w:p w:rsidR="00156FB3" w:rsidRDefault="00156FB3" w:rsidP="00156FB3">
            <w:r>
              <w:tab/>
            </w:r>
            <w:r>
              <w:tab/>
            </w:r>
            <w:r>
              <w:tab/>
              <w:t>self.clear();</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Returns the jQuery element of the option</w:t>
            </w:r>
          </w:p>
          <w:p w:rsidR="00156FB3" w:rsidRDefault="00156FB3" w:rsidP="00156FB3">
            <w:r>
              <w:tab/>
            </w:r>
            <w:r>
              <w:tab/>
              <w:t xml:space="preserve"> * matching the given value.</w:t>
            </w:r>
          </w:p>
          <w:p w:rsidR="00156FB3" w:rsidRDefault="00156FB3" w:rsidP="00156FB3">
            <w:r>
              <w:tab/>
            </w:r>
            <w:r>
              <w:tab/>
              <w:t xml:space="preserve"> *</w:t>
            </w:r>
          </w:p>
          <w:p w:rsidR="00156FB3" w:rsidRDefault="00156FB3" w:rsidP="00156FB3">
            <w:r>
              <w:tab/>
            </w:r>
            <w:r>
              <w:tab/>
              <w:t xml:space="preserve"> * @param {string} value</w:t>
            </w:r>
          </w:p>
          <w:p w:rsidR="00156FB3" w:rsidRDefault="00156FB3" w:rsidP="00156FB3">
            <w:r>
              <w:tab/>
            </w:r>
            <w:r>
              <w:tab/>
              <w:t xml:space="preserve"> * @returns {object}</w:t>
            </w:r>
          </w:p>
          <w:p w:rsidR="00156FB3" w:rsidRDefault="00156FB3" w:rsidP="00156FB3">
            <w:r>
              <w:tab/>
            </w:r>
            <w:r>
              <w:tab/>
              <w:t xml:space="preserve"> */</w:t>
            </w:r>
          </w:p>
          <w:p w:rsidR="00156FB3" w:rsidRDefault="00156FB3" w:rsidP="00156FB3">
            <w:r>
              <w:tab/>
            </w:r>
            <w:r>
              <w:tab/>
              <w:t>getOption: function(value) {</w:t>
            </w:r>
          </w:p>
          <w:p w:rsidR="00156FB3" w:rsidRDefault="00156FB3" w:rsidP="00156FB3">
            <w:r>
              <w:tab/>
            </w:r>
            <w:r>
              <w:tab/>
            </w:r>
            <w:r>
              <w:tab/>
              <w:t>return this.getElementWithValue(value, this.$dropdown_content.find('[data-</w:t>
            </w:r>
            <w:r>
              <w:lastRenderedPageBreak/>
              <w:t>selectable]'));</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Returns the jQuery element of the next or</w:t>
            </w:r>
          </w:p>
          <w:p w:rsidR="00156FB3" w:rsidRDefault="00156FB3" w:rsidP="00156FB3">
            <w:r>
              <w:tab/>
            </w:r>
            <w:r>
              <w:tab/>
              <w:t xml:space="preserve"> * previous selectable option.</w:t>
            </w:r>
          </w:p>
          <w:p w:rsidR="00156FB3" w:rsidRDefault="00156FB3" w:rsidP="00156FB3">
            <w:r>
              <w:tab/>
            </w:r>
            <w:r>
              <w:tab/>
              <w:t xml:space="preserve"> *</w:t>
            </w:r>
          </w:p>
          <w:p w:rsidR="00156FB3" w:rsidRDefault="00156FB3" w:rsidP="00156FB3">
            <w:r>
              <w:tab/>
            </w:r>
            <w:r>
              <w:tab/>
              <w:t xml:space="preserve"> * @param {object} $option</w:t>
            </w:r>
          </w:p>
          <w:p w:rsidR="00156FB3" w:rsidRDefault="00156FB3" w:rsidP="00156FB3">
            <w:r>
              <w:tab/>
            </w:r>
            <w:r>
              <w:tab/>
              <w:t xml:space="preserve"> * @param {int} direction  can be 1 for next or -1 for previous</w:t>
            </w:r>
          </w:p>
          <w:p w:rsidR="00156FB3" w:rsidRDefault="00156FB3" w:rsidP="00156FB3">
            <w:r>
              <w:tab/>
            </w:r>
            <w:r>
              <w:tab/>
              <w:t xml:space="preserve"> * @return {object}</w:t>
            </w:r>
          </w:p>
          <w:p w:rsidR="00156FB3" w:rsidRDefault="00156FB3" w:rsidP="00156FB3">
            <w:r>
              <w:tab/>
            </w:r>
            <w:r>
              <w:tab/>
              <w:t xml:space="preserve"> */</w:t>
            </w:r>
          </w:p>
          <w:p w:rsidR="00156FB3" w:rsidRDefault="00156FB3" w:rsidP="00156FB3">
            <w:r>
              <w:tab/>
            </w:r>
            <w:r>
              <w:tab/>
              <w:t>getAdjacentOption: function($option, direction) {</w:t>
            </w:r>
          </w:p>
          <w:p w:rsidR="00156FB3" w:rsidRDefault="00156FB3" w:rsidP="00156FB3">
            <w:r>
              <w:tab/>
            </w:r>
            <w:r>
              <w:tab/>
            </w:r>
            <w:r>
              <w:tab/>
              <w:t>var $options = this.$dropdown.find('[data-selectable]');</w:t>
            </w:r>
          </w:p>
          <w:p w:rsidR="00156FB3" w:rsidRDefault="00156FB3" w:rsidP="00156FB3">
            <w:r>
              <w:tab/>
            </w:r>
            <w:r>
              <w:tab/>
            </w:r>
            <w:r>
              <w:tab/>
              <w:t>var index    = $options.index($option) + direction;</w:t>
            </w:r>
          </w:p>
          <w:p w:rsidR="00156FB3" w:rsidRDefault="00156FB3" w:rsidP="00156FB3">
            <w:r>
              <w:tab/>
            </w:r>
          </w:p>
          <w:p w:rsidR="00156FB3" w:rsidRDefault="00156FB3" w:rsidP="00156FB3">
            <w:r>
              <w:tab/>
            </w:r>
            <w:r>
              <w:tab/>
            </w:r>
            <w:r>
              <w:tab/>
              <w:t>return index &gt;= 0 &amp;&amp; index &lt; $options.length ? $options.eq(index) : $();</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Finds the first element with a "data-value" attribute</w:t>
            </w:r>
          </w:p>
          <w:p w:rsidR="00156FB3" w:rsidRDefault="00156FB3" w:rsidP="00156FB3">
            <w:r>
              <w:tab/>
            </w:r>
            <w:r>
              <w:tab/>
              <w:t xml:space="preserve"> * that matches the given value.</w:t>
            </w:r>
          </w:p>
          <w:p w:rsidR="00156FB3" w:rsidRDefault="00156FB3" w:rsidP="00156FB3">
            <w:r>
              <w:tab/>
            </w:r>
            <w:r>
              <w:tab/>
              <w:t xml:space="preserve"> *</w:t>
            </w:r>
          </w:p>
          <w:p w:rsidR="00156FB3" w:rsidRDefault="00156FB3" w:rsidP="00156FB3">
            <w:r>
              <w:tab/>
            </w:r>
            <w:r>
              <w:tab/>
              <w:t xml:space="preserve"> * @param {mixed} value</w:t>
            </w:r>
          </w:p>
          <w:p w:rsidR="00156FB3" w:rsidRDefault="00156FB3" w:rsidP="00156FB3">
            <w:r>
              <w:tab/>
            </w:r>
            <w:r>
              <w:tab/>
              <w:t xml:space="preserve"> * @param {object} $els</w:t>
            </w:r>
          </w:p>
          <w:p w:rsidR="00156FB3" w:rsidRDefault="00156FB3" w:rsidP="00156FB3">
            <w:r>
              <w:tab/>
            </w:r>
            <w:r>
              <w:tab/>
              <w:t xml:space="preserve"> * @return {object}</w:t>
            </w:r>
          </w:p>
          <w:p w:rsidR="00156FB3" w:rsidRDefault="00156FB3" w:rsidP="00156FB3">
            <w:r>
              <w:tab/>
            </w:r>
            <w:r>
              <w:tab/>
              <w:t xml:space="preserve"> */</w:t>
            </w:r>
          </w:p>
          <w:p w:rsidR="00156FB3" w:rsidRDefault="00156FB3" w:rsidP="00156FB3">
            <w:r>
              <w:tab/>
            </w:r>
            <w:r>
              <w:tab/>
              <w:t>getElementWithValue: function(value, $els) {</w:t>
            </w:r>
          </w:p>
          <w:p w:rsidR="00156FB3" w:rsidRDefault="00156FB3" w:rsidP="00156FB3">
            <w:r>
              <w:tab/>
            </w:r>
            <w:r>
              <w:tab/>
            </w:r>
            <w:r>
              <w:tab/>
              <w:t>value = hash_key(value);</w:t>
            </w:r>
          </w:p>
          <w:p w:rsidR="00156FB3" w:rsidRDefault="00156FB3" w:rsidP="00156FB3">
            <w:r>
              <w:tab/>
            </w:r>
          </w:p>
          <w:p w:rsidR="00156FB3" w:rsidRDefault="00156FB3" w:rsidP="00156FB3">
            <w:r>
              <w:tab/>
            </w:r>
            <w:r>
              <w:tab/>
            </w:r>
            <w:r>
              <w:tab/>
              <w:t>if (typeof value !== 'undefined' &amp;&amp; value !== null) {</w:t>
            </w:r>
          </w:p>
          <w:p w:rsidR="00156FB3" w:rsidRDefault="00156FB3" w:rsidP="00156FB3">
            <w:r>
              <w:tab/>
            </w:r>
            <w:r>
              <w:tab/>
            </w:r>
            <w:r>
              <w:tab/>
            </w:r>
            <w:r>
              <w:tab/>
              <w:t>for (var i = 0, n = $els.length; i &lt; n; i++) {</w:t>
            </w:r>
          </w:p>
          <w:p w:rsidR="00156FB3" w:rsidRDefault="00156FB3" w:rsidP="00156FB3">
            <w:r>
              <w:tab/>
            </w:r>
            <w:r>
              <w:tab/>
            </w:r>
            <w:r>
              <w:tab/>
            </w:r>
            <w:r>
              <w:tab/>
            </w:r>
            <w:r>
              <w:tab/>
              <w:t>if ($els[i].getAttribute('data-value') === value) {</w:t>
            </w:r>
          </w:p>
          <w:p w:rsidR="00156FB3" w:rsidRDefault="00156FB3" w:rsidP="00156FB3">
            <w:r>
              <w:tab/>
            </w:r>
            <w:r>
              <w:tab/>
            </w:r>
            <w:r>
              <w:tab/>
            </w:r>
            <w:r>
              <w:tab/>
            </w:r>
            <w:r>
              <w:tab/>
            </w:r>
            <w:r>
              <w:tab/>
              <w:t>return $($els[i]);</w:t>
            </w:r>
          </w:p>
          <w:p w:rsidR="00156FB3" w:rsidRDefault="00156FB3" w:rsidP="00156FB3">
            <w:r>
              <w:tab/>
            </w:r>
            <w:r>
              <w:tab/>
            </w:r>
            <w:r>
              <w:tab/>
            </w:r>
            <w:r>
              <w:tab/>
            </w:r>
            <w:r>
              <w:tab/>
              <w:t>}</w:t>
            </w:r>
          </w:p>
          <w:p w:rsidR="00156FB3" w:rsidRDefault="00156FB3" w:rsidP="00156FB3">
            <w:r>
              <w:tab/>
            </w:r>
            <w:r>
              <w:tab/>
            </w:r>
            <w:r>
              <w:tab/>
            </w:r>
            <w:r>
              <w:tab/>
              <w:t>}</w:t>
            </w:r>
          </w:p>
          <w:p w:rsidR="00156FB3" w:rsidRDefault="00156FB3" w:rsidP="00156FB3">
            <w:r>
              <w:tab/>
            </w:r>
            <w:r>
              <w:tab/>
            </w:r>
            <w:r>
              <w:tab/>
              <w:t>}</w:t>
            </w:r>
          </w:p>
          <w:p w:rsidR="00156FB3" w:rsidRDefault="00156FB3" w:rsidP="00156FB3">
            <w:r>
              <w:tab/>
            </w:r>
          </w:p>
          <w:p w:rsidR="00156FB3" w:rsidRDefault="00156FB3" w:rsidP="00156FB3">
            <w:r>
              <w:tab/>
            </w:r>
            <w:r>
              <w:tab/>
            </w:r>
            <w:r>
              <w:tab/>
              <w:t>return $();</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Returns the jQuery element of the item</w:t>
            </w:r>
          </w:p>
          <w:p w:rsidR="00156FB3" w:rsidRDefault="00156FB3" w:rsidP="00156FB3">
            <w:r>
              <w:tab/>
            </w:r>
            <w:r>
              <w:tab/>
              <w:t xml:space="preserve"> * matching the given value.</w:t>
            </w:r>
          </w:p>
          <w:p w:rsidR="00156FB3" w:rsidRDefault="00156FB3" w:rsidP="00156FB3">
            <w:r>
              <w:tab/>
            </w:r>
            <w:r>
              <w:tab/>
              <w:t xml:space="preserve"> *</w:t>
            </w:r>
          </w:p>
          <w:p w:rsidR="00156FB3" w:rsidRDefault="00156FB3" w:rsidP="00156FB3">
            <w:r>
              <w:tab/>
            </w:r>
            <w:r>
              <w:tab/>
              <w:t xml:space="preserve"> * @param {string} value</w:t>
            </w:r>
          </w:p>
          <w:p w:rsidR="00156FB3" w:rsidRDefault="00156FB3" w:rsidP="00156FB3">
            <w:r>
              <w:tab/>
            </w:r>
            <w:r>
              <w:tab/>
              <w:t xml:space="preserve"> * @returns {object}</w:t>
            </w:r>
          </w:p>
          <w:p w:rsidR="00156FB3" w:rsidRDefault="00156FB3" w:rsidP="00156FB3">
            <w:r>
              <w:tab/>
            </w:r>
            <w:r>
              <w:tab/>
              <w:t xml:space="preserve"> */</w:t>
            </w:r>
          </w:p>
          <w:p w:rsidR="00156FB3" w:rsidRDefault="00156FB3" w:rsidP="00156FB3">
            <w:r>
              <w:tab/>
            </w:r>
            <w:r>
              <w:tab/>
              <w:t>getItem: function(value) {</w:t>
            </w:r>
          </w:p>
          <w:p w:rsidR="00156FB3" w:rsidRDefault="00156FB3" w:rsidP="00156FB3">
            <w:r>
              <w:lastRenderedPageBreak/>
              <w:tab/>
            </w:r>
            <w:r>
              <w:tab/>
            </w:r>
            <w:r>
              <w:tab/>
              <w:t>return this.getElementWithValue(value, this.$control.children());</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Selects" multiple items at once. Adds them to the list</w:t>
            </w:r>
          </w:p>
          <w:p w:rsidR="00156FB3" w:rsidRDefault="00156FB3" w:rsidP="00156FB3">
            <w:r>
              <w:tab/>
            </w:r>
            <w:r>
              <w:tab/>
              <w:t xml:space="preserve"> * at the current caret position.</w:t>
            </w:r>
          </w:p>
          <w:p w:rsidR="00156FB3" w:rsidRDefault="00156FB3" w:rsidP="00156FB3">
            <w:r>
              <w:tab/>
            </w:r>
            <w:r>
              <w:tab/>
              <w:t xml:space="preserve"> *</w:t>
            </w:r>
          </w:p>
          <w:p w:rsidR="00156FB3" w:rsidRDefault="00156FB3" w:rsidP="00156FB3">
            <w:r>
              <w:tab/>
            </w:r>
            <w:r>
              <w:tab/>
              <w:t xml:space="preserve"> * @param {string} value</w:t>
            </w:r>
          </w:p>
          <w:p w:rsidR="00156FB3" w:rsidRDefault="00156FB3" w:rsidP="00156FB3">
            <w:r>
              <w:tab/>
            </w:r>
            <w:r>
              <w:tab/>
              <w:t xml:space="preserve"> * @param {boolean} silent</w:t>
            </w:r>
          </w:p>
          <w:p w:rsidR="00156FB3" w:rsidRDefault="00156FB3" w:rsidP="00156FB3">
            <w:r>
              <w:tab/>
            </w:r>
            <w:r>
              <w:tab/>
              <w:t xml:space="preserve"> */</w:t>
            </w:r>
          </w:p>
          <w:p w:rsidR="00156FB3" w:rsidRDefault="00156FB3" w:rsidP="00156FB3">
            <w:r>
              <w:tab/>
            </w:r>
            <w:r>
              <w:tab/>
              <w:t>addItems: function(values, silent) {</w:t>
            </w:r>
          </w:p>
          <w:p w:rsidR="00156FB3" w:rsidRDefault="00156FB3" w:rsidP="00156FB3">
            <w:r>
              <w:tab/>
            </w:r>
            <w:r>
              <w:tab/>
            </w:r>
            <w:r>
              <w:tab/>
              <w:t>var items = $.isArray(values) ? values : [values];</w:t>
            </w:r>
          </w:p>
          <w:p w:rsidR="00156FB3" w:rsidRDefault="00156FB3" w:rsidP="00156FB3">
            <w:r>
              <w:tab/>
            </w:r>
            <w:r>
              <w:tab/>
            </w:r>
            <w:r>
              <w:tab/>
              <w:t>for (var i = 0, n = items.length; i &lt; n; i++) {</w:t>
            </w:r>
          </w:p>
          <w:p w:rsidR="00156FB3" w:rsidRDefault="00156FB3" w:rsidP="00156FB3">
            <w:r>
              <w:tab/>
            </w:r>
            <w:r>
              <w:tab/>
            </w:r>
            <w:r>
              <w:tab/>
            </w:r>
            <w:r>
              <w:tab/>
              <w:t>this.isPending = (i &lt; n - 1);</w:t>
            </w:r>
          </w:p>
          <w:p w:rsidR="00156FB3" w:rsidRDefault="00156FB3" w:rsidP="00156FB3">
            <w:r>
              <w:tab/>
            </w:r>
            <w:r>
              <w:tab/>
            </w:r>
            <w:r>
              <w:tab/>
            </w:r>
            <w:r>
              <w:tab/>
              <w:t>this.addItem(items[i], silent);</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Selects" an item. Adds it to the list</w:t>
            </w:r>
          </w:p>
          <w:p w:rsidR="00156FB3" w:rsidRDefault="00156FB3" w:rsidP="00156FB3">
            <w:r>
              <w:tab/>
            </w:r>
            <w:r>
              <w:tab/>
              <w:t xml:space="preserve"> * at the current caret position.</w:t>
            </w:r>
          </w:p>
          <w:p w:rsidR="00156FB3" w:rsidRDefault="00156FB3" w:rsidP="00156FB3">
            <w:r>
              <w:tab/>
            </w:r>
            <w:r>
              <w:tab/>
              <w:t xml:space="preserve"> *</w:t>
            </w:r>
          </w:p>
          <w:p w:rsidR="00156FB3" w:rsidRDefault="00156FB3" w:rsidP="00156FB3">
            <w:r>
              <w:tab/>
            </w:r>
            <w:r>
              <w:tab/>
              <w:t xml:space="preserve"> * @param {string} value</w:t>
            </w:r>
          </w:p>
          <w:p w:rsidR="00156FB3" w:rsidRDefault="00156FB3" w:rsidP="00156FB3">
            <w:r>
              <w:tab/>
            </w:r>
            <w:r>
              <w:tab/>
              <w:t xml:space="preserve"> * @param {boolean} silent</w:t>
            </w:r>
          </w:p>
          <w:p w:rsidR="00156FB3" w:rsidRDefault="00156FB3" w:rsidP="00156FB3">
            <w:r>
              <w:tab/>
            </w:r>
            <w:r>
              <w:tab/>
              <w:t xml:space="preserve"> */</w:t>
            </w:r>
          </w:p>
          <w:p w:rsidR="00156FB3" w:rsidRDefault="00156FB3" w:rsidP="00156FB3">
            <w:r>
              <w:tab/>
            </w:r>
            <w:r>
              <w:tab/>
              <w:t>addItem: function(value, silent) {</w:t>
            </w:r>
          </w:p>
          <w:p w:rsidR="00156FB3" w:rsidRDefault="00156FB3" w:rsidP="00156FB3">
            <w:r>
              <w:tab/>
            </w:r>
            <w:r>
              <w:tab/>
            </w:r>
            <w:r>
              <w:tab/>
              <w:t>var events = silent ? [] : ['change'];</w:t>
            </w:r>
          </w:p>
          <w:p w:rsidR="00156FB3" w:rsidRDefault="00156FB3" w:rsidP="00156FB3">
            <w:r>
              <w:tab/>
            </w:r>
          </w:p>
          <w:p w:rsidR="00156FB3" w:rsidRDefault="00156FB3" w:rsidP="00156FB3">
            <w:r>
              <w:tab/>
            </w:r>
            <w:r>
              <w:tab/>
            </w:r>
            <w:r>
              <w:tab/>
              <w:t>debounce_events(this, events, function() {</w:t>
            </w:r>
          </w:p>
          <w:p w:rsidR="00156FB3" w:rsidRDefault="00156FB3" w:rsidP="00156FB3">
            <w:r>
              <w:tab/>
            </w:r>
            <w:r>
              <w:tab/>
            </w:r>
            <w:r>
              <w:tab/>
            </w:r>
            <w:r>
              <w:tab/>
              <w:t>var $item, $option, $options;</w:t>
            </w:r>
          </w:p>
          <w:p w:rsidR="00156FB3" w:rsidRDefault="00156FB3" w:rsidP="00156FB3">
            <w:r>
              <w:tab/>
            </w:r>
            <w:r>
              <w:tab/>
            </w:r>
            <w:r>
              <w:tab/>
            </w:r>
            <w:r>
              <w:tab/>
              <w:t>var self = this;</w:t>
            </w:r>
          </w:p>
          <w:p w:rsidR="00156FB3" w:rsidRDefault="00156FB3" w:rsidP="00156FB3">
            <w:r>
              <w:tab/>
            </w:r>
            <w:r>
              <w:tab/>
            </w:r>
            <w:r>
              <w:tab/>
            </w:r>
            <w:r>
              <w:tab/>
              <w:t>var inputMode = self.settings.mode;</w:t>
            </w:r>
          </w:p>
          <w:p w:rsidR="00156FB3" w:rsidRDefault="00156FB3" w:rsidP="00156FB3">
            <w:r>
              <w:tab/>
            </w:r>
            <w:r>
              <w:tab/>
            </w:r>
            <w:r>
              <w:tab/>
            </w:r>
            <w:r>
              <w:tab/>
              <w:t>var i, active, value_next, wasFull;</w:t>
            </w:r>
          </w:p>
          <w:p w:rsidR="00156FB3" w:rsidRDefault="00156FB3" w:rsidP="00156FB3">
            <w:r>
              <w:tab/>
            </w:r>
            <w:r>
              <w:tab/>
            </w:r>
            <w:r>
              <w:tab/>
            </w:r>
            <w:r>
              <w:tab/>
              <w:t>value = hash_key(value);</w:t>
            </w:r>
          </w:p>
          <w:p w:rsidR="00156FB3" w:rsidRDefault="00156FB3" w:rsidP="00156FB3">
            <w:r>
              <w:tab/>
            </w:r>
          </w:p>
          <w:p w:rsidR="00156FB3" w:rsidRDefault="00156FB3" w:rsidP="00156FB3">
            <w:r>
              <w:tab/>
            </w:r>
            <w:r>
              <w:tab/>
            </w:r>
            <w:r>
              <w:tab/>
            </w:r>
            <w:r>
              <w:tab/>
              <w:t>if (self.items.indexOf(value) !== -1) {</w:t>
            </w:r>
          </w:p>
          <w:p w:rsidR="00156FB3" w:rsidRDefault="00156FB3" w:rsidP="00156FB3">
            <w:r>
              <w:tab/>
            </w:r>
            <w:r>
              <w:tab/>
            </w:r>
            <w:r>
              <w:tab/>
            </w:r>
            <w:r>
              <w:tab/>
            </w:r>
            <w:r>
              <w:tab/>
              <w:t>if (inputMode === 'single') self.close();</w:t>
            </w:r>
          </w:p>
          <w:p w:rsidR="00156FB3" w:rsidRDefault="00156FB3" w:rsidP="00156FB3">
            <w:r>
              <w:tab/>
            </w:r>
            <w:r>
              <w:tab/>
            </w:r>
            <w:r>
              <w:tab/>
            </w:r>
            <w:r>
              <w:tab/>
            </w:r>
            <w:r>
              <w:tab/>
              <w:t>return;</w:t>
            </w:r>
          </w:p>
          <w:p w:rsidR="00156FB3" w:rsidRDefault="00156FB3" w:rsidP="00156FB3">
            <w:r>
              <w:tab/>
            </w:r>
            <w:r>
              <w:tab/>
            </w:r>
            <w:r>
              <w:tab/>
            </w:r>
            <w:r>
              <w:tab/>
              <w:t>}</w:t>
            </w:r>
          </w:p>
          <w:p w:rsidR="00156FB3" w:rsidRDefault="00156FB3" w:rsidP="00156FB3">
            <w:r>
              <w:tab/>
            </w:r>
          </w:p>
          <w:p w:rsidR="00156FB3" w:rsidRDefault="00156FB3" w:rsidP="00156FB3">
            <w:r>
              <w:tab/>
            </w:r>
            <w:r>
              <w:tab/>
            </w:r>
            <w:r>
              <w:tab/>
            </w:r>
            <w:r>
              <w:tab/>
              <w:t>if (!self.options.hasOwnProperty(value)) return;</w:t>
            </w:r>
          </w:p>
          <w:p w:rsidR="00156FB3" w:rsidRDefault="00156FB3" w:rsidP="00156FB3">
            <w:r>
              <w:tab/>
            </w:r>
            <w:r>
              <w:tab/>
            </w:r>
            <w:r>
              <w:tab/>
            </w:r>
            <w:r>
              <w:tab/>
              <w:t>if (inputMode === 'single') self.clear(silent);</w:t>
            </w:r>
          </w:p>
          <w:p w:rsidR="00156FB3" w:rsidRDefault="00156FB3" w:rsidP="00156FB3">
            <w:r>
              <w:tab/>
            </w:r>
            <w:r>
              <w:tab/>
            </w:r>
            <w:r>
              <w:tab/>
            </w:r>
            <w:r>
              <w:tab/>
              <w:t>if (inputMode === 'multi' &amp;&amp; self.isFull()) return;</w:t>
            </w:r>
          </w:p>
          <w:p w:rsidR="00156FB3" w:rsidRDefault="00156FB3" w:rsidP="00156FB3">
            <w:r>
              <w:tab/>
            </w:r>
          </w:p>
          <w:p w:rsidR="00156FB3" w:rsidRDefault="00156FB3" w:rsidP="00156FB3">
            <w:r>
              <w:tab/>
            </w:r>
            <w:r>
              <w:tab/>
            </w:r>
            <w:r>
              <w:tab/>
            </w:r>
            <w:r>
              <w:tab/>
              <w:t>$item = $(self.render('item', self.options[value]));</w:t>
            </w:r>
          </w:p>
          <w:p w:rsidR="00156FB3" w:rsidRDefault="00156FB3" w:rsidP="00156FB3">
            <w:r>
              <w:tab/>
            </w:r>
            <w:r>
              <w:tab/>
            </w:r>
            <w:r>
              <w:tab/>
            </w:r>
            <w:r>
              <w:tab/>
              <w:t>wasFull = self.isFull();</w:t>
            </w:r>
          </w:p>
          <w:p w:rsidR="00156FB3" w:rsidRDefault="00156FB3" w:rsidP="00156FB3">
            <w:r>
              <w:tab/>
            </w:r>
            <w:r>
              <w:tab/>
            </w:r>
            <w:r>
              <w:tab/>
            </w:r>
            <w:r>
              <w:tab/>
              <w:t>self.items.splice(self.caretPos, 0, value);</w:t>
            </w:r>
          </w:p>
          <w:p w:rsidR="00156FB3" w:rsidRDefault="00156FB3" w:rsidP="00156FB3">
            <w:r>
              <w:tab/>
            </w:r>
            <w:r>
              <w:tab/>
            </w:r>
            <w:r>
              <w:tab/>
            </w:r>
            <w:r>
              <w:tab/>
              <w:t>self.insertAtCaret($item);</w:t>
            </w:r>
          </w:p>
          <w:p w:rsidR="00156FB3" w:rsidRDefault="00156FB3" w:rsidP="00156FB3">
            <w:r>
              <w:lastRenderedPageBreak/>
              <w:tab/>
            </w:r>
            <w:r>
              <w:tab/>
            </w:r>
            <w:r>
              <w:tab/>
            </w:r>
            <w:r>
              <w:tab/>
              <w:t>if (!self.isPending || (!wasFull &amp;&amp; self.isFull())) {</w:t>
            </w:r>
          </w:p>
          <w:p w:rsidR="00156FB3" w:rsidRDefault="00156FB3" w:rsidP="00156FB3">
            <w:r>
              <w:tab/>
            </w:r>
            <w:r>
              <w:tab/>
            </w:r>
            <w:r>
              <w:tab/>
            </w:r>
            <w:r>
              <w:tab/>
            </w:r>
            <w:r>
              <w:tab/>
              <w:t>self.refreshState();</w:t>
            </w:r>
          </w:p>
          <w:p w:rsidR="00156FB3" w:rsidRDefault="00156FB3" w:rsidP="00156FB3">
            <w:r>
              <w:tab/>
            </w:r>
            <w:r>
              <w:tab/>
            </w:r>
            <w:r>
              <w:tab/>
            </w:r>
            <w:r>
              <w:tab/>
              <w:t>}</w:t>
            </w:r>
          </w:p>
          <w:p w:rsidR="00156FB3" w:rsidRDefault="00156FB3" w:rsidP="00156FB3">
            <w:r>
              <w:tab/>
            </w:r>
          </w:p>
          <w:p w:rsidR="00156FB3" w:rsidRDefault="00156FB3" w:rsidP="00156FB3">
            <w:r>
              <w:tab/>
            </w:r>
            <w:r>
              <w:tab/>
            </w:r>
            <w:r>
              <w:tab/>
            </w:r>
            <w:r>
              <w:tab/>
              <w:t>if (self.isSetup) {</w:t>
            </w:r>
          </w:p>
          <w:p w:rsidR="00156FB3" w:rsidRDefault="00156FB3" w:rsidP="00156FB3">
            <w:r>
              <w:tab/>
            </w:r>
            <w:r>
              <w:tab/>
            </w:r>
            <w:r>
              <w:tab/>
            </w:r>
            <w:r>
              <w:tab/>
            </w:r>
            <w:r>
              <w:tab/>
              <w:t>$options = self.$dropdown_content.find('[data-selectable]');</w:t>
            </w:r>
          </w:p>
          <w:p w:rsidR="00156FB3" w:rsidRDefault="00156FB3" w:rsidP="00156FB3">
            <w:r>
              <w:tab/>
            </w:r>
          </w:p>
          <w:p w:rsidR="00156FB3" w:rsidRDefault="00156FB3" w:rsidP="00156FB3">
            <w:r>
              <w:tab/>
            </w:r>
            <w:r>
              <w:tab/>
            </w:r>
            <w:r>
              <w:tab/>
            </w:r>
            <w:r>
              <w:tab/>
            </w:r>
            <w:r>
              <w:tab/>
              <w:t>// update menu / remove the option (if this is not one item being added as part of series)</w:t>
            </w:r>
          </w:p>
          <w:p w:rsidR="00156FB3" w:rsidRDefault="00156FB3" w:rsidP="00156FB3">
            <w:r>
              <w:tab/>
            </w:r>
            <w:r>
              <w:tab/>
            </w:r>
            <w:r>
              <w:tab/>
            </w:r>
            <w:r>
              <w:tab/>
            </w:r>
            <w:r>
              <w:tab/>
              <w:t>if (!self.isPending) {</w:t>
            </w:r>
          </w:p>
          <w:p w:rsidR="00156FB3" w:rsidRDefault="00156FB3" w:rsidP="00156FB3">
            <w:r>
              <w:tab/>
            </w:r>
            <w:r>
              <w:tab/>
            </w:r>
            <w:r>
              <w:tab/>
            </w:r>
            <w:r>
              <w:tab/>
            </w:r>
            <w:r>
              <w:tab/>
            </w:r>
            <w:r>
              <w:tab/>
              <w:t>$option = self.getOption(value);</w:t>
            </w:r>
          </w:p>
          <w:p w:rsidR="00156FB3" w:rsidRDefault="00156FB3" w:rsidP="00156FB3">
            <w:r>
              <w:tab/>
            </w:r>
            <w:r>
              <w:tab/>
            </w:r>
            <w:r>
              <w:tab/>
            </w:r>
            <w:r>
              <w:tab/>
            </w:r>
            <w:r>
              <w:tab/>
            </w:r>
            <w:r>
              <w:tab/>
              <w:t>value_next = self.getAdjacentOption($option, 1).attr('data-value');</w:t>
            </w:r>
          </w:p>
          <w:p w:rsidR="00156FB3" w:rsidRDefault="00156FB3" w:rsidP="00156FB3">
            <w:r>
              <w:tab/>
            </w:r>
            <w:r>
              <w:tab/>
            </w:r>
            <w:r>
              <w:tab/>
            </w:r>
            <w:r>
              <w:tab/>
            </w:r>
            <w:r>
              <w:tab/>
            </w:r>
            <w:r>
              <w:tab/>
              <w:t>self.refreshOptions(self.isFocused &amp;&amp; inputMode !== 'single');</w:t>
            </w:r>
          </w:p>
          <w:p w:rsidR="00156FB3" w:rsidRDefault="00156FB3" w:rsidP="00156FB3">
            <w:r>
              <w:tab/>
            </w:r>
            <w:r>
              <w:tab/>
            </w:r>
            <w:r>
              <w:tab/>
            </w:r>
            <w:r>
              <w:tab/>
            </w:r>
            <w:r>
              <w:tab/>
            </w:r>
            <w:r>
              <w:tab/>
              <w:t>if (value_next) {</w:t>
            </w:r>
          </w:p>
          <w:p w:rsidR="00156FB3" w:rsidRDefault="00156FB3" w:rsidP="00156FB3">
            <w:r>
              <w:tab/>
            </w:r>
            <w:r>
              <w:tab/>
            </w:r>
            <w:r>
              <w:tab/>
            </w:r>
            <w:r>
              <w:tab/>
            </w:r>
            <w:r>
              <w:tab/>
            </w:r>
            <w:r>
              <w:tab/>
            </w:r>
            <w:r>
              <w:tab/>
              <w:t>self.setActiveOption(self.getOption(value_next));</w:t>
            </w:r>
          </w:p>
          <w:p w:rsidR="00156FB3" w:rsidRDefault="00156FB3" w:rsidP="00156FB3">
            <w:r>
              <w:tab/>
            </w:r>
            <w:r>
              <w:tab/>
            </w:r>
            <w:r>
              <w:tab/>
            </w:r>
            <w:r>
              <w:tab/>
            </w:r>
            <w:r>
              <w:tab/>
            </w:r>
            <w:r>
              <w:tab/>
              <w:t>}</w:t>
            </w:r>
          </w:p>
          <w:p w:rsidR="00156FB3" w:rsidRDefault="00156FB3" w:rsidP="00156FB3">
            <w:r>
              <w:tab/>
            </w:r>
            <w:r>
              <w:tab/>
            </w:r>
            <w:r>
              <w:tab/>
            </w:r>
            <w:r>
              <w:tab/>
            </w:r>
            <w:r>
              <w:tab/>
              <w:t>}</w:t>
            </w:r>
          </w:p>
          <w:p w:rsidR="00156FB3" w:rsidRDefault="00156FB3" w:rsidP="00156FB3">
            <w:r>
              <w:tab/>
            </w:r>
          </w:p>
          <w:p w:rsidR="00156FB3" w:rsidRDefault="00156FB3" w:rsidP="00156FB3">
            <w:r>
              <w:tab/>
            </w:r>
            <w:r>
              <w:tab/>
            </w:r>
            <w:r>
              <w:tab/>
            </w:r>
            <w:r>
              <w:tab/>
            </w:r>
            <w:r>
              <w:tab/>
              <w:t>// hide the menu if the maximum number of items have been selected or no options are left</w:t>
            </w:r>
          </w:p>
          <w:p w:rsidR="00156FB3" w:rsidRDefault="00156FB3" w:rsidP="00156FB3">
            <w:r>
              <w:tab/>
            </w:r>
            <w:r>
              <w:tab/>
            </w:r>
            <w:r>
              <w:tab/>
            </w:r>
            <w:r>
              <w:tab/>
            </w:r>
            <w:r>
              <w:tab/>
              <w:t>if (!$options.length || self.isFull()) {</w:t>
            </w:r>
          </w:p>
          <w:p w:rsidR="00156FB3" w:rsidRDefault="00156FB3" w:rsidP="00156FB3">
            <w:r>
              <w:tab/>
            </w:r>
            <w:r>
              <w:tab/>
            </w:r>
            <w:r>
              <w:tab/>
            </w:r>
            <w:r>
              <w:tab/>
            </w:r>
            <w:r>
              <w:tab/>
            </w:r>
            <w:r>
              <w:tab/>
              <w:t>self.close();</w:t>
            </w:r>
          </w:p>
          <w:p w:rsidR="00156FB3" w:rsidRDefault="00156FB3" w:rsidP="00156FB3">
            <w:r>
              <w:tab/>
            </w:r>
            <w:r>
              <w:tab/>
            </w:r>
            <w:r>
              <w:tab/>
            </w:r>
            <w:r>
              <w:tab/>
            </w:r>
            <w:r>
              <w:tab/>
              <w:t>} else {</w:t>
            </w:r>
          </w:p>
          <w:p w:rsidR="00156FB3" w:rsidRDefault="00156FB3" w:rsidP="00156FB3">
            <w:r>
              <w:tab/>
            </w:r>
            <w:r>
              <w:tab/>
            </w:r>
            <w:r>
              <w:tab/>
            </w:r>
            <w:r>
              <w:tab/>
            </w:r>
            <w:r>
              <w:tab/>
            </w:r>
            <w:r>
              <w:tab/>
              <w:t>self.positionDropdown();</w:t>
            </w:r>
          </w:p>
          <w:p w:rsidR="00156FB3" w:rsidRDefault="00156FB3" w:rsidP="00156FB3">
            <w:r>
              <w:tab/>
            </w:r>
            <w:r>
              <w:tab/>
            </w:r>
            <w:r>
              <w:tab/>
            </w:r>
            <w:r>
              <w:tab/>
            </w:r>
            <w:r>
              <w:tab/>
              <w:t>}</w:t>
            </w:r>
          </w:p>
          <w:p w:rsidR="00156FB3" w:rsidRDefault="00156FB3" w:rsidP="00156FB3">
            <w:r>
              <w:tab/>
            </w:r>
          </w:p>
          <w:p w:rsidR="00156FB3" w:rsidRDefault="00156FB3" w:rsidP="00156FB3">
            <w:r>
              <w:tab/>
            </w:r>
            <w:r>
              <w:tab/>
            </w:r>
            <w:r>
              <w:tab/>
            </w:r>
            <w:r>
              <w:tab/>
            </w:r>
            <w:r>
              <w:tab/>
              <w:t>self.updatePlaceholder();</w:t>
            </w:r>
          </w:p>
          <w:p w:rsidR="00156FB3" w:rsidRDefault="00156FB3" w:rsidP="00156FB3">
            <w:r>
              <w:tab/>
            </w:r>
            <w:r>
              <w:tab/>
            </w:r>
            <w:r>
              <w:tab/>
            </w:r>
            <w:r>
              <w:tab/>
            </w:r>
            <w:r>
              <w:tab/>
              <w:t>self.trigger('item_add', value, $item);</w:t>
            </w:r>
          </w:p>
          <w:p w:rsidR="00156FB3" w:rsidRDefault="00156FB3" w:rsidP="00156FB3">
            <w:r>
              <w:tab/>
            </w:r>
            <w:r>
              <w:tab/>
            </w:r>
            <w:r>
              <w:tab/>
            </w:r>
            <w:r>
              <w:tab/>
            </w:r>
            <w:r>
              <w:tab/>
              <w:t>self.updateOriginalInput({silent: silent});</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Removes the selected item matching</w:t>
            </w:r>
          </w:p>
          <w:p w:rsidR="00156FB3" w:rsidRDefault="00156FB3" w:rsidP="00156FB3">
            <w:r>
              <w:tab/>
            </w:r>
            <w:r>
              <w:tab/>
              <w:t xml:space="preserve"> * the provided value.</w:t>
            </w:r>
          </w:p>
          <w:p w:rsidR="00156FB3" w:rsidRDefault="00156FB3" w:rsidP="00156FB3">
            <w:r>
              <w:tab/>
            </w:r>
            <w:r>
              <w:tab/>
              <w:t xml:space="preserve"> *</w:t>
            </w:r>
          </w:p>
          <w:p w:rsidR="00156FB3" w:rsidRDefault="00156FB3" w:rsidP="00156FB3">
            <w:r>
              <w:tab/>
            </w:r>
            <w:r>
              <w:tab/>
              <w:t xml:space="preserve"> * @param {string} value</w:t>
            </w:r>
          </w:p>
          <w:p w:rsidR="00156FB3" w:rsidRDefault="00156FB3" w:rsidP="00156FB3">
            <w:r>
              <w:tab/>
            </w:r>
            <w:r>
              <w:tab/>
              <w:t xml:space="preserve"> */</w:t>
            </w:r>
          </w:p>
          <w:p w:rsidR="00156FB3" w:rsidRDefault="00156FB3" w:rsidP="00156FB3">
            <w:r>
              <w:tab/>
            </w:r>
            <w:r>
              <w:tab/>
              <w:t>removeItem: function(value, silent) {</w:t>
            </w:r>
          </w:p>
          <w:p w:rsidR="00156FB3" w:rsidRDefault="00156FB3" w:rsidP="00156FB3">
            <w:r>
              <w:tab/>
            </w:r>
            <w:r>
              <w:tab/>
            </w:r>
            <w:r>
              <w:tab/>
              <w:t>var self = this;</w:t>
            </w:r>
          </w:p>
          <w:p w:rsidR="00156FB3" w:rsidRDefault="00156FB3" w:rsidP="00156FB3">
            <w:r>
              <w:tab/>
            </w:r>
            <w:r>
              <w:tab/>
            </w:r>
            <w:r>
              <w:tab/>
              <w:t>var $item, i, idx;</w:t>
            </w:r>
          </w:p>
          <w:p w:rsidR="00156FB3" w:rsidRDefault="00156FB3" w:rsidP="00156FB3">
            <w:r>
              <w:tab/>
            </w:r>
          </w:p>
          <w:p w:rsidR="00156FB3" w:rsidRDefault="00156FB3" w:rsidP="00156FB3">
            <w:r>
              <w:tab/>
            </w:r>
            <w:r>
              <w:tab/>
            </w:r>
            <w:r>
              <w:tab/>
              <w:t>$item = (value instanceof $) ? value : self.getItem(value);</w:t>
            </w:r>
          </w:p>
          <w:p w:rsidR="00156FB3" w:rsidRDefault="00156FB3" w:rsidP="00156FB3">
            <w:r>
              <w:tab/>
            </w:r>
            <w:r>
              <w:tab/>
            </w:r>
            <w:r>
              <w:tab/>
              <w:t>value = hash_key($item.attr('data-value'));</w:t>
            </w:r>
          </w:p>
          <w:p w:rsidR="00156FB3" w:rsidRDefault="00156FB3" w:rsidP="00156FB3">
            <w:r>
              <w:lastRenderedPageBreak/>
              <w:tab/>
            </w:r>
            <w:r>
              <w:tab/>
            </w:r>
            <w:r>
              <w:tab/>
              <w:t>i = self.items.indexOf(value);</w:t>
            </w:r>
          </w:p>
          <w:p w:rsidR="00156FB3" w:rsidRDefault="00156FB3" w:rsidP="00156FB3">
            <w:r>
              <w:tab/>
            </w:r>
          </w:p>
          <w:p w:rsidR="00156FB3" w:rsidRDefault="00156FB3" w:rsidP="00156FB3">
            <w:r>
              <w:tab/>
            </w:r>
            <w:r>
              <w:tab/>
            </w:r>
            <w:r>
              <w:tab/>
              <w:t>if (i !== -1) {</w:t>
            </w:r>
          </w:p>
          <w:p w:rsidR="00156FB3" w:rsidRDefault="00156FB3" w:rsidP="00156FB3">
            <w:r>
              <w:tab/>
            </w:r>
            <w:r>
              <w:tab/>
            </w:r>
            <w:r>
              <w:tab/>
            </w:r>
            <w:r>
              <w:tab/>
              <w:t>$item.remove();</w:t>
            </w:r>
          </w:p>
          <w:p w:rsidR="00156FB3" w:rsidRDefault="00156FB3" w:rsidP="00156FB3">
            <w:r>
              <w:tab/>
            </w:r>
            <w:r>
              <w:tab/>
            </w:r>
            <w:r>
              <w:tab/>
            </w:r>
            <w:r>
              <w:tab/>
              <w:t>if ($item.hasClass('active')) {</w:t>
            </w:r>
          </w:p>
          <w:p w:rsidR="00156FB3" w:rsidRDefault="00156FB3" w:rsidP="00156FB3">
            <w:r>
              <w:tab/>
            </w:r>
            <w:r>
              <w:tab/>
            </w:r>
            <w:r>
              <w:tab/>
            </w:r>
            <w:r>
              <w:tab/>
            </w:r>
            <w:r>
              <w:tab/>
              <w:t>idx = self.$activeItems.indexOf($item[0]);</w:t>
            </w:r>
          </w:p>
          <w:p w:rsidR="00156FB3" w:rsidRDefault="00156FB3" w:rsidP="00156FB3">
            <w:r>
              <w:tab/>
            </w:r>
            <w:r>
              <w:tab/>
            </w:r>
            <w:r>
              <w:tab/>
            </w:r>
            <w:r>
              <w:tab/>
            </w:r>
            <w:r>
              <w:tab/>
              <w:t>self.$activeItems.splice(idx, 1);</w:t>
            </w:r>
          </w:p>
          <w:p w:rsidR="00156FB3" w:rsidRDefault="00156FB3" w:rsidP="00156FB3">
            <w:r>
              <w:tab/>
            </w:r>
            <w:r>
              <w:tab/>
            </w:r>
            <w:r>
              <w:tab/>
            </w:r>
            <w:r>
              <w:tab/>
              <w:t>}</w:t>
            </w:r>
          </w:p>
          <w:p w:rsidR="00156FB3" w:rsidRDefault="00156FB3" w:rsidP="00156FB3">
            <w:r>
              <w:tab/>
            </w:r>
          </w:p>
          <w:p w:rsidR="00156FB3" w:rsidRDefault="00156FB3" w:rsidP="00156FB3">
            <w:r>
              <w:tab/>
            </w:r>
            <w:r>
              <w:tab/>
            </w:r>
            <w:r>
              <w:tab/>
            </w:r>
            <w:r>
              <w:tab/>
              <w:t>self.items.splice(i, 1);</w:t>
            </w:r>
          </w:p>
          <w:p w:rsidR="00156FB3" w:rsidRDefault="00156FB3" w:rsidP="00156FB3">
            <w:r>
              <w:tab/>
            </w:r>
            <w:r>
              <w:tab/>
            </w:r>
            <w:r>
              <w:tab/>
            </w:r>
            <w:r>
              <w:tab/>
              <w:t>self.lastQuery = null;</w:t>
            </w:r>
          </w:p>
          <w:p w:rsidR="00156FB3" w:rsidRDefault="00156FB3" w:rsidP="00156FB3">
            <w:r>
              <w:tab/>
            </w:r>
            <w:r>
              <w:tab/>
            </w:r>
            <w:r>
              <w:tab/>
            </w:r>
            <w:r>
              <w:tab/>
              <w:t>if (!self.settings.persist &amp;&amp; self.userOptions.hasOwnProperty(value)) {</w:t>
            </w:r>
          </w:p>
          <w:p w:rsidR="00156FB3" w:rsidRDefault="00156FB3" w:rsidP="00156FB3">
            <w:r>
              <w:tab/>
            </w:r>
            <w:r>
              <w:tab/>
            </w:r>
            <w:r>
              <w:tab/>
            </w:r>
            <w:r>
              <w:tab/>
            </w:r>
            <w:r>
              <w:tab/>
              <w:t>self.removeOption(value, silent);</w:t>
            </w:r>
          </w:p>
          <w:p w:rsidR="00156FB3" w:rsidRDefault="00156FB3" w:rsidP="00156FB3">
            <w:r>
              <w:tab/>
            </w:r>
            <w:r>
              <w:tab/>
            </w:r>
            <w:r>
              <w:tab/>
            </w:r>
            <w:r>
              <w:tab/>
              <w:t>}</w:t>
            </w:r>
          </w:p>
          <w:p w:rsidR="00156FB3" w:rsidRDefault="00156FB3" w:rsidP="00156FB3">
            <w:r>
              <w:tab/>
            </w:r>
          </w:p>
          <w:p w:rsidR="00156FB3" w:rsidRDefault="00156FB3" w:rsidP="00156FB3">
            <w:r>
              <w:tab/>
            </w:r>
            <w:r>
              <w:tab/>
            </w:r>
            <w:r>
              <w:tab/>
            </w:r>
            <w:r>
              <w:tab/>
              <w:t>if (i &lt; self.caretPos) {</w:t>
            </w:r>
          </w:p>
          <w:p w:rsidR="00156FB3" w:rsidRDefault="00156FB3" w:rsidP="00156FB3">
            <w:r>
              <w:tab/>
            </w:r>
            <w:r>
              <w:tab/>
            </w:r>
            <w:r>
              <w:tab/>
            </w:r>
            <w:r>
              <w:tab/>
            </w:r>
            <w:r>
              <w:tab/>
              <w:t>self.setCaret(self.caretPos - 1);</w:t>
            </w:r>
          </w:p>
          <w:p w:rsidR="00156FB3" w:rsidRDefault="00156FB3" w:rsidP="00156FB3">
            <w:r>
              <w:tab/>
            </w:r>
            <w:r>
              <w:tab/>
            </w:r>
            <w:r>
              <w:tab/>
            </w:r>
            <w:r>
              <w:tab/>
              <w:t>}</w:t>
            </w:r>
          </w:p>
          <w:p w:rsidR="00156FB3" w:rsidRDefault="00156FB3" w:rsidP="00156FB3">
            <w:r>
              <w:tab/>
            </w:r>
          </w:p>
          <w:p w:rsidR="00156FB3" w:rsidRDefault="00156FB3" w:rsidP="00156FB3">
            <w:r>
              <w:tab/>
            </w:r>
            <w:r>
              <w:tab/>
            </w:r>
            <w:r>
              <w:tab/>
            </w:r>
            <w:r>
              <w:tab/>
              <w:t>self.refreshState();</w:t>
            </w:r>
          </w:p>
          <w:p w:rsidR="00156FB3" w:rsidRDefault="00156FB3" w:rsidP="00156FB3">
            <w:r>
              <w:tab/>
            </w:r>
            <w:r>
              <w:tab/>
            </w:r>
            <w:r>
              <w:tab/>
            </w:r>
            <w:r>
              <w:tab/>
              <w:t>self.updatePlaceholder();</w:t>
            </w:r>
          </w:p>
          <w:p w:rsidR="00156FB3" w:rsidRDefault="00156FB3" w:rsidP="00156FB3">
            <w:r>
              <w:tab/>
            </w:r>
            <w:r>
              <w:tab/>
            </w:r>
            <w:r>
              <w:tab/>
            </w:r>
            <w:r>
              <w:tab/>
              <w:t>self.updateOriginalInput({silent: silent});</w:t>
            </w:r>
          </w:p>
          <w:p w:rsidR="00156FB3" w:rsidRDefault="00156FB3" w:rsidP="00156FB3">
            <w:r>
              <w:tab/>
            </w:r>
            <w:r>
              <w:tab/>
            </w:r>
            <w:r>
              <w:tab/>
            </w:r>
            <w:r>
              <w:tab/>
              <w:t>self.positionDropdown();</w:t>
            </w:r>
          </w:p>
          <w:p w:rsidR="00156FB3" w:rsidRDefault="00156FB3" w:rsidP="00156FB3">
            <w:r>
              <w:tab/>
            </w:r>
            <w:r>
              <w:tab/>
            </w:r>
            <w:r>
              <w:tab/>
            </w:r>
            <w:r>
              <w:tab/>
              <w:t>self.trigger('item_remove', value, $item);</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Invokes the `create` method provided in the</w:t>
            </w:r>
          </w:p>
          <w:p w:rsidR="00156FB3" w:rsidRDefault="00156FB3" w:rsidP="00156FB3">
            <w:r>
              <w:tab/>
            </w:r>
            <w:r>
              <w:tab/>
              <w:t xml:space="preserve"> * selectize options that should provide the data</w:t>
            </w:r>
          </w:p>
          <w:p w:rsidR="00156FB3" w:rsidRDefault="00156FB3" w:rsidP="00156FB3">
            <w:r>
              <w:tab/>
            </w:r>
            <w:r>
              <w:tab/>
              <w:t xml:space="preserve"> * for the new item, given the user input.</w:t>
            </w:r>
          </w:p>
          <w:p w:rsidR="00156FB3" w:rsidRDefault="00156FB3" w:rsidP="00156FB3">
            <w:r>
              <w:tab/>
            </w:r>
            <w:r>
              <w:tab/>
              <w:t xml:space="preserve"> *</w:t>
            </w:r>
          </w:p>
          <w:p w:rsidR="00156FB3" w:rsidRDefault="00156FB3" w:rsidP="00156FB3">
            <w:r>
              <w:tab/>
            </w:r>
            <w:r>
              <w:tab/>
              <w:t xml:space="preserve"> * Once this completes, it will be added</w:t>
            </w:r>
          </w:p>
          <w:p w:rsidR="00156FB3" w:rsidRDefault="00156FB3" w:rsidP="00156FB3">
            <w:r>
              <w:tab/>
            </w:r>
            <w:r>
              <w:tab/>
              <w:t xml:space="preserve"> * to the item list.</w:t>
            </w:r>
          </w:p>
          <w:p w:rsidR="00156FB3" w:rsidRDefault="00156FB3" w:rsidP="00156FB3">
            <w:r>
              <w:tab/>
            </w:r>
            <w:r>
              <w:tab/>
              <w:t xml:space="preserve"> *</w:t>
            </w:r>
          </w:p>
          <w:p w:rsidR="00156FB3" w:rsidRDefault="00156FB3" w:rsidP="00156FB3">
            <w:r>
              <w:tab/>
            </w:r>
            <w:r>
              <w:tab/>
              <w:t xml:space="preserve"> * @param {string} value</w:t>
            </w:r>
          </w:p>
          <w:p w:rsidR="00156FB3" w:rsidRDefault="00156FB3" w:rsidP="00156FB3">
            <w:r>
              <w:tab/>
            </w:r>
            <w:r>
              <w:tab/>
              <w:t xml:space="preserve"> * @param {boolean} [triggerDropdown]</w:t>
            </w:r>
          </w:p>
          <w:p w:rsidR="00156FB3" w:rsidRDefault="00156FB3" w:rsidP="00156FB3">
            <w:r>
              <w:tab/>
            </w:r>
            <w:r>
              <w:tab/>
              <w:t xml:space="preserve"> * @param {function} [callback]</w:t>
            </w:r>
          </w:p>
          <w:p w:rsidR="00156FB3" w:rsidRDefault="00156FB3" w:rsidP="00156FB3">
            <w:r>
              <w:tab/>
            </w:r>
            <w:r>
              <w:tab/>
              <w:t xml:space="preserve"> * @return {boolean}</w:t>
            </w:r>
          </w:p>
          <w:p w:rsidR="00156FB3" w:rsidRDefault="00156FB3" w:rsidP="00156FB3">
            <w:r>
              <w:tab/>
            </w:r>
            <w:r>
              <w:tab/>
              <w:t xml:space="preserve"> */</w:t>
            </w:r>
          </w:p>
          <w:p w:rsidR="00156FB3" w:rsidRDefault="00156FB3" w:rsidP="00156FB3">
            <w:r>
              <w:tab/>
            </w:r>
            <w:r>
              <w:tab/>
              <w:t>createItem: function(input, triggerDropdown) {</w:t>
            </w:r>
          </w:p>
          <w:p w:rsidR="00156FB3" w:rsidRDefault="00156FB3" w:rsidP="00156FB3">
            <w:r>
              <w:tab/>
            </w:r>
            <w:r>
              <w:tab/>
            </w:r>
            <w:r>
              <w:tab/>
              <w:t>var self  = this;</w:t>
            </w:r>
          </w:p>
          <w:p w:rsidR="00156FB3" w:rsidRDefault="00156FB3" w:rsidP="00156FB3">
            <w:r>
              <w:tab/>
            </w:r>
            <w:r>
              <w:tab/>
            </w:r>
            <w:r>
              <w:tab/>
              <w:t>var caret = self.caretPos;</w:t>
            </w:r>
          </w:p>
          <w:p w:rsidR="00156FB3" w:rsidRDefault="00156FB3" w:rsidP="00156FB3">
            <w:r>
              <w:tab/>
            </w:r>
            <w:r>
              <w:tab/>
            </w:r>
            <w:r>
              <w:tab/>
              <w:t>input = input || $.trim(self.$control_input.val() || '');</w:t>
            </w:r>
          </w:p>
          <w:p w:rsidR="00156FB3" w:rsidRDefault="00156FB3" w:rsidP="00156FB3">
            <w:r>
              <w:tab/>
            </w:r>
          </w:p>
          <w:p w:rsidR="00156FB3" w:rsidRDefault="00156FB3" w:rsidP="00156FB3">
            <w:r>
              <w:tab/>
            </w:r>
            <w:r>
              <w:tab/>
            </w:r>
            <w:r>
              <w:tab/>
              <w:t>var callback = arguments[arguments.length - 1];</w:t>
            </w:r>
          </w:p>
          <w:p w:rsidR="00156FB3" w:rsidRDefault="00156FB3" w:rsidP="00156FB3">
            <w:r>
              <w:tab/>
            </w:r>
            <w:r>
              <w:tab/>
            </w:r>
            <w:r>
              <w:tab/>
              <w:t>if (typeof callback !== 'function') callback = function() {};</w:t>
            </w:r>
          </w:p>
          <w:p w:rsidR="00156FB3" w:rsidRDefault="00156FB3" w:rsidP="00156FB3">
            <w:r>
              <w:tab/>
            </w:r>
          </w:p>
          <w:p w:rsidR="00156FB3" w:rsidRDefault="00156FB3" w:rsidP="00156FB3">
            <w:r>
              <w:lastRenderedPageBreak/>
              <w:tab/>
            </w:r>
            <w:r>
              <w:tab/>
            </w:r>
            <w:r>
              <w:tab/>
              <w:t>if (typeof triggerDropdown !== 'boolean') {</w:t>
            </w:r>
          </w:p>
          <w:p w:rsidR="00156FB3" w:rsidRDefault="00156FB3" w:rsidP="00156FB3">
            <w:r>
              <w:tab/>
            </w:r>
            <w:r>
              <w:tab/>
            </w:r>
            <w:r>
              <w:tab/>
            </w:r>
            <w:r>
              <w:tab/>
              <w:t>triggerDropdown = true;</w:t>
            </w:r>
          </w:p>
          <w:p w:rsidR="00156FB3" w:rsidRDefault="00156FB3" w:rsidP="00156FB3">
            <w:r>
              <w:tab/>
            </w:r>
            <w:r>
              <w:tab/>
            </w:r>
            <w:r>
              <w:tab/>
              <w:t>}</w:t>
            </w:r>
          </w:p>
          <w:p w:rsidR="00156FB3" w:rsidRDefault="00156FB3" w:rsidP="00156FB3">
            <w:r>
              <w:tab/>
            </w:r>
          </w:p>
          <w:p w:rsidR="00156FB3" w:rsidRDefault="00156FB3" w:rsidP="00156FB3">
            <w:r>
              <w:tab/>
            </w:r>
            <w:r>
              <w:tab/>
            </w:r>
            <w:r>
              <w:tab/>
              <w:t>if (!self.canCreate(input)) {</w:t>
            </w:r>
          </w:p>
          <w:p w:rsidR="00156FB3" w:rsidRDefault="00156FB3" w:rsidP="00156FB3">
            <w:r>
              <w:tab/>
            </w:r>
            <w:r>
              <w:tab/>
            </w:r>
            <w:r>
              <w:tab/>
            </w:r>
            <w:r>
              <w:tab/>
              <w:t>callback();</w:t>
            </w:r>
          </w:p>
          <w:p w:rsidR="00156FB3" w:rsidRDefault="00156FB3" w:rsidP="00156FB3">
            <w:r>
              <w:tab/>
            </w:r>
            <w:r>
              <w:tab/>
            </w:r>
            <w:r>
              <w:tab/>
            </w:r>
            <w:r>
              <w:tab/>
              <w:t>return false;</w:t>
            </w:r>
          </w:p>
          <w:p w:rsidR="00156FB3" w:rsidRDefault="00156FB3" w:rsidP="00156FB3">
            <w:r>
              <w:tab/>
            </w:r>
            <w:r>
              <w:tab/>
            </w:r>
            <w:r>
              <w:tab/>
              <w:t>}</w:t>
            </w:r>
          </w:p>
          <w:p w:rsidR="00156FB3" w:rsidRDefault="00156FB3" w:rsidP="00156FB3">
            <w:r>
              <w:tab/>
            </w:r>
          </w:p>
          <w:p w:rsidR="00156FB3" w:rsidRDefault="00156FB3" w:rsidP="00156FB3">
            <w:r>
              <w:tab/>
            </w:r>
            <w:r>
              <w:tab/>
            </w:r>
            <w:r>
              <w:tab/>
              <w:t>self.lock();</w:t>
            </w:r>
          </w:p>
          <w:p w:rsidR="00156FB3" w:rsidRDefault="00156FB3" w:rsidP="00156FB3">
            <w:r>
              <w:tab/>
            </w:r>
          </w:p>
          <w:p w:rsidR="00156FB3" w:rsidRDefault="00156FB3" w:rsidP="00156FB3">
            <w:r>
              <w:tab/>
            </w:r>
            <w:r>
              <w:tab/>
            </w:r>
            <w:r>
              <w:tab/>
              <w:t>var setup = (typeof self.settings.create === 'function') ? this.settings.create : function(input) {</w:t>
            </w:r>
          </w:p>
          <w:p w:rsidR="00156FB3" w:rsidRDefault="00156FB3" w:rsidP="00156FB3">
            <w:r>
              <w:tab/>
            </w:r>
            <w:r>
              <w:tab/>
            </w:r>
            <w:r>
              <w:tab/>
            </w:r>
            <w:r>
              <w:tab/>
              <w:t>var data = {};</w:t>
            </w:r>
          </w:p>
          <w:p w:rsidR="00156FB3" w:rsidRDefault="00156FB3" w:rsidP="00156FB3">
            <w:r>
              <w:tab/>
            </w:r>
            <w:r>
              <w:tab/>
            </w:r>
            <w:r>
              <w:tab/>
            </w:r>
            <w:r>
              <w:tab/>
              <w:t>data[self.settings.labelField] = input;</w:t>
            </w:r>
          </w:p>
          <w:p w:rsidR="00156FB3" w:rsidRDefault="00156FB3" w:rsidP="00156FB3">
            <w:r>
              <w:tab/>
            </w:r>
            <w:r>
              <w:tab/>
            </w:r>
            <w:r>
              <w:tab/>
            </w:r>
            <w:r>
              <w:tab/>
              <w:t>data[self.settings.valueField] = input;</w:t>
            </w:r>
          </w:p>
          <w:p w:rsidR="00156FB3" w:rsidRDefault="00156FB3" w:rsidP="00156FB3">
            <w:r>
              <w:tab/>
            </w:r>
            <w:r>
              <w:tab/>
            </w:r>
            <w:r>
              <w:tab/>
            </w:r>
            <w:r>
              <w:tab/>
              <w:t>return data;</w:t>
            </w:r>
          </w:p>
          <w:p w:rsidR="00156FB3" w:rsidRDefault="00156FB3" w:rsidP="00156FB3">
            <w:r>
              <w:tab/>
            </w:r>
            <w:r>
              <w:tab/>
            </w:r>
            <w:r>
              <w:tab/>
              <w:t>};</w:t>
            </w:r>
          </w:p>
          <w:p w:rsidR="00156FB3" w:rsidRDefault="00156FB3" w:rsidP="00156FB3">
            <w:r>
              <w:tab/>
            </w:r>
          </w:p>
          <w:p w:rsidR="00156FB3" w:rsidRDefault="00156FB3" w:rsidP="00156FB3">
            <w:r>
              <w:tab/>
            </w:r>
            <w:r>
              <w:tab/>
            </w:r>
            <w:r>
              <w:tab/>
              <w:t>var create = once(function(data) {</w:t>
            </w:r>
          </w:p>
          <w:p w:rsidR="00156FB3" w:rsidRDefault="00156FB3" w:rsidP="00156FB3">
            <w:r>
              <w:tab/>
            </w:r>
            <w:r>
              <w:tab/>
            </w:r>
            <w:r>
              <w:tab/>
            </w:r>
            <w:r>
              <w:tab/>
              <w:t>self.unlock();</w:t>
            </w:r>
          </w:p>
          <w:p w:rsidR="00156FB3" w:rsidRDefault="00156FB3" w:rsidP="00156FB3">
            <w:r>
              <w:tab/>
            </w:r>
          </w:p>
          <w:p w:rsidR="00156FB3" w:rsidRDefault="00156FB3" w:rsidP="00156FB3">
            <w:r>
              <w:tab/>
            </w:r>
            <w:r>
              <w:tab/>
            </w:r>
            <w:r>
              <w:tab/>
            </w:r>
            <w:r>
              <w:tab/>
              <w:t>if (!data || typeof data !== 'object') return callback();</w:t>
            </w:r>
          </w:p>
          <w:p w:rsidR="00156FB3" w:rsidRDefault="00156FB3" w:rsidP="00156FB3">
            <w:r>
              <w:tab/>
            </w:r>
            <w:r>
              <w:tab/>
            </w:r>
            <w:r>
              <w:tab/>
            </w:r>
            <w:r>
              <w:tab/>
              <w:t>var value = hash_key(data[self.settings.valueField]);</w:t>
            </w:r>
          </w:p>
          <w:p w:rsidR="00156FB3" w:rsidRDefault="00156FB3" w:rsidP="00156FB3">
            <w:r>
              <w:tab/>
            </w:r>
            <w:r>
              <w:tab/>
            </w:r>
            <w:r>
              <w:tab/>
            </w:r>
            <w:r>
              <w:tab/>
              <w:t>if (typeof value !== 'string') return callback();</w:t>
            </w:r>
          </w:p>
          <w:p w:rsidR="00156FB3" w:rsidRDefault="00156FB3" w:rsidP="00156FB3">
            <w:r>
              <w:tab/>
            </w:r>
          </w:p>
          <w:p w:rsidR="00156FB3" w:rsidRDefault="00156FB3" w:rsidP="00156FB3">
            <w:r>
              <w:tab/>
            </w:r>
            <w:r>
              <w:tab/>
            </w:r>
            <w:r>
              <w:tab/>
            </w:r>
            <w:r>
              <w:tab/>
              <w:t>self.setTextboxValue('');</w:t>
            </w:r>
          </w:p>
          <w:p w:rsidR="00156FB3" w:rsidRDefault="00156FB3" w:rsidP="00156FB3">
            <w:r>
              <w:tab/>
            </w:r>
            <w:r>
              <w:tab/>
            </w:r>
            <w:r>
              <w:tab/>
            </w:r>
            <w:r>
              <w:tab/>
              <w:t>self.addOption(data);</w:t>
            </w:r>
          </w:p>
          <w:p w:rsidR="00156FB3" w:rsidRDefault="00156FB3" w:rsidP="00156FB3">
            <w:r>
              <w:tab/>
            </w:r>
            <w:r>
              <w:tab/>
            </w:r>
            <w:r>
              <w:tab/>
            </w:r>
            <w:r>
              <w:tab/>
              <w:t>self.setCaret(caret);</w:t>
            </w:r>
          </w:p>
          <w:p w:rsidR="00156FB3" w:rsidRDefault="00156FB3" w:rsidP="00156FB3">
            <w:r>
              <w:tab/>
            </w:r>
            <w:r>
              <w:tab/>
            </w:r>
            <w:r>
              <w:tab/>
            </w:r>
            <w:r>
              <w:tab/>
              <w:t>self.addItem(value);</w:t>
            </w:r>
          </w:p>
          <w:p w:rsidR="00156FB3" w:rsidRDefault="00156FB3" w:rsidP="00156FB3">
            <w:r>
              <w:tab/>
            </w:r>
            <w:r>
              <w:tab/>
            </w:r>
            <w:r>
              <w:tab/>
            </w:r>
            <w:r>
              <w:tab/>
              <w:t>self.refreshOptions(triggerDropdown &amp;&amp; self.settings.mode !== 'single');</w:t>
            </w:r>
          </w:p>
          <w:p w:rsidR="00156FB3" w:rsidRDefault="00156FB3" w:rsidP="00156FB3">
            <w:r>
              <w:tab/>
            </w:r>
            <w:r>
              <w:tab/>
            </w:r>
            <w:r>
              <w:tab/>
            </w:r>
            <w:r>
              <w:tab/>
              <w:t>callback(data);</w:t>
            </w:r>
          </w:p>
          <w:p w:rsidR="00156FB3" w:rsidRDefault="00156FB3" w:rsidP="00156FB3">
            <w:r>
              <w:tab/>
            </w:r>
            <w:r>
              <w:tab/>
            </w:r>
            <w:r>
              <w:tab/>
              <w:t>});</w:t>
            </w:r>
          </w:p>
          <w:p w:rsidR="00156FB3" w:rsidRDefault="00156FB3" w:rsidP="00156FB3">
            <w:r>
              <w:tab/>
            </w:r>
          </w:p>
          <w:p w:rsidR="00156FB3" w:rsidRDefault="00156FB3" w:rsidP="00156FB3">
            <w:r>
              <w:tab/>
            </w:r>
            <w:r>
              <w:tab/>
            </w:r>
            <w:r>
              <w:tab/>
              <w:t>var output = setup.apply(this, [input, create]);</w:t>
            </w:r>
          </w:p>
          <w:p w:rsidR="00156FB3" w:rsidRDefault="00156FB3" w:rsidP="00156FB3">
            <w:r>
              <w:tab/>
            </w:r>
            <w:r>
              <w:tab/>
            </w:r>
            <w:r>
              <w:tab/>
              <w:t>if (typeof output !== 'undefined') {</w:t>
            </w:r>
          </w:p>
          <w:p w:rsidR="00156FB3" w:rsidRDefault="00156FB3" w:rsidP="00156FB3">
            <w:r>
              <w:tab/>
            </w:r>
            <w:r>
              <w:tab/>
            </w:r>
            <w:r>
              <w:tab/>
            </w:r>
            <w:r>
              <w:tab/>
              <w:t>create(output);</w:t>
            </w:r>
          </w:p>
          <w:p w:rsidR="00156FB3" w:rsidRDefault="00156FB3" w:rsidP="00156FB3">
            <w:r>
              <w:tab/>
            </w:r>
            <w:r>
              <w:tab/>
            </w:r>
            <w:r>
              <w:tab/>
              <w:t>}</w:t>
            </w:r>
          </w:p>
          <w:p w:rsidR="00156FB3" w:rsidRDefault="00156FB3" w:rsidP="00156FB3">
            <w:r>
              <w:tab/>
            </w:r>
          </w:p>
          <w:p w:rsidR="00156FB3" w:rsidRDefault="00156FB3" w:rsidP="00156FB3">
            <w:r>
              <w:tab/>
            </w:r>
            <w:r>
              <w:tab/>
            </w:r>
            <w:r>
              <w:tab/>
              <w:t>return true;</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Re-renders the selected item lists.</w:t>
            </w:r>
          </w:p>
          <w:p w:rsidR="00156FB3" w:rsidRDefault="00156FB3" w:rsidP="00156FB3">
            <w:r>
              <w:tab/>
            </w:r>
            <w:r>
              <w:tab/>
              <w:t xml:space="preserve"> */</w:t>
            </w:r>
          </w:p>
          <w:p w:rsidR="00156FB3" w:rsidRDefault="00156FB3" w:rsidP="00156FB3">
            <w:r>
              <w:tab/>
            </w:r>
            <w:r>
              <w:tab/>
              <w:t>refreshItems: function() {</w:t>
            </w:r>
          </w:p>
          <w:p w:rsidR="00156FB3" w:rsidRDefault="00156FB3" w:rsidP="00156FB3">
            <w:r>
              <w:tab/>
            </w:r>
            <w:r>
              <w:tab/>
            </w:r>
            <w:r>
              <w:tab/>
              <w:t>this.lastQuery = null;</w:t>
            </w:r>
          </w:p>
          <w:p w:rsidR="00156FB3" w:rsidRDefault="00156FB3" w:rsidP="00156FB3">
            <w:r>
              <w:lastRenderedPageBreak/>
              <w:tab/>
            </w:r>
          </w:p>
          <w:p w:rsidR="00156FB3" w:rsidRDefault="00156FB3" w:rsidP="00156FB3">
            <w:r>
              <w:tab/>
            </w:r>
            <w:r>
              <w:tab/>
            </w:r>
            <w:r>
              <w:tab/>
              <w:t>if (this.isSetup) {</w:t>
            </w:r>
          </w:p>
          <w:p w:rsidR="00156FB3" w:rsidRDefault="00156FB3" w:rsidP="00156FB3">
            <w:r>
              <w:tab/>
            </w:r>
            <w:r>
              <w:tab/>
            </w:r>
            <w:r>
              <w:tab/>
            </w:r>
            <w:r>
              <w:tab/>
              <w:t>this.addItem(this.items);</w:t>
            </w:r>
          </w:p>
          <w:p w:rsidR="00156FB3" w:rsidRDefault="00156FB3" w:rsidP="00156FB3">
            <w:r>
              <w:tab/>
            </w:r>
            <w:r>
              <w:tab/>
            </w:r>
            <w:r>
              <w:tab/>
              <w:t>}</w:t>
            </w:r>
          </w:p>
          <w:p w:rsidR="00156FB3" w:rsidRDefault="00156FB3" w:rsidP="00156FB3">
            <w:r>
              <w:tab/>
            </w:r>
          </w:p>
          <w:p w:rsidR="00156FB3" w:rsidRDefault="00156FB3" w:rsidP="00156FB3">
            <w:r>
              <w:tab/>
            </w:r>
            <w:r>
              <w:tab/>
            </w:r>
            <w:r>
              <w:tab/>
              <w:t>this.refreshState();</w:t>
            </w:r>
          </w:p>
          <w:p w:rsidR="00156FB3" w:rsidRDefault="00156FB3" w:rsidP="00156FB3">
            <w:r>
              <w:tab/>
            </w:r>
            <w:r>
              <w:tab/>
            </w:r>
            <w:r>
              <w:tab/>
              <w:t>this.updateOriginalInpu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Updates all state-dependent attributes</w:t>
            </w:r>
          </w:p>
          <w:p w:rsidR="00156FB3" w:rsidRDefault="00156FB3" w:rsidP="00156FB3">
            <w:r>
              <w:tab/>
            </w:r>
            <w:r>
              <w:tab/>
              <w:t xml:space="preserve"> * and CSS classes.</w:t>
            </w:r>
          </w:p>
          <w:p w:rsidR="00156FB3" w:rsidRDefault="00156FB3" w:rsidP="00156FB3">
            <w:r>
              <w:tab/>
            </w:r>
            <w:r>
              <w:tab/>
              <w:t xml:space="preserve"> */</w:t>
            </w:r>
          </w:p>
          <w:p w:rsidR="00156FB3" w:rsidRDefault="00156FB3" w:rsidP="00156FB3">
            <w:r>
              <w:tab/>
            </w:r>
            <w:r>
              <w:tab/>
              <w:t>refreshState: function() {</w:t>
            </w:r>
          </w:p>
          <w:p w:rsidR="00156FB3" w:rsidRDefault="00156FB3" w:rsidP="00156FB3">
            <w:r>
              <w:tab/>
            </w:r>
            <w:r>
              <w:tab/>
            </w:r>
            <w:r>
              <w:tab/>
              <w:t>this.refreshValidityState();</w:t>
            </w:r>
          </w:p>
          <w:p w:rsidR="00156FB3" w:rsidRDefault="00156FB3" w:rsidP="00156FB3">
            <w:r>
              <w:tab/>
            </w:r>
            <w:r>
              <w:tab/>
            </w:r>
            <w:r>
              <w:tab/>
              <w:t>this.refreshClasses();</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Update the `required` attribute of both input and control input.</w:t>
            </w:r>
          </w:p>
          <w:p w:rsidR="00156FB3" w:rsidRDefault="00156FB3" w:rsidP="00156FB3">
            <w:r>
              <w:tab/>
            </w:r>
            <w:r>
              <w:tab/>
              <w:t xml:space="preserve"> *</w:t>
            </w:r>
          </w:p>
          <w:p w:rsidR="00156FB3" w:rsidRDefault="00156FB3" w:rsidP="00156FB3">
            <w:r>
              <w:tab/>
            </w:r>
            <w:r>
              <w:tab/>
              <w:t xml:space="preserve"> * The `required` property needs to be activated on the control input</w:t>
            </w:r>
          </w:p>
          <w:p w:rsidR="00156FB3" w:rsidRDefault="00156FB3" w:rsidP="00156FB3">
            <w:r>
              <w:tab/>
            </w:r>
            <w:r>
              <w:tab/>
              <w:t xml:space="preserve"> * for the error to be displayed at the right place. `required` also</w:t>
            </w:r>
          </w:p>
          <w:p w:rsidR="00156FB3" w:rsidRDefault="00156FB3" w:rsidP="00156FB3">
            <w:r>
              <w:tab/>
            </w:r>
            <w:r>
              <w:tab/>
              <w:t xml:space="preserve"> * needs to be temporarily deactivated on the input since the input is</w:t>
            </w:r>
          </w:p>
          <w:p w:rsidR="00156FB3" w:rsidRDefault="00156FB3" w:rsidP="00156FB3">
            <w:r>
              <w:tab/>
            </w:r>
            <w:r>
              <w:tab/>
              <w:t xml:space="preserve"> * hidden and can't show errors.</w:t>
            </w:r>
          </w:p>
          <w:p w:rsidR="00156FB3" w:rsidRDefault="00156FB3" w:rsidP="00156FB3">
            <w:r>
              <w:tab/>
            </w:r>
            <w:r>
              <w:tab/>
              <w:t xml:space="preserve"> */</w:t>
            </w:r>
          </w:p>
          <w:p w:rsidR="00156FB3" w:rsidRDefault="00156FB3" w:rsidP="00156FB3">
            <w:r>
              <w:tab/>
            </w:r>
            <w:r>
              <w:tab/>
              <w:t>refreshValidityState: function() {</w:t>
            </w:r>
          </w:p>
          <w:p w:rsidR="00156FB3" w:rsidRDefault="00156FB3" w:rsidP="00156FB3">
            <w:r>
              <w:tab/>
            </w:r>
            <w:r>
              <w:tab/>
            </w:r>
            <w:r>
              <w:tab/>
              <w:t>if (!this.isRequired) return false;</w:t>
            </w:r>
          </w:p>
          <w:p w:rsidR="00156FB3" w:rsidRDefault="00156FB3" w:rsidP="00156FB3">
            <w:r>
              <w:tab/>
            </w:r>
          </w:p>
          <w:p w:rsidR="00156FB3" w:rsidRDefault="00156FB3" w:rsidP="00156FB3">
            <w:r>
              <w:tab/>
            </w:r>
            <w:r>
              <w:tab/>
            </w:r>
            <w:r>
              <w:tab/>
              <w:t>var invalid = !this.items.length;</w:t>
            </w:r>
          </w:p>
          <w:p w:rsidR="00156FB3" w:rsidRDefault="00156FB3" w:rsidP="00156FB3">
            <w:r>
              <w:tab/>
            </w:r>
          </w:p>
          <w:p w:rsidR="00156FB3" w:rsidRDefault="00156FB3" w:rsidP="00156FB3">
            <w:r>
              <w:tab/>
            </w:r>
            <w:r>
              <w:tab/>
            </w:r>
            <w:r>
              <w:tab/>
              <w:t>this.isInvalid = invalid;</w:t>
            </w:r>
          </w:p>
          <w:p w:rsidR="00156FB3" w:rsidRDefault="00156FB3" w:rsidP="00156FB3">
            <w:r>
              <w:tab/>
            </w:r>
            <w:r>
              <w:tab/>
            </w:r>
            <w:r>
              <w:tab/>
              <w:t>this.$control_input.prop('required', invalid);</w:t>
            </w:r>
          </w:p>
          <w:p w:rsidR="00156FB3" w:rsidRDefault="00156FB3" w:rsidP="00156FB3">
            <w:r>
              <w:tab/>
            </w:r>
            <w:r>
              <w:tab/>
            </w:r>
            <w:r>
              <w:tab/>
              <w:t>this.$input.prop('required', !invalid);</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Updates all state-dependent CSS classes.</w:t>
            </w:r>
          </w:p>
          <w:p w:rsidR="00156FB3" w:rsidRDefault="00156FB3" w:rsidP="00156FB3">
            <w:r>
              <w:tab/>
            </w:r>
            <w:r>
              <w:tab/>
              <w:t xml:space="preserve"> */</w:t>
            </w:r>
          </w:p>
          <w:p w:rsidR="00156FB3" w:rsidRDefault="00156FB3" w:rsidP="00156FB3">
            <w:r>
              <w:tab/>
            </w:r>
            <w:r>
              <w:tab/>
              <w:t>refreshClasses: function() {</w:t>
            </w:r>
          </w:p>
          <w:p w:rsidR="00156FB3" w:rsidRDefault="00156FB3" w:rsidP="00156FB3">
            <w:r>
              <w:tab/>
            </w:r>
            <w:r>
              <w:tab/>
            </w:r>
            <w:r>
              <w:tab/>
              <w:t>var self     = this;</w:t>
            </w:r>
          </w:p>
          <w:p w:rsidR="00156FB3" w:rsidRDefault="00156FB3" w:rsidP="00156FB3">
            <w:r>
              <w:tab/>
            </w:r>
            <w:r>
              <w:tab/>
            </w:r>
            <w:r>
              <w:tab/>
              <w:t>var isFull   = self.isFull();</w:t>
            </w:r>
          </w:p>
          <w:p w:rsidR="00156FB3" w:rsidRDefault="00156FB3" w:rsidP="00156FB3">
            <w:r>
              <w:tab/>
            </w:r>
            <w:r>
              <w:tab/>
            </w:r>
            <w:r>
              <w:tab/>
              <w:t>var isLocked = self.isLocked;</w:t>
            </w:r>
          </w:p>
          <w:p w:rsidR="00156FB3" w:rsidRDefault="00156FB3" w:rsidP="00156FB3">
            <w:r>
              <w:tab/>
            </w:r>
          </w:p>
          <w:p w:rsidR="00156FB3" w:rsidRDefault="00156FB3" w:rsidP="00156FB3">
            <w:r>
              <w:tab/>
            </w:r>
            <w:r>
              <w:tab/>
            </w:r>
            <w:r>
              <w:tab/>
              <w:t>self.$wrapper</w:t>
            </w:r>
          </w:p>
          <w:p w:rsidR="00156FB3" w:rsidRDefault="00156FB3" w:rsidP="00156FB3">
            <w:r>
              <w:tab/>
            </w:r>
            <w:r>
              <w:tab/>
            </w:r>
            <w:r>
              <w:tab/>
            </w:r>
            <w:r>
              <w:tab/>
              <w:t>.toggleClass('rtl', self.rtl);</w:t>
            </w:r>
          </w:p>
          <w:p w:rsidR="00156FB3" w:rsidRDefault="00156FB3" w:rsidP="00156FB3">
            <w:r>
              <w:tab/>
            </w:r>
          </w:p>
          <w:p w:rsidR="00156FB3" w:rsidRDefault="00156FB3" w:rsidP="00156FB3">
            <w:r>
              <w:tab/>
            </w:r>
            <w:r>
              <w:tab/>
            </w:r>
            <w:r>
              <w:tab/>
              <w:t>self.$control</w:t>
            </w:r>
          </w:p>
          <w:p w:rsidR="00156FB3" w:rsidRDefault="00156FB3" w:rsidP="00156FB3">
            <w:r>
              <w:lastRenderedPageBreak/>
              <w:tab/>
            </w:r>
            <w:r>
              <w:tab/>
            </w:r>
            <w:r>
              <w:tab/>
            </w:r>
            <w:r>
              <w:tab/>
              <w:t>.toggleClass('focus', self.isFocused)</w:t>
            </w:r>
          </w:p>
          <w:p w:rsidR="00156FB3" w:rsidRDefault="00156FB3" w:rsidP="00156FB3">
            <w:r>
              <w:tab/>
            </w:r>
            <w:r>
              <w:tab/>
            </w:r>
            <w:r>
              <w:tab/>
            </w:r>
            <w:r>
              <w:tab/>
              <w:t>.toggleClass('disabled', self.isDisabled)</w:t>
            </w:r>
          </w:p>
          <w:p w:rsidR="00156FB3" w:rsidRDefault="00156FB3" w:rsidP="00156FB3">
            <w:r>
              <w:tab/>
            </w:r>
            <w:r>
              <w:tab/>
            </w:r>
            <w:r>
              <w:tab/>
            </w:r>
            <w:r>
              <w:tab/>
              <w:t>.toggleClass('required', self.isRequired)</w:t>
            </w:r>
          </w:p>
          <w:p w:rsidR="00156FB3" w:rsidRDefault="00156FB3" w:rsidP="00156FB3">
            <w:r>
              <w:tab/>
            </w:r>
            <w:r>
              <w:tab/>
            </w:r>
            <w:r>
              <w:tab/>
            </w:r>
            <w:r>
              <w:tab/>
              <w:t>.toggleClass('invalid', self.isInvalid)</w:t>
            </w:r>
          </w:p>
          <w:p w:rsidR="00156FB3" w:rsidRDefault="00156FB3" w:rsidP="00156FB3">
            <w:r>
              <w:tab/>
            </w:r>
            <w:r>
              <w:tab/>
            </w:r>
            <w:r>
              <w:tab/>
            </w:r>
            <w:r>
              <w:tab/>
              <w:t>.toggleClass('locked', isLocked)</w:t>
            </w:r>
          </w:p>
          <w:p w:rsidR="00156FB3" w:rsidRDefault="00156FB3" w:rsidP="00156FB3">
            <w:r>
              <w:tab/>
            </w:r>
            <w:r>
              <w:tab/>
            </w:r>
            <w:r>
              <w:tab/>
            </w:r>
            <w:r>
              <w:tab/>
              <w:t>.toggleClass('full', isFull).toggleClass('not-full', !isFull)</w:t>
            </w:r>
          </w:p>
          <w:p w:rsidR="00156FB3" w:rsidRDefault="00156FB3" w:rsidP="00156FB3">
            <w:r>
              <w:tab/>
            </w:r>
            <w:r>
              <w:tab/>
            </w:r>
            <w:r>
              <w:tab/>
            </w:r>
            <w:r>
              <w:tab/>
              <w:t>.toggleClass('input-active', self.isFocused &amp;&amp; !self.isInputHidden)</w:t>
            </w:r>
          </w:p>
          <w:p w:rsidR="00156FB3" w:rsidRDefault="00156FB3" w:rsidP="00156FB3">
            <w:r>
              <w:tab/>
            </w:r>
            <w:r>
              <w:tab/>
            </w:r>
            <w:r>
              <w:tab/>
            </w:r>
            <w:r>
              <w:tab/>
              <w:t>.toggleClass('dropdown-active', self.isOpen)</w:t>
            </w:r>
          </w:p>
          <w:p w:rsidR="00156FB3" w:rsidRDefault="00156FB3" w:rsidP="00156FB3">
            <w:r>
              <w:tab/>
            </w:r>
            <w:r>
              <w:tab/>
            </w:r>
            <w:r>
              <w:tab/>
            </w:r>
            <w:r>
              <w:tab/>
              <w:t>.toggleClass('has-options', !$.isEmptyObject(self.options))</w:t>
            </w:r>
          </w:p>
          <w:p w:rsidR="00156FB3" w:rsidRDefault="00156FB3" w:rsidP="00156FB3">
            <w:r>
              <w:tab/>
            </w:r>
            <w:r>
              <w:tab/>
            </w:r>
            <w:r>
              <w:tab/>
            </w:r>
            <w:r>
              <w:tab/>
              <w:t>.toggleClass('has-items', self.items.length &gt; 0);</w:t>
            </w:r>
          </w:p>
          <w:p w:rsidR="00156FB3" w:rsidRDefault="00156FB3" w:rsidP="00156FB3">
            <w:r>
              <w:tab/>
            </w:r>
          </w:p>
          <w:p w:rsidR="00156FB3" w:rsidRDefault="00156FB3" w:rsidP="00156FB3">
            <w:r>
              <w:tab/>
            </w:r>
            <w:r>
              <w:tab/>
            </w:r>
            <w:r>
              <w:tab/>
              <w:t>self.$control_input.data('grow', !isFull &amp;&amp; !isLocked);</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Determines whether or not more items can be added</w:t>
            </w:r>
          </w:p>
          <w:p w:rsidR="00156FB3" w:rsidRDefault="00156FB3" w:rsidP="00156FB3">
            <w:r>
              <w:tab/>
            </w:r>
            <w:r>
              <w:tab/>
              <w:t xml:space="preserve"> * to the control without exceeding the user-defined maximum.</w:t>
            </w:r>
          </w:p>
          <w:p w:rsidR="00156FB3" w:rsidRDefault="00156FB3" w:rsidP="00156FB3">
            <w:r>
              <w:tab/>
            </w:r>
            <w:r>
              <w:tab/>
              <w:t xml:space="preserve"> *</w:t>
            </w:r>
          </w:p>
          <w:p w:rsidR="00156FB3" w:rsidRDefault="00156FB3" w:rsidP="00156FB3">
            <w:r>
              <w:tab/>
            </w:r>
            <w:r>
              <w:tab/>
              <w:t xml:space="preserve"> * @returns {boolean}</w:t>
            </w:r>
          </w:p>
          <w:p w:rsidR="00156FB3" w:rsidRDefault="00156FB3" w:rsidP="00156FB3">
            <w:r>
              <w:tab/>
            </w:r>
            <w:r>
              <w:tab/>
              <w:t xml:space="preserve"> */</w:t>
            </w:r>
          </w:p>
          <w:p w:rsidR="00156FB3" w:rsidRDefault="00156FB3" w:rsidP="00156FB3">
            <w:r>
              <w:tab/>
            </w:r>
            <w:r>
              <w:tab/>
              <w:t>isFull: function() {</w:t>
            </w:r>
          </w:p>
          <w:p w:rsidR="00156FB3" w:rsidRDefault="00156FB3" w:rsidP="00156FB3">
            <w:r>
              <w:tab/>
            </w:r>
            <w:r>
              <w:tab/>
            </w:r>
            <w:r>
              <w:tab/>
              <w:t>return this.settings.maxItems !== null &amp;&amp; this.items.length &gt;= this.settings.maxItems;</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Refreshes the original &lt;select&gt; or &lt;input&gt;</w:t>
            </w:r>
          </w:p>
          <w:p w:rsidR="00156FB3" w:rsidRDefault="00156FB3" w:rsidP="00156FB3">
            <w:r>
              <w:tab/>
            </w:r>
            <w:r>
              <w:tab/>
              <w:t xml:space="preserve"> * element to reflect the current state.</w:t>
            </w:r>
          </w:p>
          <w:p w:rsidR="00156FB3" w:rsidRDefault="00156FB3" w:rsidP="00156FB3">
            <w:r>
              <w:tab/>
            </w:r>
            <w:r>
              <w:tab/>
              <w:t xml:space="preserve"> */</w:t>
            </w:r>
          </w:p>
          <w:p w:rsidR="00156FB3" w:rsidRDefault="00156FB3" w:rsidP="00156FB3">
            <w:r>
              <w:tab/>
            </w:r>
            <w:r>
              <w:tab/>
              <w:t>updateOriginalInput: function(opts) {</w:t>
            </w:r>
          </w:p>
          <w:p w:rsidR="00156FB3" w:rsidRDefault="00156FB3" w:rsidP="00156FB3">
            <w:r>
              <w:tab/>
            </w:r>
            <w:r>
              <w:tab/>
            </w:r>
            <w:r>
              <w:tab/>
              <w:t>var i, n, options, label, self = this;</w:t>
            </w:r>
          </w:p>
          <w:p w:rsidR="00156FB3" w:rsidRDefault="00156FB3" w:rsidP="00156FB3">
            <w:r>
              <w:tab/>
            </w:r>
            <w:r>
              <w:tab/>
            </w:r>
            <w:r>
              <w:tab/>
              <w:t>opts = opts || {};</w:t>
            </w:r>
          </w:p>
          <w:p w:rsidR="00156FB3" w:rsidRDefault="00156FB3" w:rsidP="00156FB3">
            <w:r>
              <w:tab/>
            </w:r>
          </w:p>
          <w:p w:rsidR="00156FB3" w:rsidRDefault="00156FB3" w:rsidP="00156FB3">
            <w:r>
              <w:tab/>
            </w:r>
            <w:r>
              <w:tab/>
            </w:r>
            <w:r>
              <w:tab/>
              <w:t>if (self.tagType === TAG_SELECT) {</w:t>
            </w:r>
          </w:p>
          <w:p w:rsidR="00156FB3" w:rsidRDefault="00156FB3" w:rsidP="00156FB3">
            <w:r>
              <w:tab/>
            </w:r>
            <w:r>
              <w:tab/>
            </w:r>
            <w:r>
              <w:tab/>
            </w:r>
            <w:r>
              <w:tab/>
              <w:t>options = [];</w:t>
            </w:r>
          </w:p>
          <w:p w:rsidR="00156FB3" w:rsidRDefault="00156FB3" w:rsidP="00156FB3">
            <w:r>
              <w:tab/>
            </w:r>
            <w:r>
              <w:tab/>
            </w:r>
            <w:r>
              <w:tab/>
            </w:r>
            <w:r>
              <w:tab/>
              <w:t>for (i = 0, n = self.items.length; i &lt; n; i++) {</w:t>
            </w:r>
          </w:p>
          <w:p w:rsidR="00156FB3" w:rsidRDefault="00156FB3" w:rsidP="00156FB3">
            <w:r>
              <w:tab/>
            </w:r>
            <w:r>
              <w:tab/>
            </w:r>
            <w:r>
              <w:tab/>
            </w:r>
            <w:r>
              <w:tab/>
            </w:r>
            <w:r>
              <w:tab/>
              <w:t>label = self.options[self.items[i]][self.settings.labelField] || '';</w:t>
            </w:r>
          </w:p>
          <w:p w:rsidR="00156FB3" w:rsidRDefault="00156FB3" w:rsidP="00156FB3">
            <w:r>
              <w:tab/>
            </w:r>
            <w:r>
              <w:tab/>
            </w:r>
            <w:r>
              <w:tab/>
            </w:r>
            <w:r>
              <w:tab/>
            </w:r>
            <w:r>
              <w:tab/>
              <w:t>options.push('&lt;option value="' + escape_html(self.items[i]) + '" selected="selected"&gt;' + escape_html(label) + '&lt;/option&gt;');</w:t>
            </w:r>
          </w:p>
          <w:p w:rsidR="00156FB3" w:rsidRDefault="00156FB3" w:rsidP="00156FB3">
            <w:r>
              <w:tab/>
            </w:r>
            <w:r>
              <w:tab/>
            </w:r>
            <w:r>
              <w:tab/>
            </w:r>
            <w:r>
              <w:tab/>
              <w:t>}</w:t>
            </w:r>
          </w:p>
          <w:p w:rsidR="00156FB3" w:rsidRDefault="00156FB3" w:rsidP="00156FB3">
            <w:r>
              <w:tab/>
            </w:r>
            <w:r>
              <w:tab/>
            </w:r>
            <w:r>
              <w:tab/>
            </w:r>
            <w:r>
              <w:tab/>
              <w:t>if (!options.length &amp;&amp; !this.$input.attr('multiple')) {</w:t>
            </w:r>
          </w:p>
          <w:p w:rsidR="00156FB3" w:rsidRDefault="00156FB3" w:rsidP="00156FB3">
            <w:r>
              <w:tab/>
            </w:r>
            <w:r>
              <w:tab/>
            </w:r>
            <w:r>
              <w:tab/>
            </w:r>
            <w:r>
              <w:tab/>
            </w:r>
            <w:r>
              <w:tab/>
              <w:t>options.push('&lt;option value="" selected="selected"&gt;&lt;/option&gt;');</w:t>
            </w:r>
          </w:p>
          <w:p w:rsidR="00156FB3" w:rsidRDefault="00156FB3" w:rsidP="00156FB3">
            <w:r>
              <w:tab/>
            </w:r>
            <w:r>
              <w:tab/>
            </w:r>
            <w:r>
              <w:tab/>
            </w:r>
            <w:r>
              <w:tab/>
              <w:t>}</w:t>
            </w:r>
          </w:p>
          <w:p w:rsidR="00156FB3" w:rsidRDefault="00156FB3" w:rsidP="00156FB3">
            <w:r>
              <w:tab/>
            </w:r>
            <w:r>
              <w:tab/>
            </w:r>
            <w:r>
              <w:tab/>
            </w:r>
            <w:r>
              <w:tab/>
              <w:t>self.$input.html(options.join(''));</w:t>
            </w:r>
          </w:p>
          <w:p w:rsidR="00156FB3" w:rsidRDefault="00156FB3" w:rsidP="00156FB3">
            <w:r>
              <w:tab/>
            </w:r>
            <w:r>
              <w:tab/>
            </w:r>
            <w:r>
              <w:tab/>
              <w:t>} else {</w:t>
            </w:r>
          </w:p>
          <w:p w:rsidR="00156FB3" w:rsidRDefault="00156FB3" w:rsidP="00156FB3">
            <w:r>
              <w:tab/>
            </w:r>
            <w:r>
              <w:tab/>
            </w:r>
            <w:r>
              <w:tab/>
            </w:r>
            <w:r>
              <w:tab/>
              <w:t>self.$input.val(self.getValue());</w:t>
            </w:r>
          </w:p>
          <w:p w:rsidR="00156FB3" w:rsidRDefault="00156FB3" w:rsidP="00156FB3">
            <w:r>
              <w:tab/>
            </w:r>
            <w:r>
              <w:tab/>
            </w:r>
            <w:r>
              <w:tab/>
            </w:r>
            <w:r>
              <w:tab/>
              <w:t>self.$input.attr('value',self.$input.val());</w:t>
            </w:r>
          </w:p>
          <w:p w:rsidR="00156FB3" w:rsidRDefault="00156FB3" w:rsidP="00156FB3">
            <w:r>
              <w:lastRenderedPageBreak/>
              <w:tab/>
            </w:r>
            <w:r>
              <w:tab/>
            </w:r>
            <w:r>
              <w:tab/>
              <w:t>}</w:t>
            </w:r>
          </w:p>
          <w:p w:rsidR="00156FB3" w:rsidRDefault="00156FB3" w:rsidP="00156FB3">
            <w:r>
              <w:tab/>
            </w:r>
          </w:p>
          <w:p w:rsidR="00156FB3" w:rsidRDefault="00156FB3" w:rsidP="00156FB3">
            <w:r>
              <w:tab/>
            </w:r>
            <w:r>
              <w:tab/>
            </w:r>
            <w:r>
              <w:tab/>
              <w:t>if (self.isSetup) {</w:t>
            </w:r>
          </w:p>
          <w:p w:rsidR="00156FB3" w:rsidRDefault="00156FB3" w:rsidP="00156FB3">
            <w:r>
              <w:tab/>
            </w:r>
            <w:r>
              <w:tab/>
            </w:r>
            <w:r>
              <w:tab/>
            </w:r>
            <w:r>
              <w:tab/>
              <w:t>if (!opts.silent) {</w:t>
            </w:r>
          </w:p>
          <w:p w:rsidR="00156FB3" w:rsidRDefault="00156FB3" w:rsidP="00156FB3">
            <w:r>
              <w:tab/>
            </w:r>
            <w:r>
              <w:tab/>
            </w:r>
            <w:r>
              <w:tab/>
            </w:r>
            <w:r>
              <w:tab/>
            </w:r>
            <w:r>
              <w:tab/>
              <w:t>self.trigger('change', self.$input.val());</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Shows/hide the input placeholder depending</w:t>
            </w:r>
          </w:p>
          <w:p w:rsidR="00156FB3" w:rsidRDefault="00156FB3" w:rsidP="00156FB3">
            <w:r>
              <w:tab/>
            </w:r>
            <w:r>
              <w:tab/>
              <w:t xml:space="preserve"> * on if there items in the list already.</w:t>
            </w:r>
          </w:p>
          <w:p w:rsidR="00156FB3" w:rsidRDefault="00156FB3" w:rsidP="00156FB3">
            <w:r>
              <w:tab/>
            </w:r>
            <w:r>
              <w:tab/>
              <w:t xml:space="preserve"> */</w:t>
            </w:r>
          </w:p>
          <w:p w:rsidR="00156FB3" w:rsidRDefault="00156FB3" w:rsidP="00156FB3">
            <w:r>
              <w:tab/>
            </w:r>
            <w:r>
              <w:tab/>
              <w:t>updatePlaceholder: function() {</w:t>
            </w:r>
          </w:p>
          <w:p w:rsidR="00156FB3" w:rsidRDefault="00156FB3" w:rsidP="00156FB3">
            <w:r>
              <w:tab/>
            </w:r>
            <w:r>
              <w:tab/>
            </w:r>
            <w:r>
              <w:tab/>
              <w:t>if (!this.settings.placeholder) return;</w:t>
            </w:r>
          </w:p>
          <w:p w:rsidR="00156FB3" w:rsidRDefault="00156FB3" w:rsidP="00156FB3">
            <w:r>
              <w:tab/>
            </w:r>
            <w:r>
              <w:tab/>
            </w:r>
            <w:r>
              <w:tab/>
              <w:t>var $input = this.$control_input;</w:t>
            </w:r>
          </w:p>
          <w:p w:rsidR="00156FB3" w:rsidRDefault="00156FB3" w:rsidP="00156FB3">
            <w:r>
              <w:tab/>
            </w:r>
          </w:p>
          <w:p w:rsidR="00156FB3" w:rsidRDefault="00156FB3" w:rsidP="00156FB3">
            <w:r>
              <w:tab/>
            </w:r>
            <w:r>
              <w:tab/>
            </w:r>
            <w:r>
              <w:tab/>
              <w:t>if (this.items.length) {</w:t>
            </w:r>
          </w:p>
          <w:p w:rsidR="00156FB3" w:rsidRDefault="00156FB3" w:rsidP="00156FB3">
            <w:r>
              <w:tab/>
            </w:r>
            <w:r>
              <w:tab/>
            </w:r>
            <w:r>
              <w:tab/>
            </w:r>
            <w:r>
              <w:tab/>
              <w:t>$input.removeAttr('placeholder');</w:t>
            </w:r>
          </w:p>
          <w:p w:rsidR="00156FB3" w:rsidRDefault="00156FB3" w:rsidP="00156FB3">
            <w:r>
              <w:tab/>
            </w:r>
            <w:r>
              <w:tab/>
            </w:r>
            <w:r>
              <w:tab/>
              <w:t>} else {</w:t>
            </w:r>
          </w:p>
          <w:p w:rsidR="00156FB3" w:rsidRDefault="00156FB3" w:rsidP="00156FB3">
            <w:r>
              <w:tab/>
            </w:r>
            <w:r>
              <w:tab/>
            </w:r>
            <w:r>
              <w:tab/>
            </w:r>
            <w:r>
              <w:tab/>
              <w:t>$input.attr('placeholder', this.settings.placeholder);</w:t>
            </w:r>
          </w:p>
          <w:p w:rsidR="00156FB3" w:rsidRDefault="00156FB3" w:rsidP="00156FB3">
            <w:r>
              <w:tab/>
            </w:r>
            <w:r>
              <w:tab/>
            </w:r>
            <w:r>
              <w:tab/>
              <w:t>}</w:t>
            </w:r>
          </w:p>
          <w:p w:rsidR="00156FB3" w:rsidRDefault="00156FB3" w:rsidP="00156FB3">
            <w:r>
              <w:tab/>
            </w:r>
            <w:r>
              <w:tab/>
            </w:r>
            <w:r>
              <w:tab/>
              <w:t>$input.triggerHandler('update', {force: true});</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Shows the autocomplete dropdown containing</w:t>
            </w:r>
          </w:p>
          <w:p w:rsidR="00156FB3" w:rsidRDefault="00156FB3" w:rsidP="00156FB3">
            <w:r>
              <w:tab/>
            </w:r>
            <w:r>
              <w:tab/>
              <w:t xml:space="preserve"> * the available options.</w:t>
            </w:r>
          </w:p>
          <w:p w:rsidR="00156FB3" w:rsidRDefault="00156FB3" w:rsidP="00156FB3">
            <w:r>
              <w:tab/>
            </w:r>
            <w:r>
              <w:tab/>
              <w:t xml:space="preserve"> */</w:t>
            </w:r>
          </w:p>
          <w:p w:rsidR="00156FB3" w:rsidRDefault="00156FB3" w:rsidP="00156FB3">
            <w:r>
              <w:tab/>
            </w:r>
            <w:r>
              <w:tab/>
              <w:t>open: function() {</w:t>
            </w:r>
          </w:p>
          <w:p w:rsidR="00156FB3" w:rsidRDefault="00156FB3" w:rsidP="00156FB3">
            <w:r>
              <w:tab/>
            </w:r>
            <w:r>
              <w:tab/>
            </w:r>
            <w:r>
              <w:tab/>
              <w:t>var self = this;</w:t>
            </w:r>
          </w:p>
          <w:p w:rsidR="00156FB3" w:rsidRDefault="00156FB3" w:rsidP="00156FB3">
            <w:r>
              <w:tab/>
            </w:r>
          </w:p>
          <w:p w:rsidR="00156FB3" w:rsidRDefault="00156FB3" w:rsidP="00156FB3">
            <w:r>
              <w:tab/>
            </w:r>
            <w:r>
              <w:tab/>
            </w:r>
            <w:r>
              <w:tab/>
              <w:t>if (self.isLocked || self.isOpen || (self.settings.mode === 'multi' &amp;&amp; self.isFull())) return;</w:t>
            </w:r>
          </w:p>
          <w:p w:rsidR="00156FB3" w:rsidRDefault="00156FB3" w:rsidP="00156FB3">
            <w:r>
              <w:tab/>
            </w:r>
            <w:r>
              <w:tab/>
            </w:r>
            <w:r>
              <w:tab/>
              <w:t>self.focus();</w:t>
            </w:r>
          </w:p>
          <w:p w:rsidR="00156FB3" w:rsidRDefault="00156FB3" w:rsidP="00156FB3">
            <w:r>
              <w:tab/>
            </w:r>
            <w:r>
              <w:tab/>
            </w:r>
            <w:r>
              <w:tab/>
              <w:t>self.isOpen = true;</w:t>
            </w:r>
          </w:p>
          <w:p w:rsidR="00156FB3" w:rsidRDefault="00156FB3" w:rsidP="00156FB3">
            <w:r>
              <w:tab/>
            </w:r>
            <w:r>
              <w:tab/>
            </w:r>
            <w:r>
              <w:tab/>
              <w:t>self.refreshState();</w:t>
            </w:r>
          </w:p>
          <w:p w:rsidR="00156FB3" w:rsidRDefault="00156FB3" w:rsidP="00156FB3">
            <w:r>
              <w:tab/>
            </w:r>
            <w:r>
              <w:tab/>
            </w:r>
            <w:r>
              <w:tab/>
              <w:t>self.$dropdown.css({visibility: 'hidden', display: 'block'});</w:t>
            </w:r>
          </w:p>
          <w:p w:rsidR="00156FB3" w:rsidRDefault="00156FB3" w:rsidP="00156FB3">
            <w:r>
              <w:tab/>
            </w:r>
            <w:r>
              <w:tab/>
            </w:r>
            <w:r>
              <w:tab/>
              <w:t>self.positionDropdown();</w:t>
            </w:r>
          </w:p>
          <w:p w:rsidR="00156FB3" w:rsidRDefault="00156FB3" w:rsidP="00156FB3">
            <w:r>
              <w:tab/>
            </w:r>
            <w:r>
              <w:tab/>
            </w:r>
            <w:r>
              <w:tab/>
              <w:t>self.$dropdown.css({visibility: 'visible'});</w:t>
            </w:r>
          </w:p>
          <w:p w:rsidR="00156FB3" w:rsidRDefault="00156FB3" w:rsidP="00156FB3">
            <w:r>
              <w:tab/>
            </w:r>
            <w:r>
              <w:tab/>
            </w:r>
            <w:r>
              <w:tab/>
              <w:t>self.trigger('dropdown_open', self.$dropdown);</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Closes the autocomplete dropdown menu.</w:t>
            </w:r>
          </w:p>
          <w:p w:rsidR="00156FB3" w:rsidRDefault="00156FB3" w:rsidP="00156FB3">
            <w:r>
              <w:tab/>
            </w:r>
            <w:r>
              <w:tab/>
              <w:t xml:space="preserve"> */</w:t>
            </w:r>
          </w:p>
          <w:p w:rsidR="00156FB3" w:rsidRDefault="00156FB3" w:rsidP="00156FB3">
            <w:r>
              <w:tab/>
            </w:r>
            <w:r>
              <w:tab/>
              <w:t>close: function() {</w:t>
            </w:r>
          </w:p>
          <w:p w:rsidR="00156FB3" w:rsidRDefault="00156FB3" w:rsidP="00156FB3">
            <w:r>
              <w:tab/>
            </w:r>
            <w:r>
              <w:tab/>
            </w:r>
            <w:r>
              <w:tab/>
              <w:t>var self = this;</w:t>
            </w:r>
          </w:p>
          <w:p w:rsidR="00156FB3" w:rsidRDefault="00156FB3" w:rsidP="00156FB3">
            <w:r>
              <w:lastRenderedPageBreak/>
              <w:tab/>
            </w:r>
            <w:r>
              <w:tab/>
            </w:r>
            <w:r>
              <w:tab/>
              <w:t>var trigger = self.isOpen;</w:t>
            </w:r>
          </w:p>
          <w:p w:rsidR="00156FB3" w:rsidRDefault="00156FB3" w:rsidP="00156FB3">
            <w:r>
              <w:tab/>
            </w:r>
          </w:p>
          <w:p w:rsidR="00156FB3" w:rsidRDefault="00156FB3" w:rsidP="00156FB3">
            <w:r>
              <w:tab/>
            </w:r>
            <w:r>
              <w:tab/>
            </w:r>
            <w:r>
              <w:tab/>
              <w:t>if (self.settings.mode === 'single' &amp;&amp; self.items.length) {</w:t>
            </w:r>
          </w:p>
          <w:p w:rsidR="00156FB3" w:rsidRDefault="00156FB3" w:rsidP="00156FB3">
            <w:r>
              <w:tab/>
            </w:r>
            <w:r>
              <w:tab/>
            </w:r>
            <w:r>
              <w:tab/>
            </w:r>
            <w:r>
              <w:tab/>
              <w:t>self.hideInput();</w:t>
            </w:r>
          </w:p>
          <w:p w:rsidR="00156FB3" w:rsidRDefault="00156FB3" w:rsidP="00156FB3">
            <w:r>
              <w:tab/>
            </w:r>
            <w:r>
              <w:tab/>
            </w:r>
            <w:r>
              <w:tab/>
            </w:r>
            <w:r>
              <w:tab/>
              <w:t>self.$control_input.blur(); // close keyboard on iOS</w:t>
            </w:r>
          </w:p>
          <w:p w:rsidR="00156FB3" w:rsidRDefault="00156FB3" w:rsidP="00156FB3">
            <w:r>
              <w:tab/>
            </w:r>
            <w:r>
              <w:tab/>
            </w:r>
            <w:r>
              <w:tab/>
              <w:t>}</w:t>
            </w:r>
          </w:p>
          <w:p w:rsidR="00156FB3" w:rsidRDefault="00156FB3" w:rsidP="00156FB3">
            <w:r>
              <w:tab/>
            </w:r>
          </w:p>
          <w:p w:rsidR="00156FB3" w:rsidRDefault="00156FB3" w:rsidP="00156FB3">
            <w:r>
              <w:tab/>
            </w:r>
            <w:r>
              <w:tab/>
            </w:r>
            <w:r>
              <w:tab/>
              <w:t>self.isOpen = false;</w:t>
            </w:r>
          </w:p>
          <w:p w:rsidR="00156FB3" w:rsidRDefault="00156FB3" w:rsidP="00156FB3">
            <w:r>
              <w:tab/>
            </w:r>
            <w:r>
              <w:tab/>
            </w:r>
            <w:r>
              <w:tab/>
              <w:t>self.$dropdown.hide();</w:t>
            </w:r>
          </w:p>
          <w:p w:rsidR="00156FB3" w:rsidRDefault="00156FB3" w:rsidP="00156FB3">
            <w:r>
              <w:tab/>
            </w:r>
            <w:r>
              <w:tab/>
            </w:r>
            <w:r>
              <w:tab/>
              <w:t>self.setActiveOption(null);</w:t>
            </w:r>
          </w:p>
          <w:p w:rsidR="00156FB3" w:rsidRDefault="00156FB3" w:rsidP="00156FB3">
            <w:r>
              <w:tab/>
            </w:r>
            <w:r>
              <w:tab/>
            </w:r>
            <w:r>
              <w:tab/>
              <w:t>self.refreshState();</w:t>
            </w:r>
          </w:p>
          <w:p w:rsidR="00156FB3" w:rsidRDefault="00156FB3" w:rsidP="00156FB3">
            <w:r>
              <w:tab/>
            </w:r>
          </w:p>
          <w:p w:rsidR="00156FB3" w:rsidRDefault="00156FB3" w:rsidP="00156FB3">
            <w:r>
              <w:tab/>
            </w:r>
            <w:r>
              <w:tab/>
            </w:r>
            <w:r>
              <w:tab/>
              <w:t>if (trigger) self.trigger('dropdown_close', self.$dropdown);</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Calculates and applies the appropriate</w:t>
            </w:r>
          </w:p>
          <w:p w:rsidR="00156FB3" w:rsidRDefault="00156FB3" w:rsidP="00156FB3">
            <w:r>
              <w:tab/>
            </w:r>
            <w:r>
              <w:tab/>
              <w:t xml:space="preserve"> * position of the dropdown.</w:t>
            </w:r>
          </w:p>
          <w:p w:rsidR="00156FB3" w:rsidRDefault="00156FB3" w:rsidP="00156FB3">
            <w:r>
              <w:tab/>
            </w:r>
            <w:r>
              <w:tab/>
              <w:t xml:space="preserve"> */</w:t>
            </w:r>
          </w:p>
          <w:p w:rsidR="00156FB3" w:rsidRDefault="00156FB3" w:rsidP="00156FB3">
            <w:r>
              <w:tab/>
            </w:r>
            <w:r>
              <w:tab/>
              <w:t>positionDropdown: function() {</w:t>
            </w:r>
          </w:p>
          <w:p w:rsidR="00156FB3" w:rsidRDefault="00156FB3" w:rsidP="00156FB3">
            <w:r>
              <w:tab/>
            </w:r>
            <w:r>
              <w:tab/>
            </w:r>
            <w:r>
              <w:tab/>
              <w:t>var $control = this.$control;</w:t>
            </w:r>
          </w:p>
          <w:p w:rsidR="00156FB3" w:rsidRDefault="00156FB3" w:rsidP="00156FB3">
            <w:r>
              <w:tab/>
            </w:r>
            <w:r>
              <w:tab/>
            </w:r>
            <w:r>
              <w:tab/>
              <w:t>var offset = this.settings.dropdownParent === 'body' ? $control.offset() : $control.position();</w:t>
            </w:r>
          </w:p>
          <w:p w:rsidR="00156FB3" w:rsidRDefault="00156FB3" w:rsidP="00156FB3">
            <w:r>
              <w:tab/>
            </w:r>
            <w:r>
              <w:tab/>
            </w:r>
            <w:r>
              <w:tab/>
              <w:t>offset.top += $control.outerHeight(true);</w:t>
            </w:r>
          </w:p>
          <w:p w:rsidR="00156FB3" w:rsidRDefault="00156FB3" w:rsidP="00156FB3">
            <w:r>
              <w:tab/>
            </w:r>
          </w:p>
          <w:p w:rsidR="00156FB3" w:rsidRDefault="00156FB3" w:rsidP="00156FB3">
            <w:r>
              <w:tab/>
            </w:r>
            <w:r>
              <w:tab/>
            </w:r>
            <w:r>
              <w:tab/>
              <w:t>this.$dropdown.css({</w:t>
            </w:r>
          </w:p>
          <w:p w:rsidR="00156FB3" w:rsidRDefault="00156FB3" w:rsidP="00156FB3">
            <w:r>
              <w:tab/>
            </w:r>
            <w:r>
              <w:tab/>
            </w:r>
            <w:r>
              <w:tab/>
            </w:r>
            <w:r>
              <w:tab/>
              <w:t>width : $control.outerWidth(),</w:t>
            </w:r>
          </w:p>
          <w:p w:rsidR="00156FB3" w:rsidRDefault="00156FB3" w:rsidP="00156FB3">
            <w:r>
              <w:tab/>
            </w:r>
            <w:r>
              <w:tab/>
            </w:r>
            <w:r>
              <w:tab/>
            </w:r>
            <w:r>
              <w:tab/>
              <w:t>top   : offset.top,</w:t>
            </w:r>
          </w:p>
          <w:p w:rsidR="00156FB3" w:rsidRDefault="00156FB3" w:rsidP="00156FB3">
            <w:r>
              <w:tab/>
            </w:r>
            <w:r>
              <w:tab/>
            </w:r>
            <w:r>
              <w:tab/>
            </w:r>
            <w:r>
              <w:tab/>
              <w:t>left  : offset.left</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Resets / clears all selected items</w:t>
            </w:r>
          </w:p>
          <w:p w:rsidR="00156FB3" w:rsidRDefault="00156FB3" w:rsidP="00156FB3">
            <w:r>
              <w:tab/>
            </w:r>
            <w:r>
              <w:tab/>
              <w:t xml:space="preserve"> * from the control.</w:t>
            </w:r>
          </w:p>
          <w:p w:rsidR="00156FB3" w:rsidRDefault="00156FB3" w:rsidP="00156FB3">
            <w:r>
              <w:tab/>
            </w:r>
            <w:r>
              <w:tab/>
              <w:t xml:space="preserve"> *</w:t>
            </w:r>
          </w:p>
          <w:p w:rsidR="00156FB3" w:rsidRDefault="00156FB3" w:rsidP="00156FB3">
            <w:r>
              <w:tab/>
            </w:r>
            <w:r>
              <w:tab/>
              <w:t xml:space="preserve"> * @param {boolean} silent</w:t>
            </w:r>
          </w:p>
          <w:p w:rsidR="00156FB3" w:rsidRDefault="00156FB3" w:rsidP="00156FB3">
            <w:r>
              <w:tab/>
            </w:r>
            <w:r>
              <w:tab/>
              <w:t xml:space="preserve"> */</w:t>
            </w:r>
          </w:p>
          <w:p w:rsidR="00156FB3" w:rsidRDefault="00156FB3" w:rsidP="00156FB3">
            <w:r>
              <w:tab/>
            </w:r>
            <w:r>
              <w:tab/>
              <w:t>clear: function(silent) {</w:t>
            </w:r>
          </w:p>
          <w:p w:rsidR="00156FB3" w:rsidRDefault="00156FB3" w:rsidP="00156FB3">
            <w:r>
              <w:tab/>
            </w:r>
            <w:r>
              <w:tab/>
            </w:r>
            <w:r>
              <w:tab/>
              <w:t>var self = this;</w:t>
            </w:r>
          </w:p>
          <w:p w:rsidR="00156FB3" w:rsidRDefault="00156FB3" w:rsidP="00156FB3">
            <w:r>
              <w:tab/>
            </w:r>
          </w:p>
          <w:p w:rsidR="00156FB3" w:rsidRDefault="00156FB3" w:rsidP="00156FB3">
            <w:r>
              <w:tab/>
            </w:r>
            <w:r>
              <w:tab/>
            </w:r>
            <w:r>
              <w:tab/>
              <w:t>if (!self.items.length) return;</w:t>
            </w:r>
          </w:p>
          <w:p w:rsidR="00156FB3" w:rsidRDefault="00156FB3" w:rsidP="00156FB3">
            <w:r>
              <w:tab/>
            </w:r>
            <w:r>
              <w:tab/>
            </w:r>
            <w:r>
              <w:tab/>
              <w:t>self.$control.children(':not(input)').remove();</w:t>
            </w:r>
          </w:p>
          <w:p w:rsidR="00156FB3" w:rsidRDefault="00156FB3" w:rsidP="00156FB3">
            <w:r>
              <w:tab/>
            </w:r>
            <w:r>
              <w:tab/>
            </w:r>
            <w:r>
              <w:tab/>
              <w:t>self.items = [];</w:t>
            </w:r>
          </w:p>
          <w:p w:rsidR="00156FB3" w:rsidRDefault="00156FB3" w:rsidP="00156FB3">
            <w:r>
              <w:tab/>
            </w:r>
            <w:r>
              <w:tab/>
            </w:r>
            <w:r>
              <w:tab/>
              <w:t>self.lastQuery = null;</w:t>
            </w:r>
          </w:p>
          <w:p w:rsidR="00156FB3" w:rsidRDefault="00156FB3" w:rsidP="00156FB3">
            <w:r>
              <w:tab/>
            </w:r>
            <w:r>
              <w:tab/>
            </w:r>
            <w:r>
              <w:tab/>
              <w:t>self.setCaret(0);</w:t>
            </w:r>
          </w:p>
          <w:p w:rsidR="00156FB3" w:rsidRDefault="00156FB3" w:rsidP="00156FB3">
            <w:r>
              <w:tab/>
            </w:r>
            <w:r>
              <w:tab/>
            </w:r>
            <w:r>
              <w:tab/>
              <w:t>self.setActiveItem(null);</w:t>
            </w:r>
          </w:p>
          <w:p w:rsidR="00156FB3" w:rsidRDefault="00156FB3" w:rsidP="00156FB3">
            <w:r>
              <w:tab/>
            </w:r>
            <w:r>
              <w:tab/>
            </w:r>
            <w:r>
              <w:tab/>
              <w:t>self.updatePlaceholder();</w:t>
            </w:r>
          </w:p>
          <w:p w:rsidR="00156FB3" w:rsidRDefault="00156FB3" w:rsidP="00156FB3">
            <w:r>
              <w:lastRenderedPageBreak/>
              <w:tab/>
            </w:r>
            <w:r>
              <w:tab/>
            </w:r>
            <w:r>
              <w:tab/>
              <w:t>self.updateOriginalInput({silent: silent});</w:t>
            </w:r>
          </w:p>
          <w:p w:rsidR="00156FB3" w:rsidRDefault="00156FB3" w:rsidP="00156FB3">
            <w:r>
              <w:tab/>
            </w:r>
            <w:r>
              <w:tab/>
            </w:r>
            <w:r>
              <w:tab/>
              <w:t>self.refreshState();</w:t>
            </w:r>
          </w:p>
          <w:p w:rsidR="00156FB3" w:rsidRDefault="00156FB3" w:rsidP="00156FB3">
            <w:r>
              <w:tab/>
            </w:r>
            <w:r>
              <w:tab/>
            </w:r>
            <w:r>
              <w:tab/>
              <w:t>self.showInput();</w:t>
            </w:r>
          </w:p>
          <w:p w:rsidR="00156FB3" w:rsidRDefault="00156FB3" w:rsidP="00156FB3">
            <w:r>
              <w:tab/>
            </w:r>
            <w:r>
              <w:tab/>
            </w:r>
            <w:r>
              <w:tab/>
              <w:t>self.trigger('clear');</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A helper method for inserting an element</w:t>
            </w:r>
          </w:p>
          <w:p w:rsidR="00156FB3" w:rsidRDefault="00156FB3" w:rsidP="00156FB3">
            <w:r>
              <w:tab/>
            </w:r>
            <w:r>
              <w:tab/>
              <w:t xml:space="preserve"> * at the current caret position.</w:t>
            </w:r>
          </w:p>
          <w:p w:rsidR="00156FB3" w:rsidRDefault="00156FB3" w:rsidP="00156FB3">
            <w:r>
              <w:tab/>
            </w:r>
            <w:r>
              <w:tab/>
              <w:t xml:space="preserve"> *</w:t>
            </w:r>
          </w:p>
          <w:p w:rsidR="00156FB3" w:rsidRDefault="00156FB3" w:rsidP="00156FB3">
            <w:r>
              <w:tab/>
            </w:r>
            <w:r>
              <w:tab/>
              <w:t xml:space="preserve"> * @param {object} $el</w:t>
            </w:r>
          </w:p>
          <w:p w:rsidR="00156FB3" w:rsidRDefault="00156FB3" w:rsidP="00156FB3">
            <w:r>
              <w:tab/>
            </w:r>
            <w:r>
              <w:tab/>
              <w:t xml:space="preserve"> */</w:t>
            </w:r>
          </w:p>
          <w:p w:rsidR="00156FB3" w:rsidRDefault="00156FB3" w:rsidP="00156FB3">
            <w:r>
              <w:tab/>
            </w:r>
            <w:r>
              <w:tab/>
              <w:t>insertAtCaret: function($el) {</w:t>
            </w:r>
          </w:p>
          <w:p w:rsidR="00156FB3" w:rsidRDefault="00156FB3" w:rsidP="00156FB3">
            <w:r>
              <w:tab/>
            </w:r>
            <w:r>
              <w:tab/>
            </w:r>
            <w:r>
              <w:tab/>
              <w:t>var caret = Math.min(this.caretPos, this.items.length);</w:t>
            </w:r>
          </w:p>
          <w:p w:rsidR="00156FB3" w:rsidRDefault="00156FB3" w:rsidP="00156FB3">
            <w:r>
              <w:tab/>
            </w:r>
            <w:r>
              <w:tab/>
            </w:r>
            <w:r>
              <w:tab/>
              <w:t>if (caret === 0) {</w:t>
            </w:r>
          </w:p>
          <w:p w:rsidR="00156FB3" w:rsidRDefault="00156FB3" w:rsidP="00156FB3">
            <w:r>
              <w:tab/>
            </w:r>
            <w:r>
              <w:tab/>
            </w:r>
            <w:r>
              <w:tab/>
            </w:r>
            <w:r>
              <w:tab/>
              <w:t>this.$control.prepend($el);</w:t>
            </w:r>
          </w:p>
          <w:p w:rsidR="00156FB3" w:rsidRDefault="00156FB3" w:rsidP="00156FB3">
            <w:r>
              <w:tab/>
            </w:r>
            <w:r>
              <w:tab/>
            </w:r>
            <w:r>
              <w:tab/>
              <w:t>} else {</w:t>
            </w:r>
          </w:p>
          <w:p w:rsidR="00156FB3" w:rsidRDefault="00156FB3" w:rsidP="00156FB3">
            <w:r>
              <w:tab/>
            </w:r>
            <w:r>
              <w:tab/>
            </w:r>
            <w:r>
              <w:tab/>
            </w:r>
            <w:r>
              <w:tab/>
              <w:t>$(this.$control[0].childNodes[caret]).before($el);</w:t>
            </w:r>
          </w:p>
          <w:p w:rsidR="00156FB3" w:rsidRDefault="00156FB3" w:rsidP="00156FB3">
            <w:r>
              <w:tab/>
            </w:r>
            <w:r>
              <w:tab/>
            </w:r>
            <w:r>
              <w:tab/>
              <w:t>}</w:t>
            </w:r>
          </w:p>
          <w:p w:rsidR="00156FB3" w:rsidRDefault="00156FB3" w:rsidP="00156FB3">
            <w:r>
              <w:tab/>
            </w:r>
            <w:r>
              <w:tab/>
            </w:r>
            <w:r>
              <w:tab/>
              <w:t>this.setCaret(caret + 1);</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Removes the current selected item(s).</w:t>
            </w:r>
          </w:p>
          <w:p w:rsidR="00156FB3" w:rsidRDefault="00156FB3" w:rsidP="00156FB3">
            <w:r>
              <w:tab/>
            </w:r>
            <w:r>
              <w:tab/>
              <w:t xml:space="preserve"> *</w:t>
            </w:r>
          </w:p>
          <w:p w:rsidR="00156FB3" w:rsidRDefault="00156FB3" w:rsidP="00156FB3">
            <w:r>
              <w:tab/>
            </w:r>
            <w:r>
              <w:tab/>
              <w:t xml:space="preserve"> * @param {object} e (optional)</w:t>
            </w:r>
          </w:p>
          <w:p w:rsidR="00156FB3" w:rsidRDefault="00156FB3" w:rsidP="00156FB3">
            <w:r>
              <w:tab/>
            </w:r>
            <w:r>
              <w:tab/>
              <w:t xml:space="preserve"> * @returns {boolean}</w:t>
            </w:r>
          </w:p>
          <w:p w:rsidR="00156FB3" w:rsidRDefault="00156FB3" w:rsidP="00156FB3">
            <w:r>
              <w:tab/>
            </w:r>
            <w:r>
              <w:tab/>
              <w:t xml:space="preserve"> */</w:t>
            </w:r>
          </w:p>
          <w:p w:rsidR="00156FB3" w:rsidRDefault="00156FB3" w:rsidP="00156FB3">
            <w:r>
              <w:tab/>
            </w:r>
            <w:r>
              <w:tab/>
              <w:t>deleteSelection: function(e) {</w:t>
            </w:r>
          </w:p>
          <w:p w:rsidR="00156FB3" w:rsidRDefault="00156FB3" w:rsidP="00156FB3">
            <w:r>
              <w:tab/>
            </w:r>
            <w:r>
              <w:tab/>
            </w:r>
            <w:r>
              <w:tab/>
              <w:t>var i, n, direction, selection, values, caret, option_select, $option_select, $tail;</w:t>
            </w:r>
          </w:p>
          <w:p w:rsidR="00156FB3" w:rsidRDefault="00156FB3" w:rsidP="00156FB3">
            <w:r>
              <w:tab/>
            </w:r>
            <w:r>
              <w:tab/>
            </w:r>
            <w:r>
              <w:tab/>
              <w:t>var self = this;</w:t>
            </w:r>
          </w:p>
          <w:p w:rsidR="00156FB3" w:rsidRDefault="00156FB3" w:rsidP="00156FB3">
            <w:r>
              <w:tab/>
            </w:r>
          </w:p>
          <w:p w:rsidR="00156FB3" w:rsidRDefault="00156FB3" w:rsidP="00156FB3">
            <w:r>
              <w:tab/>
            </w:r>
            <w:r>
              <w:tab/>
            </w:r>
            <w:r>
              <w:tab/>
              <w:t>direction = (e &amp;&amp; e.keyCode === KEY_BACKSPACE) ? -1 : 1;</w:t>
            </w:r>
          </w:p>
          <w:p w:rsidR="00156FB3" w:rsidRDefault="00156FB3" w:rsidP="00156FB3">
            <w:r>
              <w:tab/>
            </w:r>
            <w:r>
              <w:tab/>
            </w:r>
            <w:r>
              <w:tab/>
              <w:t>selection = getSelection(self.$control_input[0]);</w:t>
            </w:r>
          </w:p>
          <w:p w:rsidR="00156FB3" w:rsidRDefault="00156FB3" w:rsidP="00156FB3">
            <w:r>
              <w:tab/>
            </w:r>
          </w:p>
          <w:p w:rsidR="00156FB3" w:rsidRDefault="00156FB3" w:rsidP="00156FB3">
            <w:r>
              <w:tab/>
            </w:r>
            <w:r>
              <w:tab/>
            </w:r>
            <w:r>
              <w:tab/>
              <w:t>if (self.$activeOption &amp;&amp; !self.settings.hideSelected) {</w:t>
            </w:r>
          </w:p>
          <w:p w:rsidR="00156FB3" w:rsidRDefault="00156FB3" w:rsidP="00156FB3">
            <w:r>
              <w:tab/>
            </w:r>
            <w:r>
              <w:tab/>
            </w:r>
            <w:r>
              <w:tab/>
            </w:r>
            <w:r>
              <w:tab/>
              <w:t>option_select = self.getAdjacentOption(self.$activeOption, -1).attr('data-value');</w:t>
            </w:r>
          </w:p>
          <w:p w:rsidR="00156FB3" w:rsidRDefault="00156FB3" w:rsidP="00156FB3">
            <w:r>
              <w:tab/>
            </w:r>
            <w:r>
              <w:tab/>
            </w:r>
            <w:r>
              <w:tab/>
              <w:t>}</w:t>
            </w:r>
          </w:p>
          <w:p w:rsidR="00156FB3" w:rsidRDefault="00156FB3" w:rsidP="00156FB3">
            <w:r>
              <w:tab/>
            </w:r>
          </w:p>
          <w:p w:rsidR="00156FB3" w:rsidRDefault="00156FB3" w:rsidP="00156FB3">
            <w:r>
              <w:tab/>
            </w:r>
            <w:r>
              <w:tab/>
            </w:r>
            <w:r>
              <w:tab/>
              <w:t>// determine items that will be removed</w:t>
            </w:r>
          </w:p>
          <w:p w:rsidR="00156FB3" w:rsidRDefault="00156FB3" w:rsidP="00156FB3">
            <w:r>
              <w:tab/>
            </w:r>
            <w:r>
              <w:tab/>
            </w:r>
            <w:r>
              <w:tab/>
              <w:t>values = [];</w:t>
            </w:r>
          </w:p>
          <w:p w:rsidR="00156FB3" w:rsidRDefault="00156FB3" w:rsidP="00156FB3">
            <w:r>
              <w:tab/>
            </w:r>
          </w:p>
          <w:p w:rsidR="00156FB3" w:rsidRDefault="00156FB3" w:rsidP="00156FB3">
            <w:r>
              <w:tab/>
            </w:r>
            <w:r>
              <w:tab/>
            </w:r>
            <w:r>
              <w:tab/>
              <w:t>if (self.$activeItems.length) {</w:t>
            </w:r>
          </w:p>
          <w:p w:rsidR="00156FB3" w:rsidRDefault="00156FB3" w:rsidP="00156FB3">
            <w:r>
              <w:tab/>
            </w:r>
            <w:r>
              <w:tab/>
            </w:r>
            <w:r>
              <w:tab/>
            </w:r>
            <w:r>
              <w:tab/>
              <w:t>$tail = self.$control.children('.active:' + (direction &gt; 0 ? 'last' : 'first'));</w:t>
            </w:r>
          </w:p>
          <w:p w:rsidR="00156FB3" w:rsidRDefault="00156FB3" w:rsidP="00156FB3">
            <w:r>
              <w:tab/>
            </w:r>
            <w:r>
              <w:tab/>
            </w:r>
            <w:r>
              <w:tab/>
            </w:r>
            <w:r>
              <w:tab/>
              <w:t>caret = self.$control.children(':not(input)').index($tail);</w:t>
            </w:r>
          </w:p>
          <w:p w:rsidR="00156FB3" w:rsidRDefault="00156FB3" w:rsidP="00156FB3">
            <w:r>
              <w:tab/>
            </w:r>
            <w:r>
              <w:tab/>
            </w:r>
            <w:r>
              <w:tab/>
            </w:r>
            <w:r>
              <w:tab/>
              <w:t>if (direction &gt; 0) { caret++; }</w:t>
            </w:r>
          </w:p>
          <w:p w:rsidR="00156FB3" w:rsidRDefault="00156FB3" w:rsidP="00156FB3">
            <w:r>
              <w:tab/>
            </w:r>
          </w:p>
          <w:p w:rsidR="00156FB3" w:rsidRDefault="00156FB3" w:rsidP="00156FB3">
            <w:r>
              <w:lastRenderedPageBreak/>
              <w:tab/>
            </w:r>
            <w:r>
              <w:tab/>
            </w:r>
            <w:r>
              <w:tab/>
            </w:r>
            <w:r>
              <w:tab/>
              <w:t>for (i = 0, n = self.$activeItems.length; i &lt; n; i++) {</w:t>
            </w:r>
          </w:p>
          <w:p w:rsidR="00156FB3" w:rsidRDefault="00156FB3" w:rsidP="00156FB3">
            <w:r>
              <w:tab/>
            </w:r>
            <w:r>
              <w:tab/>
            </w:r>
            <w:r>
              <w:tab/>
            </w:r>
            <w:r>
              <w:tab/>
            </w:r>
            <w:r>
              <w:tab/>
              <w:t>values.push($(self.$activeItems[i]).attr('data-value'));</w:t>
            </w:r>
          </w:p>
          <w:p w:rsidR="00156FB3" w:rsidRDefault="00156FB3" w:rsidP="00156FB3">
            <w:r>
              <w:tab/>
            </w:r>
            <w:r>
              <w:tab/>
            </w:r>
            <w:r>
              <w:tab/>
            </w:r>
            <w:r>
              <w:tab/>
              <w:t>}</w:t>
            </w:r>
          </w:p>
          <w:p w:rsidR="00156FB3" w:rsidRDefault="00156FB3" w:rsidP="00156FB3">
            <w:r>
              <w:tab/>
            </w:r>
            <w:r>
              <w:tab/>
            </w:r>
            <w:r>
              <w:tab/>
            </w:r>
            <w:r>
              <w:tab/>
              <w:t>if (e) {</w:t>
            </w:r>
          </w:p>
          <w:p w:rsidR="00156FB3" w:rsidRDefault="00156FB3" w:rsidP="00156FB3">
            <w:r>
              <w:tab/>
            </w:r>
            <w:r>
              <w:tab/>
            </w:r>
            <w:r>
              <w:tab/>
            </w:r>
            <w:r>
              <w:tab/>
            </w:r>
            <w:r>
              <w:tab/>
              <w:t>e.preventDefault();</w:t>
            </w:r>
          </w:p>
          <w:p w:rsidR="00156FB3" w:rsidRDefault="00156FB3" w:rsidP="00156FB3">
            <w:r>
              <w:tab/>
            </w:r>
            <w:r>
              <w:tab/>
            </w:r>
            <w:r>
              <w:tab/>
            </w:r>
            <w:r>
              <w:tab/>
            </w:r>
            <w:r>
              <w:tab/>
              <w:t>e.stopPropagation();</w:t>
            </w:r>
          </w:p>
          <w:p w:rsidR="00156FB3" w:rsidRDefault="00156FB3" w:rsidP="00156FB3">
            <w:r>
              <w:tab/>
            </w:r>
            <w:r>
              <w:tab/>
            </w:r>
            <w:r>
              <w:tab/>
            </w:r>
            <w:r>
              <w:tab/>
              <w:t>}</w:t>
            </w:r>
          </w:p>
          <w:p w:rsidR="00156FB3" w:rsidRDefault="00156FB3" w:rsidP="00156FB3">
            <w:r>
              <w:tab/>
            </w:r>
            <w:r>
              <w:tab/>
            </w:r>
            <w:r>
              <w:tab/>
              <w:t>} else if ((self.isFocused || self.settings.mode === 'single') &amp;&amp; self.items.length) {</w:t>
            </w:r>
          </w:p>
          <w:p w:rsidR="00156FB3" w:rsidRDefault="00156FB3" w:rsidP="00156FB3">
            <w:r>
              <w:tab/>
            </w:r>
            <w:r>
              <w:tab/>
            </w:r>
            <w:r>
              <w:tab/>
            </w:r>
            <w:r>
              <w:tab/>
              <w:t>if (direction &lt; 0 &amp;&amp; selection.start === 0 &amp;&amp; selection.length === 0) {</w:t>
            </w:r>
          </w:p>
          <w:p w:rsidR="00156FB3" w:rsidRDefault="00156FB3" w:rsidP="00156FB3">
            <w:r>
              <w:tab/>
            </w:r>
            <w:r>
              <w:tab/>
            </w:r>
            <w:r>
              <w:tab/>
            </w:r>
            <w:r>
              <w:tab/>
            </w:r>
            <w:r>
              <w:tab/>
              <w:t>values.push(self.items[self.caretPos - 1]);</w:t>
            </w:r>
          </w:p>
          <w:p w:rsidR="00156FB3" w:rsidRDefault="00156FB3" w:rsidP="00156FB3">
            <w:r>
              <w:tab/>
            </w:r>
            <w:r>
              <w:tab/>
            </w:r>
            <w:r>
              <w:tab/>
            </w:r>
            <w:r>
              <w:tab/>
              <w:t>} else if (direction &gt; 0 &amp;&amp; selection.start === self.$control_input.val().length) {</w:t>
            </w:r>
          </w:p>
          <w:p w:rsidR="00156FB3" w:rsidRDefault="00156FB3" w:rsidP="00156FB3">
            <w:r>
              <w:tab/>
            </w:r>
            <w:r>
              <w:tab/>
            </w:r>
            <w:r>
              <w:tab/>
            </w:r>
            <w:r>
              <w:tab/>
            </w:r>
            <w:r>
              <w:tab/>
              <w:t>values.push(self.items[self.caretPos]);</w:t>
            </w:r>
          </w:p>
          <w:p w:rsidR="00156FB3" w:rsidRDefault="00156FB3" w:rsidP="00156FB3">
            <w:r>
              <w:tab/>
            </w:r>
            <w:r>
              <w:tab/>
            </w:r>
            <w:r>
              <w:tab/>
            </w:r>
            <w:r>
              <w:tab/>
              <w:t>}</w:t>
            </w:r>
          </w:p>
          <w:p w:rsidR="00156FB3" w:rsidRDefault="00156FB3" w:rsidP="00156FB3">
            <w:r>
              <w:tab/>
            </w:r>
            <w:r>
              <w:tab/>
            </w:r>
            <w:r>
              <w:tab/>
              <w:t>}</w:t>
            </w:r>
          </w:p>
          <w:p w:rsidR="00156FB3" w:rsidRDefault="00156FB3" w:rsidP="00156FB3">
            <w:r>
              <w:tab/>
            </w:r>
          </w:p>
          <w:p w:rsidR="00156FB3" w:rsidRDefault="00156FB3" w:rsidP="00156FB3">
            <w:r>
              <w:tab/>
            </w:r>
            <w:r>
              <w:tab/>
            </w:r>
            <w:r>
              <w:tab/>
              <w:t>// allow the callback to abort</w:t>
            </w:r>
          </w:p>
          <w:p w:rsidR="00156FB3" w:rsidRDefault="00156FB3" w:rsidP="00156FB3">
            <w:r>
              <w:tab/>
            </w:r>
            <w:r>
              <w:tab/>
            </w:r>
            <w:r>
              <w:tab/>
              <w:t>if (!values.length || (typeof self.settings.onDelete === 'function' &amp;&amp; self.settings.onDelete.apply(self, [values]) === false)) {</w:t>
            </w:r>
          </w:p>
          <w:p w:rsidR="00156FB3" w:rsidRDefault="00156FB3" w:rsidP="00156FB3">
            <w:r>
              <w:tab/>
            </w:r>
            <w:r>
              <w:tab/>
            </w:r>
            <w:r>
              <w:tab/>
            </w:r>
            <w:r>
              <w:tab/>
              <w:t>return false;</w:t>
            </w:r>
          </w:p>
          <w:p w:rsidR="00156FB3" w:rsidRDefault="00156FB3" w:rsidP="00156FB3">
            <w:r>
              <w:tab/>
            </w:r>
            <w:r>
              <w:tab/>
            </w:r>
            <w:r>
              <w:tab/>
              <w:t>}</w:t>
            </w:r>
          </w:p>
          <w:p w:rsidR="00156FB3" w:rsidRDefault="00156FB3" w:rsidP="00156FB3">
            <w:r>
              <w:tab/>
            </w:r>
          </w:p>
          <w:p w:rsidR="00156FB3" w:rsidRDefault="00156FB3" w:rsidP="00156FB3">
            <w:r>
              <w:tab/>
            </w:r>
            <w:r>
              <w:tab/>
            </w:r>
            <w:r>
              <w:tab/>
              <w:t>// perform removal</w:t>
            </w:r>
          </w:p>
          <w:p w:rsidR="00156FB3" w:rsidRDefault="00156FB3" w:rsidP="00156FB3">
            <w:r>
              <w:tab/>
            </w:r>
            <w:r>
              <w:tab/>
            </w:r>
            <w:r>
              <w:tab/>
              <w:t>if (typeof caret !== 'undefined') {</w:t>
            </w:r>
          </w:p>
          <w:p w:rsidR="00156FB3" w:rsidRDefault="00156FB3" w:rsidP="00156FB3">
            <w:r>
              <w:tab/>
            </w:r>
            <w:r>
              <w:tab/>
            </w:r>
            <w:r>
              <w:tab/>
            </w:r>
            <w:r>
              <w:tab/>
              <w:t>self.setCaret(caret);</w:t>
            </w:r>
          </w:p>
          <w:p w:rsidR="00156FB3" w:rsidRDefault="00156FB3" w:rsidP="00156FB3">
            <w:r>
              <w:tab/>
            </w:r>
            <w:r>
              <w:tab/>
            </w:r>
            <w:r>
              <w:tab/>
              <w:t>}</w:t>
            </w:r>
          </w:p>
          <w:p w:rsidR="00156FB3" w:rsidRDefault="00156FB3" w:rsidP="00156FB3">
            <w:r>
              <w:tab/>
            </w:r>
            <w:r>
              <w:tab/>
            </w:r>
            <w:r>
              <w:tab/>
              <w:t>while (values.length) {</w:t>
            </w:r>
          </w:p>
          <w:p w:rsidR="00156FB3" w:rsidRDefault="00156FB3" w:rsidP="00156FB3">
            <w:r>
              <w:tab/>
            </w:r>
            <w:r>
              <w:tab/>
            </w:r>
            <w:r>
              <w:tab/>
            </w:r>
            <w:r>
              <w:tab/>
              <w:t>self.removeItem(values.pop());</w:t>
            </w:r>
          </w:p>
          <w:p w:rsidR="00156FB3" w:rsidRDefault="00156FB3" w:rsidP="00156FB3">
            <w:r>
              <w:tab/>
            </w:r>
            <w:r>
              <w:tab/>
            </w:r>
            <w:r>
              <w:tab/>
              <w:t>}</w:t>
            </w:r>
          </w:p>
          <w:p w:rsidR="00156FB3" w:rsidRDefault="00156FB3" w:rsidP="00156FB3">
            <w:r>
              <w:tab/>
            </w:r>
          </w:p>
          <w:p w:rsidR="00156FB3" w:rsidRDefault="00156FB3" w:rsidP="00156FB3">
            <w:r>
              <w:tab/>
            </w:r>
            <w:r>
              <w:tab/>
            </w:r>
            <w:r>
              <w:tab/>
              <w:t>self.showInput();</w:t>
            </w:r>
          </w:p>
          <w:p w:rsidR="00156FB3" w:rsidRDefault="00156FB3" w:rsidP="00156FB3">
            <w:r>
              <w:tab/>
            </w:r>
            <w:r>
              <w:tab/>
            </w:r>
            <w:r>
              <w:tab/>
              <w:t>self.positionDropdown();</w:t>
            </w:r>
          </w:p>
          <w:p w:rsidR="00156FB3" w:rsidRDefault="00156FB3" w:rsidP="00156FB3">
            <w:r>
              <w:tab/>
            </w:r>
            <w:r>
              <w:tab/>
            </w:r>
            <w:r>
              <w:tab/>
              <w:t>self.refreshOptions(true);</w:t>
            </w:r>
          </w:p>
          <w:p w:rsidR="00156FB3" w:rsidRDefault="00156FB3" w:rsidP="00156FB3">
            <w:r>
              <w:tab/>
            </w:r>
          </w:p>
          <w:p w:rsidR="00156FB3" w:rsidRDefault="00156FB3" w:rsidP="00156FB3">
            <w:r>
              <w:tab/>
            </w:r>
            <w:r>
              <w:tab/>
            </w:r>
            <w:r>
              <w:tab/>
              <w:t>// select previous option</w:t>
            </w:r>
          </w:p>
          <w:p w:rsidR="00156FB3" w:rsidRDefault="00156FB3" w:rsidP="00156FB3">
            <w:r>
              <w:tab/>
            </w:r>
            <w:r>
              <w:tab/>
            </w:r>
            <w:r>
              <w:tab/>
              <w:t>if (option_select) {</w:t>
            </w:r>
          </w:p>
          <w:p w:rsidR="00156FB3" w:rsidRDefault="00156FB3" w:rsidP="00156FB3">
            <w:r>
              <w:tab/>
            </w:r>
            <w:r>
              <w:tab/>
            </w:r>
            <w:r>
              <w:tab/>
            </w:r>
            <w:r>
              <w:tab/>
              <w:t>$option_select = self.getOption(option_select);</w:t>
            </w:r>
          </w:p>
          <w:p w:rsidR="00156FB3" w:rsidRDefault="00156FB3" w:rsidP="00156FB3">
            <w:r>
              <w:tab/>
            </w:r>
            <w:r>
              <w:tab/>
            </w:r>
            <w:r>
              <w:tab/>
            </w:r>
            <w:r>
              <w:tab/>
              <w:t>if ($option_select.length) {</w:t>
            </w:r>
          </w:p>
          <w:p w:rsidR="00156FB3" w:rsidRDefault="00156FB3" w:rsidP="00156FB3">
            <w:r>
              <w:tab/>
            </w:r>
            <w:r>
              <w:tab/>
            </w:r>
            <w:r>
              <w:tab/>
            </w:r>
            <w:r>
              <w:tab/>
            </w:r>
            <w:r>
              <w:tab/>
              <w:t>self.setActiveOption($option_select);</w:t>
            </w:r>
          </w:p>
          <w:p w:rsidR="00156FB3" w:rsidRDefault="00156FB3" w:rsidP="00156FB3">
            <w:r>
              <w:tab/>
            </w:r>
            <w:r>
              <w:tab/>
            </w:r>
            <w:r>
              <w:tab/>
            </w:r>
            <w:r>
              <w:tab/>
              <w:t>}</w:t>
            </w:r>
          </w:p>
          <w:p w:rsidR="00156FB3" w:rsidRDefault="00156FB3" w:rsidP="00156FB3">
            <w:r>
              <w:tab/>
            </w:r>
            <w:r>
              <w:tab/>
            </w:r>
            <w:r>
              <w:tab/>
              <w:t>}</w:t>
            </w:r>
          </w:p>
          <w:p w:rsidR="00156FB3" w:rsidRDefault="00156FB3" w:rsidP="00156FB3">
            <w:r>
              <w:tab/>
            </w:r>
          </w:p>
          <w:p w:rsidR="00156FB3" w:rsidRDefault="00156FB3" w:rsidP="00156FB3">
            <w:r>
              <w:tab/>
            </w:r>
            <w:r>
              <w:tab/>
            </w:r>
            <w:r>
              <w:tab/>
              <w:t>return true;</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Selects the previous / next item (depending</w:t>
            </w:r>
          </w:p>
          <w:p w:rsidR="00156FB3" w:rsidRDefault="00156FB3" w:rsidP="00156FB3">
            <w:r>
              <w:tab/>
            </w:r>
            <w:r>
              <w:tab/>
              <w:t xml:space="preserve"> * on the `direction` argument).</w:t>
            </w:r>
          </w:p>
          <w:p w:rsidR="00156FB3" w:rsidRDefault="00156FB3" w:rsidP="00156FB3">
            <w:r>
              <w:lastRenderedPageBreak/>
              <w:tab/>
            </w:r>
            <w:r>
              <w:tab/>
              <w:t xml:space="preserve"> *</w:t>
            </w:r>
          </w:p>
          <w:p w:rsidR="00156FB3" w:rsidRDefault="00156FB3" w:rsidP="00156FB3">
            <w:r>
              <w:tab/>
            </w:r>
            <w:r>
              <w:tab/>
              <w:t xml:space="preserve"> * &gt; 0 - right</w:t>
            </w:r>
          </w:p>
          <w:p w:rsidR="00156FB3" w:rsidRDefault="00156FB3" w:rsidP="00156FB3">
            <w:r>
              <w:tab/>
            </w:r>
            <w:r>
              <w:tab/>
              <w:t xml:space="preserve"> * &lt; 0 - left</w:t>
            </w:r>
          </w:p>
          <w:p w:rsidR="00156FB3" w:rsidRDefault="00156FB3" w:rsidP="00156FB3">
            <w:r>
              <w:tab/>
            </w:r>
            <w:r>
              <w:tab/>
              <w:t xml:space="preserve"> *</w:t>
            </w:r>
          </w:p>
          <w:p w:rsidR="00156FB3" w:rsidRDefault="00156FB3" w:rsidP="00156FB3">
            <w:r>
              <w:tab/>
            </w:r>
            <w:r>
              <w:tab/>
              <w:t xml:space="preserve"> * @param {int} direction</w:t>
            </w:r>
          </w:p>
          <w:p w:rsidR="00156FB3" w:rsidRDefault="00156FB3" w:rsidP="00156FB3">
            <w:r>
              <w:tab/>
            </w:r>
            <w:r>
              <w:tab/>
              <w:t xml:space="preserve"> * @param {object} e (optional)</w:t>
            </w:r>
          </w:p>
          <w:p w:rsidR="00156FB3" w:rsidRDefault="00156FB3" w:rsidP="00156FB3">
            <w:r>
              <w:tab/>
            </w:r>
            <w:r>
              <w:tab/>
              <w:t xml:space="preserve"> */</w:t>
            </w:r>
          </w:p>
          <w:p w:rsidR="00156FB3" w:rsidRDefault="00156FB3" w:rsidP="00156FB3">
            <w:r>
              <w:tab/>
            </w:r>
            <w:r>
              <w:tab/>
              <w:t>advanceSelection: function(direction, e) {</w:t>
            </w:r>
          </w:p>
          <w:p w:rsidR="00156FB3" w:rsidRDefault="00156FB3" w:rsidP="00156FB3">
            <w:r>
              <w:tab/>
            </w:r>
            <w:r>
              <w:tab/>
            </w:r>
            <w:r>
              <w:tab/>
              <w:t>var tail, selection, idx, valueLength, cursorAtEdge, $tail;</w:t>
            </w:r>
          </w:p>
          <w:p w:rsidR="00156FB3" w:rsidRDefault="00156FB3" w:rsidP="00156FB3">
            <w:r>
              <w:tab/>
            </w:r>
            <w:r>
              <w:tab/>
            </w:r>
            <w:r>
              <w:tab/>
              <w:t>var self = this;</w:t>
            </w:r>
          </w:p>
          <w:p w:rsidR="00156FB3" w:rsidRDefault="00156FB3" w:rsidP="00156FB3">
            <w:r>
              <w:tab/>
            </w:r>
          </w:p>
          <w:p w:rsidR="00156FB3" w:rsidRDefault="00156FB3" w:rsidP="00156FB3">
            <w:r>
              <w:tab/>
            </w:r>
            <w:r>
              <w:tab/>
            </w:r>
            <w:r>
              <w:tab/>
              <w:t>if (direction === 0) return;</w:t>
            </w:r>
          </w:p>
          <w:p w:rsidR="00156FB3" w:rsidRDefault="00156FB3" w:rsidP="00156FB3">
            <w:r>
              <w:tab/>
            </w:r>
            <w:r>
              <w:tab/>
            </w:r>
            <w:r>
              <w:tab/>
              <w:t>if (self.rtl) direction *= -1;</w:t>
            </w:r>
          </w:p>
          <w:p w:rsidR="00156FB3" w:rsidRDefault="00156FB3" w:rsidP="00156FB3">
            <w:r>
              <w:tab/>
            </w:r>
          </w:p>
          <w:p w:rsidR="00156FB3" w:rsidRDefault="00156FB3" w:rsidP="00156FB3">
            <w:r>
              <w:tab/>
            </w:r>
            <w:r>
              <w:tab/>
            </w:r>
            <w:r>
              <w:tab/>
              <w:t>tail = direction &gt; 0 ? 'last' : 'first';</w:t>
            </w:r>
          </w:p>
          <w:p w:rsidR="00156FB3" w:rsidRDefault="00156FB3" w:rsidP="00156FB3">
            <w:r>
              <w:tab/>
            </w:r>
            <w:r>
              <w:tab/>
            </w:r>
            <w:r>
              <w:tab/>
              <w:t>selection = getSelection(self.$control_input[0]);</w:t>
            </w:r>
          </w:p>
          <w:p w:rsidR="00156FB3" w:rsidRDefault="00156FB3" w:rsidP="00156FB3">
            <w:r>
              <w:tab/>
            </w:r>
          </w:p>
          <w:p w:rsidR="00156FB3" w:rsidRDefault="00156FB3" w:rsidP="00156FB3">
            <w:r>
              <w:tab/>
            </w:r>
            <w:r>
              <w:tab/>
            </w:r>
            <w:r>
              <w:tab/>
              <w:t>if (self.isFocused &amp;&amp; !self.isInputHidden) {</w:t>
            </w:r>
          </w:p>
          <w:p w:rsidR="00156FB3" w:rsidRDefault="00156FB3" w:rsidP="00156FB3">
            <w:r>
              <w:tab/>
            </w:r>
            <w:r>
              <w:tab/>
            </w:r>
            <w:r>
              <w:tab/>
            </w:r>
            <w:r>
              <w:tab/>
              <w:t>valueLength = self.$control_input.val().length;</w:t>
            </w:r>
          </w:p>
          <w:p w:rsidR="00156FB3" w:rsidRDefault="00156FB3" w:rsidP="00156FB3">
            <w:r>
              <w:tab/>
            </w:r>
            <w:r>
              <w:tab/>
            </w:r>
            <w:r>
              <w:tab/>
            </w:r>
            <w:r>
              <w:tab/>
              <w:t>cursorAtEdge = direction &lt; 0</w:t>
            </w:r>
          </w:p>
          <w:p w:rsidR="00156FB3" w:rsidRDefault="00156FB3" w:rsidP="00156FB3">
            <w:r>
              <w:tab/>
            </w:r>
            <w:r>
              <w:tab/>
            </w:r>
            <w:r>
              <w:tab/>
            </w:r>
            <w:r>
              <w:tab/>
            </w:r>
            <w:r>
              <w:tab/>
              <w:t>? selection.start === 0 &amp;&amp; selection.length === 0</w:t>
            </w:r>
          </w:p>
          <w:p w:rsidR="00156FB3" w:rsidRDefault="00156FB3" w:rsidP="00156FB3">
            <w:r>
              <w:tab/>
            </w:r>
            <w:r>
              <w:tab/>
            </w:r>
            <w:r>
              <w:tab/>
            </w:r>
            <w:r>
              <w:tab/>
            </w:r>
            <w:r>
              <w:tab/>
              <w:t>: selection.start === valueLength;</w:t>
            </w:r>
          </w:p>
          <w:p w:rsidR="00156FB3" w:rsidRDefault="00156FB3" w:rsidP="00156FB3">
            <w:r>
              <w:tab/>
            </w:r>
          </w:p>
          <w:p w:rsidR="00156FB3" w:rsidRDefault="00156FB3" w:rsidP="00156FB3">
            <w:r>
              <w:tab/>
            </w:r>
            <w:r>
              <w:tab/>
            </w:r>
            <w:r>
              <w:tab/>
            </w:r>
            <w:r>
              <w:tab/>
              <w:t>if (cursorAtEdge &amp;&amp; !valueLength) {</w:t>
            </w:r>
          </w:p>
          <w:p w:rsidR="00156FB3" w:rsidRDefault="00156FB3" w:rsidP="00156FB3">
            <w:r>
              <w:tab/>
            </w:r>
            <w:r>
              <w:tab/>
            </w:r>
            <w:r>
              <w:tab/>
            </w:r>
            <w:r>
              <w:tab/>
            </w:r>
            <w:r>
              <w:tab/>
              <w:t>self.advanceCaret(direction, e);</w:t>
            </w:r>
          </w:p>
          <w:p w:rsidR="00156FB3" w:rsidRDefault="00156FB3" w:rsidP="00156FB3">
            <w:r>
              <w:tab/>
            </w:r>
            <w:r>
              <w:tab/>
            </w:r>
            <w:r>
              <w:tab/>
            </w:r>
            <w:r>
              <w:tab/>
              <w:t>}</w:t>
            </w:r>
          </w:p>
          <w:p w:rsidR="00156FB3" w:rsidRDefault="00156FB3" w:rsidP="00156FB3">
            <w:r>
              <w:tab/>
            </w:r>
            <w:r>
              <w:tab/>
            </w:r>
            <w:r>
              <w:tab/>
              <w:t>} else {</w:t>
            </w:r>
          </w:p>
          <w:p w:rsidR="00156FB3" w:rsidRDefault="00156FB3" w:rsidP="00156FB3">
            <w:r>
              <w:tab/>
            </w:r>
            <w:r>
              <w:tab/>
            </w:r>
            <w:r>
              <w:tab/>
            </w:r>
            <w:r>
              <w:tab/>
              <w:t>$tail = self.$control.children('.active:' + tail);</w:t>
            </w:r>
          </w:p>
          <w:p w:rsidR="00156FB3" w:rsidRDefault="00156FB3" w:rsidP="00156FB3">
            <w:r>
              <w:tab/>
            </w:r>
            <w:r>
              <w:tab/>
            </w:r>
            <w:r>
              <w:tab/>
            </w:r>
            <w:r>
              <w:tab/>
              <w:t>if ($tail.length) {</w:t>
            </w:r>
          </w:p>
          <w:p w:rsidR="00156FB3" w:rsidRDefault="00156FB3" w:rsidP="00156FB3">
            <w:r>
              <w:tab/>
            </w:r>
            <w:r>
              <w:tab/>
            </w:r>
            <w:r>
              <w:tab/>
            </w:r>
            <w:r>
              <w:tab/>
            </w:r>
            <w:r>
              <w:tab/>
              <w:t>idx = self.$control.children(':not(input)').index($tail);</w:t>
            </w:r>
          </w:p>
          <w:p w:rsidR="00156FB3" w:rsidRDefault="00156FB3" w:rsidP="00156FB3">
            <w:r>
              <w:tab/>
            </w:r>
            <w:r>
              <w:tab/>
            </w:r>
            <w:r>
              <w:tab/>
            </w:r>
            <w:r>
              <w:tab/>
            </w:r>
            <w:r>
              <w:tab/>
              <w:t>self.setActiveItem(null);</w:t>
            </w:r>
          </w:p>
          <w:p w:rsidR="00156FB3" w:rsidRDefault="00156FB3" w:rsidP="00156FB3">
            <w:r>
              <w:tab/>
            </w:r>
            <w:r>
              <w:tab/>
            </w:r>
            <w:r>
              <w:tab/>
            </w:r>
            <w:r>
              <w:tab/>
            </w:r>
            <w:r>
              <w:tab/>
              <w:t>self.setCaret(direction &gt; 0 ? idx + 1 : idx);</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Moves the caret left / right.</w:t>
            </w:r>
          </w:p>
          <w:p w:rsidR="00156FB3" w:rsidRDefault="00156FB3" w:rsidP="00156FB3">
            <w:r>
              <w:tab/>
            </w:r>
            <w:r>
              <w:tab/>
              <w:t xml:space="preserve"> *</w:t>
            </w:r>
          </w:p>
          <w:p w:rsidR="00156FB3" w:rsidRDefault="00156FB3" w:rsidP="00156FB3">
            <w:r>
              <w:tab/>
            </w:r>
            <w:r>
              <w:tab/>
              <w:t xml:space="preserve"> * @param {int} direction</w:t>
            </w:r>
          </w:p>
          <w:p w:rsidR="00156FB3" w:rsidRDefault="00156FB3" w:rsidP="00156FB3">
            <w:r>
              <w:tab/>
            </w:r>
            <w:r>
              <w:tab/>
              <w:t xml:space="preserve"> * @param {object} e (optional)</w:t>
            </w:r>
          </w:p>
          <w:p w:rsidR="00156FB3" w:rsidRDefault="00156FB3" w:rsidP="00156FB3">
            <w:r>
              <w:tab/>
            </w:r>
            <w:r>
              <w:tab/>
              <w:t xml:space="preserve"> */</w:t>
            </w:r>
          </w:p>
          <w:p w:rsidR="00156FB3" w:rsidRDefault="00156FB3" w:rsidP="00156FB3">
            <w:r>
              <w:tab/>
            </w:r>
            <w:r>
              <w:tab/>
              <w:t>advanceCaret: function(direction, e) {</w:t>
            </w:r>
          </w:p>
          <w:p w:rsidR="00156FB3" w:rsidRDefault="00156FB3" w:rsidP="00156FB3">
            <w:r>
              <w:tab/>
            </w:r>
            <w:r>
              <w:tab/>
            </w:r>
            <w:r>
              <w:tab/>
              <w:t>var self = this, fn, $adj;</w:t>
            </w:r>
          </w:p>
          <w:p w:rsidR="00156FB3" w:rsidRDefault="00156FB3" w:rsidP="00156FB3">
            <w:r>
              <w:tab/>
            </w:r>
          </w:p>
          <w:p w:rsidR="00156FB3" w:rsidRDefault="00156FB3" w:rsidP="00156FB3">
            <w:r>
              <w:tab/>
            </w:r>
            <w:r>
              <w:tab/>
            </w:r>
            <w:r>
              <w:tab/>
              <w:t>if (direction === 0) return;</w:t>
            </w:r>
          </w:p>
          <w:p w:rsidR="00156FB3" w:rsidRDefault="00156FB3" w:rsidP="00156FB3">
            <w:r>
              <w:tab/>
            </w:r>
          </w:p>
          <w:p w:rsidR="00156FB3" w:rsidRDefault="00156FB3" w:rsidP="00156FB3">
            <w:r>
              <w:tab/>
            </w:r>
            <w:r>
              <w:tab/>
            </w:r>
            <w:r>
              <w:tab/>
              <w:t>fn = direction &gt; 0 ? 'next' : 'prev';</w:t>
            </w:r>
          </w:p>
          <w:p w:rsidR="00156FB3" w:rsidRDefault="00156FB3" w:rsidP="00156FB3">
            <w:r>
              <w:lastRenderedPageBreak/>
              <w:tab/>
            </w:r>
            <w:r>
              <w:tab/>
            </w:r>
            <w:r>
              <w:tab/>
              <w:t>if (self.isShiftDown) {</w:t>
            </w:r>
          </w:p>
          <w:p w:rsidR="00156FB3" w:rsidRDefault="00156FB3" w:rsidP="00156FB3">
            <w:r>
              <w:tab/>
            </w:r>
            <w:r>
              <w:tab/>
            </w:r>
            <w:r>
              <w:tab/>
            </w:r>
            <w:r>
              <w:tab/>
              <w:t>$adj = self.$control_input[fn]();</w:t>
            </w:r>
          </w:p>
          <w:p w:rsidR="00156FB3" w:rsidRDefault="00156FB3" w:rsidP="00156FB3">
            <w:r>
              <w:tab/>
            </w:r>
            <w:r>
              <w:tab/>
            </w:r>
            <w:r>
              <w:tab/>
            </w:r>
            <w:r>
              <w:tab/>
              <w:t>if ($adj.length) {</w:t>
            </w:r>
          </w:p>
          <w:p w:rsidR="00156FB3" w:rsidRDefault="00156FB3" w:rsidP="00156FB3">
            <w:r>
              <w:tab/>
            </w:r>
            <w:r>
              <w:tab/>
            </w:r>
            <w:r>
              <w:tab/>
            </w:r>
            <w:r>
              <w:tab/>
            </w:r>
            <w:r>
              <w:tab/>
              <w:t>self.hideInput();</w:t>
            </w:r>
          </w:p>
          <w:p w:rsidR="00156FB3" w:rsidRDefault="00156FB3" w:rsidP="00156FB3">
            <w:r>
              <w:tab/>
            </w:r>
            <w:r>
              <w:tab/>
            </w:r>
            <w:r>
              <w:tab/>
            </w:r>
            <w:r>
              <w:tab/>
            </w:r>
            <w:r>
              <w:tab/>
              <w:t>self.setActiveItem($adj);</w:t>
            </w:r>
          </w:p>
          <w:p w:rsidR="00156FB3" w:rsidRDefault="00156FB3" w:rsidP="00156FB3">
            <w:r>
              <w:tab/>
            </w:r>
            <w:r>
              <w:tab/>
            </w:r>
            <w:r>
              <w:tab/>
            </w:r>
            <w:r>
              <w:tab/>
            </w:r>
            <w:r>
              <w:tab/>
              <w:t>e &amp;&amp; e.preventDefault();</w:t>
            </w:r>
          </w:p>
          <w:p w:rsidR="00156FB3" w:rsidRDefault="00156FB3" w:rsidP="00156FB3">
            <w:r>
              <w:tab/>
            </w:r>
            <w:r>
              <w:tab/>
            </w:r>
            <w:r>
              <w:tab/>
            </w:r>
            <w:r>
              <w:tab/>
              <w:t>}</w:t>
            </w:r>
          </w:p>
          <w:p w:rsidR="00156FB3" w:rsidRDefault="00156FB3" w:rsidP="00156FB3">
            <w:r>
              <w:tab/>
            </w:r>
            <w:r>
              <w:tab/>
            </w:r>
            <w:r>
              <w:tab/>
              <w:t>} else {</w:t>
            </w:r>
          </w:p>
          <w:p w:rsidR="00156FB3" w:rsidRDefault="00156FB3" w:rsidP="00156FB3">
            <w:r>
              <w:tab/>
            </w:r>
            <w:r>
              <w:tab/>
            </w:r>
            <w:r>
              <w:tab/>
            </w:r>
            <w:r>
              <w:tab/>
              <w:t>self.setCaret(self.caretPos + direction);</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Moves the caret to the specified index.</w:t>
            </w:r>
          </w:p>
          <w:p w:rsidR="00156FB3" w:rsidRDefault="00156FB3" w:rsidP="00156FB3">
            <w:r>
              <w:tab/>
            </w:r>
            <w:r>
              <w:tab/>
              <w:t xml:space="preserve"> *</w:t>
            </w:r>
          </w:p>
          <w:p w:rsidR="00156FB3" w:rsidRDefault="00156FB3" w:rsidP="00156FB3">
            <w:r>
              <w:tab/>
            </w:r>
            <w:r>
              <w:tab/>
              <w:t xml:space="preserve"> * @param {int} i</w:t>
            </w:r>
          </w:p>
          <w:p w:rsidR="00156FB3" w:rsidRDefault="00156FB3" w:rsidP="00156FB3">
            <w:r>
              <w:tab/>
            </w:r>
            <w:r>
              <w:tab/>
              <w:t xml:space="preserve"> */</w:t>
            </w:r>
          </w:p>
          <w:p w:rsidR="00156FB3" w:rsidRDefault="00156FB3" w:rsidP="00156FB3">
            <w:r>
              <w:tab/>
            </w:r>
            <w:r>
              <w:tab/>
              <w:t>setCaret: function(i) {</w:t>
            </w:r>
          </w:p>
          <w:p w:rsidR="00156FB3" w:rsidRDefault="00156FB3" w:rsidP="00156FB3">
            <w:r>
              <w:tab/>
            </w:r>
            <w:r>
              <w:tab/>
            </w:r>
            <w:r>
              <w:tab/>
              <w:t>var self = this;</w:t>
            </w:r>
          </w:p>
          <w:p w:rsidR="00156FB3" w:rsidRDefault="00156FB3" w:rsidP="00156FB3">
            <w:r>
              <w:tab/>
            </w:r>
          </w:p>
          <w:p w:rsidR="00156FB3" w:rsidRDefault="00156FB3" w:rsidP="00156FB3">
            <w:r>
              <w:tab/>
            </w:r>
            <w:r>
              <w:tab/>
            </w:r>
            <w:r>
              <w:tab/>
              <w:t>if (self.settings.mode === 'single') {</w:t>
            </w:r>
          </w:p>
          <w:p w:rsidR="00156FB3" w:rsidRDefault="00156FB3" w:rsidP="00156FB3">
            <w:r>
              <w:tab/>
            </w:r>
            <w:r>
              <w:tab/>
            </w:r>
            <w:r>
              <w:tab/>
            </w:r>
            <w:r>
              <w:tab/>
              <w:t>i = self.items.length;</w:t>
            </w:r>
          </w:p>
          <w:p w:rsidR="00156FB3" w:rsidRDefault="00156FB3" w:rsidP="00156FB3">
            <w:r>
              <w:tab/>
            </w:r>
            <w:r>
              <w:tab/>
            </w:r>
            <w:r>
              <w:tab/>
              <w:t>} else {</w:t>
            </w:r>
          </w:p>
          <w:p w:rsidR="00156FB3" w:rsidRDefault="00156FB3" w:rsidP="00156FB3">
            <w:r>
              <w:tab/>
            </w:r>
            <w:r>
              <w:tab/>
            </w:r>
            <w:r>
              <w:tab/>
            </w:r>
            <w:r>
              <w:tab/>
              <w:t>i = Math.max(0, Math.min(self.items.length, i));</w:t>
            </w:r>
          </w:p>
          <w:p w:rsidR="00156FB3" w:rsidRDefault="00156FB3" w:rsidP="00156FB3">
            <w:r>
              <w:tab/>
            </w:r>
            <w:r>
              <w:tab/>
            </w:r>
            <w:r>
              <w:tab/>
              <w:t>}</w:t>
            </w:r>
          </w:p>
          <w:p w:rsidR="00156FB3" w:rsidRDefault="00156FB3" w:rsidP="00156FB3">
            <w:r>
              <w:tab/>
            </w:r>
          </w:p>
          <w:p w:rsidR="00156FB3" w:rsidRDefault="00156FB3" w:rsidP="00156FB3">
            <w:r>
              <w:tab/>
            </w:r>
            <w:r>
              <w:tab/>
            </w:r>
            <w:r>
              <w:tab/>
              <w:t>if(!self.isPending) {</w:t>
            </w:r>
          </w:p>
          <w:p w:rsidR="00156FB3" w:rsidRDefault="00156FB3" w:rsidP="00156FB3">
            <w:r>
              <w:tab/>
            </w:r>
            <w:r>
              <w:tab/>
            </w:r>
            <w:r>
              <w:tab/>
            </w:r>
            <w:r>
              <w:tab/>
              <w:t>// the input must be moved by leaving it in place and moving the</w:t>
            </w:r>
          </w:p>
          <w:p w:rsidR="00156FB3" w:rsidRDefault="00156FB3" w:rsidP="00156FB3">
            <w:r>
              <w:tab/>
            </w:r>
            <w:r>
              <w:tab/>
            </w:r>
            <w:r>
              <w:tab/>
            </w:r>
            <w:r>
              <w:tab/>
              <w:t>// siblings, due to the fact that focus cannot be restored once lost</w:t>
            </w:r>
          </w:p>
          <w:p w:rsidR="00156FB3" w:rsidRDefault="00156FB3" w:rsidP="00156FB3">
            <w:r>
              <w:tab/>
            </w:r>
            <w:r>
              <w:tab/>
            </w:r>
            <w:r>
              <w:tab/>
            </w:r>
            <w:r>
              <w:tab/>
              <w:t>// on mobile webkit devices</w:t>
            </w:r>
          </w:p>
          <w:p w:rsidR="00156FB3" w:rsidRDefault="00156FB3" w:rsidP="00156FB3">
            <w:r>
              <w:tab/>
            </w:r>
            <w:r>
              <w:tab/>
            </w:r>
            <w:r>
              <w:tab/>
            </w:r>
            <w:r>
              <w:tab/>
              <w:t>var j, n, fn, $children, $child;</w:t>
            </w:r>
          </w:p>
          <w:p w:rsidR="00156FB3" w:rsidRDefault="00156FB3" w:rsidP="00156FB3">
            <w:r>
              <w:tab/>
            </w:r>
            <w:r>
              <w:tab/>
            </w:r>
            <w:r>
              <w:tab/>
            </w:r>
            <w:r>
              <w:tab/>
              <w:t>$children = self.$control.children(':not(input)');</w:t>
            </w:r>
          </w:p>
          <w:p w:rsidR="00156FB3" w:rsidRDefault="00156FB3" w:rsidP="00156FB3">
            <w:r>
              <w:tab/>
            </w:r>
            <w:r>
              <w:tab/>
            </w:r>
            <w:r>
              <w:tab/>
            </w:r>
            <w:r>
              <w:tab/>
              <w:t>for (j = 0, n = $children.length; j &lt; n; j++) {</w:t>
            </w:r>
          </w:p>
          <w:p w:rsidR="00156FB3" w:rsidRDefault="00156FB3" w:rsidP="00156FB3">
            <w:r>
              <w:tab/>
            </w:r>
            <w:r>
              <w:tab/>
            </w:r>
            <w:r>
              <w:tab/>
            </w:r>
            <w:r>
              <w:tab/>
            </w:r>
            <w:r>
              <w:tab/>
              <w:t>$child = $($children[j]).detach();</w:t>
            </w:r>
          </w:p>
          <w:p w:rsidR="00156FB3" w:rsidRDefault="00156FB3" w:rsidP="00156FB3">
            <w:r>
              <w:tab/>
            </w:r>
            <w:r>
              <w:tab/>
            </w:r>
            <w:r>
              <w:tab/>
            </w:r>
            <w:r>
              <w:tab/>
            </w:r>
            <w:r>
              <w:tab/>
              <w:t>if (j &lt;  i) {</w:t>
            </w:r>
          </w:p>
          <w:p w:rsidR="00156FB3" w:rsidRDefault="00156FB3" w:rsidP="00156FB3">
            <w:r>
              <w:tab/>
            </w:r>
            <w:r>
              <w:tab/>
            </w:r>
            <w:r>
              <w:tab/>
            </w:r>
            <w:r>
              <w:tab/>
            </w:r>
            <w:r>
              <w:tab/>
            </w:r>
            <w:r>
              <w:tab/>
              <w:t>self.$control_input.before($child);</w:t>
            </w:r>
          </w:p>
          <w:p w:rsidR="00156FB3" w:rsidRDefault="00156FB3" w:rsidP="00156FB3">
            <w:r>
              <w:tab/>
            </w:r>
            <w:r>
              <w:tab/>
            </w:r>
            <w:r>
              <w:tab/>
            </w:r>
            <w:r>
              <w:tab/>
            </w:r>
            <w:r>
              <w:tab/>
              <w:t>} else {</w:t>
            </w:r>
          </w:p>
          <w:p w:rsidR="00156FB3" w:rsidRDefault="00156FB3" w:rsidP="00156FB3">
            <w:r>
              <w:tab/>
            </w:r>
            <w:r>
              <w:tab/>
            </w:r>
            <w:r>
              <w:tab/>
            </w:r>
            <w:r>
              <w:tab/>
            </w:r>
            <w:r>
              <w:tab/>
            </w:r>
            <w:r>
              <w:tab/>
              <w:t>self.$control.append($child);</w:t>
            </w:r>
          </w:p>
          <w:p w:rsidR="00156FB3" w:rsidRDefault="00156FB3" w:rsidP="00156FB3">
            <w:r>
              <w:tab/>
            </w:r>
            <w:r>
              <w:tab/>
            </w:r>
            <w:r>
              <w:tab/>
            </w:r>
            <w:r>
              <w:tab/>
            </w:r>
            <w:r>
              <w:tab/>
              <w:t>}</w:t>
            </w:r>
          </w:p>
          <w:p w:rsidR="00156FB3" w:rsidRDefault="00156FB3" w:rsidP="00156FB3">
            <w:r>
              <w:tab/>
            </w:r>
            <w:r>
              <w:tab/>
            </w:r>
            <w:r>
              <w:tab/>
            </w:r>
            <w:r>
              <w:tab/>
              <w:t>}</w:t>
            </w:r>
          </w:p>
          <w:p w:rsidR="00156FB3" w:rsidRDefault="00156FB3" w:rsidP="00156FB3">
            <w:r>
              <w:tab/>
            </w:r>
            <w:r>
              <w:tab/>
            </w:r>
            <w:r>
              <w:tab/>
              <w:t>}</w:t>
            </w:r>
          </w:p>
          <w:p w:rsidR="00156FB3" w:rsidRDefault="00156FB3" w:rsidP="00156FB3">
            <w:r>
              <w:tab/>
            </w:r>
          </w:p>
          <w:p w:rsidR="00156FB3" w:rsidRDefault="00156FB3" w:rsidP="00156FB3">
            <w:r>
              <w:tab/>
            </w:r>
            <w:r>
              <w:tab/>
            </w:r>
            <w:r>
              <w:tab/>
              <w:t>self.caretPos = i;</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Disables user input on the control. Used while</w:t>
            </w:r>
          </w:p>
          <w:p w:rsidR="00156FB3" w:rsidRDefault="00156FB3" w:rsidP="00156FB3">
            <w:r>
              <w:tab/>
            </w:r>
            <w:r>
              <w:tab/>
              <w:t xml:space="preserve"> * items are being asynchronously created.</w:t>
            </w:r>
          </w:p>
          <w:p w:rsidR="00156FB3" w:rsidRDefault="00156FB3" w:rsidP="00156FB3">
            <w:r>
              <w:lastRenderedPageBreak/>
              <w:tab/>
            </w:r>
            <w:r>
              <w:tab/>
              <w:t xml:space="preserve"> */</w:t>
            </w:r>
          </w:p>
          <w:p w:rsidR="00156FB3" w:rsidRDefault="00156FB3" w:rsidP="00156FB3">
            <w:r>
              <w:tab/>
            </w:r>
            <w:r>
              <w:tab/>
              <w:t>lock: function() {</w:t>
            </w:r>
          </w:p>
          <w:p w:rsidR="00156FB3" w:rsidRDefault="00156FB3" w:rsidP="00156FB3">
            <w:r>
              <w:tab/>
            </w:r>
            <w:r>
              <w:tab/>
            </w:r>
            <w:r>
              <w:tab/>
              <w:t>this.close();</w:t>
            </w:r>
          </w:p>
          <w:p w:rsidR="00156FB3" w:rsidRDefault="00156FB3" w:rsidP="00156FB3">
            <w:r>
              <w:tab/>
            </w:r>
            <w:r>
              <w:tab/>
            </w:r>
            <w:r>
              <w:tab/>
              <w:t>this.isLocked = true;</w:t>
            </w:r>
          </w:p>
          <w:p w:rsidR="00156FB3" w:rsidRDefault="00156FB3" w:rsidP="00156FB3">
            <w:r>
              <w:tab/>
            </w:r>
            <w:r>
              <w:tab/>
            </w:r>
            <w:r>
              <w:tab/>
              <w:t>this.refreshState();</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Re-enables user input on the control.</w:t>
            </w:r>
          </w:p>
          <w:p w:rsidR="00156FB3" w:rsidRDefault="00156FB3" w:rsidP="00156FB3">
            <w:r>
              <w:tab/>
            </w:r>
            <w:r>
              <w:tab/>
              <w:t xml:space="preserve"> */</w:t>
            </w:r>
          </w:p>
          <w:p w:rsidR="00156FB3" w:rsidRDefault="00156FB3" w:rsidP="00156FB3">
            <w:r>
              <w:tab/>
            </w:r>
            <w:r>
              <w:tab/>
              <w:t>unlock: function() {</w:t>
            </w:r>
          </w:p>
          <w:p w:rsidR="00156FB3" w:rsidRDefault="00156FB3" w:rsidP="00156FB3">
            <w:r>
              <w:tab/>
            </w:r>
            <w:r>
              <w:tab/>
            </w:r>
            <w:r>
              <w:tab/>
              <w:t>this.isLocked = false;</w:t>
            </w:r>
          </w:p>
          <w:p w:rsidR="00156FB3" w:rsidRDefault="00156FB3" w:rsidP="00156FB3">
            <w:r>
              <w:tab/>
            </w:r>
            <w:r>
              <w:tab/>
            </w:r>
            <w:r>
              <w:tab/>
              <w:t>this.refreshState();</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Disables user input on the control completely.</w:t>
            </w:r>
          </w:p>
          <w:p w:rsidR="00156FB3" w:rsidRDefault="00156FB3" w:rsidP="00156FB3">
            <w:r>
              <w:tab/>
            </w:r>
            <w:r>
              <w:tab/>
              <w:t xml:space="preserve"> * While disabled, it cannot receive focus.</w:t>
            </w:r>
          </w:p>
          <w:p w:rsidR="00156FB3" w:rsidRDefault="00156FB3" w:rsidP="00156FB3">
            <w:r>
              <w:tab/>
            </w:r>
            <w:r>
              <w:tab/>
              <w:t xml:space="preserve"> */</w:t>
            </w:r>
          </w:p>
          <w:p w:rsidR="00156FB3" w:rsidRDefault="00156FB3" w:rsidP="00156FB3">
            <w:r>
              <w:tab/>
            </w:r>
            <w:r>
              <w:tab/>
              <w:t>disable: function() {</w:t>
            </w:r>
          </w:p>
          <w:p w:rsidR="00156FB3" w:rsidRDefault="00156FB3" w:rsidP="00156FB3">
            <w:r>
              <w:tab/>
            </w:r>
            <w:r>
              <w:tab/>
            </w:r>
            <w:r>
              <w:tab/>
              <w:t>var self = this;</w:t>
            </w:r>
          </w:p>
          <w:p w:rsidR="00156FB3" w:rsidRDefault="00156FB3" w:rsidP="00156FB3">
            <w:r>
              <w:tab/>
            </w:r>
            <w:r>
              <w:tab/>
            </w:r>
            <w:r>
              <w:tab/>
              <w:t>self.$input.prop('disabled', true);</w:t>
            </w:r>
          </w:p>
          <w:p w:rsidR="00156FB3" w:rsidRDefault="00156FB3" w:rsidP="00156FB3">
            <w:r>
              <w:tab/>
            </w:r>
            <w:r>
              <w:tab/>
            </w:r>
            <w:r>
              <w:tab/>
              <w:t>self.$control_input.prop('disabled', true).prop('tabindex', -1);</w:t>
            </w:r>
          </w:p>
          <w:p w:rsidR="00156FB3" w:rsidRDefault="00156FB3" w:rsidP="00156FB3">
            <w:r>
              <w:tab/>
            </w:r>
            <w:r>
              <w:tab/>
            </w:r>
            <w:r>
              <w:tab/>
              <w:t>self.isDisabled = true;</w:t>
            </w:r>
          </w:p>
          <w:p w:rsidR="00156FB3" w:rsidRDefault="00156FB3" w:rsidP="00156FB3">
            <w:r>
              <w:tab/>
            </w:r>
            <w:r>
              <w:tab/>
            </w:r>
            <w:r>
              <w:tab/>
              <w:t>self.lock();</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Enables the control so that it can respond</w:t>
            </w:r>
          </w:p>
          <w:p w:rsidR="00156FB3" w:rsidRDefault="00156FB3" w:rsidP="00156FB3">
            <w:r>
              <w:tab/>
            </w:r>
            <w:r>
              <w:tab/>
              <w:t xml:space="preserve"> * to focus and user input.</w:t>
            </w:r>
          </w:p>
          <w:p w:rsidR="00156FB3" w:rsidRDefault="00156FB3" w:rsidP="00156FB3">
            <w:r>
              <w:tab/>
            </w:r>
            <w:r>
              <w:tab/>
              <w:t xml:space="preserve"> */</w:t>
            </w:r>
          </w:p>
          <w:p w:rsidR="00156FB3" w:rsidRDefault="00156FB3" w:rsidP="00156FB3">
            <w:r>
              <w:tab/>
            </w:r>
            <w:r>
              <w:tab/>
              <w:t>enable: function() {</w:t>
            </w:r>
          </w:p>
          <w:p w:rsidR="00156FB3" w:rsidRDefault="00156FB3" w:rsidP="00156FB3">
            <w:r>
              <w:tab/>
            </w:r>
            <w:r>
              <w:tab/>
            </w:r>
            <w:r>
              <w:tab/>
              <w:t>var self = this;</w:t>
            </w:r>
          </w:p>
          <w:p w:rsidR="00156FB3" w:rsidRDefault="00156FB3" w:rsidP="00156FB3">
            <w:r>
              <w:tab/>
            </w:r>
            <w:r>
              <w:tab/>
            </w:r>
            <w:r>
              <w:tab/>
              <w:t>self.$input.prop('disabled', false);</w:t>
            </w:r>
          </w:p>
          <w:p w:rsidR="00156FB3" w:rsidRDefault="00156FB3" w:rsidP="00156FB3">
            <w:r>
              <w:tab/>
            </w:r>
            <w:r>
              <w:tab/>
            </w:r>
            <w:r>
              <w:tab/>
              <w:t>self.$control_input.prop('disabled', false).prop('tabindex', self.tabIndex);</w:t>
            </w:r>
          </w:p>
          <w:p w:rsidR="00156FB3" w:rsidRDefault="00156FB3" w:rsidP="00156FB3">
            <w:r>
              <w:tab/>
            </w:r>
            <w:r>
              <w:tab/>
            </w:r>
            <w:r>
              <w:tab/>
              <w:t>self.isDisabled = false;</w:t>
            </w:r>
          </w:p>
          <w:p w:rsidR="00156FB3" w:rsidRDefault="00156FB3" w:rsidP="00156FB3">
            <w:r>
              <w:tab/>
            </w:r>
            <w:r>
              <w:tab/>
            </w:r>
            <w:r>
              <w:tab/>
              <w:t>self.unlock();</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Completely destroys the control and</w:t>
            </w:r>
          </w:p>
          <w:p w:rsidR="00156FB3" w:rsidRDefault="00156FB3" w:rsidP="00156FB3">
            <w:r>
              <w:tab/>
            </w:r>
            <w:r>
              <w:tab/>
              <w:t xml:space="preserve"> * unbinds all event listeners so that it can</w:t>
            </w:r>
          </w:p>
          <w:p w:rsidR="00156FB3" w:rsidRDefault="00156FB3" w:rsidP="00156FB3">
            <w:r>
              <w:tab/>
            </w:r>
            <w:r>
              <w:tab/>
              <w:t xml:space="preserve"> * be garbage collected.</w:t>
            </w:r>
          </w:p>
          <w:p w:rsidR="00156FB3" w:rsidRDefault="00156FB3" w:rsidP="00156FB3">
            <w:r>
              <w:tab/>
            </w:r>
            <w:r>
              <w:tab/>
              <w:t xml:space="preserve"> */</w:t>
            </w:r>
          </w:p>
          <w:p w:rsidR="00156FB3" w:rsidRDefault="00156FB3" w:rsidP="00156FB3">
            <w:r>
              <w:tab/>
            </w:r>
            <w:r>
              <w:tab/>
              <w:t>destroy: function() {</w:t>
            </w:r>
          </w:p>
          <w:p w:rsidR="00156FB3" w:rsidRDefault="00156FB3" w:rsidP="00156FB3">
            <w:r>
              <w:tab/>
            </w:r>
            <w:r>
              <w:tab/>
            </w:r>
            <w:r>
              <w:tab/>
              <w:t>var self = this;</w:t>
            </w:r>
          </w:p>
          <w:p w:rsidR="00156FB3" w:rsidRDefault="00156FB3" w:rsidP="00156FB3">
            <w:r>
              <w:tab/>
            </w:r>
            <w:r>
              <w:tab/>
            </w:r>
            <w:r>
              <w:tab/>
              <w:t>var eventNS = self.eventNS;</w:t>
            </w:r>
          </w:p>
          <w:p w:rsidR="00156FB3" w:rsidRDefault="00156FB3" w:rsidP="00156FB3">
            <w:r>
              <w:tab/>
            </w:r>
            <w:r>
              <w:tab/>
            </w:r>
            <w:r>
              <w:tab/>
              <w:t>var revertSettings = self.revertSettings;</w:t>
            </w:r>
          </w:p>
          <w:p w:rsidR="00156FB3" w:rsidRDefault="00156FB3" w:rsidP="00156FB3">
            <w:r>
              <w:lastRenderedPageBreak/>
              <w:tab/>
            </w:r>
          </w:p>
          <w:p w:rsidR="00156FB3" w:rsidRDefault="00156FB3" w:rsidP="00156FB3">
            <w:r>
              <w:tab/>
            </w:r>
            <w:r>
              <w:tab/>
            </w:r>
            <w:r>
              <w:tab/>
              <w:t>self.trigger('destroy');</w:t>
            </w:r>
          </w:p>
          <w:p w:rsidR="00156FB3" w:rsidRDefault="00156FB3" w:rsidP="00156FB3">
            <w:r>
              <w:tab/>
            </w:r>
            <w:r>
              <w:tab/>
            </w:r>
            <w:r>
              <w:tab/>
              <w:t>self.off();</w:t>
            </w:r>
          </w:p>
          <w:p w:rsidR="00156FB3" w:rsidRDefault="00156FB3" w:rsidP="00156FB3">
            <w:r>
              <w:tab/>
            </w:r>
            <w:r>
              <w:tab/>
            </w:r>
            <w:r>
              <w:tab/>
              <w:t>self.$wrapper.remove();</w:t>
            </w:r>
          </w:p>
          <w:p w:rsidR="00156FB3" w:rsidRDefault="00156FB3" w:rsidP="00156FB3">
            <w:r>
              <w:tab/>
            </w:r>
            <w:r>
              <w:tab/>
            </w:r>
            <w:r>
              <w:tab/>
              <w:t>self.$dropdown.remove();</w:t>
            </w:r>
          </w:p>
          <w:p w:rsidR="00156FB3" w:rsidRDefault="00156FB3" w:rsidP="00156FB3">
            <w:r>
              <w:tab/>
            </w:r>
          </w:p>
          <w:p w:rsidR="00156FB3" w:rsidRDefault="00156FB3" w:rsidP="00156FB3">
            <w:r>
              <w:tab/>
            </w:r>
            <w:r>
              <w:tab/>
            </w:r>
            <w:r>
              <w:tab/>
              <w:t>self.$input</w:t>
            </w:r>
          </w:p>
          <w:p w:rsidR="00156FB3" w:rsidRDefault="00156FB3" w:rsidP="00156FB3">
            <w:r>
              <w:tab/>
            </w:r>
            <w:r>
              <w:tab/>
            </w:r>
            <w:r>
              <w:tab/>
            </w:r>
            <w:r>
              <w:tab/>
              <w:t>.html('')</w:t>
            </w:r>
          </w:p>
          <w:p w:rsidR="00156FB3" w:rsidRDefault="00156FB3" w:rsidP="00156FB3">
            <w:r>
              <w:tab/>
            </w:r>
            <w:r>
              <w:tab/>
            </w:r>
            <w:r>
              <w:tab/>
            </w:r>
            <w:r>
              <w:tab/>
              <w:t>.append(revertSettings.$children)</w:t>
            </w:r>
          </w:p>
          <w:p w:rsidR="00156FB3" w:rsidRDefault="00156FB3" w:rsidP="00156FB3">
            <w:r>
              <w:tab/>
            </w:r>
            <w:r>
              <w:tab/>
            </w:r>
            <w:r>
              <w:tab/>
            </w:r>
            <w:r>
              <w:tab/>
              <w:t>.removeAttr('tabindex')</w:t>
            </w:r>
          </w:p>
          <w:p w:rsidR="00156FB3" w:rsidRDefault="00156FB3" w:rsidP="00156FB3">
            <w:r>
              <w:tab/>
            </w:r>
            <w:r>
              <w:tab/>
            </w:r>
            <w:r>
              <w:tab/>
            </w:r>
            <w:r>
              <w:tab/>
              <w:t>.removeClass('selectized')</w:t>
            </w:r>
          </w:p>
          <w:p w:rsidR="00156FB3" w:rsidRDefault="00156FB3" w:rsidP="00156FB3">
            <w:r>
              <w:tab/>
            </w:r>
            <w:r>
              <w:tab/>
            </w:r>
            <w:r>
              <w:tab/>
            </w:r>
            <w:r>
              <w:tab/>
              <w:t>.attr({tabindex: revertSettings.tabindex})</w:t>
            </w:r>
          </w:p>
          <w:p w:rsidR="00156FB3" w:rsidRDefault="00156FB3" w:rsidP="00156FB3">
            <w:r>
              <w:tab/>
            </w:r>
            <w:r>
              <w:tab/>
            </w:r>
            <w:r>
              <w:tab/>
            </w:r>
            <w:r>
              <w:tab/>
              <w:t>.show();</w:t>
            </w:r>
          </w:p>
          <w:p w:rsidR="00156FB3" w:rsidRDefault="00156FB3" w:rsidP="00156FB3">
            <w:r>
              <w:tab/>
            </w:r>
          </w:p>
          <w:p w:rsidR="00156FB3" w:rsidRDefault="00156FB3" w:rsidP="00156FB3">
            <w:r>
              <w:tab/>
            </w:r>
            <w:r>
              <w:tab/>
            </w:r>
            <w:r>
              <w:tab/>
              <w:t>self.$control_input.removeData('grow');</w:t>
            </w:r>
          </w:p>
          <w:p w:rsidR="00156FB3" w:rsidRDefault="00156FB3" w:rsidP="00156FB3">
            <w:r>
              <w:tab/>
            </w:r>
            <w:r>
              <w:tab/>
            </w:r>
            <w:r>
              <w:tab/>
              <w:t>self.$input.removeData('selectize');</w:t>
            </w:r>
          </w:p>
          <w:p w:rsidR="00156FB3" w:rsidRDefault="00156FB3" w:rsidP="00156FB3">
            <w:r>
              <w:tab/>
            </w:r>
          </w:p>
          <w:p w:rsidR="00156FB3" w:rsidRDefault="00156FB3" w:rsidP="00156FB3">
            <w:r>
              <w:tab/>
            </w:r>
            <w:r>
              <w:tab/>
            </w:r>
            <w:r>
              <w:tab/>
              <w:t>$(window).off(eventNS);</w:t>
            </w:r>
          </w:p>
          <w:p w:rsidR="00156FB3" w:rsidRDefault="00156FB3" w:rsidP="00156FB3">
            <w:r>
              <w:tab/>
            </w:r>
            <w:r>
              <w:tab/>
            </w:r>
            <w:r>
              <w:tab/>
              <w:t>$(document).off(eventNS);</w:t>
            </w:r>
          </w:p>
          <w:p w:rsidR="00156FB3" w:rsidRDefault="00156FB3" w:rsidP="00156FB3">
            <w:r>
              <w:tab/>
            </w:r>
            <w:r>
              <w:tab/>
            </w:r>
            <w:r>
              <w:tab/>
              <w:t>$(document.body).off(eventNS);</w:t>
            </w:r>
          </w:p>
          <w:p w:rsidR="00156FB3" w:rsidRDefault="00156FB3" w:rsidP="00156FB3">
            <w:r>
              <w:tab/>
            </w:r>
          </w:p>
          <w:p w:rsidR="00156FB3" w:rsidRDefault="00156FB3" w:rsidP="00156FB3">
            <w:r>
              <w:tab/>
            </w:r>
            <w:r>
              <w:tab/>
            </w:r>
            <w:r>
              <w:tab/>
              <w:t>delete self.$input[0].selectize;</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A helper method for rendering "item" and</w:t>
            </w:r>
          </w:p>
          <w:p w:rsidR="00156FB3" w:rsidRDefault="00156FB3" w:rsidP="00156FB3">
            <w:r>
              <w:tab/>
            </w:r>
            <w:r>
              <w:tab/>
              <w:t xml:space="preserve"> * "option" templates, given the data.</w:t>
            </w:r>
          </w:p>
          <w:p w:rsidR="00156FB3" w:rsidRDefault="00156FB3" w:rsidP="00156FB3">
            <w:r>
              <w:tab/>
            </w:r>
            <w:r>
              <w:tab/>
              <w:t xml:space="preserve"> *</w:t>
            </w:r>
          </w:p>
          <w:p w:rsidR="00156FB3" w:rsidRDefault="00156FB3" w:rsidP="00156FB3">
            <w:r>
              <w:tab/>
            </w:r>
            <w:r>
              <w:tab/>
              <w:t xml:space="preserve"> * @param {string} templateName</w:t>
            </w:r>
          </w:p>
          <w:p w:rsidR="00156FB3" w:rsidRDefault="00156FB3" w:rsidP="00156FB3">
            <w:r>
              <w:tab/>
            </w:r>
            <w:r>
              <w:tab/>
              <w:t xml:space="preserve"> * @param {object} data</w:t>
            </w:r>
          </w:p>
          <w:p w:rsidR="00156FB3" w:rsidRDefault="00156FB3" w:rsidP="00156FB3">
            <w:r>
              <w:tab/>
            </w:r>
            <w:r>
              <w:tab/>
              <w:t xml:space="preserve"> * @returns {string}</w:t>
            </w:r>
          </w:p>
          <w:p w:rsidR="00156FB3" w:rsidRDefault="00156FB3" w:rsidP="00156FB3">
            <w:r>
              <w:tab/>
            </w:r>
            <w:r>
              <w:tab/>
              <w:t xml:space="preserve"> */</w:t>
            </w:r>
          </w:p>
          <w:p w:rsidR="00156FB3" w:rsidRDefault="00156FB3" w:rsidP="00156FB3">
            <w:r>
              <w:tab/>
            </w:r>
            <w:r>
              <w:tab/>
              <w:t>render: function(templateName, data) {</w:t>
            </w:r>
          </w:p>
          <w:p w:rsidR="00156FB3" w:rsidRDefault="00156FB3" w:rsidP="00156FB3">
            <w:r>
              <w:tab/>
            </w:r>
            <w:r>
              <w:tab/>
            </w:r>
            <w:r>
              <w:tab/>
              <w:t>var value, id, label;</w:t>
            </w:r>
          </w:p>
          <w:p w:rsidR="00156FB3" w:rsidRDefault="00156FB3" w:rsidP="00156FB3">
            <w:r>
              <w:tab/>
            </w:r>
            <w:r>
              <w:tab/>
            </w:r>
            <w:r>
              <w:tab/>
              <w:t>var html = '';</w:t>
            </w:r>
          </w:p>
          <w:p w:rsidR="00156FB3" w:rsidRDefault="00156FB3" w:rsidP="00156FB3">
            <w:r>
              <w:tab/>
            </w:r>
            <w:r>
              <w:tab/>
            </w:r>
            <w:r>
              <w:tab/>
              <w:t>var cache = false;</w:t>
            </w:r>
          </w:p>
          <w:p w:rsidR="00156FB3" w:rsidRDefault="00156FB3" w:rsidP="00156FB3">
            <w:r>
              <w:tab/>
            </w:r>
            <w:r>
              <w:tab/>
            </w:r>
            <w:r>
              <w:tab/>
              <w:t>var self = this;</w:t>
            </w:r>
          </w:p>
          <w:p w:rsidR="00156FB3" w:rsidRDefault="00156FB3" w:rsidP="00156FB3">
            <w:r>
              <w:tab/>
            </w:r>
            <w:r>
              <w:tab/>
            </w:r>
            <w:r>
              <w:tab/>
              <w:t>var regex_tag = /^[\t \r\n]*&lt;([a-z][a-z0-9\-_]*(?:\:[a-z][a-z0-9\-_]*)?)/i;</w:t>
            </w:r>
          </w:p>
          <w:p w:rsidR="00156FB3" w:rsidRDefault="00156FB3" w:rsidP="00156FB3">
            <w:r>
              <w:tab/>
            </w:r>
          </w:p>
          <w:p w:rsidR="00156FB3" w:rsidRDefault="00156FB3" w:rsidP="00156FB3">
            <w:r>
              <w:tab/>
            </w:r>
            <w:r>
              <w:tab/>
            </w:r>
            <w:r>
              <w:tab/>
              <w:t>if (templateName === 'option' || templateName === 'item') {</w:t>
            </w:r>
          </w:p>
          <w:p w:rsidR="00156FB3" w:rsidRDefault="00156FB3" w:rsidP="00156FB3">
            <w:r>
              <w:tab/>
            </w:r>
            <w:r>
              <w:tab/>
            </w:r>
            <w:r>
              <w:tab/>
            </w:r>
            <w:r>
              <w:tab/>
              <w:t>value = hash_key(data[self.settings.valueField]);</w:t>
            </w:r>
          </w:p>
          <w:p w:rsidR="00156FB3" w:rsidRDefault="00156FB3" w:rsidP="00156FB3">
            <w:r>
              <w:tab/>
            </w:r>
            <w:r>
              <w:tab/>
            </w:r>
            <w:r>
              <w:tab/>
            </w:r>
            <w:r>
              <w:tab/>
              <w:t>cache = !!value;</w:t>
            </w:r>
          </w:p>
          <w:p w:rsidR="00156FB3" w:rsidRDefault="00156FB3" w:rsidP="00156FB3">
            <w:r>
              <w:tab/>
            </w:r>
            <w:r>
              <w:tab/>
            </w:r>
            <w:r>
              <w:tab/>
              <w:t>}</w:t>
            </w:r>
          </w:p>
          <w:p w:rsidR="00156FB3" w:rsidRDefault="00156FB3" w:rsidP="00156FB3">
            <w:r>
              <w:tab/>
            </w:r>
          </w:p>
          <w:p w:rsidR="00156FB3" w:rsidRDefault="00156FB3" w:rsidP="00156FB3">
            <w:r>
              <w:tab/>
            </w:r>
            <w:r>
              <w:tab/>
            </w:r>
            <w:r>
              <w:tab/>
              <w:t>// pull markup from cache if it exists</w:t>
            </w:r>
          </w:p>
          <w:p w:rsidR="00156FB3" w:rsidRDefault="00156FB3" w:rsidP="00156FB3">
            <w:r>
              <w:tab/>
            </w:r>
            <w:r>
              <w:tab/>
            </w:r>
            <w:r>
              <w:tab/>
              <w:t>if (cache) {</w:t>
            </w:r>
          </w:p>
          <w:p w:rsidR="00156FB3" w:rsidRDefault="00156FB3" w:rsidP="00156FB3">
            <w:r>
              <w:tab/>
            </w:r>
            <w:r>
              <w:tab/>
            </w:r>
            <w:r>
              <w:tab/>
            </w:r>
            <w:r>
              <w:tab/>
              <w:t>if (!isset(self.renderCache[templateName])) {</w:t>
            </w:r>
          </w:p>
          <w:p w:rsidR="00156FB3" w:rsidRDefault="00156FB3" w:rsidP="00156FB3">
            <w:r>
              <w:tab/>
            </w:r>
            <w:r>
              <w:tab/>
            </w:r>
            <w:r>
              <w:tab/>
            </w:r>
            <w:r>
              <w:tab/>
            </w:r>
            <w:r>
              <w:tab/>
              <w:t>self.renderCache[templateName] = {};</w:t>
            </w:r>
          </w:p>
          <w:p w:rsidR="00156FB3" w:rsidRDefault="00156FB3" w:rsidP="00156FB3">
            <w:r>
              <w:lastRenderedPageBreak/>
              <w:tab/>
            </w:r>
            <w:r>
              <w:tab/>
            </w:r>
            <w:r>
              <w:tab/>
            </w:r>
            <w:r>
              <w:tab/>
              <w:t>}</w:t>
            </w:r>
          </w:p>
          <w:p w:rsidR="00156FB3" w:rsidRDefault="00156FB3" w:rsidP="00156FB3">
            <w:r>
              <w:tab/>
            </w:r>
            <w:r>
              <w:tab/>
            </w:r>
            <w:r>
              <w:tab/>
            </w:r>
            <w:r>
              <w:tab/>
              <w:t>if (self.renderCache[templateName].hasOwnProperty(value)) {</w:t>
            </w:r>
          </w:p>
          <w:p w:rsidR="00156FB3" w:rsidRDefault="00156FB3" w:rsidP="00156FB3">
            <w:r>
              <w:tab/>
            </w:r>
            <w:r>
              <w:tab/>
            </w:r>
            <w:r>
              <w:tab/>
            </w:r>
            <w:r>
              <w:tab/>
            </w:r>
            <w:r>
              <w:tab/>
              <w:t>return self.renderCache[templateName][value];</w:t>
            </w:r>
          </w:p>
          <w:p w:rsidR="00156FB3" w:rsidRDefault="00156FB3" w:rsidP="00156FB3">
            <w:r>
              <w:tab/>
            </w:r>
            <w:r>
              <w:tab/>
            </w:r>
            <w:r>
              <w:tab/>
            </w:r>
            <w:r>
              <w:tab/>
              <w:t>}</w:t>
            </w:r>
          </w:p>
          <w:p w:rsidR="00156FB3" w:rsidRDefault="00156FB3" w:rsidP="00156FB3">
            <w:r>
              <w:tab/>
            </w:r>
            <w:r>
              <w:tab/>
            </w:r>
            <w:r>
              <w:tab/>
              <w:t>}</w:t>
            </w:r>
          </w:p>
          <w:p w:rsidR="00156FB3" w:rsidRDefault="00156FB3" w:rsidP="00156FB3">
            <w:r>
              <w:tab/>
            </w:r>
          </w:p>
          <w:p w:rsidR="00156FB3" w:rsidRDefault="00156FB3" w:rsidP="00156FB3">
            <w:r>
              <w:tab/>
            </w:r>
            <w:r>
              <w:tab/>
            </w:r>
            <w:r>
              <w:tab/>
              <w:t>// render markup</w:t>
            </w:r>
          </w:p>
          <w:p w:rsidR="00156FB3" w:rsidRDefault="00156FB3" w:rsidP="00156FB3">
            <w:r>
              <w:tab/>
            </w:r>
            <w:r>
              <w:tab/>
            </w:r>
            <w:r>
              <w:tab/>
              <w:t>html = $(self.settings.render[templateName].apply(this, [data, escape_html]));</w:t>
            </w:r>
          </w:p>
          <w:p w:rsidR="00156FB3" w:rsidRDefault="00156FB3" w:rsidP="00156FB3">
            <w:r>
              <w:tab/>
            </w:r>
          </w:p>
          <w:p w:rsidR="00156FB3" w:rsidRDefault="00156FB3" w:rsidP="00156FB3">
            <w:r>
              <w:tab/>
            </w:r>
            <w:r>
              <w:tab/>
            </w:r>
            <w:r>
              <w:tab/>
              <w:t>// add mandatory attributes</w:t>
            </w:r>
          </w:p>
          <w:p w:rsidR="00156FB3" w:rsidRDefault="00156FB3" w:rsidP="00156FB3">
            <w:r>
              <w:tab/>
            </w:r>
            <w:r>
              <w:tab/>
            </w:r>
            <w:r>
              <w:tab/>
              <w:t>if (templateName === 'option' || templateName === 'option_create') {</w:t>
            </w:r>
          </w:p>
          <w:p w:rsidR="00156FB3" w:rsidRDefault="00156FB3" w:rsidP="00156FB3">
            <w:r>
              <w:tab/>
            </w:r>
            <w:r>
              <w:tab/>
            </w:r>
            <w:r>
              <w:tab/>
            </w:r>
            <w:r>
              <w:tab/>
              <w:t>html.attr('data-selectable', '');</w:t>
            </w:r>
          </w:p>
          <w:p w:rsidR="00156FB3" w:rsidRDefault="00156FB3" w:rsidP="00156FB3">
            <w:r>
              <w:tab/>
            </w:r>
            <w:r>
              <w:tab/>
            </w:r>
            <w:r>
              <w:tab/>
              <w:t>}</w:t>
            </w:r>
          </w:p>
          <w:p w:rsidR="00156FB3" w:rsidRDefault="00156FB3" w:rsidP="00156FB3">
            <w:r>
              <w:tab/>
            </w:r>
            <w:r>
              <w:tab/>
            </w:r>
            <w:r>
              <w:tab/>
              <w:t>else if (templateName === 'optgroup') {</w:t>
            </w:r>
          </w:p>
          <w:p w:rsidR="00156FB3" w:rsidRDefault="00156FB3" w:rsidP="00156FB3">
            <w:r>
              <w:tab/>
            </w:r>
            <w:r>
              <w:tab/>
            </w:r>
            <w:r>
              <w:tab/>
            </w:r>
            <w:r>
              <w:tab/>
              <w:t>id = data[self.settings.optgroupValueField] || '';</w:t>
            </w:r>
          </w:p>
          <w:p w:rsidR="00156FB3" w:rsidRDefault="00156FB3" w:rsidP="00156FB3">
            <w:r>
              <w:tab/>
            </w:r>
            <w:r>
              <w:tab/>
            </w:r>
            <w:r>
              <w:tab/>
            </w:r>
            <w:r>
              <w:tab/>
              <w:t>html.attr('data-group', id);</w:t>
            </w:r>
          </w:p>
          <w:p w:rsidR="00156FB3" w:rsidRDefault="00156FB3" w:rsidP="00156FB3">
            <w:r>
              <w:tab/>
            </w:r>
            <w:r>
              <w:tab/>
            </w:r>
            <w:r>
              <w:tab/>
              <w:t>}</w:t>
            </w:r>
          </w:p>
          <w:p w:rsidR="00156FB3" w:rsidRDefault="00156FB3" w:rsidP="00156FB3">
            <w:r>
              <w:tab/>
            </w:r>
            <w:r>
              <w:tab/>
            </w:r>
            <w:r>
              <w:tab/>
              <w:t>if (templateName === 'option' || templateName === 'item') {</w:t>
            </w:r>
          </w:p>
          <w:p w:rsidR="00156FB3" w:rsidRDefault="00156FB3" w:rsidP="00156FB3">
            <w:r>
              <w:tab/>
            </w:r>
            <w:r>
              <w:tab/>
            </w:r>
            <w:r>
              <w:tab/>
            </w:r>
            <w:r>
              <w:tab/>
              <w:t>html.attr('data-value', value || '');</w:t>
            </w:r>
          </w:p>
          <w:p w:rsidR="00156FB3" w:rsidRDefault="00156FB3" w:rsidP="00156FB3">
            <w:r>
              <w:tab/>
            </w:r>
            <w:r>
              <w:tab/>
            </w:r>
            <w:r>
              <w:tab/>
              <w:t>}</w:t>
            </w:r>
          </w:p>
          <w:p w:rsidR="00156FB3" w:rsidRDefault="00156FB3" w:rsidP="00156FB3">
            <w:r>
              <w:tab/>
            </w:r>
          </w:p>
          <w:p w:rsidR="00156FB3" w:rsidRDefault="00156FB3" w:rsidP="00156FB3">
            <w:r>
              <w:tab/>
            </w:r>
            <w:r>
              <w:tab/>
            </w:r>
            <w:r>
              <w:tab/>
              <w:t>// update cache</w:t>
            </w:r>
          </w:p>
          <w:p w:rsidR="00156FB3" w:rsidRDefault="00156FB3" w:rsidP="00156FB3">
            <w:r>
              <w:tab/>
            </w:r>
            <w:r>
              <w:tab/>
            </w:r>
            <w:r>
              <w:tab/>
              <w:t>if (cache) {</w:t>
            </w:r>
          </w:p>
          <w:p w:rsidR="00156FB3" w:rsidRDefault="00156FB3" w:rsidP="00156FB3">
            <w:r>
              <w:tab/>
            </w:r>
            <w:r>
              <w:tab/>
            </w:r>
            <w:r>
              <w:tab/>
            </w:r>
            <w:r>
              <w:tab/>
              <w:t>self.renderCache[templateName][value] = html[0];</w:t>
            </w:r>
          </w:p>
          <w:p w:rsidR="00156FB3" w:rsidRDefault="00156FB3" w:rsidP="00156FB3">
            <w:r>
              <w:tab/>
            </w:r>
            <w:r>
              <w:tab/>
            </w:r>
            <w:r>
              <w:tab/>
              <w:t>}</w:t>
            </w:r>
          </w:p>
          <w:p w:rsidR="00156FB3" w:rsidRDefault="00156FB3" w:rsidP="00156FB3">
            <w:r>
              <w:tab/>
            </w:r>
          </w:p>
          <w:p w:rsidR="00156FB3" w:rsidRDefault="00156FB3" w:rsidP="00156FB3">
            <w:r>
              <w:tab/>
            </w:r>
            <w:r>
              <w:tab/>
            </w:r>
            <w:r>
              <w:tab/>
              <w:t>return html[0];</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Clears the render cache for a template. If</w:t>
            </w:r>
          </w:p>
          <w:p w:rsidR="00156FB3" w:rsidRDefault="00156FB3" w:rsidP="00156FB3">
            <w:r>
              <w:tab/>
            </w:r>
            <w:r>
              <w:tab/>
              <w:t xml:space="preserve"> * no template is given, clears all render</w:t>
            </w:r>
          </w:p>
          <w:p w:rsidR="00156FB3" w:rsidRDefault="00156FB3" w:rsidP="00156FB3">
            <w:r>
              <w:tab/>
            </w:r>
            <w:r>
              <w:tab/>
              <w:t xml:space="preserve"> * caches.</w:t>
            </w:r>
          </w:p>
          <w:p w:rsidR="00156FB3" w:rsidRDefault="00156FB3" w:rsidP="00156FB3">
            <w:r>
              <w:tab/>
            </w:r>
            <w:r>
              <w:tab/>
              <w:t xml:space="preserve"> *</w:t>
            </w:r>
          </w:p>
          <w:p w:rsidR="00156FB3" w:rsidRDefault="00156FB3" w:rsidP="00156FB3">
            <w:r>
              <w:tab/>
            </w:r>
            <w:r>
              <w:tab/>
              <w:t xml:space="preserve"> * @param {string} templateName</w:t>
            </w:r>
          </w:p>
          <w:p w:rsidR="00156FB3" w:rsidRDefault="00156FB3" w:rsidP="00156FB3">
            <w:r>
              <w:tab/>
            </w:r>
            <w:r>
              <w:tab/>
              <w:t xml:space="preserve"> */</w:t>
            </w:r>
          </w:p>
          <w:p w:rsidR="00156FB3" w:rsidRDefault="00156FB3" w:rsidP="00156FB3">
            <w:r>
              <w:tab/>
            </w:r>
            <w:r>
              <w:tab/>
              <w:t>clearCache: function(templateName) {</w:t>
            </w:r>
          </w:p>
          <w:p w:rsidR="00156FB3" w:rsidRDefault="00156FB3" w:rsidP="00156FB3">
            <w:r>
              <w:tab/>
            </w:r>
            <w:r>
              <w:tab/>
            </w:r>
            <w:r>
              <w:tab/>
              <w:t>var self = this;</w:t>
            </w:r>
          </w:p>
          <w:p w:rsidR="00156FB3" w:rsidRDefault="00156FB3" w:rsidP="00156FB3">
            <w:r>
              <w:tab/>
            </w:r>
            <w:r>
              <w:tab/>
            </w:r>
            <w:r>
              <w:tab/>
              <w:t>if (typeof templateName === 'undefined') {</w:t>
            </w:r>
          </w:p>
          <w:p w:rsidR="00156FB3" w:rsidRDefault="00156FB3" w:rsidP="00156FB3">
            <w:r>
              <w:tab/>
            </w:r>
            <w:r>
              <w:tab/>
            </w:r>
            <w:r>
              <w:tab/>
            </w:r>
            <w:r>
              <w:tab/>
              <w:t>self.renderCache = {};</w:t>
            </w:r>
          </w:p>
          <w:p w:rsidR="00156FB3" w:rsidRDefault="00156FB3" w:rsidP="00156FB3">
            <w:r>
              <w:tab/>
            </w:r>
            <w:r>
              <w:tab/>
            </w:r>
            <w:r>
              <w:tab/>
              <w:t>} else {</w:t>
            </w:r>
          </w:p>
          <w:p w:rsidR="00156FB3" w:rsidRDefault="00156FB3" w:rsidP="00156FB3">
            <w:r>
              <w:tab/>
            </w:r>
            <w:r>
              <w:tab/>
            </w:r>
            <w:r>
              <w:tab/>
            </w:r>
            <w:r>
              <w:tab/>
              <w:t>delete self.renderCache[templateName];</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Determines whether or not to display the</w:t>
            </w:r>
          </w:p>
          <w:p w:rsidR="00156FB3" w:rsidRDefault="00156FB3" w:rsidP="00156FB3">
            <w:r>
              <w:tab/>
            </w:r>
            <w:r>
              <w:tab/>
              <w:t xml:space="preserve"> * create item prompt, given a user input.</w:t>
            </w:r>
          </w:p>
          <w:p w:rsidR="00156FB3" w:rsidRDefault="00156FB3" w:rsidP="00156FB3">
            <w:r>
              <w:lastRenderedPageBreak/>
              <w:tab/>
            </w:r>
            <w:r>
              <w:tab/>
              <w:t xml:space="preserve"> *</w:t>
            </w:r>
          </w:p>
          <w:p w:rsidR="00156FB3" w:rsidRDefault="00156FB3" w:rsidP="00156FB3">
            <w:r>
              <w:tab/>
            </w:r>
            <w:r>
              <w:tab/>
              <w:t xml:space="preserve"> * @param {string} input</w:t>
            </w:r>
          </w:p>
          <w:p w:rsidR="00156FB3" w:rsidRDefault="00156FB3" w:rsidP="00156FB3">
            <w:r>
              <w:tab/>
            </w:r>
            <w:r>
              <w:tab/>
              <w:t xml:space="preserve"> * @return {boolean}</w:t>
            </w:r>
          </w:p>
          <w:p w:rsidR="00156FB3" w:rsidRDefault="00156FB3" w:rsidP="00156FB3">
            <w:r>
              <w:tab/>
            </w:r>
            <w:r>
              <w:tab/>
              <w:t xml:space="preserve"> */</w:t>
            </w:r>
          </w:p>
          <w:p w:rsidR="00156FB3" w:rsidRDefault="00156FB3" w:rsidP="00156FB3">
            <w:r>
              <w:tab/>
            </w:r>
            <w:r>
              <w:tab/>
              <w:t>canCreate: function(input) {</w:t>
            </w:r>
          </w:p>
          <w:p w:rsidR="00156FB3" w:rsidRDefault="00156FB3" w:rsidP="00156FB3">
            <w:r>
              <w:tab/>
            </w:r>
            <w:r>
              <w:tab/>
            </w:r>
            <w:r>
              <w:tab/>
              <w:t>var self = this;</w:t>
            </w:r>
          </w:p>
          <w:p w:rsidR="00156FB3" w:rsidRDefault="00156FB3" w:rsidP="00156FB3">
            <w:r>
              <w:tab/>
            </w:r>
            <w:r>
              <w:tab/>
            </w:r>
            <w:r>
              <w:tab/>
              <w:t>if (!self.settings.create) return false;</w:t>
            </w:r>
          </w:p>
          <w:p w:rsidR="00156FB3" w:rsidRDefault="00156FB3" w:rsidP="00156FB3">
            <w:r>
              <w:tab/>
            </w:r>
            <w:r>
              <w:tab/>
            </w:r>
            <w:r>
              <w:tab/>
              <w:t>var filter = self.settings.createFilter;</w:t>
            </w:r>
          </w:p>
          <w:p w:rsidR="00156FB3" w:rsidRDefault="00156FB3" w:rsidP="00156FB3">
            <w:r>
              <w:tab/>
            </w:r>
            <w:r>
              <w:tab/>
            </w:r>
            <w:r>
              <w:tab/>
              <w:t>return input.length</w:t>
            </w:r>
          </w:p>
          <w:p w:rsidR="00156FB3" w:rsidRDefault="00156FB3" w:rsidP="00156FB3">
            <w:r>
              <w:tab/>
            </w:r>
            <w:r>
              <w:tab/>
            </w:r>
            <w:r>
              <w:tab/>
            </w:r>
            <w:r>
              <w:tab/>
              <w:t>&amp;&amp; (typeof filter !== 'function' || filter.apply(self, [input]))</w:t>
            </w:r>
          </w:p>
          <w:p w:rsidR="00156FB3" w:rsidRDefault="00156FB3" w:rsidP="00156FB3">
            <w:r>
              <w:tab/>
            </w:r>
            <w:r>
              <w:tab/>
            </w:r>
            <w:r>
              <w:tab/>
            </w:r>
            <w:r>
              <w:tab/>
              <w:t>&amp;&amp; (typeof filter !== 'string' || new RegExp(filter).test(input))</w:t>
            </w:r>
          </w:p>
          <w:p w:rsidR="00156FB3" w:rsidRDefault="00156FB3" w:rsidP="00156FB3">
            <w:r>
              <w:tab/>
            </w:r>
            <w:r>
              <w:tab/>
            </w:r>
            <w:r>
              <w:tab/>
            </w:r>
            <w:r>
              <w:tab/>
              <w:t>&amp;&amp; (!(filter instanceof RegExp) || filter.test(input));</w:t>
            </w:r>
          </w:p>
          <w:p w:rsidR="00156FB3" w:rsidRDefault="00156FB3" w:rsidP="00156FB3">
            <w:r>
              <w:tab/>
            </w:r>
            <w:r>
              <w:tab/>
              <w:t>}</w:t>
            </w:r>
          </w:p>
          <w:p w:rsidR="00156FB3" w:rsidRDefault="00156FB3" w:rsidP="00156FB3">
            <w:r>
              <w:tab/>
            </w:r>
          </w:p>
          <w:p w:rsidR="00156FB3" w:rsidRDefault="00156FB3" w:rsidP="00156FB3">
            <w:r>
              <w:tab/>
              <w:t>});</w:t>
            </w:r>
          </w:p>
          <w:p w:rsidR="00156FB3" w:rsidRDefault="00156FB3" w:rsidP="00156FB3">
            <w:r>
              <w:tab/>
            </w:r>
          </w:p>
          <w:p w:rsidR="00156FB3" w:rsidRDefault="00156FB3" w:rsidP="00156FB3">
            <w:r>
              <w:tab/>
            </w:r>
          </w:p>
          <w:p w:rsidR="00156FB3" w:rsidRDefault="00156FB3" w:rsidP="00156FB3">
            <w:r>
              <w:tab/>
              <w:t>Selectize.count = 0;</w:t>
            </w:r>
          </w:p>
          <w:p w:rsidR="00156FB3" w:rsidRDefault="00156FB3" w:rsidP="00156FB3">
            <w:r>
              <w:tab/>
              <w:t>Selectize.defaults = {</w:t>
            </w:r>
          </w:p>
          <w:p w:rsidR="00156FB3" w:rsidRDefault="00156FB3" w:rsidP="00156FB3">
            <w:r>
              <w:tab/>
            </w:r>
            <w:r>
              <w:tab/>
              <w:t>options: [],</w:t>
            </w:r>
          </w:p>
          <w:p w:rsidR="00156FB3" w:rsidRDefault="00156FB3" w:rsidP="00156FB3">
            <w:r>
              <w:tab/>
            </w:r>
            <w:r>
              <w:tab/>
              <w:t>optgroups: [],</w:t>
            </w:r>
          </w:p>
          <w:p w:rsidR="00156FB3" w:rsidRDefault="00156FB3" w:rsidP="00156FB3">
            <w:r>
              <w:tab/>
            </w:r>
          </w:p>
          <w:p w:rsidR="00156FB3" w:rsidRDefault="00156FB3" w:rsidP="00156FB3">
            <w:r>
              <w:tab/>
            </w:r>
            <w:r>
              <w:tab/>
              <w:t>plugins: [],</w:t>
            </w:r>
          </w:p>
          <w:p w:rsidR="00156FB3" w:rsidRDefault="00156FB3" w:rsidP="00156FB3">
            <w:r>
              <w:tab/>
            </w:r>
            <w:r>
              <w:tab/>
              <w:t>delimiter: ',',</w:t>
            </w:r>
          </w:p>
          <w:p w:rsidR="00156FB3" w:rsidRDefault="00156FB3" w:rsidP="00156FB3">
            <w:r>
              <w:tab/>
            </w:r>
            <w:r>
              <w:tab/>
              <w:t>splitOn: null, // regexp or string for splitting up values from a paste command</w:t>
            </w:r>
          </w:p>
          <w:p w:rsidR="00156FB3" w:rsidRDefault="00156FB3" w:rsidP="00156FB3">
            <w:r>
              <w:tab/>
            </w:r>
            <w:r>
              <w:tab/>
              <w:t>persist: true,</w:t>
            </w:r>
          </w:p>
          <w:p w:rsidR="00156FB3" w:rsidRDefault="00156FB3" w:rsidP="00156FB3">
            <w:r>
              <w:tab/>
            </w:r>
            <w:r>
              <w:tab/>
              <w:t>diacritics: true,</w:t>
            </w:r>
          </w:p>
          <w:p w:rsidR="00156FB3" w:rsidRDefault="00156FB3" w:rsidP="00156FB3">
            <w:r>
              <w:tab/>
            </w:r>
            <w:r>
              <w:tab/>
              <w:t>create: false,</w:t>
            </w:r>
          </w:p>
          <w:p w:rsidR="00156FB3" w:rsidRDefault="00156FB3" w:rsidP="00156FB3">
            <w:r>
              <w:tab/>
            </w:r>
            <w:r>
              <w:tab/>
              <w:t>createOnBlur: false,</w:t>
            </w:r>
          </w:p>
          <w:p w:rsidR="00156FB3" w:rsidRDefault="00156FB3" w:rsidP="00156FB3">
            <w:r>
              <w:tab/>
            </w:r>
            <w:r>
              <w:tab/>
              <w:t>createFilter: null,</w:t>
            </w:r>
          </w:p>
          <w:p w:rsidR="00156FB3" w:rsidRDefault="00156FB3" w:rsidP="00156FB3">
            <w:r>
              <w:tab/>
            </w:r>
            <w:r>
              <w:tab/>
              <w:t>highlight: true,</w:t>
            </w:r>
          </w:p>
          <w:p w:rsidR="00156FB3" w:rsidRDefault="00156FB3" w:rsidP="00156FB3">
            <w:r>
              <w:tab/>
            </w:r>
            <w:r>
              <w:tab/>
              <w:t>openOnFocus: true,</w:t>
            </w:r>
          </w:p>
          <w:p w:rsidR="00156FB3" w:rsidRDefault="00156FB3" w:rsidP="00156FB3">
            <w:r>
              <w:tab/>
            </w:r>
            <w:r>
              <w:tab/>
              <w:t>maxOptions: 1000,</w:t>
            </w:r>
          </w:p>
          <w:p w:rsidR="00156FB3" w:rsidRDefault="00156FB3" w:rsidP="00156FB3">
            <w:r>
              <w:tab/>
            </w:r>
            <w:r>
              <w:tab/>
              <w:t>maxItems: null,</w:t>
            </w:r>
          </w:p>
          <w:p w:rsidR="00156FB3" w:rsidRDefault="00156FB3" w:rsidP="00156FB3">
            <w:r>
              <w:tab/>
            </w:r>
            <w:r>
              <w:tab/>
              <w:t>hideSelected: null,</w:t>
            </w:r>
          </w:p>
          <w:p w:rsidR="00156FB3" w:rsidRDefault="00156FB3" w:rsidP="00156FB3">
            <w:r>
              <w:tab/>
            </w:r>
            <w:r>
              <w:tab/>
              <w:t>addPrecedence: false,</w:t>
            </w:r>
          </w:p>
          <w:p w:rsidR="00156FB3" w:rsidRDefault="00156FB3" w:rsidP="00156FB3">
            <w:r>
              <w:tab/>
            </w:r>
            <w:r>
              <w:tab/>
              <w:t>selectOnTab: false,</w:t>
            </w:r>
          </w:p>
          <w:p w:rsidR="00156FB3" w:rsidRDefault="00156FB3" w:rsidP="00156FB3">
            <w:r>
              <w:tab/>
            </w:r>
            <w:r>
              <w:tab/>
              <w:t>preload: false,</w:t>
            </w:r>
          </w:p>
          <w:p w:rsidR="00156FB3" w:rsidRDefault="00156FB3" w:rsidP="00156FB3">
            <w:r>
              <w:tab/>
            </w:r>
            <w:r>
              <w:tab/>
              <w:t>allowEmptyOption: false,</w:t>
            </w:r>
          </w:p>
          <w:p w:rsidR="00156FB3" w:rsidRDefault="00156FB3" w:rsidP="00156FB3">
            <w:r>
              <w:tab/>
            </w:r>
            <w:r>
              <w:tab/>
              <w:t>closeAfterSelect: false,</w:t>
            </w:r>
          </w:p>
          <w:p w:rsidR="00156FB3" w:rsidRDefault="00156FB3" w:rsidP="00156FB3">
            <w:r>
              <w:tab/>
            </w:r>
          </w:p>
          <w:p w:rsidR="00156FB3" w:rsidRDefault="00156FB3" w:rsidP="00156FB3">
            <w:r>
              <w:tab/>
            </w:r>
            <w:r>
              <w:tab/>
              <w:t>scrollDuration: 60,</w:t>
            </w:r>
          </w:p>
          <w:p w:rsidR="00156FB3" w:rsidRDefault="00156FB3" w:rsidP="00156FB3">
            <w:r>
              <w:tab/>
            </w:r>
            <w:r>
              <w:tab/>
              <w:t>loadThrottle: 300,</w:t>
            </w:r>
          </w:p>
          <w:p w:rsidR="00156FB3" w:rsidRDefault="00156FB3" w:rsidP="00156FB3">
            <w:r>
              <w:tab/>
            </w:r>
            <w:r>
              <w:tab/>
              <w:t>loadingClass: 'loading',</w:t>
            </w:r>
          </w:p>
          <w:p w:rsidR="00156FB3" w:rsidRDefault="00156FB3" w:rsidP="00156FB3">
            <w:r>
              <w:tab/>
            </w:r>
          </w:p>
          <w:p w:rsidR="00156FB3" w:rsidRDefault="00156FB3" w:rsidP="00156FB3">
            <w:r>
              <w:tab/>
            </w:r>
            <w:r>
              <w:tab/>
              <w:t>dataAttr: 'data-data',</w:t>
            </w:r>
          </w:p>
          <w:p w:rsidR="00156FB3" w:rsidRDefault="00156FB3" w:rsidP="00156FB3">
            <w:r>
              <w:tab/>
            </w:r>
            <w:r>
              <w:tab/>
              <w:t>optgroupField: 'optgroup',</w:t>
            </w:r>
          </w:p>
          <w:p w:rsidR="00156FB3" w:rsidRDefault="00156FB3" w:rsidP="00156FB3">
            <w:r>
              <w:tab/>
            </w:r>
            <w:r>
              <w:tab/>
              <w:t>valueField: 'value',</w:t>
            </w:r>
          </w:p>
          <w:p w:rsidR="00156FB3" w:rsidRDefault="00156FB3" w:rsidP="00156FB3">
            <w:r>
              <w:lastRenderedPageBreak/>
              <w:tab/>
            </w:r>
            <w:r>
              <w:tab/>
              <w:t>labelField: 'text',</w:t>
            </w:r>
          </w:p>
          <w:p w:rsidR="00156FB3" w:rsidRDefault="00156FB3" w:rsidP="00156FB3">
            <w:r>
              <w:tab/>
            </w:r>
            <w:r>
              <w:tab/>
              <w:t>optgroupLabelField: 'label',</w:t>
            </w:r>
          </w:p>
          <w:p w:rsidR="00156FB3" w:rsidRDefault="00156FB3" w:rsidP="00156FB3">
            <w:r>
              <w:tab/>
            </w:r>
            <w:r>
              <w:tab/>
              <w:t>optgroupValueField: 'value',</w:t>
            </w:r>
          </w:p>
          <w:p w:rsidR="00156FB3" w:rsidRDefault="00156FB3" w:rsidP="00156FB3">
            <w:r>
              <w:tab/>
            </w:r>
            <w:r>
              <w:tab/>
              <w:t>lockOptgroupOrder: false,</w:t>
            </w:r>
          </w:p>
          <w:p w:rsidR="00156FB3" w:rsidRDefault="00156FB3" w:rsidP="00156FB3">
            <w:r>
              <w:tab/>
            </w:r>
          </w:p>
          <w:p w:rsidR="00156FB3" w:rsidRDefault="00156FB3" w:rsidP="00156FB3">
            <w:r>
              <w:tab/>
            </w:r>
            <w:r>
              <w:tab/>
              <w:t>sortField: '$order',</w:t>
            </w:r>
          </w:p>
          <w:p w:rsidR="00156FB3" w:rsidRDefault="00156FB3" w:rsidP="00156FB3">
            <w:r>
              <w:tab/>
            </w:r>
            <w:r>
              <w:tab/>
              <w:t>searchField: ['text'],</w:t>
            </w:r>
          </w:p>
          <w:p w:rsidR="00156FB3" w:rsidRDefault="00156FB3" w:rsidP="00156FB3">
            <w:r>
              <w:tab/>
            </w:r>
            <w:r>
              <w:tab/>
              <w:t>searchConjunction: 'and',</w:t>
            </w:r>
          </w:p>
          <w:p w:rsidR="00156FB3" w:rsidRDefault="00156FB3" w:rsidP="00156FB3">
            <w:r>
              <w:tab/>
            </w:r>
          </w:p>
          <w:p w:rsidR="00156FB3" w:rsidRDefault="00156FB3" w:rsidP="00156FB3">
            <w:r>
              <w:tab/>
            </w:r>
            <w:r>
              <w:tab/>
              <w:t>mode: null,</w:t>
            </w:r>
          </w:p>
          <w:p w:rsidR="00156FB3" w:rsidRDefault="00156FB3" w:rsidP="00156FB3">
            <w:r>
              <w:tab/>
            </w:r>
            <w:r>
              <w:tab/>
              <w:t>wrapperClass: 'selectize-control',</w:t>
            </w:r>
          </w:p>
          <w:p w:rsidR="00156FB3" w:rsidRDefault="00156FB3" w:rsidP="00156FB3">
            <w:r>
              <w:tab/>
            </w:r>
            <w:r>
              <w:tab/>
              <w:t>inputClass: 'selectize-input',</w:t>
            </w:r>
          </w:p>
          <w:p w:rsidR="00156FB3" w:rsidRDefault="00156FB3" w:rsidP="00156FB3">
            <w:r>
              <w:tab/>
            </w:r>
            <w:r>
              <w:tab/>
              <w:t>dropdownClass: 'selectize-dropdown',</w:t>
            </w:r>
          </w:p>
          <w:p w:rsidR="00156FB3" w:rsidRDefault="00156FB3" w:rsidP="00156FB3">
            <w:r>
              <w:tab/>
            </w:r>
            <w:r>
              <w:tab/>
              <w:t>dropdownContentClass: 'selectize-dropdown-content',</w:t>
            </w:r>
          </w:p>
          <w:p w:rsidR="00156FB3" w:rsidRDefault="00156FB3" w:rsidP="00156FB3">
            <w:r>
              <w:tab/>
            </w:r>
          </w:p>
          <w:p w:rsidR="00156FB3" w:rsidRDefault="00156FB3" w:rsidP="00156FB3">
            <w:r>
              <w:tab/>
            </w:r>
            <w:r>
              <w:tab/>
              <w:t>dropdownParent: null,</w:t>
            </w:r>
          </w:p>
          <w:p w:rsidR="00156FB3" w:rsidRDefault="00156FB3" w:rsidP="00156FB3">
            <w:r>
              <w:tab/>
            </w:r>
          </w:p>
          <w:p w:rsidR="00156FB3" w:rsidRDefault="00156FB3" w:rsidP="00156FB3">
            <w:r>
              <w:tab/>
            </w:r>
            <w:r>
              <w:tab/>
              <w:t>copyClassesToDropdown: true,</w:t>
            </w:r>
          </w:p>
          <w:p w:rsidR="00156FB3" w:rsidRDefault="00156FB3" w:rsidP="00156FB3">
            <w:r>
              <w:tab/>
            </w:r>
          </w:p>
          <w:p w:rsidR="00156FB3" w:rsidRDefault="00156FB3" w:rsidP="00156FB3">
            <w:r>
              <w:tab/>
            </w:r>
            <w:r>
              <w:tab/>
              <w:t>/*</w:t>
            </w:r>
          </w:p>
          <w:p w:rsidR="00156FB3" w:rsidRDefault="00156FB3" w:rsidP="00156FB3">
            <w:r>
              <w:tab/>
            </w:r>
            <w:r>
              <w:tab/>
              <w:t>load                 : null, // function(query, callback) { ... }</w:t>
            </w:r>
          </w:p>
          <w:p w:rsidR="00156FB3" w:rsidRDefault="00156FB3" w:rsidP="00156FB3">
            <w:r>
              <w:tab/>
            </w:r>
            <w:r>
              <w:tab/>
              <w:t>score                : null, // function(search) { ... }</w:t>
            </w:r>
          </w:p>
          <w:p w:rsidR="00156FB3" w:rsidRDefault="00156FB3" w:rsidP="00156FB3">
            <w:r>
              <w:tab/>
            </w:r>
            <w:r>
              <w:tab/>
              <w:t>onInitialize         : null, // function() { ... }</w:t>
            </w:r>
          </w:p>
          <w:p w:rsidR="00156FB3" w:rsidRDefault="00156FB3" w:rsidP="00156FB3">
            <w:r>
              <w:tab/>
            </w:r>
            <w:r>
              <w:tab/>
              <w:t>onChange             : null, // function(value) { ... }</w:t>
            </w:r>
          </w:p>
          <w:p w:rsidR="00156FB3" w:rsidRDefault="00156FB3" w:rsidP="00156FB3">
            <w:r>
              <w:tab/>
            </w:r>
            <w:r>
              <w:tab/>
              <w:t>onItemAdd            : null, // function(value, $item) { ... }</w:t>
            </w:r>
          </w:p>
          <w:p w:rsidR="00156FB3" w:rsidRDefault="00156FB3" w:rsidP="00156FB3">
            <w:r>
              <w:tab/>
            </w:r>
            <w:r>
              <w:tab/>
              <w:t>onItemRemove         : null, // function(value) { ... }</w:t>
            </w:r>
          </w:p>
          <w:p w:rsidR="00156FB3" w:rsidRDefault="00156FB3" w:rsidP="00156FB3">
            <w:r>
              <w:tab/>
            </w:r>
            <w:r>
              <w:tab/>
              <w:t>onClear              : null, // function() { ... }</w:t>
            </w:r>
          </w:p>
          <w:p w:rsidR="00156FB3" w:rsidRDefault="00156FB3" w:rsidP="00156FB3">
            <w:r>
              <w:tab/>
            </w:r>
            <w:r>
              <w:tab/>
              <w:t>onOptionAdd          : null, // function(value, data) { ... }</w:t>
            </w:r>
          </w:p>
          <w:p w:rsidR="00156FB3" w:rsidRDefault="00156FB3" w:rsidP="00156FB3">
            <w:r>
              <w:tab/>
            </w:r>
            <w:r>
              <w:tab/>
              <w:t>onOptionRemove       : null, // function(value) { ... }</w:t>
            </w:r>
          </w:p>
          <w:p w:rsidR="00156FB3" w:rsidRDefault="00156FB3" w:rsidP="00156FB3">
            <w:r>
              <w:tab/>
            </w:r>
            <w:r>
              <w:tab/>
              <w:t>onOptionClear        : null, // function() { ... }</w:t>
            </w:r>
          </w:p>
          <w:p w:rsidR="00156FB3" w:rsidRDefault="00156FB3" w:rsidP="00156FB3">
            <w:r>
              <w:tab/>
            </w:r>
            <w:r>
              <w:tab/>
              <w:t>onOptionGroupAdd     : null, // function(id, data) { ... }</w:t>
            </w:r>
          </w:p>
          <w:p w:rsidR="00156FB3" w:rsidRDefault="00156FB3" w:rsidP="00156FB3">
            <w:r>
              <w:tab/>
            </w:r>
            <w:r>
              <w:tab/>
              <w:t>onOptionGroupRemove  : null, // function(id) { ... }</w:t>
            </w:r>
          </w:p>
          <w:p w:rsidR="00156FB3" w:rsidRDefault="00156FB3" w:rsidP="00156FB3">
            <w:r>
              <w:tab/>
            </w:r>
            <w:r>
              <w:tab/>
              <w:t>onOptionGroupClear   : null, // function() { ... }</w:t>
            </w:r>
          </w:p>
          <w:p w:rsidR="00156FB3" w:rsidRDefault="00156FB3" w:rsidP="00156FB3">
            <w:r>
              <w:tab/>
            </w:r>
            <w:r>
              <w:tab/>
              <w:t>onDropdownOpen       : null, // function($dropdown) { ... }</w:t>
            </w:r>
          </w:p>
          <w:p w:rsidR="00156FB3" w:rsidRDefault="00156FB3" w:rsidP="00156FB3">
            <w:r>
              <w:tab/>
            </w:r>
            <w:r>
              <w:tab/>
              <w:t>onDropdownClose      : null, // function($dropdown) { ... }</w:t>
            </w:r>
          </w:p>
          <w:p w:rsidR="00156FB3" w:rsidRDefault="00156FB3" w:rsidP="00156FB3">
            <w:r>
              <w:tab/>
            </w:r>
            <w:r>
              <w:tab/>
              <w:t>onType               : null, // function(str) { ... }</w:t>
            </w:r>
          </w:p>
          <w:p w:rsidR="00156FB3" w:rsidRDefault="00156FB3" w:rsidP="00156FB3">
            <w:r>
              <w:tab/>
            </w:r>
            <w:r>
              <w:tab/>
              <w:t>onDelete             : null, // function(values) { ... }</w:t>
            </w:r>
          </w:p>
          <w:p w:rsidR="00156FB3" w:rsidRDefault="00156FB3" w:rsidP="00156FB3">
            <w:r>
              <w:tab/>
            </w:r>
            <w:r>
              <w:tab/>
              <w:t>*/</w:t>
            </w:r>
          </w:p>
          <w:p w:rsidR="00156FB3" w:rsidRDefault="00156FB3" w:rsidP="00156FB3">
            <w:r>
              <w:tab/>
            </w:r>
          </w:p>
          <w:p w:rsidR="00156FB3" w:rsidRDefault="00156FB3" w:rsidP="00156FB3">
            <w:r>
              <w:tab/>
            </w:r>
            <w:r>
              <w:tab/>
              <w:t>render: {</w:t>
            </w:r>
          </w:p>
          <w:p w:rsidR="00156FB3" w:rsidRDefault="00156FB3" w:rsidP="00156FB3">
            <w:r>
              <w:tab/>
            </w:r>
            <w:r>
              <w:tab/>
            </w:r>
            <w:r>
              <w:tab/>
              <w:t>/*</w:t>
            </w:r>
          </w:p>
          <w:p w:rsidR="00156FB3" w:rsidRDefault="00156FB3" w:rsidP="00156FB3">
            <w:r>
              <w:tab/>
            </w:r>
            <w:r>
              <w:tab/>
            </w:r>
            <w:r>
              <w:tab/>
              <w:t>item: null,</w:t>
            </w:r>
          </w:p>
          <w:p w:rsidR="00156FB3" w:rsidRDefault="00156FB3" w:rsidP="00156FB3">
            <w:r>
              <w:tab/>
            </w:r>
            <w:r>
              <w:tab/>
            </w:r>
            <w:r>
              <w:tab/>
              <w:t>optgroup: null,</w:t>
            </w:r>
          </w:p>
          <w:p w:rsidR="00156FB3" w:rsidRDefault="00156FB3" w:rsidP="00156FB3">
            <w:r>
              <w:tab/>
            </w:r>
            <w:r>
              <w:tab/>
            </w:r>
            <w:r>
              <w:tab/>
              <w:t>optgroup_header: null,</w:t>
            </w:r>
          </w:p>
          <w:p w:rsidR="00156FB3" w:rsidRDefault="00156FB3" w:rsidP="00156FB3">
            <w:r>
              <w:tab/>
            </w:r>
            <w:r>
              <w:tab/>
            </w:r>
            <w:r>
              <w:tab/>
              <w:t>option: null,</w:t>
            </w:r>
          </w:p>
          <w:p w:rsidR="00156FB3" w:rsidRDefault="00156FB3" w:rsidP="00156FB3">
            <w:r>
              <w:tab/>
            </w:r>
            <w:r>
              <w:tab/>
            </w:r>
            <w:r>
              <w:tab/>
              <w:t>option_create: null</w:t>
            </w:r>
          </w:p>
          <w:p w:rsidR="00156FB3" w:rsidRDefault="00156FB3" w:rsidP="00156FB3">
            <w:r>
              <w:tab/>
            </w:r>
            <w:r>
              <w:tab/>
            </w:r>
            <w:r>
              <w:tab/>
              <w:t>*/</w:t>
            </w:r>
          </w:p>
          <w:p w:rsidR="00156FB3" w:rsidRDefault="00156FB3" w:rsidP="00156FB3">
            <w:r>
              <w:tab/>
            </w:r>
            <w:r>
              <w:tab/>
              <w:t>}</w:t>
            </w:r>
          </w:p>
          <w:p w:rsidR="00156FB3" w:rsidRDefault="00156FB3" w:rsidP="00156FB3">
            <w:r>
              <w:lastRenderedPageBreak/>
              <w:tab/>
              <w:t>};</w:t>
            </w:r>
          </w:p>
          <w:p w:rsidR="00156FB3" w:rsidRDefault="00156FB3" w:rsidP="00156FB3">
            <w:r>
              <w:tab/>
            </w:r>
          </w:p>
          <w:p w:rsidR="00156FB3" w:rsidRDefault="00156FB3" w:rsidP="00156FB3">
            <w:r>
              <w:tab/>
            </w:r>
          </w:p>
          <w:p w:rsidR="00156FB3" w:rsidRDefault="00156FB3" w:rsidP="00156FB3">
            <w:r>
              <w:tab/>
              <w:t>$.fn.selectize = function(settings_user) {</w:t>
            </w:r>
          </w:p>
          <w:p w:rsidR="00156FB3" w:rsidRDefault="00156FB3" w:rsidP="00156FB3">
            <w:r>
              <w:tab/>
            </w:r>
            <w:r>
              <w:tab/>
              <w:t>var defaults             = $.fn.selectize.defaults;</w:t>
            </w:r>
          </w:p>
          <w:p w:rsidR="00156FB3" w:rsidRDefault="00156FB3" w:rsidP="00156FB3">
            <w:r>
              <w:tab/>
            </w:r>
            <w:r>
              <w:tab/>
              <w:t>var settings             = $.extend({}, defaults, settings_user);</w:t>
            </w:r>
          </w:p>
          <w:p w:rsidR="00156FB3" w:rsidRDefault="00156FB3" w:rsidP="00156FB3">
            <w:r>
              <w:tab/>
            </w:r>
            <w:r>
              <w:tab/>
              <w:t>var attr_data            = settings.dataAttr;</w:t>
            </w:r>
          </w:p>
          <w:p w:rsidR="00156FB3" w:rsidRDefault="00156FB3" w:rsidP="00156FB3">
            <w:r>
              <w:tab/>
            </w:r>
            <w:r>
              <w:tab/>
              <w:t>var field_label          = settings.labelField;</w:t>
            </w:r>
          </w:p>
          <w:p w:rsidR="00156FB3" w:rsidRDefault="00156FB3" w:rsidP="00156FB3">
            <w:r>
              <w:tab/>
            </w:r>
            <w:r>
              <w:tab/>
              <w:t>var field_value          = settings.valueField;</w:t>
            </w:r>
          </w:p>
          <w:p w:rsidR="00156FB3" w:rsidRDefault="00156FB3" w:rsidP="00156FB3">
            <w:r>
              <w:tab/>
            </w:r>
            <w:r>
              <w:tab/>
              <w:t>var field_optgroup       = settings.optgroupField;</w:t>
            </w:r>
          </w:p>
          <w:p w:rsidR="00156FB3" w:rsidRDefault="00156FB3" w:rsidP="00156FB3">
            <w:r>
              <w:tab/>
            </w:r>
            <w:r>
              <w:tab/>
              <w:t>var field_optgroup_label = settings.optgroupLabelField;</w:t>
            </w:r>
          </w:p>
          <w:p w:rsidR="00156FB3" w:rsidRDefault="00156FB3" w:rsidP="00156FB3">
            <w:r>
              <w:tab/>
            </w:r>
            <w:r>
              <w:tab/>
              <w:t>var field_optgroup_value = settings.optgroupValueField;</w:t>
            </w:r>
          </w:p>
          <w:p w:rsidR="00156FB3" w:rsidRDefault="00156FB3" w:rsidP="00156FB3">
            <w:r>
              <w:tab/>
            </w:r>
          </w:p>
          <w:p w:rsidR="00156FB3" w:rsidRDefault="00156FB3" w:rsidP="00156FB3">
            <w:r>
              <w:tab/>
            </w:r>
            <w:r>
              <w:tab/>
              <w:t>/**</w:t>
            </w:r>
          </w:p>
          <w:p w:rsidR="00156FB3" w:rsidRDefault="00156FB3" w:rsidP="00156FB3">
            <w:r>
              <w:tab/>
            </w:r>
            <w:r>
              <w:tab/>
              <w:t xml:space="preserve"> * Initializes selectize from a &lt;input type="text"&gt; element.</w:t>
            </w:r>
          </w:p>
          <w:p w:rsidR="00156FB3" w:rsidRDefault="00156FB3" w:rsidP="00156FB3">
            <w:r>
              <w:tab/>
            </w:r>
            <w:r>
              <w:tab/>
              <w:t xml:space="preserve"> *</w:t>
            </w:r>
          </w:p>
          <w:p w:rsidR="00156FB3" w:rsidRDefault="00156FB3" w:rsidP="00156FB3">
            <w:r>
              <w:tab/>
            </w:r>
            <w:r>
              <w:tab/>
              <w:t xml:space="preserve"> * @param {object} $input</w:t>
            </w:r>
          </w:p>
          <w:p w:rsidR="00156FB3" w:rsidRDefault="00156FB3" w:rsidP="00156FB3">
            <w:r>
              <w:tab/>
            </w:r>
            <w:r>
              <w:tab/>
              <w:t xml:space="preserve"> * @param {object} settings_element</w:t>
            </w:r>
          </w:p>
          <w:p w:rsidR="00156FB3" w:rsidRDefault="00156FB3" w:rsidP="00156FB3">
            <w:r>
              <w:tab/>
            </w:r>
            <w:r>
              <w:tab/>
              <w:t xml:space="preserve"> */</w:t>
            </w:r>
          </w:p>
          <w:p w:rsidR="00156FB3" w:rsidRDefault="00156FB3" w:rsidP="00156FB3">
            <w:r>
              <w:tab/>
            </w:r>
            <w:r>
              <w:tab/>
              <w:t>var init_textbox = function($input, settings_element) {</w:t>
            </w:r>
          </w:p>
          <w:p w:rsidR="00156FB3" w:rsidRDefault="00156FB3" w:rsidP="00156FB3">
            <w:r>
              <w:tab/>
            </w:r>
            <w:r>
              <w:tab/>
            </w:r>
            <w:r>
              <w:tab/>
              <w:t>var i, n, values, option;</w:t>
            </w:r>
          </w:p>
          <w:p w:rsidR="00156FB3" w:rsidRDefault="00156FB3" w:rsidP="00156FB3">
            <w:r>
              <w:tab/>
            </w:r>
          </w:p>
          <w:p w:rsidR="00156FB3" w:rsidRDefault="00156FB3" w:rsidP="00156FB3">
            <w:r>
              <w:tab/>
            </w:r>
            <w:r>
              <w:tab/>
            </w:r>
            <w:r>
              <w:tab/>
              <w:t>var data_raw = $input.attr(attr_data);</w:t>
            </w:r>
          </w:p>
          <w:p w:rsidR="00156FB3" w:rsidRDefault="00156FB3" w:rsidP="00156FB3">
            <w:r>
              <w:tab/>
            </w:r>
          </w:p>
          <w:p w:rsidR="00156FB3" w:rsidRDefault="00156FB3" w:rsidP="00156FB3">
            <w:r>
              <w:tab/>
            </w:r>
            <w:r>
              <w:tab/>
            </w:r>
            <w:r>
              <w:tab/>
              <w:t>if (!data_raw) {</w:t>
            </w:r>
          </w:p>
          <w:p w:rsidR="00156FB3" w:rsidRDefault="00156FB3" w:rsidP="00156FB3">
            <w:r>
              <w:tab/>
            </w:r>
            <w:r>
              <w:tab/>
            </w:r>
            <w:r>
              <w:tab/>
            </w:r>
            <w:r>
              <w:tab/>
              <w:t>var value = $.trim($input.val() || '');</w:t>
            </w:r>
          </w:p>
          <w:p w:rsidR="00156FB3" w:rsidRDefault="00156FB3" w:rsidP="00156FB3">
            <w:r>
              <w:tab/>
            </w:r>
            <w:r>
              <w:tab/>
            </w:r>
            <w:r>
              <w:tab/>
            </w:r>
            <w:r>
              <w:tab/>
              <w:t>if (!settings.allowEmptyOption &amp;&amp; !value.length) return;</w:t>
            </w:r>
          </w:p>
          <w:p w:rsidR="00156FB3" w:rsidRDefault="00156FB3" w:rsidP="00156FB3">
            <w:r>
              <w:tab/>
            </w:r>
            <w:r>
              <w:tab/>
            </w:r>
            <w:r>
              <w:tab/>
            </w:r>
            <w:r>
              <w:tab/>
              <w:t>values = value.split(settings.delimiter);</w:t>
            </w:r>
          </w:p>
          <w:p w:rsidR="00156FB3" w:rsidRDefault="00156FB3" w:rsidP="00156FB3">
            <w:r>
              <w:tab/>
            </w:r>
            <w:r>
              <w:tab/>
            </w:r>
            <w:r>
              <w:tab/>
            </w:r>
            <w:r>
              <w:tab/>
              <w:t>for (i = 0, n = values.length; i &lt; n; i++) {</w:t>
            </w:r>
          </w:p>
          <w:p w:rsidR="00156FB3" w:rsidRDefault="00156FB3" w:rsidP="00156FB3">
            <w:r>
              <w:tab/>
            </w:r>
            <w:r>
              <w:tab/>
            </w:r>
            <w:r>
              <w:tab/>
            </w:r>
            <w:r>
              <w:tab/>
            </w:r>
            <w:r>
              <w:tab/>
              <w:t>option = {};</w:t>
            </w:r>
          </w:p>
          <w:p w:rsidR="00156FB3" w:rsidRDefault="00156FB3" w:rsidP="00156FB3">
            <w:r>
              <w:tab/>
            </w:r>
            <w:r>
              <w:tab/>
            </w:r>
            <w:r>
              <w:tab/>
            </w:r>
            <w:r>
              <w:tab/>
            </w:r>
            <w:r>
              <w:tab/>
              <w:t>option[field_label] = values[i];</w:t>
            </w:r>
          </w:p>
          <w:p w:rsidR="00156FB3" w:rsidRDefault="00156FB3" w:rsidP="00156FB3">
            <w:r>
              <w:tab/>
            </w:r>
            <w:r>
              <w:tab/>
            </w:r>
            <w:r>
              <w:tab/>
            </w:r>
            <w:r>
              <w:tab/>
            </w:r>
            <w:r>
              <w:tab/>
              <w:t>option[field_value] = values[i];</w:t>
            </w:r>
          </w:p>
          <w:p w:rsidR="00156FB3" w:rsidRDefault="00156FB3" w:rsidP="00156FB3">
            <w:r>
              <w:tab/>
            </w:r>
            <w:r>
              <w:tab/>
            </w:r>
            <w:r>
              <w:tab/>
            </w:r>
            <w:r>
              <w:tab/>
            </w:r>
            <w:r>
              <w:tab/>
              <w:t>settings_element.options.push(option);</w:t>
            </w:r>
          </w:p>
          <w:p w:rsidR="00156FB3" w:rsidRDefault="00156FB3" w:rsidP="00156FB3">
            <w:r>
              <w:tab/>
            </w:r>
            <w:r>
              <w:tab/>
            </w:r>
            <w:r>
              <w:tab/>
            </w:r>
            <w:r>
              <w:tab/>
              <w:t>}</w:t>
            </w:r>
          </w:p>
          <w:p w:rsidR="00156FB3" w:rsidRDefault="00156FB3" w:rsidP="00156FB3">
            <w:r>
              <w:tab/>
            </w:r>
            <w:r>
              <w:tab/>
            </w:r>
            <w:r>
              <w:tab/>
            </w:r>
            <w:r>
              <w:tab/>
              <w:t>settings_element.items = values;</w:t>
            </w:r>
          </w:p>
          <w:p w:rsidR="00156FB3" w:rsidRDefault="00156FB3" w:rsidP="00156FB3">
            <w:r>
              <w:tab/>
            </w:r>
            <w:r>
              <w:tab/>
            </w:r>
            <w:r>
              <w:tab/>
              <w:t>} else {</w:t>
            </w:r>
          </w:p>
          <w:p w:rsidR="00156FB3" w:rsidRDefault="00156FB3" w:rsidP="00156FB3">
            <w:r>
              <w:tab/>
            </w:r>
            <w:r>
              <w:tab/>
            </w:r>
            <w:r>
              <w:tab/>
            </w:r>
            <w:r>
              <w:tab/>
              <w:t>settings_element.options = JSON.parse(data_raw);</w:t>
            </w:r>
          </w:p>
          <w:p w:rsidR="00156FB3" w:rsidRDefault="00156FB3" w:rsidP="00156FB3">
            <w:r>
              <w:tab/>
            </w:r>
            <w:r>
              <w:tab/>
            </w:r>
            <w:r>
              <w:tab/>
            </w:r>
            <w:r>
              <w:tab/>
              <w:t>for (i = 0, n = settings_element.options.length; i &lt; n; i++) {</w:t>
            </w:r>
          </w:p>
          <w:p w:rsidR="00156FB3" w:rsidRDefault="00156FB3" w:rsidP="00156FB3">
            <w:r>
              <w:tab/>
            </w:r>
            <w:r>
              <w:tab/>
            </w:r>
            <w:r>
              <w:tab/>
            </w:r>
            <w:r>
              <w:tab/>
            </w:r>
            <w:r>
              <w:tab/>
              <w:t>settings_element.items.push(settings_element.options[i][field_value]);</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w:t>
            </w:r>
          </w:p>
          <w:p w:rsidR="00156FB3" w:rsidRDefault="00156FB3" w:rsidP="00156FB3">
            <w:r>
              <w:tab/>
            </w:r>
            <w:r>
              <w:tab/>
              <w:t xml:space="preserve"> * Initializes selectize from a &lt;select&gt; element.</w:t>
            </w:r>
          </w:p>
          <w:p w:rsidR="00156FB3" w:rsidRDefault="00156FB3" w:rsidP="00156FB3">
            <w:r>
              <w:tab/>
            </w:r>
            <w:r>
              <w:tab/>
              <w:t xml:space="preserve"> *</w:t>
            </w:r>
          </w:p>
          <w:p w:rsidR="00156FB3" w:rsidRDefault="00156FB3" w:rsidP="00156FB3">
            <w:r>
              <w:tab/>
            </w:r>
            <w:r>
              <w:tab/>
              <w:t xml:space="preserve"> * @param {object} $input</w:t>
            </w:r>
          </w:p>
          <w:p w:rsidR="00156FB3" w:rsidRDefault="00156FB3" w:rsidP="00156FB3">
            <w:r>
              <w:lastRenderedPageBreak/>
              <w:tab/>
            </w:r>
            <w:r>
              <w:tab/>
              <w:t xml:space="preserve"> * @param {object} settings_element</w:t>
            </w:r>
          </w:p>
          <w:p w:rsidR="00156FB3" w:rsidRDefault="00156FB3" w:rsidP="00156FB3">
            <w:r>
              <w:tab/>
            </w:r>
            <w:r>
              <w:tab/>
              <w:t xml:space="preserve"> */</w:t>
            </w:r>
          </w:p>
          <w:p w:rsidR="00156FB3" w:rsidRDefault="00156FB3" w:rsidP="00156FB3">
            <w:r>
              <w:tab/>
            </w:r>
            <w:r>
              <w:tab/>
              <w:t>var init_select = function($input, settings_element) {</w:t>
            </w:r>
          </w:p>
          <w:p w:rsidR="00156FB3" w:rsidRDefault="00156FB3" w:rsidP="00156FB3">
            <w:r>
              <w:tab/>
            </w:r>
            <w:r>
              <w:tab/>
            </w:r>
            <w:r>
              <w:tab/>
              <w:t>var i, n, tagName, $children, order = 0;</w:t>
            </w:r>
          </w:p>
          <w:p w:rsidR="00156FB3" w:rsidRDefault="00156FB3" w:rsidP="00156FB3">
            <w:r>
              <w:tab/>
            </w:r>
            <w:r>
              <w:tab/>
            </w:r>
            <w:r>
              <w:tab/>
              <w:t>var options = settings_element.options;</w:t>
            </w:r>
          </w:p>
          <w:p w:rsidR="00156FB3" w:rsidRDefault="00156FB3" w:rsidP="00156FB3">
            <w:r>
              <w:tab/>
            </w:r>
            <w:r>
              <w:tab/>
            </w:r>
            <w:r>
              <w:tab/>
              <w:t>var optionsMap = {};</w:t>
            </w:r>
          </w:p>
          <w:p w:rsidR="00156FB3" w:rsidRDefault="00156FB3" w:rsidP="00156FB3">
            <w:r>
              <w:tab/>
            </w:r>
          </w:p>
          <w:p w:rsidR="00156FB3" w:rsidRDefault="00156FB3" w:rsidP="00156FB3">
            <w:r>
              <w:tab/>
            </w:r>
            <w:r>
              <w:tab/>
            </w:r>
            <w:r>
              <w:tab/>
              <w:t>var readData = function($el) {</w:t>
            </w:r>
          </w:p>
          <w:p w:rsidR="00156FB3" w:rsidRDefault="00156FB3" w:rsidP="00156FB3">
            <w:r>
              <w:tab/>
            </w:r>
            <w:r>
              <w:tab/>
            </w:r>
            <w:r>
              <w:tab/>
            </w:r>
            <w:r>
              <w:tab/>
              <w:t>var data = attr_data &amp;&amp; $el.attr(attr_data);</w:t>
            </w:r>
          </w:p>
          <w:p w:rsidR="00156FB3" w:rsidRDefault="00156FB3" w:rsidP="00156FB3">
            <w:r>
              <w:tab/>
            </w:r>
            <w:r>
              <w:tab/>
            </w:r>
            <w:r>
              <w:tab/>
            </w:r>
            <w:r>
              <w:tab/>
              <w:t>if (typeof data === 'string' &amp;&amp; data.length) {</w:t>
            </w:r>
          </w:p>
          <w:p w:rsidR="00156FB3" w:rsidRDefault="00156FB3" w:rsidP="00156FB3">
            <w:r>
              <w:tab/>
            </w:r>
            <w:r>
              <w:tab/>
            </w:r>
            <w:r>
              <w:tab/>
            </w:r>
            <w:r>
              <w:tab/>
            </w:r>
            <w:r>
              <w:tab/>
              <w:t>return JSON.parse(data);</w:t>
            </w:r>
          </w:p>
          <w:p w:rsidR="00156FB3" w:rsidRDefault="00156FB3" w:rsidP="00156FB3">
            <w:r>
              <w:tab/>
            </w:r>
            <w:r>
              <w:tab/>
            </w:r>
            <w:r>
              <w:tab/>
            </w:r>
            <w:r>
              <w:tab/>
              <w:t>}</w:t>
            </w:r>
          </w:p>
          <w:p w:rsidR="00156FB3" w:rsidRDefault="00156FB3" w:rsidP="00156FB3">
            <w:r>
              <w:tab/>
            </w:r>
            <w:r>
              <w:tab/>
            </w:r>
            <w:r>
              <w:tab/>
            </w:r>
            <w:r>
              <w:tab/>
              <w:t>return null;</w:t>
            </w:r>
          </w:p>
          <w:p w:rsidR="00156FB3" w:rsidRDefault="00156FB3" w:rsidP="00156FB3">
            <w:r>
              <w:tab/>
            </w:r>
            <w:r>
              <w:tab/>
            </w:r>
            <w:r>
              <w:tab/>
              <w:t>};</w:t>
            </w:r>
          </w:p>
          <w:p w:rsidR="00156FB3" w:rsidRDefault="00156FB3" w:rsidP="00156FB3">
            <w:r>
              <w:tab/>
            </w:r>
          </w:p>
          <w:p w:rsidR="00156FB3" w:rsidRDefault="00156FB3" w:rsidP="00156FB3">
            <w:r>
              <w:tab/>
            </w:r>
            <w:r>
              <w:tab/>
            </w:r>
            <w:r>
              <w:tab/>
              <w:t>var addOption = function($option, group) {</w:t>
            </w:r>
          </w:p>
          <w:p w:rsidR="00156FB3" w:rsidRDefault="00156FB3" w:rsidP="00156FB3">
            <w:r>
              <w:tab/>
            </w:r>
            <w:r>
              <w:tab/>
            </w:r>
            <w:r>
              <w:tab/>
            </w:r>
            <w:r>
              <w:tab/>
              <w:t>$option = $($option);</w:t>
            </w:r>
          </w:p>
          <w:p w:rsidR="00156FB3" w:rsidRDefault="00156FB3" w:rsidP="00156FB3">
            <w:r>
              <w:tab/>
            </w:r>
          </w:p>
          <w:p w:rsidR="00156FB3" w:rsidRDefault="00156FB3" w:rsidP="00156FB3">
            <w:r>
              <w:tab/>
            </w:r>
            <w:r>
              <w:tab/>
            </w:r>
            <w:r>
              <w:tab/>
            </w:r>
            <w:r>
              <w:tab/>
              <w:t>var value = hash_key($option.val());</w:t>
            </w:r>
          </w:p>
          <w:p w:rsidR="00156FB3" w:rsidRDefault="00156FB3" w:rsidP="00156FB3">
            <w:r>
              <w:tab/>
            </w:r>
            <w:r>
              <w:tab/>
            </w:r>
            <w:r>
              <w:tab/>
            </w:r>
            <w:r>
              <w:tab/>
              <w:t>if (!value &amp;&amp; !settings.allowEmptyOption) return;</w:t>
            </w:r>
          </w:p>
          <w:p w:rsidR="00156FB3" w:rsidRDefault="00156FB3" w:rsidP="00156FB3">
            <w:r>
              <w:tab/>
            </w:r>
          </w:p>
          <w:p w:rsidR="00156FB3" w:rsidRDefault="00156FB3" w:rsidP="00156FB3">
            <w:r>
              <w:tab/>
            </w:r>
            <w:r>
              <w:tab/>
            </w:r>
            <w:r>
              <w:tab/>
            </w:r>
            <w:r>
              <w:tab/>
              <w:t>// if the option already exists, it's probably been</w:t>
            </w:r>
          </w:p>
          <w:p w:rsidR="00156FB3" w:rsidRDefault="00156FB3" w:rsidP="00156FB3">
            <w:r>
              <w:tab/>
            </w:r>
            <w:r>
              <w:tab/>
            </w:r>
            <w:r>
              <w:tab/>
            </w:r>
            <w:r>
              <w:tab/>
              <w:t>// duplicated in another optgroup. in this case, push</w:t>
            </w:r>
          </w:p>
          <w:p w:rsidR="00156FB3" w:rsidRDefault="00156FB3" w:rsidP="00156FB3">
            <w:r>
              <w:tab/>
            </w:r>
            <w:r>
              <w:tab/>
            </w:r>
            <w:r>
              <w:tab/>
            </w:r>
            <w:r>
              <w:tab/>
              <w:t>// the current group to the "optgroup" property on the</w:t>
            </w:r>
          </w:p>
          <w:p w:rsidR="00156FB3" w:rsidRDefault="00156FB3" w:rsidP="00156FB3">
            <w:r>
              <w:tab/>
            </w:r>
            <w:r>
              <w:tab/>
            </w:r>
            <w:r>
              <w:tab/>
            </w:r>
            <w:r>
              <w:tab/>
              <w:t>// existing option so that it's rendered in both places.</w:t>
            </w:r>
          </w:p>
          <w:p w:rsidR="00156FB3" w:rsidRDefault="00156FB3" w:rsidP="00156FB3">
            <w:r>
              <w:tab/>
            </w:r>
            <w:r>
              <w:tab/>
            </w:r>
            <w:r>
              <w:tab/>
            </w:r>
            <w:r>
              <w:tab/>
              <w:t>if (optionsMap.hasOwnProperty(value)) {</w:t>
            </w:r>
          </w:p>
          <w:p w:rsidR="00156FB3" w:rsidRDefault="00156FB3" w:rsidP="00156FB3">
            <w:r>
              <w:tab/>
            </w:r>
            <w:r>
              <w:tab/>
            </w:r>
            <w:r>
              <w:tab/>
            </w:r>
            <w:r>
              <w:tab/>
            </w:r>
            <w:r>
              <w:tab/>
              <w:t>if (group) {</w:t>
            </w:r>
          </w:p>
          <w:p w:rsidR="00156FB3" w:rsidRDefault="00156FB3" w:rsidP="00156FB3">
            <w:r>
              <w:tab/>
            </w:r>
            <w:r>
              <w:tab/>
            </w:r>
            <w:r>
              <w:tab/>
            </w:r>
            <w:r>
              <w:tab/>
            </w:r>
            <w:r>
              <w:tab/>
            </w:r>
            <w:r>
              <w:tab/>
              <w:t>var arr = optionsMap[value][field_optgroup];</w:t>
            </w:r>
          </w:p>
          <w:p w:rsidR="00156FB3" w:rsidRDefault="00156FB3" w:rsidP="00156FB3">
            <w:r>
              <w:tab/>
            </w:r>
            <w:r>
              <w:tab/>
            </w:r>
            <w:r>
              <w:tab/>
            </w:r>
            <w:r>
              <w:tab/>
            </w:r>
            <w:r>
              <w:tab/>
            </w:r>
            <w:r>
              <w:tab/>
              <w:t>if (!arr) {</w:t>
            </w:r>
          </w:p>
          <w:p w:rsidR="00156FB3" w:rsidRDefault="00156FB3" w:rsidP="00156FB3">
            <w:r>
              <w:tab/>
            </w:r>
            <w:r>
              <w:tab/>
            </w:r>
            <w:r>
              <w:tab/>
            </w:r>
            <w:r>
              <w:tab/>
            </w:r>
            <w:r>
              <w:tab/>
            </w:r>
            <w:r>
              <w:tab/>
            </w:r>
            <w:r>
              <w:tab/>
              <w:t>optionsMap[value][field_optgroup] = group;</w:t>
            </w:r>
          </w:p>
          <w:p w:rsidR="00156FB3" w:rsidRDefault="00156FB3" w:rsidP="00156FB3">
            <w:r>
              <w:tab/>
            </w:r>
            <w:r>
              <w:tab/>
            </w:r>
            <w:r>
              <w:tab/>
            </w:r>
            <w:r>
              <w:tab/>
            </w:r>
            <w:r>
              <w:tab/>
            </w:r>
            <w:r>
              <w:tab/>
              <w:t>} else if (!$.isArray(arr)) {</w:t>
            </w:r>
          </w:p>
          <w:p w:rsidR="00156FB3" w:rsidRDefault="00156FB3" w:rsidP="00156FB3">
            <w:r>
              <w:tab/>
            </w:r>
            <w:r>
              <w:tab/>
            </w:r>
            <w:r>
              <w:tab/>
            </w:r>
            <w:r>
              <w:tab/>
            </w:r>
            <w:r>
              <w:tab/>
            </w:r>
            <w:r>
              <w:tab/>
            </w:r>
            <w:r>
              <w:tab/>
              <w:t>optionsMap[value][field_optgroup] = [arr, group];</w:t>
            </w:r>
          </w:p>
          <w:p w:rsidR="00156FB3" w:rsidRDefault="00156FB3" w:rsidP="00156FB3">
            <w:r>
              <w:tab/>
            </w:r>
            <w:r>
              <w:tab/>
            </w:r>
            <w:r>
              <w:tab/>
            </w:r>
            <w:r>
              <w:tab/>
            </w:r>
            <w:r>
              <w:tab/>
            </w:r>
            <w:r>
              <w:tab/>
              <w:t>} else {</w:t>
            </w:r>
          </w:p>
          <w:p w:rsidR="00156FB3" w:rsidRDefault="00156FB3" w:rsidP="00156FB3">
            <w:r>
              <w:tab/>
            </w:r>
            <w:r>
              <w:tab/>
            </w:r>
            <w:r>
              <w:tab/>
            </w:r>
            <w:r>
              <w:tab/>
            </w:r>
            <w:r>
              <w:tab/>
            </w:r>
            <w:r>
              <w:tab/>
            </w:r>
            <w:r>
              <w:tab/>
              <w:t>arr.push(group);</w:t>
            </w:r>
          </w:p>
          <w:p w:rsidR="00156FB3" w:rsidRDefault="00156FB3" w:rsidP="00156FB3">
            <w:r>
              <w:tab/>
            </w:r>
            <w:r>
              <w:tab/>
            </w:r>
            <w:r>
              <w:tab/>
            </w:r>
            <w:r>
              <w:tab/>
            </w:r>
            <w:r>
              <w:tab/>
            </w:r>
            <w:r>
              <w:tab/>
              <w:t>}</w:t>
            </w:r>
          </w:p>
          <w:p w:rsidR="00156FB3" w:rsidRDefault="00156FB3" w:rsidP="00156FB3">
            <w:r>
              <w:tab/>
            </w:r>
            <w:r>
              <w:tab/>
            </w:r>
            <w:r>
              <w:tab/>
            </w:r>
            <w:r>
              <w:tab/>
            </w:r>
            <w:r>
              <w:tab/>
              <w:t>}</w:t>
            </w:r>
          </w:p>
          <w:p w:rsidR="00156FB3" w:rsidRDefault="00156FB3" w:rsidP="00156FB3">
            <w:r>
              <w:tab/>
            </w:r>
            <w:r>
              <w:tab/>
            </w:r>
            <w:r>
              <w:tab/>
            </w:r>
            <w:r>
              <w:tab/>
            </w:r>
            <w:r>
              <w:tab/>
              <w:t>return;</w:t>
            </w:r>
          </w:p>
          <w:p w:rsidR="00156FB3" w:rsidRDefault="00156FB3" w:rsidP="00156FB3">
            <w:r>
              <w:tab/>
            </w:r>
            <w:r>
              <w:tab/>
            </w:r>
            <w:r>
              <w:tab/>
            </w:r>
            <w:r>
              <w:tab/>
              <w:t>}</w:t>
            </w:r>
          </w:p>
          <w:p w:rsidR="00156FB3" w:rsidRDefault="00156FB3" w:rsidP="00156FB3">
            <w:r>
              <w:tab/>
            </w:r>
          </w:p>
          <w:p w:rsidR="00156FB3" w:rsidRDefault="00156FB3" w:rsidP="00156FB3">
            <w:r>
              <w:tab/>
            </w:r>
            <w:r>
              <w:tab/>
            </w:r>
            <w:r>
              <w:tab/>
            </w:r>
            <w:r>
              <w:tab/>
              <w:t>var option             = readData($option) || {};</w:t>
            </w:r>
          </w:p>
          <w:p w:rsidR="00156FB3" w:rsidRDefault="00156FB3" w:rsidP="00156FB3">
            <w:r>
              <w:tab/>
            </w:r>
            <w:r>
              <w:tab/>
            </w:r>
            <w:r>
              <w:tab/>
            </w:r>
            <w:r>
              <w:tab/>
              <w:t>option[field_label]    = option[field_label] || $option.text();</w:t>
            </w:r>
          </w:p>
          <w:p w:rsidR="00156FB3" w:rsidRDefault="00156FB3" w:rsidP="00156FB3">
            <w:r>
              <w:tab/>
            </w:r>
            <w:r>
              <w:tab/>
            </w:r>
            <w:r>
              <w:tab/>
            </w:r>
            <w:r>
              <w:tab/>
              <w:t>option[field_value]    = option[field_value] || value;</w:t>
            </w:r>
          </w:p>
          <w:p w:rsidR="00156FB3" w:rsidRDefault="00156FB3" w:rsidP="00156FB3">
            <w:r>
              <w:tab/>
            </w:r>
            <w:r>
              <w:tab/>
            </w:r>
            <w:r>
              <w:tab/>
            </w:r>
            <w:r>
              <w:tab/>
              <w:t>option[field_optgroup] = option[field_optgroup] || group;</w:t>
            </w:r>
          </w:p>
          <w:p w:rsidR="00156FB3" w:rsidRDefault="00156FB3" w:rsidP="00156FB3">
            <w:r>
              <w:tab/>
            </w:r>
          </w:p>
          <w:p w:rsidR="00156FB3" w:rsidRDefault="00156FB3" w:rsidP="00156FB3">
            <w:r>
              <w:tab/>
            </w:r>
            <w:r>
              <w:tab/>
            </w:r>
            <w:r>
              <w:tab/>
            </w:r>
            <w:r>
              <w:tab/>
              <w:t>optionsMap[value] = option;</w:t>
            </w:r>
          </w:p>
          <w:p w:rsidR="00156FB3" w:rsidRDefault="00156FB3" w:rsidP="00156FB3">
            <w:r>
              <w:tab/>
            </w:r>
            <w:r>
              <w:tab/>
            </w:r>
            <w:r>
              <w:tab/>
            </w:r>
            <w:r>
              <w:tab/>
              <w:t>options.push(option);</w:t>
            </w:r>
          </w:p>
          <w:p w:rsidR="00156FB3" w:rsidRDefault="00156FB3" w:rsidP="00156FB3">
            <w:r>
              <w:tab/>
            </w:r>
          </w:p>
          <w:p w:rsidR="00156FB3" w:rsidRDefault="00156FB3" w:rsidP="00156FB3">
            <w:r>
              <w:lastRenderedPageBreak/>
              <w:tab/>
            </w:r>
            <w:r>
              <w:tab/>
            </w:r>
            <w:r>
              <w:tab/>
            </w:r>
            <w:r>
              <w:tab/>
              <w:t>if ($option.is(':selected')) {</w:t>
            </w:r>
          </w:p>
          <w:p w:rsidR="00156FB3" w:rsidRDefault="00156FB3" w:rsidP="00156FB3">
            <w:r>
              <w:tab/>
            </w:r>
            <w:r>
              <w:tab/>
            </w:r>
            <w:r>
              <w:tab/>
            </w:r>
            <w:r>
              <w:tab/>
            </w:r>
            <w:r>
              <w:tab/>
              <w:t>settings_element.items.push(value);</w:t>
            </w:r>
          </w:p>
          <w:p w:rsidR="00156FB3" w:rsidRDefault="00156FB3" w:rsidP="00156FB3">
            <w:r>
              <w:tab/>
            </w:r>
            <w:r>
              <w:tab/>
            </w:r>
            <w:r>
              <w:tab/>
            </w:r>
            <w:r>
              <w:tab/>
              <w:t>}</w:t>
            </w:r>
          </w:p>
          <w:p w:rsidR="00156FB3" w:rsidRDefault="00156FB3" w:rsidP="00156FB3">
            <w:r>
              <w:tab/>
            </w:r>
            <w:r>
              <w:tab/>
            </w:r>
            <w:r>
              <w:tab/>
              <w:t>};</w:t>
            </w:r>
          </w:p>
          <w:p w:rsidR="00156FB3" w:rsidRDefault="00156FB3" w:rsidP="00156FB3">
            <w:r>
              <w:tab/>
            </w:r>
          </w:p>
          <w:p w:rsidR="00156FB3" w:rsidRDefault="00156FB3" w:rsidP="00156FB3">
            <w:r>
              <w:tab/>
            </w:r>
            <w:r>
              <w:tab/>
            </w:r>
            <w:r>
              <w:tab/>
              <w:t>var addGroup = function($optgroup) {</w:t>
            </w:r>
          </w:p>
          <w:p w:rsidR="00156FB3" w:rsidRDefault="00156FB3" w:rsidP="00156FB3">
            <w:r>
              <w:tab/>
            </w:r>
            <w:r>
              <w:tab/>
            </w:r>
            <w:r>
              <w:tab/>
            </w:r>
            <w:r>
              <w:tab/>
              <w:t>var i, n, id, optgroup, $options;</w:t>
            </w:r>
          </w:p>
          <w:p w:rsidR="00156FB3" w:rsidRDefault="00156FB3" w:rsidP="00156FB3">
            <w:r>
              <w:tab/>
            </w:r>
          </w:p>
          <w:p w:rsidR="00156FB3" w:rsidRDefault="00156FB3" w:rsidP="00156FB3">
            <w:r>
              <w:tab/>
            </w:r>
            <w:r>
              <w:tab/>
            </w:r>
            <w:r>
              <w:tab/>
            </w:r>
            <w:r>
              <w:tab/>
              <w:t>$optgroup = $($optgroup);</w:t>
            </w:r>
          </w:p>
          <w:p w:rsidR="00156FB3" w:rsidRDefault="00156FB3" w:rsidP="00156FB3">
            <w:r>
              <w:tab/>
            </w:r>
            <w:r>
              <w:tab/>
            </w:r>
            <w:r>
              <w:tab/>
            </w:r>
            <w:r>
              <w:tab/>
              <w:t>id = $optgroup.attr('label');</w:t>
            </w:r>
          </w:p>
          <w:p w:rsidR="00156FB3" w:rsidRDefault="00156FB3" w:rsidP="00156FB3">
            <w:r>
              <w:tab/>
            </w:r>
          </w:p>
          <w:p w:rsidR="00156FB3" w:rsidRDefault="00156FB3" w:rsidP="00156FB3">
            <w:r>
              <w:tab/>
            </w:r>
            <w:r>
              <w:tab/>
            </w:r>
            <w:r>
              <w:tab/>
            </w:r>
            <w:r>
              <w:tab/>
              <w:t>if (id) {</w:t>
            </w:r>
          </w:p>
          <w:p w:rsidR="00156FB3" w:rsidRDefault="00156FB3" w:rsidP="00156FB3">
            <w:r>
              <w:tab/>
            </w:r>
            <w:r>
              <w:tab/>
            </w:r>
            <w:r>
              <w:tab/>
            </w:r>
            <w:r>
              <w:tab/>
            </w:r>
            <w:r>
              <w:tab/>
              <w:t>optgroup = readData($optgroup) || {};</w:t>
            </w:r>
          </w:p>
          <w:p w:rsidR="00156FB3" w:rsidRDefault="00156FB3" w:rsidP="00156FB3">
            <w:r>
              <w:tab/>
            </w:r>
            <w:r>
              <w:tab/>
            </w:r>
            <w:r>
              <w:tab/>
            </w:r>
            <w:r>
              <w:tab/>
            </w:r>
            <w:r>
              <w:tab/>
              <w:t>optgroup[field_optgroup_label] = id;</w:t>
            </w:r>
          </w:p>
          <w:p w:rsidR="00156FB3" w:rsidRDefault="00156FB3" w:rsidP="00156FB3">
            <w:r>
              <w:tab/>
            </w:r>
            <w:r>
              <w:tab/>
            </w:r>
            <w:r>
              <w:tab/>
            </w:r>
            <w:r>
              <w:tab/>
            </w:r>
            <w:r>
              <w:tab/>
              <w:t>optgroup[field_optgroup_value] = id;</w:t>
            </w:r>
          </w:p>
          <w:p w:rsidR="00156FB3" w:rsidRDefault="00156FB3" w:rsidP="00156FB3">
            <w:r>
              <w:tab/>
            </w:r>
            <w:r>
              <w:tab/>
            </w:r>
            <w:r>
              <w:tab/>
            </w:r>
            <w:r>
              <w:tab/>
            </w:r>
            <w:r>
              <w:tab/>
              <w:t>settings_element.optgroups.push(optgroup);</w:t>
            </w:r>
          </w:p>
          <w:p w:rsidR="00156FB3" w:rsidRDefault="00156FB3" w:rsidP="00156FB3">
            <w:r>
              <w:tab/>
            </w:r>
            <w:r>
              <w:tab/>
            </w:r>
            <w:r>
              <w:tab/>
            </w:r>
            <w:r>
              <w:tab/>
              <w:t>}</w:t>
            </w:r>
          </w:p>
          <w:p w:rsidR="00156FB3" w:rsidRDefault="00156FB3" w:rsidP="00156FB3">
            <w:r>
              <w:tab/>
            </w:r>
          </w:p>
          <w:p w:rsidR="00156FB3" w:rsidRDefault="00156FB3" w:rsidP="00156FB3">
            <w:r>
              <w:tab/>
            </w:r>
            <w:r>
              <w:tab/>
            </w:r>
            <w:r>
              <w:tab/>
            </w:r>
            <w:r>
              <w:tab/>
              <w:t>$options = $('option', $optgroup);</w:t>
            </w:r>
          </w:p>
          <w:p w:rsidR="00156FB3" w:rsidRDefault="00156FB3" w:rsidP="00156FB3">
            <w:r>
              <w:tab/>
            </w:r>
            <w:r>
              <w:tab/>
            </w:r>
            <w:r>
              <w:tab/>
            </w:r>
            <w:r>
              <w:tab/>
              <w:t>for (i = 0, n = $options.length; i &lt; n; i++) {</w:t>
            </w:r>
          </w:p>
          <w:p w:rsidR="00156FB3" w:rsidRDefault="00156FB3" w:rsidP="00156FB3">
            <w:r>
              <w:tab/>
            </w:r>
            <w:r>
              <w:tab/>
            </w:r>
            <w:r>
              <w:tab/>
            </w:r>
            <w:r>
              <w:tab/>
            </w:r>
            <w:r>
              <w:tab/>
              <w:t>addOption($options[i], id);</w:t>
            </w:r>
          </w:p>
          <w:p w:rsidR="00156FB3" w:rsidRDefault="00156FB3" w:rsidP="00156FB3">
            <w:r>
              <w:tab/>
            </w:r>
            <w:r>
              <w:tab/>
            </w:r>
            <w:r>
              <w:tab/>
            </w:r>
            <w:r>
              <w:tab/>
              <w:t>}</w:t>
            </w:r>
          </w:p>
          <w:p w:rsidR="00156FB3" w:rsidRDefault="00156FB3" w:rsidP="00156FB3">
            <w:r>
              <w:tab/>
            </w:r>
            <w:r>
              <w:tab/>
            </w:r>
            <w:r>
              <w:tab/>
              <w:t>};</w:t>
            </w:r>
          </w:p>
          <w:p w:rsidR="00156FB3" w:rsidRDefault="00156FB3" w:rsidP="00156FB3">
            <w:r>
              <w:tab/>
            </w:r>
          </w:p>
          <w:p w:rsidR="00156FB3" w:rsidRDefault="00156FB3" w:rsidP="00156FB3">
            <w:r>
              <w:tab/>
            </w:r>
            <w:r>
              <w:tab/>
            </w:r>
            <w:r>
              <w:tab/>
              <w:t>settings_element.maxItems = $input.attr('multiple') ? null : 1;</w:t>
            </w:r>
          </w:p>
          <w:p w:rsidR="00156FB3" w:rsidRDefault="00156FB3" w:rsidP="00156FB3">
            <w:r>
              <w:tab/>
            </w:r>
          </w:p>
          <w:p w:rsidR="00156FB3" w:rsidRDefault="00156FB3" w:rsidP="00156FB3">
            <w:r>
              <w:tab/>
            </w:r>
            <w:r>
              <w:tab/>
            </w:r>
            <w:r>
              <w:tab/>
              <w:t>$children = $input.children();</w:t>
            </w:r>
          </w:p>
          <w:p w:rsidR="00156FB3" w:rsidRDefault="00156FB3" w:rsidP="00156FB3">
            <w:r>
              <w:tab/>
            </w:r>
            <w:r>
              <w:tab/>
            </w:r>
            <w:r>
              <w:tab/>
              <w:t>for (i = 0, n = $children.length; i &lt; n; i++) {</w:t>
            </w:r>
          </w:p>
          <w:p w:rsidR="00156FB3" w:rsidRDefault="00156FB3" w:rsidP="00156FB3">
            <w:r>
              <w:tab/>
            </w:r>
            <w:r>
              <w:tab/>
            </w:r>
            <w:r>
              <w:tab/>
            </w:r>
            <w:r>
              <w:tab/>
              <w:t>tagName = $children[i].tagName.toLowerCase();</w:t>
            </w:r>
          </w:p>
          <w:p w:rsidR="00156FB3" w:rsidRDefault="00156FB3" w:rsidP="00156FB3">
            <w:r>
              <w:tab/>
            </w:r>
            <w:r>
              <w:tab/>
            </w:r>
            <w:r>
              <w:tab/>
            </w:r>
            <w:r>
              <w:tab/>
              <w:t>if (tagName === 'optgroup') {</w:t>
            </w:r>
          </w:p>
          <w:p w:rsidR="00156FB3" w:rsidRDefault="00156FB3" w:rsidP="00156FB3">
            <w:r>
              <w:tab/>
            </w:r>
            <w:r>
              <w:tab/>
            </w:r>
            <w:r>
              <w:tab/>
            </w:r>
            <w:r>
              <w:tab/>
            </w:r>
            <w:r>
              <w:tab/>
              <w:t>addGroup($children[i]);</w:t>
            </w:r>
          </w:p>
          <w:p w:rsidR="00156FB3" w:rsidRDefault="00156FB3" w:rsidP="00156FB3">
            <w:r>
              <w:tab/>
            </w:r>
            <w:r>
              <w:tab/>
            </w:r>
            <w:r>
              <w:tab/>
            </w:r>
            <w:r>
              <w:tab/>
              <w:t>} else if (tagName === 'option') {</w:t>
            </w:r>
          </w:p>
          <w:p w:rsidR="00156FB3" w:rsidRDefault="00156FB3" w:rsidP="00156FB3">
            <w:r>
              <w:tab/>
            </w:r>
            <w:r>
              <w:tab/>
            </w:r>
            <w:r>
              <w:tab/>
            </w:r>
            <w:r>
              <w:tab/>
            </w:r>
            <w:r>
              <w:tab/>
              <w:t>addOption($children[i]);</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return this.each(function() {</w:t>
            </w:r>
          </w:p>
          <w:p w:rsidR="00156FB3" w:rsidRDefault="00156FB3" w:rsidP="00156FB3">
            <w:r>
              <w:tab/>
            </w:r>
            <w:r>
              <w:tab/>
            </w:r>
            <w:r>
              <w:tab/>
              <w:t>if (this.selectize) return;</w:t>
            </w:r>
          </w:p>
          <w:p w:rsidR="00156FB3" w:rsidRDefault="00156FB3" w:rsidP="00156FB3">
            <w:r>
              <w:tab/>
            </w:r>
          </w:p>
          <w:p w:rsidR="00156FB3" w:rsidRDefault="00156FB3" w:rsidP="00156FB3">
            <w:r>
              <w:tab/>
            </w:r>
            <w:r>
              <w:tab/>
            </w:r>
            <w:r>
              <w:tab/>
              <w:t>var instance;</w:t>
            </w:r>
          </w:p>
          <w:p w:rsidR="00156FB3" w:rsidRDefault="00156FB3" w:rsidP="00156FB3">
            <w:r>
              <w:tab/>
            </w:r>
            <w:r>
              <w:tab/>
            </w:r>
            <w:r>
              <w:tab/>
              <w:t>var $input = $(this);</w:t>
            </w:r>
          </w:p>
          <w:p w:rsidR="00156FB3" w:rsidRDefault="00156FB3" w:rsidP="00156FB3">
            <w:r>
              <w:tab/>
            </w:r>
            <w:r>
              <w:tab/>
            </w:r>
            <w:r>
              <w:tab/>
              <w:t>var tag_name = this.tagName.toLowerCase();</w:t>
            </w:r>
          </w:p>
          <w:p w:rsidR="00156FB3" w:rsidRDefault="00156FB3" w:rsidP="00156FB3">
            <w:r>
              <w:tab/>
            </w:r>
            <w:r>
              <w:tab/>
            </w:r>
            <w:r>
              <w:tab/>
              <w:t>var placeholder = $input.attr('placeholder') || $input.attr('data-placeholder');</w:t>
            </w:r>
          </w:p>
          <w:p w:rsidR="00156FB3" w:rsidRDefault="00156FB3" w:rsidP="00156FB3">
            <w:r>
              <w:tab/>
            </w:r>
            <w:r>
              <w:tab/>
            </w:r>
            <w:r>
              <w:tab/>
              <w:t>if (!placeholder &amp;&amp; !settings.allowEmptyOption) {</w:t>
            </w:r>
          </w:p>
          <w:p w:rsidR="00156FB3" w:rsidRDefault="00156FB3" w:rsidP="00156FB3">
            <w:r>
              <w:tab/>
            </w:r>
            <w:r>
              <w:tab/>
            </w:r>
            <w:r>
              <w:tab/>
            </w:r>
            <w:r>
              <w:tab/>
              <w:t>placeholder = $input.children('option[value=""]').text();</w:t>
            </w:r>
          </w:p>
          <w:p w:rsidR="00156FB3" w:rsidRDefault="00156FB3" w:rsidP="00156FB3">
            <w:r>
              <w:tab/>
            </w:r>
            <w:r>
              <w:tab/>
            </w:r>
            <w:r>
              <w:tab/>
              <w:t>}</w:t>
            </w:r>
          </w:p>
          <w:p w:rsidR="00156FB3" w:rsidRDefault="00156FB3" w:rsidP="00156FB3">
            <w:r>
              <w:tab/>
            </w:r>
          </w:p>
          <w:p w:rsidR="00156FB3" w:rsidRDefault="00156FB3" w:rsidP="00156FB3">
            <w:r>
              <w:lastRenderedPageBreak/>
              <w:tab/>
            </w:r>
            <w:r>
              <w:tab/>
            </w:r>
            <w:r>
              <w:tab/>
              <w:t>var settings_element = {</w:t>
            </w:r>
          </w:p>
          <w:p w:rsidR="00156FB3" w:rsidRDefault="00156FB3" w:rsidP="00156FB3">
            <w:r>
              <w:tab/>
            </w:r>
            <w:r>
              <w:tab/>
            </w:r>
            <w:r>
              <w:tab/>
            </w:r>
            <w:r>
              <w:tab/>
              <w:t>'placeholder' : placeholder,</w:t>
            </w:r>
          </w:p>
          <w:p w:rsidR="00156FB3" w:rsidRDefault="00156FB3" w:rsidP="00156FB3">
            <w:r>
              <w:tab/>
            </w:r>
            <w:r>
              <w:tab/>
            </w:r>
            <w:r>
              <w:tab/>
            </w:r>
            <w:r>
              <w:tab/>
              <w:t>'options'     : [],</w:t>
            </w:r>
          </w:p>
          <w:p w:rsidR="00156FB3" w:rsidRDefault="00156FB3" w:rsidP="00156FB3">
            <w:r>
              <w:tab/>
            </w:r>
            <w:r>
              <w:tab/>
            </w:r>
            <w:r>
              <w:tab/>
            </w:r>
            <w:r>
              <w:tab/>
              <w:t>'optgroups'   : [],</w:t>
            </w:r>
          </w:p>
          <w:p w:rsidR="00156FB3" w:rsidRDefault="00156FB3" w:rsidP="00156FB3">
            <w:r>
              <w:tab/>
            </w:r>
            <w:r>
              <w:tab/>
            </w:r>
            <w:r>
              <w:tab/>
            </w:r>
            <w:r>
              <w:tab/>
              <w:t>'items'       : []</w:t>
            </w:r>
          </w:p>
          <w:p w:rsidR="00156FB3" w:rsidRDefault="00156FB3" w:rsidP="00156FB3">
            <w:r>
              <w:tab/>
            </w:r>
            <w:r>
              <w:tab/>
            </w:r>
            <w:r>
              <w:tab/>
              <w:t>};</w:t>
            </w:r>
          </w:p>
          <w:p w:rsidR="00156FB3" w:rsidRDefault="00156FB3" w:rsidP="00156FB3">
            <w:r>
              <w:tab/>
            </w:r>
          </w:p>
          <w:p w:rsidR="00156FB3" w:rsidRDefault="00156FB3" w:rsidP="00156FB3">
            <w:r>
              <w:tab/>
            </w:r>
            <w:r>
              <w:tab/>
            </w:r>
            <w:r>
              <w:tab/>
              <w:t>if (tag_name === 'select') {</w:t>
            </w:r>
          </w:p>
          <w:p w:rsidR="00156FB3" w:rsidRDefault="00156FB3" w:rsidP="00156FB3">
            <w:r>
              <w:tab/>
            </w:r>
            <w:r>
              <w:tab/>
            </w:r>
            <w:r>
              <w:tab/>
            </w:r>
            <w:r>
              <w:tab/>
              <w:t>init_select($input, settings_element);</w:t>
            </w:r>
          </w:p>
          <w:p w:rsidR="00156FB3" w:rsidRDefault="00156FB3" w:rsidP="00156FB3">
            <w:r>
              <w:tab/>
            </w:r>
            <w:r>
              <w:tab/>
            </w:r>
            <w:r>
              <w:tab/>
              <w:t>} else {</w:t>
            </w:r>
          </w:p>
          <w:p w:rsidR="00156FB3" w:rsidRDefault="00156FB3" w:rsidP="00156FB3">
            <w:r>
              <w:tab/>
            </w:r>
            <w:r>
              <w:tab/>
            </w:r>
            <w:r>
              <w:tab/>
            </w:r>
            <w:r>
              <w:tab/>
              <w:t>init_textbox($input, settings_element);</w:t>
            </w:r>
          </w:p>
          <w:p w:rsidR="00156FB3" w:rsidRDefault="00156FB3" w:rsidP="00156FB3">
            <w:r>
              <w:tab/>
            </w:r>
            <w:r>
              <w:tab/>
            </w:r>
            <w:r>
              <w:tab/>
              <w:t>}</w:t>
            </w:r>
          </w:p>
          <w:p w:rsidR="00156FB3" w:rsidRDefault="00156FB3" w:rsidP="00156FB3">
            <w:r>
              <w:tab/>
            </w:r>
          </w:p>
          <w:p w:rsidR="00156FB3" w:rsidRDefault="00156FB3" w:rsidP="00156FB3">
            <w:r>
              <w:tab/>
            </w:r>
            <w:r>
              <w:tab/>
            </w:r>
            <w:r>
              <w:tab/>
              <w:t>instance = new Selectize($input, $.extend(true, {}, defaults, settings_element, settings_user));</w:t>
            </w:r>
          </w:p>
          <w:p w:rsidR="00156FB3" w:rsidRDefault="00156FB3" w:rsidP="00156FB3">
            <w:r>
              <w:tab/>
            </w:r>
            <w:r>
              <w:tab/>
              <w:t>});</w:t>
            </w:r>
          </w:p>
          <w:p w:rsidR="00156FB3" w:rsidRDefault="00156FB3" w:rsidP="00156FB3">
            <w:r>
              <w:tab/>
              <w:t>};</w:t>
            </w:r>
          </w:p>
          <w:p w:rsidR="00156FB3" w:rsidRDefault="00156FB3" w:rsidP="00156FB3">
            <w:r>
              <w:tab/>
            </w:r>
          </w:p>
          <w:p w:rsidR="00156FB3" w:rsidRDefault="00156FB3" w:rsidP="00156FB3">
            <w:r>
              <w:tab/>
              <w:t>$.fn.selectize.defaults = Selectize.defaults;</w:t>
            </w:r>
          </w:p>
          <w:p w:rsidR="00156FB3" w:rsidRDefault="00156FB3" w:rsidP="00156FB3">
            <w:r>
              <w:tab/>
              <w:t>$.fn.selectize.support = {</w:t>
            </w:r>
          </w:p>
          <w:p w:rsidR="00156FB3" w:rsidRDefault="00156FB3" w:rsidP="00156FB3">
            <w:r>
              <w:tab/>
            </w:r>
            <w:r>
              <w:tab/>
              <w:t>validity: SUPPORTS_VALIDITY_API</w:t>
            </w:r>
          </w:p>
          <w:p w:rsidR="00156FB3" w:rsidRDefault="00156FB3" w:rsidP="00156FB3">
            <w:r>
              <w:tab/>
              <w:t>};</w:t>
            </w:r>
          </w:p>
          <w:p w:rsidR="00156FB3" w:rsidRDefault="00156FB3" w:rsidP="00156FB3">
            <w:r>
              <w:tab/>
            </w:r>
          </w:p>
          <w:p w:rsidR="00156FB3" w:rsidRDefault="00156FB3" w:rsidP="00156FB3">
            <w:r>
              <w:tab/>
            </w:r>
          </w:p>
          <w:p w:rsidR="00156FB3" w:rsidRDefault="00156FB3" w:rsidP="00156FB3">
            <w:r>
              <w:tab/>
              <w:t>Selectize.define('drag_drop', function(options) {</w:t>
            </w:r>
          </w:p>
          <w:p w:rsidR="00156FB3" w:rsidRDefault="00156FB3" w:rsidP="00156FB3">
            <w:r>
              <w:tab/>
            </w:r>
            <w:r>
              <w:tab/>
              <w:t>if (!$.fn.sortable) throw new Error('The "drag_drop" plugin requires jQuery UI "sortable".');</w:t>
            </w:r>
          </w:p>
          <w:p w:rsidR="00156FB3" w:rsidRDefault="00156FB3" w:rsidP="00156FB3">
            <w:r>
              <w:tab/>
            </w:r>
            <w:r>
              <w:tab/>
              <w:t>if (this.settings.mode !== 'multi') return;</w:t>
            </w:r>
          </w:p>
          <w:p w:rsidR="00156FB3" w:rsidRDefault="00156FB3" w:rsidP="00156FB3">
            <w:r>
              <w:tab/>
            </w:r>
            <w:r>
              <w:tab/>
              <w:t>var self = this;</w:t>
            </w:r>
          </w:p>
          <w:p w:rsidR="00156FB3" w:rsidRDefault="00156FB3" w:rsidP="00156FB3">
            <w:r>
              <w:tab/>
            </w:r>
          </w:p>
          <w:p w:rsidR="00156FB3" w:rsidRDefault="00156FB3" w:rsidP="00156FB3">
            <w:r>
              <w:tab/>
            </w:r>
            <w:r>
              <w:tab/>
              <w:t>self.lock = (function() {</w:t>
            </w:r>
          </w:p>
          <w:p w:rsidR="00156FB3" w:rsidRDefault="00156FB3" w:rsidP="00156FB3">
            <w:r>
              <w:tab/>
            </w:r>
            <w:r>
              <w:tab/>
            </w:r>
            <w:r>
              <w:tab/>
              <w:t>var original = self.lock;</w:t>
            </w:r>
          </w:p>
          <w:p w:rsidR="00156FB3" w:rsidRDefault="00156FB3" w:rsidP="00156FB3">
            <w:r>
              <w:tab/>
            </w:r>
            <w:r>
              <w:tab/>
            </w:r>
            <w:r>
              <w:tab/>
              <w:t>return function() {</w:t>
            </w:r>
          </w:p>
          <w:p w:rsidR="00156FB3" w:rsidRDefault="00156FB3" w:rsidP="00156FB3">
            <w:r>
              <w:tab/>
            </w:r>
            <w:r>
              <w:tab/>
            </w:r>
            <w:r>
              <w:tab/>
            </w:r>
            <w:r>
              <w:tab/>
              <w:t>var sortable = self.$control.data('sortable');</w:t>
            </w:r>
          </w:p>
          <w:p w:rsidR="00156FB3" w:rsidRDefault="00156FB3" w:rsidP="00156FB3">
            <w:r>
              <w:tab/>
            </w:r>
            <w:r>
              <w:tab/>
            </w:r>
            <w:r>
              <w:tab/>
            </w:r>
            <w:r>
              <w:tab/>
              <w:t>if (sortable) sortable.disable();</w:t>
            </w:r>
          </w:p>
          <w:p w:rsidR="00156FB3" w:rsidRDefault="00156FB3" w:rsidP="00156FB3">
            <w:r>
              <w:tab/>
            </w:r>
            <w:r>
              <w:tab/>
            </w:r>
            <w:r>
              <w:tab/>
            </w:r>
            <w:r>
              <w:tab/>
              <w:t>return original.apply(self, arguments);</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self.unlock = (function() {</w:t>
            </w:r>
          </w:p>
          <w:p w:rsidR="00156FB3" w:rsidRDefault="00156FB3" w:rsidP="00156FB3">
            <w:r>
              <w:tab/>
            </w:r>
            <w:r>
              <w:tab/>
            </w:r>
            <w:r>
              <w:tab/>
              <w:t>var original = self.unlock;</w:t>
            </w:r>
          </w:p>
          <w:p w:rsidR="00156FB3" w:rsidRDefault="00156FB3" w:rsidP="00156FB3">
            <w:r>
              <w:tab/>
            </w:r>
            <w:r>
              <w:tab/>
            </w:r>
            <w:r>
              <w:tab/>
              <w:t>return function() {</w:t>
            </w:r>
          </w:p>
          <w:p w:rsidR="00156FB3" w:rsidRDefault="00156FB3" w:rsidP="00156FB3">
            <w:r>
              <w:tab/>
            </w:r>
            <w:r>
              <w:tab/>
            </w:r>
            <w:r>
              <w:tab/>
            </w:r>
            <w:r>
              <w:tab/>
              <w:t>var sortable = self.$control.data('sortable');</w:t>
            </w:r>
          </w:p>
          <w:p w:rsidR="00156FB3" w:rsidRDefault="00156FB3" w:rsidP="00156FB3">
            <w:r>
              <w:tab/>
            </w:r>
            <w:r>
              <w:tab/>
            </w:r>
            <w:r>
              <w:tab/>
            </w:r>
            <w:r>
              <w:tab/>
              <w:t>if (sortable) sortable.enable();</w:t>
            </w:r>
          </w:p>
          <w:p w:rsidR="00156FB3" w:rsidRDefault="00156FB3" w:rsidP="00156FB3">
            <w:r>
              <w:tab/>
            </w:r>
            <w:r>
              <w:tab/>
            </w:r>
            <w:r>
              <w:tab/>
            </w:r>
            <w:r>
              <w:tab/>
              <w:t>return original.apply(self, arguments);</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lastRenderedPageBreak/>
              <w:tab/>
            </w:r>
            <w:r>
              <w:tab/>
              <w:t>self.setup = (function() {</w:t>
            </w:r>
          </w:p>
          <w:p w:rsidR="00156FB3" w:rsidRDefault="00156FB3" w:rsidP="00156FB3">
            <w:r>
              <w:tab/>
            </w:r>
            <w:r>
              <w:tab/>
            </w:r>
            <w:r>
              <w:tab/>
              <w:t>var original = self.setup;</w:t>
            </w:r>
          </w:p>
          <w:p w:rsidR="00156FB3" w:rsidRDefault="00156FB3" w:rsidP="00156FB3">
            <w:r>
              <w:tab/>
            </w:r>
            <w:r>
              <w:tab/>
            </w:r>
            <w:r>
              <w:tab/>
              <w:t>return function() {</w:t>
            </w:r>
          </w:p>
          <w:p w:rsidR="00156FB3" w:rsidRDefault="00156FB3" w:rsidP="00156FB3">
            <w:r>
              <w:tab/>
            </w:r>
            <w:r>
              <w:tab/>
            </w:r>
            <w:r>
              <w:tab/>
            </w:r>
            <w:r>
              <w:tab/>
              <w:t>original.apply(this, arguments);</w:t>
            </w:r>
          </w:p>
          <w:p w:rsidR="00156FB3" w:rsidRDefault="00156FB3" w:rsidP="00156FB3">
            <w:r>
              <w:tab/>
            </w:r>
          </w:p>
          <w:p w:rsidR="00156FB3" w:rsidRDefault="00156FB3" w:rsidP="00156FB3">
            <w:r>
              <w:tab/>
            </w:r>
            <w:r>
              <w:tab/>
            </w:r>
            <w:r>
              <w:tab/>
            </w:r>
            <w:r>
              <w:tab/>
              <w:t>var $control = self.$control.sortable({</w:t>
            </w:r>
          </w:p>
          <w:p w:rsidR="00156FB3" w:rsidRDefault="00156FB3" w:rsidP="00156FB3">
            <w:r>
              <w:tab/>
            </w:r>
            <w:r>
              <w:tab/>
            </w:r>
            <w:r>
              <w:tab/>
            </w:r>
            <w:r>
              <w:tab/>
            </w:r>
            <w:r>
              <w:tab/>
              <w:t>items: '[data-value]',</w:t>
            </w:r>
          </w:p>
          <w:p w:rsidR="00156FB3" w:rsidRDefault="00156FB3" w:rsidP="00156FB3">
            <w:r>
              <w:tab/>
            </w:r>
            <w:r>
              <w:tab/>
            </w:r>
            <w:r>
              <w:tab/>
            </w:r>
            <w:r>
              <w:tab/>
            </w:r>
            <w:r>
              <w:tab/>
              <w:t>forcePlaceholderSize: true,</w:t>
            </w:r>
          </w:p>
          <w:p w:rsidR="00156FB3" w:rsidRDefault="00156FB3" w:rsidP="00156FB3">
            <w:r>
              <w:tab/>
            </w:r>
            <w:r>
              <w:tab/>
            </w:r>
            <w:r>
              <w:tab/>
            </w:r>
            <w:r>
              <w:tab/>
            </w:r>
            <w:r>
              <w:tab/>
              <w:t>disabled: self.isLocked,</w:t>
            </w:r>
          </w:p>
          <w:p w:rsidR="00156FB3" w:rsidRDefault="00156FB3" w:rsidP="00156FB3">
            <w:r>
              <w:tab/>
            </w:r>
            <w:r>
              <w:tab/>
            </w:r>
            <w:r>
              <w:tab/>
            </w:r>
            <w:r>
              <w:tab/>
            </w:r>
            <w:r>
              <w:tab/>
              <w:t>start: function(e, ui) {</w:t>
            </w:r>
          </w:p>
          <w:p w:rsidR="00156FB3" w:rsidRDefault="00156FB3" w:rsidP="00156FB3">
            <w:r>
              <w:tab/>
            </w:r>
            <w:r>
              <w:tab/>
            </w:r>
            <w:r>
              <w:tab/>
            </w:r>
            <w:r>
              <w:tab/>
            </w:r>
            <w:r>
              <w:tab/>
            </w:r>
            <w:r>
              <w:tab/>
              <w:t>ui.placeholder.css('width', ui.helper.css('width'));</w:t>
            </w:r>
          </w:p>
          <w:p w:rsidR="00156FB3" w:rsidRDefault="00156FB3" w:rsidP="00156FB3">
            <w:r>
              <w:tab/>
            </w:r>
            <w:r>
              <w:tab/>
            </w:r>
            <w:r>
              <w:tab/>
            </w:r>
            <w:r>
              <w:tab/>
            </w:r>
            <w:r>
              <w:tab/>
            </w:r>
            <w:r>
              <w:tab/>
              <w:t>$control.css({overflow: 'visible'});</w:t>
            </w:r>
          </w:p>
          <w:p w:rsidR="00156FB3" w:rsidRDefault="00156FB3" w:rsidP="00156FB3">
            <w:r>
              <w:tab/>
            </w:r>
            <w:r>
              <w:tab/>
            </w:r>
            <w:r>
              <w:tab/>
            </w:r>
            <w:r>
              <w:tab/>
            </w:r>
            <w:r>
              <w:tab/>
              <w:t>},</w:t>
            </w:r>
          </w:p>
          <w:p w:rsidR="00156FB3" w:rsidRDefault="00156FB3" w:rsidP="00156FB3">
            <w:r>
              <w:tab/>
            </w:r>
            <w:r>
              <w:tab/>
            </w:r>
            <w:r>
              <w:tab/>
            </w:r>
            <w:r>
              <w:tab/>
            </w:r>
            <w:r>
              <w:tab/>
              <w:t>stop: function() {</w:t>
            </w:r>
          </w:p>
          <w:p w:rsidR="00156FB3" w:rsidRDefault="00156FB3" w:rsidP="00156FB3">
            <w:r>
              <w:tab/>
            </w:r>
            <w:r>
              <w:tab/>
            </w:r>
            <w:r>
              <w:tab/>
            </w:r>
            <w:r>
              <w:tab/>
            </w:r>
            <w:r>
              <w:tab/>
            </w:r>
            <w:r>
              <w:tab/>
              <w:t>$control.css({overflow: 'hidden'});</w:t>
            </w:r>
          </w:p>
          <w:p w:rsidR="00156FB3" w:rsidRDefault="00156FB3" w:rsidP="00156FB3">
            <w:r>
              <w:tab/>
            </w:r>
            <w:r>
              <w:tab/>
            </w:r>
            <w:r>
              <w:tab/>
            </w:r>
            <w:r>
              <w:tab/>
            </w:r>
            <w:r>
              <w:tab/>
            </w:r>
            <w:r>
              <w:tab/>
              <w:t>var active = self.$activeItems ? self.$activeItems.slice() : null;</w:t>
            </w:r>
          </w:p>
          <w:p w:rsidR="00156FB3" w:rsidRDefault="00156FB3" w:rsidP="00156FB3">
            <w:r>
              <w:tab/>
            </w:r>
            <w:r>
              <w:tab/>
            </w:r>
            <w:r>
              <w:tab/>
            </w:r>
            <w:r>
              <w:tab/>
            </w:r>
            <w:r>
              <w:tab/>
            </w:r>
            <w:r>
              <w:tab/>
              <w:t>var values = [];</w:t>
            </w:r>
          </w:p>
          <w:p w:rsidR="00156FB3" w:rsidRDefault="00156FB3" w:rsidP="00156FB3">
            <w:r>
              <w:tab/>
            </w:r>
            <w:r>
              <w:tab/>
            </w:r>
            <w:r>
              <w:tab/>
            </w:r>
            <w:r>
              <w:tab/>
            </w:r>
            <w:r>
              <w:tab/>
            </w:r>
            <w:r>
              <w:tab/>
              <w:t>$control.children('[data-value]').each(function() {</w:t>
            </w:r>
          </w:p>
          <w:p w:rsidR="00156FB3" w:rsidRDefault="00156FB3" w:rsidP="00156FB3">
            <w:r>
              <w:tab/>
            </w:r>
            <w:r>
              <w:tab/>
            </w:r>
            <w:r>
              <w:tab/>
            </w:r>
            <w:r>
              <w:tab/>
            </w:r>
            <w:r>
              <w:tab/>
            </w:r>
            <w:r>
              <w:tab/>
            </w:r>
            <w:r>
              <w:tab/>
              <w:t>values.push($(this).attr('data-value'));</w:t>
            </w:r>
          </w:p>
          <w:p w:rsidR="00156FB3" w:rsidRDefault="00156FB3" w:rsidP="00156FB3">
            <w:r>
              <w:tab/>
            </w:r>
            <w:r>
              <w:tab/>
            </w:r>
            <w:r>
              <w:tab/>
            </w:r>
            <w:r>
              <w:tab/>
            </w:r>
            <w:r>
              <w:tab/>
            </w:r>
            <w:r>
              <w:tab/>
              <w:t>});</w:t>
            </w:r>
          </w:p>
          <w:p w:rsidR="00156FB3" w:rsidRDefault="00156FB3" w:rsidP="00156FB3">
            <w:r>
              <w:tab/>
            </w:r>
            <w:r>
              <w:tab/>
            </w:r>
            <w:r>
              <w:tab/>
            </w:r>
            <w:r>
              <w:tab/>
            </w:r>
            <w:r>
              <w:tab/>
            </w:r>
            <w:r>
              <w:tab/>
              <w:t>self.setValue(values);</w:t>
            </w:r>
          </w:p>
          <w:p w:rsidR="00156FB3" w:rsidRDefault="00156FB3" w:rsidP="00156FB3">
            <w:r>
              <w:tab/>
            </w:r>
            <w:r>
              <w:tab/>
            </w:r>
            <w:r>
              <w:tab/>
            </w:r>
            <w:r>
              <w:tab/>
            </w:r>
            <w:r>
              <w:tab/>
            </w:r>
            <w:r>
              <w:tab/>
              <w:t>self.setActiveItem(active);</w:t>
            </w:r>
          </w:p>
          <w:p w:rsidR="00156FB3" w:rsidRDefault="00156FB3" w:rsidP="00156FB3">
            <w:r>
              <w:tab/>
            </w:r>
            <w:r>
              <w:tab/>
            </w:r>
            <w:r>
              <w:tab/>
            </w:r>
            <w:r>
              <w:tab/>
            </w:r>
            <w:r>
              <w:tab/>
              <w:t>}</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t>});</w:t>
            </w:r>
          </w:p>
          <w:p w:rsidR="00156FB3" w:rsidRDefault="00156FB3" w:rsidP="00156FB3">
            <w:r>
              <w:tab/>
            </w:r>
          </w:p>
          <w:p w:rsidR="00156FB3" w:rsidRDefault="00156FB3" w:rsidP="00156FB3">
            <w:r>
              <w:tab/>
              <w:t>Selectize.define('dropdown_header', function(options) {</w:t>
            </w:r>
          </w:p>
          <w:p w:rsidR="00156FB3" w:rsidRDefault="00156FB3" w:rsidP="00156FB3">
            <w:r>
              <w:tab/>
            </w:r>
            <w:r>
              <w:tab/>
              <w:t>var self = this;</w:t>
            </w:r>
          </w:p>
          <w:p w:rsidR="00156FB3" w:rsidRDefault="00156FB3" w:rsidP="00156FB3">
            <w:r>
              <w:tab/>
            </w:r>
          </w:p>
          <w:p w:rsidR="00156FB3" w:rsidRDefault="00156FB3" w:rsidP="00156FB3">
            <w:r>
              <w:tab/>
            </w:r>
            <w:r>
              <w:tab/>
              <w:t>options = $.extend({</w:t>
            </w:r>
          </w:p>
          <w:p w:rsidR="00156FB3" w:rsidRDefault="00156FB3" w:rsidP="00156FB3">
            <w:r>
              <w:tab/>
            </w:r>
            <w:r>
              <w:tab/>
            </w:r>
            <w:r>
              <w:tab/>
              <w:t>title         : 'Untitled',</w:t>
            </w:r>
          </w:p>
          <w:p w:rsidR="00156FB3" w:rsidRDefault="00156FB3" w:rsidP="00156FB3">
            <w:r>
              <w:tab/>
            </w:r>
            <w:r>
              <w:tab/>
            </w:r>
            <w:r>
              <w:tab/>
              <w:t>headerClass   : 'selectize-dropdown-header',</w:t>
            </w:r>
          </w:p>
          <w:p w:rsidR="00156FB3" w:rsidRDefault="00156FB3" w:rsidP="00156FB3">
            <w:r>
              <w:tab/>
            </w:r>
            <w:r>
              <w:tab/>
            </w:r>
            <w:r>
              <w:tab/>
              <w:t>titleRowClass : 'selectize-dropdown-header-title',</w:t>
            </w:r>
          </w:p>
          <w:p w:rsidR="00156FB3" w:rsidRDefault="00156FB3" w:rsidP="00156FB3">
            <w:r>
              <w:tab/>
            </w:r>
            <w:r>
              <w:tab/>
            </w:r>
            <w:r>
              <w:tab/>
              <w:t>labelClass    : 'selectize-dropdown-header-label',</w:t>
            </w:r>
          </w:p>
          <w:p w:rsidR="00156FB3" w:rsidRDefault="00156FB3" w:rsidP="00156FB3">
            <w:r>
              <w:tab/>
            </w:r>
            <w:r>
              <w:tab/>
            </w:r>
            <w:r>
              <w:tab/>
              <w:t>closeClass    : 'selectize-dropdown-header-close',</w:t>
            </w:r>
          </w:p>
          <w:p w:rsidR="00156FB3" w:rsidRDefault="00156FB3" w:rsidP="00156FB3">
            <w:r>
              <w:tab/>
            </w:r>
          </w:p>
          <w:p w:rsidR="00156FB3" w:rsidRDefault="00156FB3" w:rsidP="00156FB3">
            <w:r>
              <w:tab/>
            </w:r>
            <w:r>
              <w:tab/>
            </w:r>
            <w:r>
              <w:tab/>
              <w:t>html: function(data) {</w:t>
            </w:r>
          </w:p>
          <w:p w:rsidR="00156FB3" w:rsidRDefault="00156FB3" w:rsidP="00156FB3">
            <w:r>
              <w:tab/>
            </w:r>
            <w:r>
              <w:tab/>
            </w:r>
            <w:r>
              <w:tab/>
            </w:r>
            <w:r>
              <w:tab/>
              <w:t>return (</w:t>
            </w:r>
          </w:p>
          <w:p w:rsidR="00156FB3" w:rsidRDefault="00156FB3" w:rsidP="00156FB3">
            <w:r>
              <w:tab/>
            </w:r>
            <w:r>
              <w:tab/>
            </w:r>
            <w:r>
              <w:tab/>
            </w:r>
            <w:r>
              <w:tab/>
            </w:r>
            <w:r>
              <w:tab/>
              <w:t>'&lt;div class="' + data.headerClass + '"&gt;' +</w:t>
            </w:r>
          </w:p>
          <w:p w:rsidR="00156FB3" w:rsidRDefault="00156FB3" w:rsidP="00156FB3">
            <w:r>
              <w:tab/>
            </w:r>
            <w:r>
              <w:tab/>
            </w:r>
            <w:r>
              <w:tab/>
            </w:r>
            <w:r>
              <w:tab/>
            </w:r>
            <w:r>
              <w:tab/>
            </w:r>
            <w:r>
              <w:tab/>
              <w:t>'&lt;div class="' + data.titleRowClass + '"&gt;' +</w:t>
            </w:r>
          </w:p>
          <w:p w:rsidR="00156FB3" w:rsidRDefault="00156FB3" w:rsidP="00156FB3">
            <w:r>
              <w:tab/>
            </w:r>
            <w:r>
              <w:tab/>
            </w:r>
            <w:r>
              <w:tab/>
            </w:r>
            <w:r>
              <w:tab/>
            </w:r>
            <w:r>
              <w:tab/>
            </w:r>
            <w:r>
              <w:tab/>
            </w:r>
            <w:r>
              <w:tab/>
              <w:t>'&lt;span class="' + data.labelClass + '"&gt;' + data.title + '&lt;/span&gt;' +</w:t>
            </w:r>
          </w:p>
          <w:p w:rsidR="00156FB3" w:rsidRDefault="00156FB3" w:rsidP="00156FB3">
            <w:r>
              <w:tab/>
            </w:r>
            <w:r>
              <w:tab/>
            </w:r>
            <w:r>
              <w:tab/>
            </w:r>
            <w:r>
              <w:tab/>
            </w:r>
            <w:r>
              <w:tab/>
            </w:r>
            <w:r>
              <w:tab/>
            </w:r>
            <w:r>
              <w:tab/>
              <w:t>'&lt;a href="javascript:void(0)" class="' + data.closeClass + '"&gt;&amp;times;&lt;/a&gt;' +</w:t>
            </w:r>
          </w:p>
          <w:p w:rsidR="00156FB3" w:rsidRDefault="00156FB3" w:rsidP="00156FB3">
            <w:r>
              <w:lastRenderedPageBreak/>
              <w:tab/>
            </w:r>
            <w:r>
              <w:tab/>
            </w:r>
            <w:r>
              <w:tab/>
            </w:r>
            <w:r>
              <w:tab/>
            </w:r>
            <w:r>
              <w:tab/>
            </w:r>
            <w:r>
              <w:tab/>
              <w:t>'&lt;/div&gt;' +</w:t>
            </w:r>
          </w:p>
          <w:p w:rsidR="00156FB3" w:rsidRDefault="00156FB3" w:rsidP="00156FB3">
            <w:r>
              <w:tab/>
            </w:r>
            <w:r>
              <w:tab/>
            </w:r>
            <w:r>
              <w:tab/>
            </w:r>
            <w:r>
              <w:tab/>
            </w:r>
            <w:r>
              <w:tab/>
              <w:t>'&lt;/div&gt;'</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t>}, options);</w:t>
            </w:r>
          </w:p>
          <w:p w:rsidR="00156FB3" w:rsidRDefault="00156FB3" w:rsidP="00156FB3">
            <w:r>
              <w:tab/>
            </w:r>
          </w:p>
          <w:p w:rsidR="00156FB3" w:rsidRDefault="00156FB3" w:rsidP="00156FB3">
            <w:r>
              <w:tab/>
            </w:r>
            <w:r>
              <w:tab/>
              <w:t>self.setup = (function() {</w:t>
            </w:r>
          </w:p>
          <w:p w:rsidR="00156FB3" w:rsidRDefault="00156FB3" w:rsidP="00156FB3">
            <w:r>
              <w:tab/>
            </w:r>
            <w:r>
              <w:tab/>
            </w:r>
            <w:r>
              <w:tab/>
              <w:t>var original = self.setup;</w:t>
            </w:r>
          </w:p>
          <w:p w:rsidR="00156FB3" w:rsidRDefault="00156FB3" w:rsidP="00156FB3">
            <w:r>
              <w:tab/>
            </w:r>
            <w:r>
              <w:tab/>
            </w:r>
            <w:r>
              <w:tab/>
              <w:t>return function() {</w:t>
            </w:r>
          </w:p>
          <w:p w:rsidR="00156FB3" w:rsidRDefault="00156FB3" w:rsidP="00156FB3">
            <w:r>
              <w:tab/>
            </w:r>
            <w:r>
              <w:tab/>
            </w:r>
            <w:r>
              <w:tab/>
            </w:r>
            <w:r>
              <w:tab/>
              <w:t>original.apply(self, arguments);</w:t>
            </w:r>
          </w:p>
          <w:p w:rsidR="00156FB3" w:rsidRDefault="00156FB3" w:rsidP="00156FB3">
            <w:r>
              <w:tab/>
            </w:r>
            <w:r>
              <w:tab/>
            </w:r>
            <w:r>
              <w:tab/>
            </w:r>
            <w:r>
              <w:tab/>
              <w:t>self.$dropdown_header = $(options.html(options));</w:t>
            </w:r>
          </w:p>
          <w:p w:rsidR="00156FB3" w:rsidRDefault="00156FB3" w:rsidP="00156FB3">
            <w:r>
              <w:tab/>
            </w:r>
            <w:r>
              <w:tab/>
            </w:r>
            <w:r>
              <w:tab/>
            </w:r>
            <w:r>
              <w:tab/>
              <w:t>self.$dropdown.prepend(self.$dropdown_header);</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t>});</w:t>
            </w:r>
          </w:p>
          <w:p w:rsidR="00156FB3" w:rsidRDefault="00156FB3" w:rsidP="00156FB3">
            <w:r>
              <w:tab/>
            </w:r>
          </w:p>
          <w:p w:rsidR="00156FB3" w:rsidRDefault="00156FB3" w:rsidP="00156FB3">
            <w:r>
              <w:tab/>
              <w:t>Selectize.define('optgroup_columns', function(options) {</w:t>
            </w:r>
          </w:p>
          <w:p w:rsidR="00156FB3" w:rsidRDefault="00156FB3" w:rsidP="00156FB3">
            <w:r>
              <w:tab/>
            </w:r>
            <w:r>
              <w:tab/>
              <w:t>var self = this;</w:t>
            </w:r>
          </w:p>
          <w:p w:rsidR="00156FB3" w:rsidRDefault="00156FB3" w:rsidP="00156FB3">
            <w:r>
              <w:tab/>
            </w:r>
          </w:p>
          <w:p w:rsidR="00156FB3" w:rsidRDefault="00156FB3" w:rsidP="00156FB3">
            <w:r>
              <w:tab/>
            </w:r>
            <w:r>
              <w:tab/>
              <w:t>options = $.extend({</w:t>
            </w:r>
          </w:p>
          <w:p w:rsidR="00156FB3" w:rsidRDefault="00156FB3" w:rsidP="00156FB3">
            <w:r>
              <w:tab/>
            </w:r>
            <w:r>
              <w:tab/>
            </w:r>
            <w:r>
              <w:tab/>
              <w:t>equalizeWidth  : true,</w:t>
            </w:r>
          </w:p>
          <w:p w:rsidR="00156FB3" w:rsidRDefault="00156FB3" w:rsidP="00156FB3">
            <w:r>
              <w:tab/>
            </w:r>
            <w:r>
              <w:tab/>
            </w:r>
            <w:r>
              <w:tab/>
              <w:t>equalizeHeight : true</w:t>
            </w:r>
          </w:p>
          <w:p w:rsidR="00156FB3" w:rsidRDefault="00156FB3" w:rsidP="00156FB3">
            <w:r>
              <w:tab/>
            </w:r>
            <w:r>
              <w:tab/>
              <w:t>}, options);</w:t>
            </w:r>
          </w:p>
          <w:p w:rsidR="00156FB3" w:rsidRDefault="00156FB3" w:rsidP="00156FB3">
            <w:r>
              <w:tab/>
            </w:r>
          </w:p>
          <w:p w:rsidR="00156FB3" w:rsidRDefault="00156FB3" w:rsidP="00156FB3">
            <w:r>
              <w:tab/>
            </w:r>
            <w:r>
              <w:tab/>
              <w:t>this.getAdjacentOption = function($option, direction) {</w:t>
            </w:r>
          </w:p>
          <w:p w:rsidR="00156FB3" w:rsidRDefault="00156FB3" w:rsidP="00156FB3">
            <w:r>
              <w:tab/>
            </w:r>
            <w:r>
              <w:tab/>
            </w:r>
            <w:r>
              <w:tab/>
              <w:t>var $options = $option.closest('[data-group]').find('[data-selectable]');</w:t>
            </w:r>
          </w:p>
          <w:p w:rsidR="00156FB3" w:rsidRDefault="00156FB3" w:rsidP="00156FB3">
            <w:r>
              <w:tab/>
            </w:r>
            <w:r>
              <w:tab/>
            </w:r>
            <w:r>
              <w:tab/>
              <w:t>var index    = $options.index($option) + direction;</w:t>
            </w:r>
          </w:p>
          <w:p w:rsidR="00156FB3" w:rsidRDefault="00156FB3" w:rsidP="00156FB3">
            <w:r>
              <w:tab/>
            </w:r>
          </w:p>
          <w:p w:rsidR="00156FB3" w:rsidRDefault="00156FB3" w:rsidP="00156FB3">
            <w:r>
              <w:tab/>
            </w:r>
            <w:r>
              <w:tab/>
            </w:r>
            <w:r>
              <w:tab/>
              <w:t>return index &gt;= 0 &amp;&amp; index &lt; $options.length ? $options.eq(index) : $();</w:t>
            </w:r>
          </w:p>
          <w:p w:rsidR="00156FB3" w:rsidRDefault="00156FB3" w:rsidP="00156FB3">
            <w:r>
              <w:tab/>
            </w:r>
            <w:r>
              <w:tab/>
              <w:t>};</w:t>
            </w:r>
          </w:p>
          <w:p w:rsidR="00156FB3" w:rsidRDefault="00156FB3" w:rsidP="00156FB3">
            <w:r>
              <w:tab/>
            </w:r>
          </w:p>
          <w:p w:rsidR="00156FB3" w:rsidRDefault="00156FB3" w:rsidP="00156FB3">
            <w:r>
              <w:tab/>
            </w:r>
            <w:r>
              <w:tab/>
              <w:t>this.onKeyDown = (function() {</w:t>
            </w:r>
          </w:p>
          <w:p w:rsidR="00156FB3" w:rsidRDefault="00156FB3" w:rsidP="00156FB3">
            <w:r>
              <w:tab/>
            </w:r>
            <w:r>
              <w:tab/>
            </w:r>
            <w:r>
              <w:tab/>
              <w:t>var original = self.onKeyDown;</w:t>
            </w:r>
          </w:p>
          <w:p w:rsidR="00156FB3" w:rsidRDefault="00156FB3" w:rsidP="00156FB3">
            <w:r>
              <w:tab/>
            </w:r>
            <w:r>
              <w:tab/>
            </w:r>
            <w:r>
              <w:tab/>
              <w:t>return function(e) {</w:t>
            </w:r>
          </w:p>
          <w:p w:rsidR="00156FB3" w:rsidRDefault="00156FB3" w:rsidP="00156FB3">
            <w:r>
              <w:tab/>
            </w:r>
            <w:r>
              <w:tab/>
            </w:r>
            <w:r>
              <w:tab/>
            </w:r>
            <w:r>
              <w:tab/>
              <w:t>var index, $option, $options, $optgroup;</w:t>
            </w:r>
          </w:p>
          <w:p w:rsidR="00156FB3" w:rsidRDefault="00156FB3" w:rsidP="00156FB3">
            <w:r>
              <w:tab/>
            </w:r>
          </w:p>
          <w:p w:rsidR="00156FB3" w:rsidRDefault="00156FB3" w:rsidP="00156FB3">
            <w:r>
              <w:tab/>
            </w:r>
            <w:r>
              <w:tab/>
            </w:r>
            <w:r>
              <w:tab/>
            </w:r>
            <w:r>
              <w:tab/>
              <w:t>if (this.isOpen &amp;&amp; (e.keyCode === KEY_LEFT || e.keyCode === KEY_RIGHT)) {</w:t>
            </w:r>
          </w:p>
          <w:p w:rsidR="00156FB3" w:rsidRDefault="00156FB3" w:rsidP="00156FB3">
            <w:r>
              <w:tab/>
            </w:r>
            <w:r>
              <w:tab/>
            </w:r>
            <w:r>
              <w:tab/>
            </w:r>
            <w:r>
              <w:tab/>
            </w:r>
            <w:r>
              <w:tab/>
              <w:t>self.ignoreHover = true;</w:t>
            </w:r>
          </w:p>
          <w:p w:rsidR="00156FB3" w:rsidRDefault="00156FB3" w:rsidP="00156FB3">
            <w:r>
              <w:tab/>
            </w:r>
            <w:r>
              <w:tab/>
            </w:r>
            <w:r>
              <w:tab/>
            </w:r>
            <w:r>
              <w:tab/>
            </w:r>
            <w:r>
              <w:tab/>
              <w:t>$optgroup = this.$activeOption.closest('[data-group]');</w:t>
            </w:r>
          </w:p>
          <w:p w:rsidR="00156FB3" w:rsidRDefault="00156FB3" w:rsidP="00156FB3">
            <w:r>
              <w:tab/>
            </w:r>
            <w:r>
              <w:tab/>
            </w:r>
            <w:r>
              <w:tab/>
            </w:r>
            <w:r>
              <w:tab/>
            </w:r>
            <w:r>
              <w:tab/>
              <w:t>index = $optgroup.find('[data-selectable]').index(this.$activeOption);</w:t>
            </w:r>
          </w:p>
          <w:p w:rsidR="00156FB3" w:rsidRDefault="00156FB3" w:rsidP="00156FB3">
            <w:r>
              <w:tab/>
            </w:r>
          </w:p>
          <w:p w:rsidR="00156FB3" w:rsidRDefault="00156FB3" w:rsidP="00156FB3">
            <w:r>
              <w:tab/>
            </w:r>
            <w:r>
              <w:tab/>
            </w:r>
            <w:r>
              <w:tab/>
            </w:r>
            <w:r>
              <w:tab/>
            </w:r>
            <w:r>
              <w:tab/>
              <w:t>if(e.keyCode === KEY_LEFT) {</w:t>
            </w:r>
          </w:p>
          <w:p w:rsidR="00156FB3" w:rsidRDefault="00156FB3" w:rsidP="00156FB3">
            <w:r>
              <w:tab/>
            </w:r>
            <w:r>
              <w:tab/>
            </w:r>
            <w:r>
              <w:tab/>
            </w:r>
            <w:r>
              <w:tab/>
            </w:r>
            <w:r>
              <w:tab/>
            </w:r>
            <w:r>
              <w:tab/>
              <w:t>$optgroup = $optgroup.prev('[data-group]');</w:t>
            </w:r>
          </w:p>
          <w:p w:rsidR="00156FB3" w:rsidRDefault="00156FB3" w:rsidP="00156FB3">
            <w:r>
              <w:tab/>
            </w:r>
            <w:r>
              <w:tab/>
            </w:r>
            <w:r>
              <w:tab/>
            </w:r>
            <w:r>
              <w:tab/>
            </w:r>
            <w:r>
              <w:tab/>
              <w:t>} else {</w:t>
            </w:r>
          </w:p>
          <w:p w:rsidR="00156FB3" w:rsidRDefault="00156FB3" w:rsidP="00156FB3">
            <w:r>
              <w:tab/>
            </w:r>
            <w:r>
              <w:tab/>
            </w:r>
            <w:r>
              <w:tab/>
            </w:r>
            <w:r>
              <w:tab/>
            </w:r>
            <w:r>
              <w:tab/>
            </w:r>
            <w:r>
              <w:tab/>
              <w:t>$optgroup = $optgroup.next('[data-group]');</w:t>
            </w:r>
          </w:p>
          <w:p w:rsidR="00156FB3" w:rsidRDefault="00156FB3" w:rsidP="00156FB3">
            <w:r>
              <w:lastRenderedPageBreak/>
              <w:tab/>
            </w:r>
            <w:r>
              <w:tab/>
            </w:r>
            <w:r>
              <w:tab/>
            </w:r>
            <w:r>
              <w:tab/>
            </w:r>
            <w:r>
              <w:tab/>
              <w:t>}</w:t>
            </w:r>
          </w:p>
          <w:p w:rsidR="00156FB3" w:rsidRDefault="00156FB3" w:rsidP="00156FB3">
            <w:r>
              <w:tab/>
            </w:r>
          </w:p>
          <w:p w:rsidR="00156FB3" w:rsidRDefault="00156FB3" w:rsidP="00156FB3">
            <w:r>
              <w:tab/>
            </w:r>
            <w:r>
              <w:tab/>
            </w:r>
            <w:r>
              <w:tab/>
            </w:r>
            <w:r>
              <w:tab/>
            </w:r>
            <w:r>
              <w:tab/>
              <w:t>$options = $optgroup.find('[data-selectable]');</w:t>
            </w:r>
          </w:p>
          <w:p w:rsidR="00156FB3" w:rsidRDefault="00156FB3" w:rsidP="00156FB3">
            <w:r>
              <w:tab/>
            </w:r>
            <w:r>
              <w:tab/>
            </w:r>
            <w:r>
              <w:tab/>
            </w:r>
            <w:r>
              <w:tab/>
            </w:r>
            <w:r>
              <w:tab/>
              <w:t>$option  = $options.eq(Math.min($options.length - 1, index));</w:t>
            </w:r>
          </w:p>
          <w:p w:rsidR="00156FB3" w:rsidRDefault="00156FB3" w:rsidP="00156FB3">
            <w:r>
              <w:tab/>
            </w:r>
            <w:r>
              <w:tab/>
            </w:r>
            <w:r>
              <w:tab/>
            </w:r>
            <w:r>
              <w:tab/>
            </w:r>
            <w:r>
              <w:tab/>
              <w:t>if ($option.length) {</w:t>
            </w:r>
          </w:p>
          <w:p w:rsidR="00156FB3" w:rsidRDefault="00156FB3" w:rsidP="00156FB3">
            <w:r>
              <w:tab/>
            </w:r>
            <w:r>
              <w:tab/>
            </w:r>
            <w:r>
              <w:tab/>
            </w:r>
            <w:r>
              <w:tab/>
            </w:r>
            <w:r>
              <w:tab/>
            </w:r>
            <w:r>
              <w:tab/>
              <w:t>this.setActiveOption($option);</w:t>
            </w:r>
          </w:p>
          <w:p w:rsidR="00156FB3" w:rsidRDefault="00156FB3" w:rsidP="00156FB3">
            <w:r>
              <w:tab/>
            </w:r>
            <w:r>
              <w:tab/>
            </w:r>
            <w:r>
              <w:tab/>
            </w:r>
            <w:r>
              <w:tab/>
            </w:r>
            <w:r>
              <w:tab/>
              <w:t>}</w:t>
            </w:r>
          </w:p>
          <w:p w:rsidR="00156FB3" w:rsidRDefault="00156FB3" w:rsidP="00156FB3">
            <w:r>
              <w:tab/>
            </w:r>
            <w:r>
              <w:tab/>
            </w:r>
            <w:r>
              <w:tab/>
            </w:r>
            <w:r>
              <w:tab/>
            </w:r>
            <w:r>
              <w:tab/>
              <w:t>return;</w:t>
            </w:r>
          </w:p>
          <w:p w:rsidR="00156FB3" w:rsidRDefault="00156FB3" w:rsidP="00156FB3">
            <w:r>
              <w:tab/>
            </w:r>
            <w:r>
              <w:tab/>
            </w:r>
            <w:r>
              <w:tab/>
            </w:r>
            <w:r>
              <w:tab/>
              <w:t>}</w:t>
            </w:r>
          </w:p>
          <w:p w:rsidR="00156FB3" w:rsidRDefault="00156FB3" w:rsidP="00156FB3">
            <w:r>
              <w:tab/>
            </w:r>
          </w:p>
          <w:p w:rsidR="00156FB3" w:rsidRDefault="00156FB3" w:rsidP="00156FB3">
            <w:r>
              <w:tab/>
            </w:r>
            <w:r>
              <w:tab/>
            </w:r>
            <w:r>
              <w:tab/>
            </w:r>
            <w:r>
              <w:tab/>
              <w:t>return original.apply(this, arguments);</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var getScrollbarWidth = function() {</w:t>
            </w:r>
          </w:p>
          <w:p w:rsidR="00156FB3" w:rsidRDefault="00156FB3" w:rsidP="00156FB3">
            <w:r>
              <w:tab/>
            </w:r>
            <w:r>
              <w:tab/>
            </w:r>
            <w:r>
              <w:tab/>
              <w:t>var div;</w:t>
            </w:r>
          </w:p>
          <w:p w:rsidR="00156FB3" w:rsidRDefault="00156FB3" w:rsidP="00156FB3">
            <w:r>
              <w:tab/>
            </w:r>
            <w:r>
              <w:tab/>
            </w:r>
            <w:r>
              <w:tab/>
              <w:t>var width = getScrollbarWidth.width;</w:t>
            </w:r>
          </w:p>
          <w:p w:rsidR="00156FB3" w:rsidRDefault="00156FB3" w:rsidP="00156FB3">
            <w:r>
              <w:tab/>
            </w:r>
            <w:r>
              <w:tab/>
            </w:r>
            <w:r>
              <w:tab/>
              <w:t>var doc = document;</w:t>
            </w:r>
          </w:p>
          <w:p w:rsidR="00156FB3" w:rsidRDefault="00156FB3" w:rsidP="00156FB3">
            <w:r>
              <w:tab/>
            </w:r>
          </w:p>
          <w:p w:rsidR="00156FB3" w:rsidRDefault="00156FB3" w:rsidP="00156FB3">
            <w:r>
              <w:tab/>
            </w:r>
            <w:r>
              <w:tab/>
            </w:r>
            <w:r>
              <w:tab/>
              <w:t>if (typeof width === 'undefined') {</w:t>
            </w:r>
          </w:p>
          <w:p w:rsidR="00156FB3" w:rsidRDefault="00156FB3" w:rsidP="00156FB3">
            <w:r>
              <w:tab/>
            </w:r>
            <w:r>
              <w:tab/>
            </w:r>
            <w:r>
              <w:tab/>
            </w:r>
            <w:r>
              <w:tab/>
              <w:t>div = doc.createElement('div');</w:t>
            </w:r>
          </w:p>
          <w:p w:rsidR="00156FB3" w:rsidRDefault="00156FB3" w:rsidP="00156FB3">
            <w:r>
              <w:tab/>
            </w:r>
            <w:r>
              <w:tab/>
            </w:r>
            <w:r>
              <w:tab/>
            </w:r>
            <w:r>
              <w:tab/>
              <w:t>div.innerHTML = '&lt;div style="width:50px;height:50px;position:absolute;left:-50px;top:-50px;overflow:auto;"&gt;&lt;div style="width:1px;height:100px;"&gt;&lt;/div&gt;&lt;/div&gt;';</w:t>
            </w:r>
          </w:p>
          <w:p w:rsidR="00156FB3" w:rsidRDefault="00156FB3" w:rsidP="00156FB3">
            <w:r>
              <w:tab/>
            </w:r>
            <w:r>
              <w:tab/>
            </w:r>
            <w:r>
              <w:tab/>
            </w:r>
            <w:r>
              <w:tab/>
              <w:t>div = div.firstChild;</w:t>
            </w:r>
          </w:p>
          <w:p w:rsidR="00156FB3" w:rsidRDefault="00156FB3" w:rsidP="00156FB3">
            <w:r>
              <w:tab/>
            </w:r>
            <w:r>
              <w:tab/>
            </w:r>
            <w:r>
              <w:tab/>
            </w:r>
            <w:r>
              <w:tab/>
              <w:t>doc.body.appendChild(div);</w:t>
            </w:r>
          </w:p>
          <w:p w:rsidR="00156FB3" w:rsidRDefault="00156FB3" w:rsidP="00156FB3">
            <w:r>
              <w:tab/>
            </w:r>
            <w:r>
              <w:tab/>
            </w:r>
            <w:r>
              <w:tab/>
            </w:r>
            <w:r>
              <w:tab/>
              <w:t>width = getScrollbarWidth.width = div.offsetWidth - div.clientWidth;</w:t>
            </w:r>
          </w:p>
          <w:p w:rsidR="00156FB3" w:rsidRDefault="00156FB3" w:rsidP="00156FB3">
            <w:r>
              <w:tab/>
            </w:r>
            <w:r>
              <w:tab/>
            </w:r>
            <w:r>
              <w:tab/>
            </w:r>
            <w:r>
              <w:tab/>
              <w:t>doc.body.removeChild(div);</w:t>
            </w:r>
          </w:p>
          <w:p w:rsidR="00156FB3" w:rsidRDefault="00156FB3" w:rsidP="00156FB3">
            <w:r>
              <w:tab/>
            </w:r>
            <w:r>
              <w:tab/>
            </w:r>
            <w:r>
              <w:tab/>
              <w:t>}</w:t>
            </w:r>
          </w:p>
          <w:p w:rsidR="00156FB3" w:rsidRDefault="00156FB3" w:rsidP="00156FB3">
            <w:r>
              <w:tab/>
            </w:r>
            <w:r>
              <w:tab/>
            </w:r>
            <w:r>
              <w:tab/>
              <w:t>return width;</w:t>
            </w:r>
          </w:p>
          <w:p w:rsidR="00156FB3" w:rsidRDefault="00156FB3" w:rsidP="00156FB3">
            <w:r>
              <w:tab/>
            </w:r>
            <w:r>
              <w:tab/>
              <w:t>};</w:t>
            </w:r>
          </w:p>
          <w:p w:rsidR="00156FB3" w:rsidRDefault="00156FB3" w:rsidP="00156FB3">
            <w:r>
              <w:tab/>
            </w:r>
          </w:p>
          <w:p w:rsidR="00156FB3" w:rsidRDefault="00156FB3" w:rsidP="00156FB3">
            <w:r>
              <w:tab/>
            </w:r>
            <w:r>
              <w:tab/>
              <w:t>var equalizeSizes = function() {</w:t>
            </w:r>
          </w:p>
          <w:p w:rsidR="00156FB3" w:rsidRDefault="00156FB3" w:rsidP="00156FB3">
            <w:r>
              <w:tab/>
            </w:r>
            <w:r>
              <w:tab/>
            </w:r>
            <w:r>
              <w:tab/>
              <w:t>var i, n, height_max, width, width_last, width_parent, $optgroups;</w:t>
            </w:r>
          </w:p>
          <w:p w:rsidR="00156FB3" w:rsidRDefault="00156FB3" w:rsidP="00156FB3">
            <w:r>
              <w:tab/>
            </w:r>
          </w:p>
          <w:p w:rsidR="00156FB3" w:rsidRDefault="00156FB3" w:rsidP="00156FB3">
            <w:r>
              <w:tab/>
            </w:r>
            <w:r>
              <w:tab/>
            </w:r>
            <w:r>
              <w:tab/>
              <w:t>$optgroups = $('[data-group]', self.$dropdown_content);</w:t>
            </w:r>
          </w:p>
          <w:p w:rsidR="00156FB3" w:rsidRDefault="00156FB3" w:rsidP="00156FB3">
            <w:r>
              <w:tab/>
            </w:r>
            <w:r>
              <w:tab/>
            </w:r>
            <w:r>
              <w:tab/>
              <w:t>n = $optgroups.length;</w:t>
            </w:r>
          </w:p>
          <w:p w:rsidR="00156FB3" w:rsidRDefault="00156FB3" w:rsidP="00156FB3">
            <w:r>
              <w:tab/>
            </w:r>
            <w:r>
              <w:tab/>
            </w:r>
            <w:r>
              <w:tab/>
              <w:t>if (!n || !self.$dropdown_content.width()) return;</w:t>
            </w:r>
          </w:p>
          <w:p w:rsidR="00156FB3" w:rsidRDefault="00156FB3" w:rsidP="00156FB3">
            <w:r>
              <w:tab/>
            </w:r>
          </w:p>
          <w:p w:rsidR="00156FB3" w:rsidRDefault="00156FB3" w:rsidP="00156FB3">
            <w:r>
              <w:tab/>
            </w:r>
            <w:r>
              <w:tab/>
            </w:r>
            <w:r>
              <w:tab/>
              <w:t>if (options.equalizeHeight) {</w:t>
            </w:r>
          </w:p>
          <w:p w:rsidR="00156FB3" w:rsidRDefault="00156FB3" w:rsidP="00156FB3">
            <w:r>
              <w:tab/>
            </w:r>
            <w:r>
              <w:tab/>
            </w:r>
            <w:r>
              <w:tab/>
            </w:r>
            <w:r>
              <w:tab/>
              <w:t>height_max = 0;</w:t>
            </w:r>
          </w:p>
          <w:p w:rsidR="00156FB3" w:rsidRDefault="00156FB3" w:rsidP="00156FB3">
            <w:r>
              <w:tab/>
            </w:r>
            <w:r>
              <w:tab/>
            </w:r>
            <w:r>
              <w:tab/>
            </w:r>
            <w:r>
              <w:tab/>
              <w:t>for (i = 0; i &lt; n; i++) {</w:t>
            </w:r>
          </w:p>
          <w:p w:rsidR="00156FB3" w:rsidRDefault="00156FB3" w:rsidP="00156FB3">
            <w:r>
              <w:tab/>
            </w:r>
            <w:r>
              <w:tab/>
            </w:r>
            <w:r>
              <w:tab/>
            </w:r>
            <w:r>
              <w:tab/>
            </w:r>
            <w:r>
              <w:tab/>
              <w:t>height_max = Math.max(height_max, $optgroups.eq(i).height());</w:t>
            </w:r>
          </w:p>
          <w:p w:rsidR="00156FB3" w:rsidRDefault="00156FB3" w:rsidP="00156FB3">
            <w:r>
              <w:tab/>
            </w:r>
            <w:r>
              <w:tab/>
            </w:r>
            <w:r>
              <w:tab/>
            </w:r>
            <w:r>
              <w:tab/>
              <w:t>}</w:t>
            </w:r>
          </w:p>
          <w:p w:rsidR="00156FB3" w:rsidRDefault="00156FB3" w:rsidP="00156FB3">
            <w:r>
              <w:tab/>
            </w:r>
            <w:r>
              <w:tab/>
            </w:r>
            <w:r>
              <w:tab/>
            </w:r>
            <w:r>
              <w:tab/>
              <w:t>$optgroups.css({height: height_max});</w:t>
            </w:r>
          </w:p>
          <w:p w:rsidR="00156FB3" w:rsidRDefault="00156FB3" w:rsidP="00156FB3">
            <w:r>
              <w:tab/>
            </w:r>
            <w:r>
              <w:tab/>
            </w:r>
            <w:r>
              <w:tab/>
              <w:t>}</w:t>
            </w:r>
          </w:p>
          <w:p w:rsidR="00156FB3" w:rsidRDefault="00156FB3" w:rsidP="00156FB3">
            <w:r>
              <w:tab/>
            </w:r>
          </w:p>
          <w:p w:rsidR="00156FB3" w:rsidRDefault="00156FB3" w:rsidP="00156FB3">
            <w:r>
              <w:lastRenderedPageBreak/>
              <w:tab/>
            </w:r>
            <w:r>
              <w:tab/>
            </w:r>
            <w:r>
              <w:tab/>
              <w:t>if (options.equalizeWidth) {</w:t>
            </w:r>
          </w:p>
          <w:p w:rsidR="00156FB3" w:rsidRDefault="00156FB3" w:rsidP="00156FB3">
            <w:r>
              <w:tab/>
            </w:r>
            <w:r>
              <w:tab/>
            </w:r>
            <w:r>
              <w:tab/>
            </w:r>
            <w:r>
              <w:tab/>
              <w:t>width_parent = self.$dropdown_content.innerWidth() - getScrollbarWidth();</w:t>
            </w:r>
          </w:p>
          <w:p w:rsidR="00156FB3" w:rsidRDefault="00156FB3" w:rsidP="00156FB3">
            <w:r>
              <w:tab/>
            </w:r>
            <w:r>
              <w:tab/>
            </w:r>
            <w:r>
              <w:tab/>
            </w:r>
            <w:r>
              <w:tab/>
              <w:t>width = Math.round(width_parent / n);</w:t>
            </w:r>
          </w:p>
          <w:p w:rsidR="00156FB3" w:rsidRDefault="00156FB3" w:rsidP="00156FB3">
            <w:r>
              <w:tab/>
            </w:r>
            <w:r>
              <w:tab/>
            </w:r>
            <w:r>
              <w:tab/>
            </w:r>
            <w:r>
              <w:tab/>
              <w:t>$optgroups.css({width: width});</w:t>
            </w:r>
          </w:p>
          <w:p w:rsidR="00156FB3" w:rsidRDefault="00156FB3" w:rsidP="00156FB3">
            <w:r>
              <w:tab/>
            </w:r>
            <w:r>
              <w:tab/>
            </w:r>
            <w:r>
              <w:tab/>
            </w:r>
            <w:r>
              <w:tab/>
              <w:t>if (n &gt; 1) {</w:t>
            </w:r>
          </w:p>
          <w:p w:rsidR="00156FB3" w:rsidRDefault="00156FB3" w:rsidP="00156FB3">
            <w:r>
              <w:tab/>
            </w:r>
            <w:r>
              <w:tab/>
            </w:r>
            <w:r>
              <w:tab/>
            </w:r>
            <w:r>
              <w:tab/>
            </w:r>
            <w:r>
              <w:tab/>
              <w:t>width_last = width_parent - width * (n - 1);</w:t>
            </w:r>
          </w:p>
          <w:p w:rsidR="00156FB3" w:rsidRDefault="00156FB3" w:rsidP="00156FB3">
            <w:r>
              <w:tab/>
            </w:r>
            <w:r>
              <w:tab/>
            </w:r>
            <w:r>
              <w:tab/>
            </w:r>
            <w:r>
              <w:tab/>
            </w:r>
            <w:r>
              <w:tab/>
              <w:t>$optgroups.eq(n - 1).css({width: width_last});</w:t>
            </w:r>
          </w:p>
          <w:p w:rsidR="00156FB3" w:rsidRDefault="00156FB3" w:rsidP="00156FB3">
            <w:r>
              <w:tab/>
            </w:r>
            <w:r>
              <w:tab/>
            </w:r>
            <w:r>
              <w:tab/>
            </w:r>
            <w:r>
              <w:tab/>
              <w:t>}</w:t>
            </w:r>
          </w:p>
          <w:p w:rsidR="00156FB3" w:rsidRDefault="00156FB3" w:rsidP="00156FB3">
            <w:r>
              <w:tab/>
            </w:r>
            <w:r>
              <w:tab/>
            </w:r>
            <w:r>
              <w:tab/>
              <w:t>}</w:t>
            </w:r>
          </w:p>
          <w:p w:rsidR="00156FB3" w:rsidRDefault="00156FB3" w:rsidP="00156FB3">
            <w:r>
              <w:tab/>
            </w:r>
            <w:r>
              <w:tab/>
              <w:t>};</w:t>
            </w:r>
          </w:p>
          <w:p w:rsidR="00156FB3" w:rsidRDefault="00156FB3" w:rsidP="00156FB3">
            <w:r>
              <w:tab/>
            </w:r>
          </w:p>
          <w:p w:rsidR="00156FB3" w:rsidRDefault="00156FB3" w:rsidP="00156FB3">
            <w:r>
              <w:tab/>
            </w:r>
            <w:r>
              <w:tab/>
              <w:t>if (options.equalizeHeight || options.equalizeWidth) {</w:t>
            </w:r>
          </w:p>
          <w:p w:rsidR="00156FB3" w:rsidRDefault="00156FB3" w:rsidP="00156FB3">
            <w:r>
              <w:tab/>
            </w:r>
            <w:r>
              <w:tab/>
            </w:r>
            <w:r>
              <w:tab/>
              <w:t>hook.after(this, 'positionDropdown', equalizeSizes);</w:t>
            </w:r>
          </w:p>
          <w:p w:rsidR="00156FB3" w:rsidRDefault="00156FB3" w:rsidP="00156FB3">
            <w:r>
              <w:tab/>
            </w:r>
            <w:r>
              <w:tab/>
            </w:r>
            <w:r>
              <w:tab/>
              <w:t>hook.after(this, 'refreshOptions', equalizeSizes);</w:t>
            </w:r>
          </w:p>
          <w:p w:rsidR="00156FB3" w:rsidRDefault="00156FB3" w:rsidP="00156FB3">
            <w:r>
              <w:tab/>
            </w:r>
            <w:r>
              <w:tab/>
              <w:t>}</w:t>
            </w:r>
          </w:p>
          <w:p w:rsidR="00156FB3" w:rsidRDefault="00156FB3" w:rsidP="00156FB3">
            <w:r>
              <w:tab/>
            </w:r>
          </w:p>
          <w:p w:rsidR="00156FB3" w:rsidRDefault="00156FB3" w:rsidP="00156FB3">
            <w:r>
              <w:tab/>
            </w:r>
          </w:p>
          <w:p w:rsidR="00156FB3" w:rsidRDefault="00156FB3" w:rsidP="00156FB3">
            <w:r>
              <w:tab/>
              <w:t>});</w:t>
            </w:r>
          </w:p>
          <w:p w:rsidR="00156FB3" w:rsidRDefault="00156FB3" w:rsidP="00156FB3">
            <w:r>
              <w:tab/>
            </w:r>
          </w:p>
          <w:p w:rsidR="00156FB3" w:rsidRDefault="00156FB3" w:rsidP="00156FB3">
            <w:r>
              <w:tab/>
              <w:t>Selectize.define('remove_button', function(options) {</w:t>
            </w:r>
          </w:p>
          <w:p w:rsidR="00156FB3" w:rsidRDefault="00156FB3" w:rsidP="00156FB3">
            <w:r>
              <w:tab/>
            </w:r>
            <w:r>
              <w:tab/>
              <w:t>options = $.extend({</w:t>
            </w:r>
          </w:p>
          <w:p w:rsidR="00156FB3" w:rsidRDefault="00156FB3" w:rsidP="00156FB3">
            <w:r>
              <w:tab/>
            </w:r>
            <w:r>
              <w:tab/>
            </w:r>
            <w:r>
              <w:tab/>
            </w:r>
            <w:r>
              <w:tab/>
              <w:t>label     : '&amp;times;',</w:t>
            </w:r>
          </w:p>
          <w:p w:rsidR="00156FB3" w:rsidRDefault="00156FB3" w:rsidP="00156FB3">
            <w:r>
              <w:tab/>
            </w:r>
            <w:r>
              <w:tab/>
            </w:r>
            <w:r>
              <w:tab/>
            </w:r>
            <w:r>
              <w:tab/>
              <w:t>title     : 'Remove',</w:t>
            </w:r>
          </w:p>
          <w:p w:rsidR="00156FB3" w:rsidRDefault="00156FB3" w:rsidP="00156FB3">
            <w:r>
              <w:tab/>
            </w:r>
            <w:r>
              <w:tab/>
            </w:r>
            <w:r>
              <w:tab/>
            </w:r>
            <w:r>
              <w:tab/>
              <w:t>className : 'remove',</w:t>
            </w:r>
          </w:p>
          <w:p w:rsidR="00156FB3" w:rsidRDefault="00156FB3" w:rsidP="00156FB3">
            <w:r>
              <w:tab/>
            </w:r>
            <w:r>
              <w:tab/>
            </w:r>
            <w:r>
              <w:tab/>
            </w:r>
            <w:r>
              <w:tab/>
              <w:t>append    : true</w:t>
            </w:r>
          </w:p>
          <w:p w:rsidR="00156FB3" w:rsidRDefault="00156FB3" w:rsidP="00156FB3">
            <w:r>
              <w:tab/>
            </w:r>
            <w:r>
              <w:tab/>
            </w:r>
            <w:r>
              <w:tab/>
              <w:t>}, options);</w:t>
            </w:r>
          </w:p>
          <w:p w:rsidR="00156FB3" w:rsidRDefault="00156FB3" w:rsidP="00156FB3">
            <w:r>
              <w:tab/>
            </w:r>
          </w:p>
          <w:p w:rsidR="00156FB3" w:rsidRDefault="00156FB3" w:rsidP="00156FB3">
            <w:r>
              <w:tab/>
            </w:r>
            <w:r>
              <w:tab/>
            </w:r>
            <w:r>
              <w:tab/>
              <w:t>var singleClose = function(thisRef, options) {</w:t>
            </w:r>
          </w:p>
          <w:p w:rsidR="00156FB3" w:rsidRDefault="00156FB3" w:rsidP="00156FB3">
            <w:r>
              <w:tab/>
            </w:r>
          </w:p>
          <w:p w:rsidR="00156FB3" w:rsidRDefault="00156FB3" w:rsidP="00156FB3">
            <w:r>
              <w:tab/>
            </w:r>
            <w:r>
              <w:tab/>
            </w:r>
            <w:r>
              <w:tab/>
            </w:r>
            <w:r>
              <w:tab/>
              <w:t>options.className = 'remove-single';</w:t>
            </w:r>
          </w:p>
          <w:p w:rsidR="00156FB3" w:rsidRDefault="00156FB3" w:rsidP="00156FB3">
            <w:r>
              <w:tab/>
            </w:r>
          </w:p>
          <w:p w:rsidR="00156FB3" w:rsidRDefault="00156FB3" w:rsidP="00156FB3">
            <w:r>
              <w:tab/>
            </w:r>
            <w:r>
              <w:tab/>
            </w:r>
            <w:r>
              <w:tab/>
            </w:r>
            <w:r>
              <w:tab/>
              <w:t>var self = thisRef;</w:t>
            </w:r>
          </w:p>
          <w:p w:rsidR="00156FB3" w:rsidRDefault="00156FB3" w:rsidP="00156FB3">
            <w:r>
              <w:tab/>
            </w:r>
            <w:r>
              <w:tab/>
            </w:r>
            <w:r>
              <w:tab/>
            </w:r>
            <w:r>
              <w:tab/>
              <w:t>var html = '&lt;a href="javascript:void(0)" class="' + options.className + '" tabindex="-1" title="' + escape_html(options.title) + '"&gt;' + options.label + '&lt;/a&gt;';</w:t>
            </w:r>
          </w:p>
          <w:p w:rsidR="00156FB3" w:rsidRDefault="00156FB3" w:rsidP="00156FB3">
            <w:r>
              <w:tab/>
            </w:r>
          </w:p>
          <w:p w:rsidR="00156FB3" w:rsidRDefault="00156FB3" w:rsidP="00156FB3">
            <w:r>
              <w:tab/>
            </w:r>
            <w:r>
              <w:tab/>
            </w:r>
            <w:r>
              <w:tab/>
            </w:r>
            <w:r>
              <w:tab/>
              <w:t>/**</w:t>
            </w:r>
          </w:p>
          <w:p w:rsidR="00156FB3" w:rsidRDefault="00156FB3" w:rsidP="00156FB3">
            <w:r>
              <w:tab/>
            </w:r>
            <w:r>
              <w:tab/>
            </w:r>
            <w:r>
              <w:tab/>
            </w:r>
            <w:r>
              <w:tab/>
              <w:t xml:space="preserve"> * Appends an element as a child (with raw HTML).</w:t>
            </w:r>
          </w:p>
          <w:p w:rsidR="00156FB3" w:rsidRDefault="00156FB3" w:rsidP="00156FB3">
            <w:r>
              <w:tab/>
            </w:r>
            <w:r>
              <w:tab/>
            </w:r>
            <w:r>
              <w:tab/>
            </w:r>
            <w:r>
              <w:tab/>
              <w:t xml:space="preserve"> *</w:t>
            </w:r>
          </w:p>
          <w:p w:rsidR="00156FB3" w:rsidRDefault="00156FB3" w:rsidP="00156FB3">
            <w:r>
              <w:tab/>
            </w:r>
            <w:r>
              <w:tab/>
            </w:r>
            <w:r>
              <w:tab/>
            </w:r>
            <w:r>
              <w:tab/>
              <w:t xml:space="preserve"> * @param {string} html_container</w:t>
            </w:r>
          </w:p>
          <w:p w:rsidR="00156FB3" w:rsidRDefault="00156FB3" w:rsidP="00156FB3">
            <w:r>
              <w:tab/>
            </w:r>
            <w:r>
              <w:tab/>
            </w:r>
            <w:r>
              <w:tab/>
            </w:r>
            <w:r>
              <w:tab/>
              <w:t xml:space="preserve"> * @param {string} html_element</w:t>
            </w:r>
          </w:p>
          <w:p w:rsidR="00156FB3" w:rsidRDefault="00156FB3" w:rsidP="00156FB3">
            <w:r>
              <w:tab/>
            </w:r>
            <w:r>
              <w:tab/>
            </w:r>
            <w:r>
              <w:tab/>
            </w:r>
            <w:r>
              <w:tab/>
              <w:t xml:space="preserve"> * @return {string}</w:t>
            </w:r>
          </w:p>
          <w:p w:rsidR="00156FB3" w:rsidRDefault="00156FB3" w:rsidP="00156FB3">
            <w:r>
              <w:tab/>
            </w:r>
            <w:r>
              <w:tab/>
            </w:r>
            <w:r>
              <w:tab/>
            </w:r>
            <w:r>
              <w:tab/>
              <w:t xml:space="preserve"> */</w:t>
            </w:r>
          </w:p>
          <w:p w:rsidR="00156FB3" w:rsidRDefault="00156FB3" w:rsidP="00156FB3">
            <w:r>
              <w:tab/>
            </w:r>
            <w:r>
              <w:tab/>
            </w:r>
            <w:r>
              <w:tab/>
            </w:r>
            <w:r>
              <w:tab/>
              <w:t>var append = function(html_container, html_element) {</w:t>
            </w:r>
          </w:p>
          <w:p w:rsidR="00156FB3" w:rsidRDefault="00156FB3" w:rsidP="00156FB3">
            <w:r>
              <w:tab/>
            </w:r>
            <w:r>
              <w:tab/>
            </w:r>
            <w:r>
              <w:tab/>
            </w:r>
            <w:r>
              <w:tab/>
            </w:r>
            <w:r>
              <w:tab/>
              <w:t>return html_container + html_element;</w:t>
            </w:r>
          </w:p>
          <w:p w:rsidR="00156FB3" w:rsidRDefault="00156FB3" w:rsidP="00156FB3">
            <w:r>
              <w:tab/>
            </w:r>
            <w:r>
              <w:tab/>
            </w:r>
            <w:r>
              <w:tab/>
            </w:r>
            <w:r>
              <w:tab/>
              <w:t>};</w:t>
            </w:r>
          </w:p>
          <w:p w:rsidR="00156FB3" w:rsidRDefault="00156FB3" w:rsidP="00156FB3">
            <w:r>
              <w:tab/>
            </w:r>
          </w:p>
          <w:p w:rsidR="00156FB3" w:rsidRDefault="00156FB3" w:rsidP="00156FB3">
            <w:r>
              <w:tab/>
            </w:r>
            <w:r>
              <w:tab/>
            </w:r>
            <w:r>
              <w:tab/>
            </w:r>
            <w:r>
              <w:tab/>
              <w:t>thisRef.setup = (function() {</w:t>
            </w:r>
          </w:p>
          <w:p w:rsidR="00156FB3" w:rsidRDefault="00156FB3" w:rsidP="00156FB3">
            <w:r>
              <w:lastRenderedPageBreak/>
              <w:tab/>
            </w:r>
            <w:r>
              <w:tab/>
            </w:r>
            <w:r>
              <w:tab/>
            </w:r>
            <w:r>
              <w:tab/>
            </w:r>
            <w:r>
              <w:tab/>
              <w:t>var original = self.setup;</w:t>
            </w:r>
          </w:p>
          <w:p w:rsidR="00156FB3" w:rsidRDefault="00156FB3" w:rsidP="00156FB3">
            <w:r>
              <w:tab/>
            </w:r>
            <w:r>
              <w:tab/>
            </w:r>
            <w:r>
              <w:tab/>
            </w:r>
            <w:r>
              <w:tab/>
            </w:r>
            <w:r>
              <w:tab/>
              <w:t>return function() {</w:t>
            </w:r>
          </w:p>
          <w:p w:rsidR="00156FB3" w:rsidRDefault="00156FB3" w:rsidP="00156FB3">
            <w:r>
              <w:tab/>
            </w:r>
            <w:r>
              <w:tab/>
            </w:r>
            <w:r>
              <w:tab/>
            </w:r>
            <w:r>
              <w:tab/>
            </w:r>
            <w:r>
              <w:tab/>
            </w:r>
            <w:r>
              <w:tab/>
              <w:t>// override the item rendering method to add the button to each</w:t>
            </w:r>
          </w:p>
          <w:p w:rsidR="00156FB3" w:rsidRDefault="00156FB3" w:rsidP="00156FB3">
            <w:r>
              <w:tab/>
            </w:r>
            <w:r>
              <w:tab/>
            </w:r>
            <w:r>
              <w:tab/>
            </w:r>
            <w:r>
              <w:tab/>
            </w:r>
            <w:r>
              <w:tab/>
            </w:r>
            <w:r>
              <w:tab/>
              <w:t>if (options.append) {</w:t>
            </w:r>
          </w:p>
          <w:p w:rsidR="00156FB3" w:rsidRDefault="00156FB3" w:rsidP="00156FB3">
            <w:r>
              <w:tab/>
            </w:r>
            <w:r>
              <w:tab/>
            </w:r>
            <w:r>
              <w:tab/>
            </w:r>
            <w:r>
              <w:tab/>
            </w:r>
            <w:r>
              <w:tab/>
            </w:r>
            <w:r>
              <w:tab/>
            </w:r>
            <w:r>
              <w:tab/>
              <w:t>var id = $(self.$input.context).attr('id');</w:t>
            </w:r>
          </w:p>
          <w:p w:rsidR="00156FB3" w:rsidRDefault="00156FB3" w:rsidP="00156FB3">
            <w:r>
              <w:tab/>
            </w:r>
            <w:r>
              <w:tab/>
            </w:r>
            <w:r>
              <w:tab/>
            </w:r>
            <w:r>
              <w:tab/>
            </w:r>
            <w:r>
              <w:tab/>
            </w:r>
            <w:r>
              <w:tab/>
            </w:r>
            <w:r>
              <w:tab/>
              <w:t>var selectizer = $('#'+id);</w:t>
            </w:r>
          </w:p>
          <w:p w:rsidR="00156FB3" w:rsidRDefault="00156FB3" w:rsidP="00156FB3">
            <w:r>
              <w:tab/>
            </w:r>
          </w:p>
          <w:p w:rsidR="00156FB3" w:rsidRDefault="00156FB3" w:rsidP="00156FB3">
            <w:r>
              <w:tab/>
            </w:r>
            <w:r>
              <w:tab/>
            </w:r>
            <w:r>
              <w:tab/>
            </w:r>
            <w:r>
              <w:tab/>
            </w:r>
            <w:r>
              <w:tab/>
            </w:r>
            <w:r>
              <w:tab/>
            </w:r>
            <w:r>
              <w:tab/>
              <w:t>var render_item = self.settings.render.item;</w:t>
            </w:r>
          </w:p>
          <w:p w:rsidR="00156FB3" w:rsidRDefault="00156FB3" w:rsidP="00156FB3">
            <w:r>
              <w:tab/>
            </w:r>
            <w:r>
              <w:tab/>
            </w:r>
            <w:r>
              <w:tab/>
            </w:r>
            <w:r>
              <w:tab/>
            </w:r>
            <w:r>
              <w:tab/>
            </w:r>
            <w:r>
              <w:tab/>
            </w:r>
            <w:r>
              <w:tab/>
              <w:t>self.settings.render.item = function(data) {</w:t>
            </w:r>
          </w:p>
          <w:p w:rsidR="00156FB3" w:rsidRDefault="00156FB3" w:rsidP="00156FB3">
            <w:r>
              <w:tab/>
            </w:r>
            <w:r>
              <w:tab/>
            </w:r>
            <w:r>
              <w:tab/>
            </w:r>
            <w:r>
              <w:tab/>
            </w:r>
            <w:r>
              <w:tab/>
            </w:r>
            <w:r>
              <w:tab/>
            </w:r>
            <w:r>
              <w:tab/>
            </w:r>
            <w:r>
              <w:tab/>
              <w:t>return append(render_item.apply(thisRef, arguments), html);</w:t>
            </w:r>
          </w:p>
          <w:p w:rsidR="00156FB3" w:rsidRDefault="00156FB3" w:rsidP="00156FB3">
            <w:r>
              <w:tab/>
            </w:r>
            <w:r>
              <w:tab/>
            </w:r>
            <w:r>
              <w:tab/>
            </w:r>
            <w:r>
              <w:tab/>
            </w:r>
            <w:r>
              <w:tab/>
            </w:r>
            <w:r>
              <w:tab/>
            </w:r>
            <w:r>
              <w:tab/>
              <w:t>};</w:t>
            </w:r>
          </w:p>
          <w:p w:rsidR="00156FB3" w:rsidRDefault="00156FB3" w:rsidP="00156FB3">
            <w:r>
              <w:tab/>
            </w:r>
            <w:r>
              <w:tab/>
            </w:r>
            <w:r>
              <w:tab/>
            </w:r>
            <w:r>
              <w:tab/>
            </w:r>
            <w:r>
              <w:tab/>
            </w:r>
            <w:r>
              <w:tab/>
              <w:t>}</w:t>
            </w:r>
          </w:p>
          <w:p w:rsidR="00156FB3" w:rsidRDefault="00156FB3" w:rsidP="00156FB3">
            <w:r>
              <w:tab/>
            </w:r>
          </w:p>
          <w:p w:rsidR="00156FB3" w:rsidRDefault="00156FB3" w:rsidP="00156FB3">
            <w:r>
              <w:tab/>
            </w:r>
            <w:r>
              <w:tab/>
            </w:r>
            <w:r>
              <w:tab/>
            </w:r>
            <w:r>
              <w:tab/>
            </w:r>
            <w:r>
              <w:tab/>
            </w:r>
            <w:r>
              <w:tab/>
              <w:t>original.apply(thisRef, arguments);</w:t>
            </w:r>
          </w:p>
          <w:p w:rsidR="00156FB3" w:rsidRDefault="00156FB3" w:rsidP="00156FB3">
            <w:r>
              <w:tab/>
            </w:r>
          </w:p>
          <w:p w:rsidR="00156FB3" w:rsidRDefault="00156FB3" w:rsidP="00156FB3">
            <w:r>
              <w:tab/>
            </w:r>
            <w:r>
              <w:tab/>
            </w:r>
            <w:r>
              <w:tab/>
            </w:r>
            <w:r>
              <w:tab/>
            </w:r>
            <w:r>
              <w:tab/>
            </w:r>
            <w:r>
              <w:tab/>
              <w:t>// add event listener</w:t>
            </w:r>
          </w:p>
          <w:p w:rsidR="00156FB3" w:rsidRDefault="00156FB3" w:rsidP="00156FB3">
            <w:r>
              <w:tab/>
            </w:r>
            <w:r>
              <w:tab/>
            </w:r>
            <w:r>
              <w:tab/>
            </w:r>
            <w:r>
              <w:tab/>
            </w:r>
            <w:r>
              <w:tab/>
            </w:r>
            <w:r>
              <w:tab/>
              <w:t>thisRef.$control.on('click', '.' + options.className, function(e) {</w:t>
            </w:r>
          </w:p>
          <w:p w:rsidR="00156FB3" w:rsidRDefault="00156FB3" w:rsidP="00156FB3">
            <w:r>
              <w:tab/>
            </w:r>
            <w:r>
              <w:tab/>
            </w:r>
            <w:r>
              <w:tab/>
            </w:r>
            <w:r>
              <w:tab/>
            </w:r>
            <w:r>
              <w:tab/>
            </w:r>
            <w:r>
              <w:tab/>
            </w:r>
            <w:r>
              <w:tab/>
              <w:t>e.preventDefault();</w:t>
            </w:r>
          </w:p>
          <w:p w:rsidR="00156FB3" w:rsidRDefault="00156FB3" w:rsidP="00156FB3">
            <w:r>
              <w:tab/>
            </w:r>
            <w:r>
              <w:tab/>
            </w:r>
            <w:r>
              <w:tab/>
            </w:r>
            <w:r>
              <w:tab/>
            </w:r>
            <w:r>
              <w:tab/>
            </w:r>
            <w:r>
              <w:tab/>
            </w:r>
            <w:r>
              <w:tab/>
              <w:t>if (self.isLocked) return;</w:t>
            </w:r>
          </w:p>
          <w:p w:rsidR="00156FB3" w:rsidRDefault="00156FB3" w:rsidP="00156FB3">
            <w:r>
              <w:tab/>
            </w:r>
          </w:p>
          <w:p w:rsidR="00156FB3" w:rsidRDefault="00156FB3" w:rsidP="00156FB3">
            <w:r>
              <w:tab/>
            </w:r>
            <w:r>
              <w:tab/>
            </w:r>
            <w:r>
              <w:tab/>
            </w:r>
            <w:r>
              <w:tab/>
            </w:r>
            <w:r>
              <w:tab/>
            </w:r>
            <w:r>
              <w:tab/>
            </w:r>
            <w:r>
              <w:tab/>
              <w:t>self.clear();</w:t>
            </w:r>
          </w:p>
          <w:p w:rsidR="00156FB3" w:rsidRDefault="00156FB3" w:rsidP="00156FB3">
            <w:r>
              <w:tab/>
            </w:r>
            <w:r>
              <w:tab/>
            </w:r>
            <w:r>
              <w:tab/>
            </w:r>
            <w:r>
              <w:tab/>
            </w:r>
            <w:r>
              <w:tab/>
            </w:r>
            <w:r>
              <w:tab/>
              <w:t>});</w:t>
            </w:r>
          </w:p>
          <w:p w:rsidR="00156FB3" w:rsidRDefault="00156FB3" w:rsidP="00156FB3">
            <w:r>
              <w:tab/>
            </w:r>
          </w:p>
          <w:p w:rsidR="00156FB3" w:rsidRDefault="00156FB3" w:rsidP="00156FB3">
            <w:r>
              <w:tab/>
            </w:r>
            <w:r>
              <w:tab/>
            </w:r>
            <w:r>
              <w:tab/>
            </w:r>
            <w:r>
              <w:tab/>
            </w:r>
            <w:r>
              <w:tab/>
              <w:t>};</w:t>
            </w:r>
          </w:p>
          <w:p w:rsidR="00156FB3" w:rsidRDefault="00156FB3" w:rsidP="00156FB3">
            <w:r>
              <w:tab/>
            </w:r>
            <w:r>
              <w:tab/>
            </w:r>
            <w:r>
              <w:tab/>
            </w:r>
            <w:r>
              <w:tab/>
              <w:t>})();</w:t>
            </w:r>
          </w:p>
          <w:p w:rsidR="00156FB3" w:rsidRDefault="00156FB3" w:rsidP="00156FB3">
            <w:r>
              <w:tab/>
            </w:r>
            <w:r>
              <w:tab/>
            </w:r>
            <w:r>
              <w:tab/>
              <w:t>};</w:t>
            </w:r>
          </w:p>
          <w:p w:rsidR="00156FB3" w:rsidRDefault="00156FB3" w:rsidP="00156FB3">
            <w:r>
              <w:tab/>
            </w:r>
          </w:p>
          <w:p w:rsidR="00156FB3" w:rsidRDefault="00156FB3" w:rsidP="00156FB3">
            <w:r>
              <w:tab/>
            </w:r>
            <w:r>
              <w:tab/>
            </w:r>
            <w:r>
              <w:tab/>
              <w:t>var multiClose = function(thisRef, options) {</w:t>
            </w:r>
          </w:p>
          <w:p w:rsidR="00156FB3" w:rsidRDefault="00156FB3" w:rsidP="00156FB3">
            <w:r>
              <w:tab/>
            </w:r>
          </w:p>
          <w:p w:rsidR="00156FB3" w:rsidRDefault="00156FB3" w:rsidP="00156FB3">
            <w:r>
              <w:tab/>
            </w:r>
            <w:r>
              <w:tab/>
            </w:r>
            <w:r>
              <w:tab/>
            </w:r>
            <w:r>
              <w:tab/>
              <w:t>var self = thisRef;</w:t>
            </w:r>
          </w:p>
          <w:p w:rsidR="00156FB3" w:rsidRDefault="00156FB3" w:rsidP="00156FB3">
            <w:r>
              <w:tab/>
            </w:r>
            <w:r>
              <w:tab/>
            </w:r>
            <w:r>
              <w:tab/>
            </w:r>
            <w:r>
              <w:tab/>
              <w:t>var html = '&lt;a href="javascript:void(0)" class="' + options.className + '" tabindex="-1" title="' + escape_html(options.title) + '"&gt;' + options.label + '&lt;/a&gt;';</w:t>
            </w:r>
          </w:p>
          <w:p w:rsidR="00156FB3" w:rsidRDefault="00156FB3" w:rsidP="00156FB3">
            <w:r>
              <w:tab/>
            </w:r>
          </w:p>
          <w:p w:rsidR="00156FB3" w:rsidRDefault="00156FB3" w:rsidP="00156FB3">
            <w:r>
              <w:tab/>
            </w:r>
            <w:r>
              <w:tab/>
            </w:r>
            <w:r>
              <w:tab/>
            </w:r>
            <w:r>
              <w:tab/>
              <w:t>/**</w:t>
            </w:r>
          </w:p>
          <w:p w:rsidR="00156FB3" w:rsidRDefault="00156FB3" w:rsidP="00156FB3">
            <w:r>
              <w:tab/>
            </w:r>
            <w:r>
              <w:tab/>
            </w:r>
            <w:r>
              <w:tab/>
            </w:r>
            <w:r>
              <w:tab/>
              <w:t xml:space="preserve"> * Appends an element as a child (with raw HTML).</w:t>
            </w:r>
          </w:p>
          <w:p w:rsidR="00156FB3" w:rsidRDefault="00156FB3" w:rsidP="00156FB3">
            <w:r>
              <w:tab/>
            </w:r>
            <w:r>
              <w:tab/>
            </w:r>
            <w:r>
              <w:tab/>
            </w:r>
            <w:r>
              <w:tab/>
              <w:t xml:space="preserve"> *</w:t>
            </w:r>
          </w:p>
          <w:p w:rsidR="00156FB3" w:rsidRDefault="00156FB3" w:rsidP="00156FB3">
            <w:r>
              <w:tab/>
            </w:r>
            <w:r>
              <w:tab/>
            </w:r>
            <w:r>
              <w:tab/>
            </w:r>
            <w:r>
              <w:tab/>
              <w:t xml:space="preserve"> * @param {string} html_container</w:t>
            </w:r>
          </w:p>
          <w:p w:rsidR="00156FB3" w:rsidRDefault="00156FB3" w:rsidP="00156FB3">
            <w:r>
              <w:tab/>
            </w:r>
            <w:r>
              <w:tab/>
            </w:r>
            <w:r>
              <w:tab/>
            </w:r>
            <w:r>
              <w:tab/>
              <w:t xml:space="preserve"> * @param {string} html_element</w:t>
            </w:r>
          </w:p>
          <w:p w:rsidR="00156FB3" w:rsidRDefault="00156FB3" w:rsidP="00156FB3">
            <w:r>
              <w:tab/>
            </w:r>
            <w:r>
              <w:tab/>
            </w:r>
            <w:r>
              <w:tab/>
            </w:r>
            <w:r>
              <w:tab/>
              <w:t xml:space="preserve"> * @return {string}</w:t>
            </w:r>
          </w:p>
          <w:p w:rsidR="00156FB3" w:rsidRDefault="00156FB3" w:rsidP="00156FB3">
            <w:r>
              <w:tab/>
            </w:r>
            <w:r>
              <w:tab/>
            </w:r>
            <w:r>
              <w:tab/>
            </w:r>
            <w:r>
              <w:tab/>
              <w:t xml:space="preserve"> */</w:t>
            </w:r>
          </w:p>
          <w:p w:rsidR="00156FB3" w:rsidRDefault="00156FB3" w:rsidP="00156FB3">
            <w:r>
              <w:tab/>
            </w:r>
            <w:r>
              <w:tab/>
            </w:r>
            <w:r>
              <w:tab/>
            </w:r>
            <w:r>
              <w:tab/>
              <w:t>var append = function(html_container, html_element) {</w:t>
            </w:r>
          </w:p>
          <w:p w:rsidR="00156FB3" w:rsidRDefault="00156FB3" w:rsidP="00156FB3">
            <w:r>
              <w:tab/>
            </w:r>
            <w:r>
              <w:tab/>
            </w:r>
            <w:r>
              <w:tab/>
            </w:r>
            <w:r>
              <w:tab/>
            </w:r>
            <w:r>
              <w:tab/>
              <w:t>var pos = html_container.search(/(&lt;\/[^&gt;]+&gt;\s*)$/);</w:t>
            </w:r>
          </w:p>
          <w:p w:rsidR="00156FB3" w:rsidRDefault="00156FB3" w:rsidP="00156FB3">
            <w:r>
              <w:tab/>
            </w:r>
            <w:r>
              <w:tab/>
            </w:r>
            <w:r>
              <w:tab/>
            </w:r>
            <w:r>
              <w:tab/>
            </w:r>
            <w:r>
              <w:tab/>
              <w:t>return html_container.substring(0, pos) + html_element + html_container.substring(pos);</w:t>
            </w:r>
          </w:p>
          <w:p w:rsidR="00156FB3" w:rsidRDefault="00156FB3" w:rsidP="00156FB3">
            <w:r>
              <w:tab/>
            </w:r>
            <w:r>
              <w:tab/>
            </w:r>
            <w:r>
              <w:tab/>
            </w:r>
            <w:r>
              <w:tab/>
              <w:t>};</w:t>
            </w:r>
          </w:p>
          <w:p w:rsidR="00156FB3" w:rsidRDefault="00156FB3" w:rsidP="00156FB3">
            <w:r>
              <w:lastRenderedPageBreak/>
              <w:tab/>
            </w:r>
          </w:p>
          <w:p w:rsidR="00156FB3" w:rsidRDefault="00156FB3" w:rsidP="00156FB3">
            <w:r>
              <w:tab/>
            </w:r>
            <w:r>
              <w:tab/>
            </w:r>
            <w:r>
              <w:tab/>
            </w:r>
            <w:r>
              <w:tab/>
              <w:t>thisRef.setup = (function() {</w:t>
            </w:r>
          </w:p>
          <w:p w:rsidR="00156FB3" w:rsidRDefault="00156FB3" w:rsidP="00156FB3">
            <w:r>
              <w:tab/>
            </w:r>
            <w:r>
              <w:tab/>
            </w:r>
            <w:r>
              <w:tab/>
            </w:r>
            <w:r>
              <w:tab/>
            </w:r>
            <w:r>
              <w:tab/>
              <w:t>var original = self.setup;</w:t>
            </w:r>
          </w:p>
          <w:p w:rsidR="00156FB3" w:rsidRDefault="00156FB3" w:rsidP="00156FB3">
            <w:r>
              <w:tab/>
            </w:r>
            <w:r>
              <w:tab/>
            </w:r>
            <w:r>
              <w:tab/>
            </w:r>
            <w:r>
              <w:tab/>
            </w:r>
            <w:r>
              <w:tab/>
              <w:t>return function() {</w:t>
            </w:r>
          </w:p>
          <w:p w:rsidR="00156FB3" w:rsidRDefault="00156FB3" w:rsidP="00156FB3">
            <w:r>
              <w:tab/>
            </w:r>
            <w:r>
              <w:tab/>
            </w:r>
            <w:r>
              <w:tab/>
            </w:r>
            <w:r>
              <w:tab/>
            </w:r>
            <w:r>
              <w:tab/>
            </w:r>
            <w:r>
              <w:tab/>
              <w:t>// override the item rendering method to add the button to each</w:t>
            </w:r>
          </w:p>
          <w:p w:rsidR="00156FB3" w:rsidRDefault="00156FB3" w:rsidP="00156FB3">
            <w:r>
              <w:tab/>
            </w:r>
            <w:r>
              <w:tab/>
            </w:r>
            <w:r>
              <w:tab/>
            </w:r>
            <w:r>
              <w:tab/>
            </w:r>
            <w:r>
              <w:tab/>
            </w:r>
            <w:r>
              <w:tab/>
              <w:t>if (options.append) {</w:t>
            </w:r>
          </w:p>
          <w:p w:rsidR="00156FB3" w:rsidRDefault="00156FB3" w:rsidP="00156FB3">
            <w:r>
              <w:tab/>
            </w:r>
            <w:r>
              <w:tab/>
            </w:r>
            <w:r>
              <w:tab/>
            </w:r>
            <w:r>
              <w:tab/>
            </w:r>
            <w:r>
              <w:tab/>
            </w:r>
            <w:r>
              <w:tab/>
            </w:r>
            <w:r>
              <w:tab/>
              <w:t>var render_item = self.settings.render.item;</w:t>
            </w:r>
          </w:p>
          <w:p w:rsidR="00156FB3" w:rsidRDefault="00156FB3" w:rsidP="00156FB3">
            <w:r>
              <w:tab/>
            </w:r>
            <w:r>
              <w:tab/>
            </w:r>
            <w:r>
              <w:tab/>
            </w:r>
            <w:r>
              <w:tab/>
            </w:r>
            <w:r>
              <w:tab/>
            </w:r>
            <w:r>
              <w:tab/>
            </w:r>
            <w:r>
              <w:tab/>
              <w:t>self.settings.render.item = function(data) {</w:t>
            </w:r>
          </w:p>
          <w:p w:rsidR="00156FB3" w:rsidRDefault="00156FB3" w:rsidP="00156FB3">
            <w:r>
              <w:tab/>
            </w:r>
            <w:r>
              <w:tab/>
            </w:r>
            <w:r>
              <w:tab/>
            </w:r>
            <w:r>
              <w:tab/>
            </w:r>
            <w:r>
              <w:tab/>
            </w:r>
            <w:r>
              <w:tab/>
            </w:r>
            <w:r>
              <w:tab/>
            </w:r>
            <w:r>
              <w:tab/>
              <w:t>return append(render_item.apply(thisRef, arguments), html);</w:t>
            </w:r>
          </w:p>
          <w:p w:rsidR="00156FB3" w:rsidRDefault="00156FB3" w:rsidP="00156FB3">
            <w:r>
              <w:tab/>
            </w:r>
            <w:r>
              <w:tab/>
            </w:r>
            <w:r>
              <w:tab/>
            </w:r>
            <w:r>
              <w:tab/>
            </w:r>
            <w:r>
              <w:tab/>
            </w:r>
            <w:r>
              <w:tab/>
            </w:r>
            <w:r>
              <w:tab/>
              <w:t>};</w:t>
            </w:r>
          </w:p>
          <w:p w:rsidR="00156FB3" w:rsidRDefault="00156FB3" w:rsidP="00156FB3">
            <w:r>
              <w:tab/>
            </w:r>
            <w:r>
              <w:tab/>
            </w:r>
            <w:r>
              <w:tab/>
            </w:r>
            <w:r>
              <w:tab/>
            </w:r>
            <w:r>
              <w:tab/>
            </w:r>
            <w:r>
              <w:tab/>
              <w:t>}</w:t>
            </w:r>
          </w:p>
          <w:p w:rsidR="00156FB3" w:rsidRDefault="00156FB3" w:rsidP="00156FB3">
            <w:r>
              <w:tab/>
            </w:r>
          </w:p>
          <w:p w:rsidR="00156FB3" w:rsidRDefault="00156FB3" w:rsidP="00156FB3">
            <w:r>
              <w:tab/>
            </w:r>
            <w:r>
              <w:tab/>
            </w:r>
            <w:r>
              <w:tab/>
            </w:r>
            <w:r>
              <w:tab/>
            </w:r>
            <w:r>
              <w:tab/>
            </w:r>
            <w:r>
              <w:tab/>
              <w:t>original.apply(thisRef, arguments);</w:t>
            </w:r>
          </w:p>
          <w:p w:rsidR="00156FB3" w:rsidRDefault="00156FB3" w:rsidP="00156FB3">
            <w:r>
              <w:tab/>
            </w:r>
          </w:p>
          <w:p w:rsidR="00156FB3" w:rsidRDefault="00156FB3" w:rsidP="00156FB3">
            <w:r>
              <w:tab/>
            </w:r>
            <w:r>
              <w:tab/>
            </w:r>
            <w:r>
              <w:tab/>
            </w:r>
            <w:r>
              <w:tab/>
            </w:r>
            <w:r>
              <w:tab/>
            </w:r>
            <w:r>
              <w:tab/>
              <w:t>// add event listener</w:t>
            </w:r>
          </w:p>
          <w:p w:rsidR="00156FB3" w:rsidRDefault="00156FB3" w:rsidP="00156FB3">
            <w:r>
              <w:tab/>
            </w:r>
            <w:r>
              <w:tab/>
            </w:r>
            <w:r>
              <w:tab/>
            </w:r>
            <w:r>
              <w:tab/>
            </w:r>
            <w:r>
              <w:tab/>
            </w:r>
            <w:r>
              <w:tab/>
              <w:t>thisRef.$control.on('click', '.' + options.className, function(e) {</w:t>
            </w:r>
          </w:p>
          <w:p w:rsidR="00156FB3" w:rsidRDefault="00156FB3" w:rsidP="00156FB3">
            <w:r>
              <w:tab/>
            </w:r>
            <w:r>
              <w:tab/>
            </w:r>
            <w:r>
              <w:tab/>
            </w:r>
            <w:r>
              <w:tab/>
            </w:r>
            <w:r>
              <w:tab/>
            </w:r>
            <w:r>
              <w:tab/>
            </w:r>
            <w:r>
              <w:tab/>
              <w:t>e.preventDefault();</w:t>
            </w:r>
          </w:p>
          <w:p w:rsidR="00156FB3" w:rsidRDefault="00156FB3" w:rsidP="00156FB3">
            <w:r>
              <w:tab/>
            </w:r>
            <w:r>
              <w:tab/>
            </w:r>
            <w:r>
              <w:tab/>
            </w:r>
            <w:r>
              <w:tab/>
            </w:r>
            <w:r>
              <w:tab/>
            </w:r>
            <w:r>
              <w:tab/>
            </w:r>
            <w:r>
              <w:tab/>
              <w:t>if (self.isLocked) return;</w:t>
            </w:r>
          </w:p>
          <w:p w:rsidR="00156FB3" w:rsidRDefault="00156FB3" w:rsidP="00156FB3">
            <w:r>
              <w:tab/>
            </w:r>
          </w:p>
          <w:p w:rsidR="00156FB3" w:rsidRDefault="00156FB3" w:rsidP="00156FB3">
            <w:r>
              <w:tab/>
            </w:r>
            <w:r>
              <w:tab/>
            </w:r>
            <w:r>
              <w:tab/>
            </w:r>
            <w:r>
              <w:tab/>
            </w:r>
            <w:r>
              <w:tab/>
            </w:r>
            <w:r>
              <w:tab/>
            </w:r>
            <w:r>
              <w:tab/>
              <w:t>var $item = $(e.currentTarget).parent();</w:t>
            </w:r>
          </w:p>
          <w:p w:rsidR="00156FB3" w:rsidRDefault="00156FB3" w:rsidP="00156FB3">
            <w:r>
              <w:tab/>
            </w:r>
            <w:r>
              <w:tab/>
            </w:r>
            <w:r>
              <w:tab/>
            </w:r>
            <w:r>
              <w:tab/>
            </w:r>
            <w:r>
              <w:tab/>
            </w:r>
            <w:r>
              <w:tab/>
            </w:r>
            <w:r>
              <w:tab/>
              <w:t>self.setActiveItem($item);</w:t>
            </w:r>
          </w:p>
          <w:p w:rsidR="00156FB3" w:rsidRDefault="00156FB3" w:rsidP="00156FB3">
            <w:r>
              <w:tab/>
            </w:r>
            <w:r>
              <w:tab/>
            </w:r>
            <w:r>
              <w:tab/>
            </w:r>
            <w:r>
              <w:tab/>
            </w:r>
            <w:r>
              <w:tab/>
            </w:r>
            <w:r>
              <w:tab/>
            </w:r>
            <w:r>
              <w:tab/>
              <w:t>if (self.deleteSelection()) {</w:t>
            </w:r>
          </w:p>
          <w:p w:rsidR="00156FB3" w:rsidRDefault="00156FB3" w:rsidP="00156FB3">
            <w:r>
              <w:tab/>
            </w:r>
            <w:r>
              <w:tab/>
            </w:r>
            <w:r>
              <w:tab/>
            </w:r>
            <w:r>
              <w:tab/>
            </w:r>
            <w:r>
              <w:tab/>
            </w:r>
            <w:r>
              <w:tab/>
            </w:r>
            <w:r>
              <w:tab/>
            </w:r>
            <w:r>
              <w:tab/>
              <w:t>self.setCaret(self.items.length);</w:t>
            </w:r>
          </w:p>
          <w:p w:rsidR="00156FB3" w:rsidRDefault="00156FB3" w:rsidP="00156FB3">
            <w:r>
              <w:tab/>
            </w:r>
            <w:r>
              <w:tab/>
            </w:r>
            <w:r>
              <w:tab/>
            </w:r>
            <w:r>
              <w:tab/>
            </w:r>
            <w:r>
              <w:tab/>
            </w:r>
            <w:r>
              <w:tab/>
            </w:r>
            <w:r>
              <w:tab/>
              <w:t>}</w:t>
            </w:r>
          </w:p>
          <w:p w:rsidR="00156FB3" w:rsidRDefault="00156FB3" w:rsidP="00156FB3">
            <w:r>
              <w:tab/>
            </w:r>
            <w:r>
              <w:tab/>
            </w:r>
            <w:r>
              <w:tab/>
            </w:r>
            <w:r>
              <w:tab/>
            </w:r>
            <w:r>
              <w:tab/>
            </w:r>
            <w:r>
              <w:tab/>
              <w:t>});</w:t>
            </w:r>
          </w:p>
          <w:p w:rsidR="00156FB3" w:rsidRDefault="00156FB3" w:rsidP="00156FB3">
            <w:r>
              <w:tab/>
            </w:r>
          </w:p>
          <w:p w:rsidR="00156FB3" w:rsidRDefault="00156FB3" w:rsidP="00156FB3">
            <w:r>
              <w:tab/>
            </w:r>
            <w:r>
              <w:tab/>
            </w:r>
            <w:r>
              <w:tab/>
            </w:r>
            <w:r>
              <w:tab/>
            </w:r>
            <w:r>
              <w:tab/>
              <w:t>};</w:t>
            </w:r>
          </w:p>
          <w:p w:rsidR="00156FB3" w:rsidRDefault="00156FB3" w:rsidP="00156FB3">
            <w:r>
              <w:tab/>
            </w:r>
            <w:r>
              <w:tab/>
            </w:r>
            <w:r>
              <w:tab/>
            </w:r>
            <w:r>
              <w:tab/>
              <w:t>})();</w:t>
            </w:r>
          </w:p>
          <w:p w:rsidR="00156FB3" w:rsidRDefault="00156FB3" w:rsidP="00156FB3">
            <w:r>
              <w:tab/>
            </w:r>
            <w:r>
              <w:tab/>
            </w:r>
            <w:r>
              <w:tab/>
              <w:t>};</w:t>
            </w:r>
          </w:p>
          <w:p w:rsidR="00156FB3" w:rsidRDefault="00156FB3" w:rsidP="00156FB3">
            <w:r>
              <w:tab/>
            </w:r>
          </w:p>
          <w:p w:rsidR="00156FB3" w:rsidRDefault="00156FB3" w:rsidP="00156FB3">
            <w:r>
              <w:tab/>
            </w:r>
            <w:r>
              <w:tab/>
            </w:r>
            <w:r>
              <w:tab/>
              <w:t>if (this.settings.mode === 'single') {</w:t>
            </w:r>
          </w:p>
          <w:p w:rsidR="00156FB3" w:rsidRDefault="00156FB3" w:rsidP="00156FB3">
            <w:r>
              <w:tab/>
            </w:r>
            <w:r>
              <w:tab/>
            </w:r>
            <w:r>
              <w:tab/>
            </w:r>
            <w:r>
              <w:tab/>
              <w:t>singleClose(this, options);</w:t>
            </w:r>
          </w:p>
          <w:p w:rsidR="00156FB3" w:rsidRDefault="00156FB3" w:rsidP="00156FB3"/>
          <w:p w:rsidR="00156FB3" w:rsidRDefault="00156FB3" w:rsidP="00156FB3">
            <w:r>
              <w:tab/>
            </w:r>
            <w:r>
              <w:tab/>
            </w:r>
            <w:r>
              <w:tab/>
              <w:t>} else {</w:t>
            </w:r>
          </w:p>
          <w:p w:rsidR="00156FB3" w:rsidRDefault="00156FB3" w:rsidP="00156FB3">
            <w:r>
              <w:tab/>
            </w:r>
            <w:r>
              <w:tab/>
            </w:r>
            <w:r>
              <w:tab/>
            </w:r>
            <w:r>
              <w:tab/>
              <w:t>multiClose(this, options);</w:t>
            </w:r>
          </w:p>
          <w:p w:rsidR="00156FB3" w:rsidRDefault="00156FB3" w:rsidP="00156FB3">
            <w:r>
              <w:tab/>
            </w:r>
            <w:r>
              <w:tab/>
            </w:r>
            <w:r>
              <w:tab/>
              <w:t>}</w:t>
            </w:r>
          </w:p>
          <w:p w:rsidR="00156FB3" w:rsidRDefault="00156FB3" w:rsidP="00156FB3">
            <w:r>
              <w:tab/>
              <w:t>});</w:t>
            </w:r>
          </w:p>
          <w:p w:rsidR="00156FB3" w:rsidRDefault="00156FB3" w:rsidP="00156FB3">
            <w:r>
              <w:tab/>
            </w:r>
          </w:p>
          <w:p w:rsidR="00156FB3" w:rsidRDefault="00156FB3" w:rsidP="00156FB3">
            <w:r>
              <w:tab/>
            </w:r>
          </w:p>
          <w:p w:rsidR="00156FB3" w:rsidRDefault="00156FB3" w:rsidP="00156FB3">
            <w:r>
              <w:tab/>
              <w:t>Selectize.define('restore_on_backspace', function(options) {</w:t>
            </w:r>
          </w:p>
          <w:p w:rsidR="00156FB3" w:rsidRDefault="00156FB3" w:rsidP="00156FB3">
            <w:r>
              <w:tab/>
            </w:r>
            <w:r>
              <w:tab/>
              <w:t>var self = this;</w:t>
            </w:r>
          </w:p>
          <w:p w:rsidR="00156FB3" w:rsidRDefault="00156FB3" w:rsidP="00156FB3">
            <w:r>
              <w:tab/>
            </w:r>
          </w:p>
          <w:p w:rsidR="00156FB3" w:rsidRDefault="00156FB3" w:rsidP="00156FB3">
            <w:r>
              <w:tab/>
            </w:r>
            <w:r>
              <w:tab/>
              <w:t>options.text = options.text || function(option) {</w:t>
            </w:r>
          </w:p>
          <w:p w:rsidR="00156FB3" w:rsidRDefault="00156FB3" w:rsidP="00156FB3">
            <w:r>
              <w:tab/>
            </w:r>
            <w:r>
              <w:tab/>
            </w:r>
            <w:r>
              <w:tab/>
              <w:t>return option[this.settings.labelField];</w:t>
            </w:r>
          </w:p>
          <w:p w:rsidR="00156FB3" w:rsidRDefault="00156FB3" w:rsidP="00156FB3">
            <w:r>
              <w:tab/>
            </w:r>
            <w:r>
              <w:tab/>
              <w:t>};</w:t>
            </w:r>
          </w:p>
          <w:p w:rsidR="00156FB3" w:rsidRDefault="00156FB3" w:rsidP="00156FB3">
            <w:r>
              <w:lastRenderedPageBreak/>
              <w:tab/>
            </w:r>
          </w:p>
          <w:p w:rsidR="00156FB3" w:rsidRDefault="00156FB3" w:rsidP="00156FB3">
            <w:r>
              <w:tab/>
            </w:r>
            <w:r>
              <w:tab/>
              <w:t>this.onKeyDown = (function() {</w:t>
            </w:r>
          </w:p>
          <w:p w:rsidR="00156FB3" w:rsidRDefault="00156FB3" w:rsidP="00156FB3">
            <w:r>
              <w:tab/>
            </w:r>
            <w:r>
              <w:tab/>
            </w:r>
            <w:r>
              <w:tab/>
              <w:t>var original = self.onKeyDown;</w:t>
            </w:r>
          </w:p>
          <w:p w:rsidR="00156FB3" w:rsidRDefault="00156FB3" w:rsidP="00156FB3">
            <w:r>
              <w:tab/>
            </w:r>
            <w:r>
              <w:tab/>
            </w:r>
            <w:r>
              <w:tab/>
              <w:t>return function(e) {</w:t>
            </w:r>
          </w:p>
          <w:p w:rsidR="00156FB3" w:rsidRDefault="00156FB3" w:rsidP="00156FB3">
            <w:r>
              <w:tab/>
            </w:r>
            <w:r>
              <w:tab/>
            </w:r>
            <w:r>
              <w:tab/>
            </w:r>
            <w:r>
              <w:tab/>
              <w:t>var index, option;</w:t>
            </w:r>
          </w:p>
          <w:p w:rsidR="00156FB3" w:rsidRDefault="00156FB3" w:rsidP="00156FB3">
            <w:r>
              <w:tab/>
            </w:r>
            <w:r>
              <w:tab/>
            </w:r>
            <w:r>
              <w:tab/>
            </w:r>
            <w:r>
              <w:tab/>
              <w:t>if (e.keyCode === KEY_BACKSPACE &amp;&amp; this.$control_input.val() === '' &amp;&amp; !this.$activeItems.length) {</w:t>
            </w:r>
          </w:p>
          <w:p w:rsidR="00156FB3" w:rsidRDefault="00156FB3" w:rsidP="00156FB3">
            <w:r>
              <w:tab/>
            </w:r>
            <w:r>
              <w:tab/>
            </w:r>
            <w:r>
              <w:tab/>
            </w:r>
            <w:r>
              <w:tab/>
            </w:r>
            <w:r>
              <w:tab/>
              <w:t>index = this.caretPos - 1;</w:t>
            </w:r>
          </w:p>
          <w:p w:rsidR="00156FB3" w:rsidRDefault="00156FB3" w:rsidP="00156FB3">
            <w:r>
              <w:tab/>
            </w:r>
            <w:r>
              <w:tab/>
            </w:r>
            <w:r>
              <w:tab/>
            </w:r>
            <w:r>
              <w:tab/>
            </w:r>
            <w:r>
              <w:tab/>
              <w:t>if (index &gt;= 0 &amp;&amp; index &lt; this.items.length) {</w:t>
            </w:r>
          </w:p>
          <w:p w:rsidR="00156FB3" w:rsidRDefault="00156FB3" w:rsidP="00156FB3">
            <w:r>
              <w:tab/>
            </w:r>
            <w:r>
              <w:tab/>
            </w:r>
            <w:r>
              <w:tab/>
            </w:r>
            <w:r>
              <w:tab/>
            </w:r>
            <w:r>
              <w:tab/>
            </w:r>
            <w:r>
              <w:tab/>
              <w:t>option = this.options[this.items[index]];</w:t>
            </w:r>
          </w:p>
          <w:p w:rsidR="00156FB3" w:rsidRDefault="00156FB3" w:rsidP="00156FB3">
            <w:r>
              <w:tab/>
            </w:r>
            <w:r>
              <w:tab/>
            </w:r>
            <w:r>
              <w:tab/>
            </w:r>
            <w:r>
              <w:tab/>
            </w:r>
            <w:r>
              <w:tab/>
            </w:r>
            <w:r>
              <w:tab/>
              <w:t>if (this.deleteSelection(e)) {</w:t>
            </w:r>
          </w:p>
          <w:p w:rsidR="00156FB3" w:rsidRDefault="00156FB3" w:rsidP="00156FB3">
            <w:r>
              <w:tab/>
            </w:r>
            <w:r>
              <w:tab/>
            </w:r>
            <w:r>
              <w:tab/>
            </w:r>
            <w:r>
              <w:tab/>
            </w:r>
            <w:r>
              <w:tab/>
            </w:r>
            <w:r>
              <w:tab/>
            </w:r>
            <w:r>
              <w:tab/>
              <w:t>this.setTextboxValue(options.text.apply(this, [option]));</w:t>
            </w:r>
          </w:p>
          <w:p w:rsidR="00156FB3" w:rsidRDefault="00156FB3" w:rsidP="00156FB3">
            <w:r>
              <w:tab/>
            </w:r>
            <w:r>
              <w:tab/>
            </w:r>
            <w:r>
              <w:tab/>
            </w:r>
            <w:r>
              <w:tab/>
            </w:r>
            <w:r>
              <w:tab/>
            </w:r>
            <w:r>
              <w:tab/>
            </w:r>
            <w:r>
              <w:tab/>
              <w:t>this.refreshOptions(true);</w:t>
            </w:r>
          </w:p>
          <w:p w:rsidR="00156FB3" w:rsidRDefault="00156FB3" w:rsidP="00156FB3">
            <w:r>
              <w:tab/>
            </w:r>
            <w:r>
              <w:tab/>
            </w:r>
            <w:r>
              <w:tab/>
            </w:r>
            <w:r>
              <w:tab/>
            </w:r>
            <w:r>
              <w:tab/>
            </w:r>
            <w:r>
              <w:tab/>
              <w:t>}</w:t>
            </w:r>
          </w:p>
          <w:p w:rsidR="00156FB3" w:rsidRDefault="00156FB3" w:rsidP="00156FB3">
            <w:r>
              <w:tab/>
            </w:r>
            <w:r>
              <w:tab/>
            </w:r>
            <w:r>
              <w:tab/>
            </w:r>
            <w:r>
              <w:tab/>
            </w:r>
            <w:r>
              <w:tab/>
            </w:r>
            <w:r>
              <w:tab/>
              <w:t>e.preventDefault();</w:t>
            </w:r>
          </w:p>
          <w:p w:rsidR="00156FB3" w:rsidRDefault="00156FB3" w:rsidP="00156FB3">
            <w:r>
              <w:tab/>
            </w:r>
            <w:r>
              <w:tab/>
            </w:r>
            <w:r>
              <w:tab/>
            </w:r>
            <w:r>
              <w:tab/>
            </w:r>
            <w:r>
              <w:tab/>
            </w:r>
            <w:r>
              <w:tab/>
              <w:t>return;</w:t>
            </w:r>
          </w:p>
          <w:p w:rsidR="00156FB3" w:rsidRDefault="00156FB3" w:rsidP="00156FB3">
            <w:r>
              <w:tab/>
            </w:r>
            <w:r>
              <w:tab/>
            </w:r>
            <w:r>
              <w:tab/>
            </w:r>
            <w:r>
              <w:tab/>
            </w:r>
            <w:r>
              <w:tab/>
              <w:t>}</w:t>
            </w:r>
          </w:p>
          <w:p w:rsidR="00156FB3" w:rsidRDefault="00156FB3" w:rsidP="00156FB3">
            <w:r>
              <w:tab/>
            </w:r>
            <w:r>
              <w:tab/>
            </w:r>
            <w:r>
              <w:tab/>
            </w:r>
            <w:r>
              <w:tab/>
              <w:t>}</w:t>
            </w:r>
          </w:p>
          <w:p w:rsidR="00156FB3" w:rsidRDefault="00156FB3" w:rsidP="00156FB3">
            <w:r>
              <w:tab/>
            </w:r>
            <w:r>
              <w:tab/>
            </w:r>
            <w:r>
              <w:tab/>
            </w:r>
            <w:r>
              <w:tab/>
              <w:t>return original.apply(this, arguments);</w:t>
            </w:r>
          </w:p>
          <w:p w:rsidR="00156FB3" w:rsidRDefault="00156FB3" w:rsidP="00156FB3">
            <w:r>
              <w:tab/>
            </w:r>
            <w:r>
              <w:tab/>
            </w:r>
            <w:r>
              <w:tab/>
              <w:t>};</w:t>
            </w:r>
          </w:p>
          <w:p w:rsidR="00156FB3" w:rsidRDefault="00156FB3" w:rsidP="00156FB3">
            <w:r>
              <w:tab/>
            </w:r>
            <w:r>
              <w:tab/>
              <w:t>})();</w:t>
            </w:r>
          </w:p>
          <w:p w:rsidR="00156FB3" w:rsidRDefault="00156FB3" w:rsidP="00156FB3">
            <w:r>
              <w:tab/>
              <w:t>});</w:t>
            </w:r>
          </w:p>
          <w:p w:rsidR="00156FB3" w:rsidRDefault="00156FB3" w:rsidP="00156FB3">
            <w:r>
              <w:tab/>
            </w:r>
          </w:p>
          <w:p w:rsidR="00156FB3" w:rsidRDefault="00156FB3" w:rsidP="00156FB3"/>
          <w:p w:rsidR="00156FB3" w:rsidRDefault="00156FB3" w:rsidP="00156FB3">
            <w:r>
              <w:tab/>
              <w:t>return Selectize;</w:t>
            </w:r>
          </w:p>
          <w:p w:rsidR="0048012D" w:rsidRDefault="00156FB3" w:rsidP="00156FB3">
            <w:r>
              <w:t>}));</w:t>
            </w:r>
          </w:p>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Ua-parser.js</w:t>
            </w:r>
          </w:p>
        </w:tc>
      </w:tr>
      <w:tr w:rsidR="0048012D" w:rsidTr="0048012D">
        <w:tc>
          <w:tcPr>
            <w:tcW w:w="9576" w:type="dxa"/>
          </w:tcPr>
          <w:p w:rsidR="00156FB3" w:rsidRDefault="00156FB3" w:rsidP="00156FB3">
            <w:r>
              <w:t>/*!</w:t>
            </w:r>
          </w:p>
          <w:p w:rsidR="00156FB3" w:rsidRDefault="00156FB3" w:rsidP="00156FB3">
            <w:r>
              <w:t xml:space="preserve"> * UAParser.js v0.7.21</w:t>
            </w:r>
          </w:p>
          <w:p w:rsidR="00156FB3" w:rsidRDefault="00156FB3" w:rsidP="00156FB3">
            <w:r>
              <w:t xml:space="preserve"> * Lightweight JavaScript-based User-Agent string parser</w:t>
            </w:r>
          </w:p>
          <w:p w:rsidR="00156FB3" w:rsidRDefault="00156FB3" w:rsidP="00156FB3">
            <w:r>
              <w:t xml:space="preserve"> * https://github.com/faisalman/ua-parser-js</w:t>
            </w:r>
          </w:p>
          <w:p w:rsidR="00156FB3" w:rsidRDefault="00156FB3" w:rsidP="00156FB3">
            <w:r>
              <w:t xml:space="preserve"> *</w:t>
            </w:r>
          </w:p>
          <w:p w:rsidR="00156FB3" w:rsidRDefault="00156FB3" w:rsidP="00156FB3">
            <w:r>
              <w:t xml:space="preserve"> * Copyright © 2012-2019 Faisal Salman &lt;f@faisalman.com&gt;</w:t>
            </w:r>
          </w:p>
          <w:p w:rsidR="00156FB3" w:rsidRDefault="00156FB3" w:rsidP="00156FB3">
            <w:r>
              <w:t xml:space="preserve"> * Licensed under MIT License</w:t>
            </w:r>
          </w:p>
          <w:p w:rsidR="00156FB3" w:rsidRDefault="00156FB3" w:rsidP="00156FB3">
            <w:r>
              <w:t xml:space="preserve"> */</w:t>
            </w:r>
          </w:p>
          <w:p w:rsidR="0048012D" w:rsidRDefault="00156FB3" w:rsidP="00156FB3">
            <w:r>
              <w:t>(function(window,undefined){"use strict";var LIBVERSION="0.7.21",EMPTY="",UNKNOWN="?",FUNC_TYPE="function",UNDEF_TYPE="undefined",OBJ_TYPE="object",STR_TYPE="string",MAJOR="major",MODEL="model",NAME="name",TYPE="type",VENDOR="vendor",VERSION="version",ARCHITECTURE="architecture",CONSOLE="console",MOBILE="mobile",TABLET="tablet",SMARTTV="smarttv",WEARABLE="wearable",EMBEDDED="embedded";var util={extend:function(regexes,extensions){var mergedRegexes={};for(var i in regexes){if(extensions[i]&amp;&amp;extensions[i].length%2===0){mergedRegexes[i]=extensions[i].concat(regexes</w:t>
            </w:r>
            <w:r>
              <w:lastRenderedPageBreak/>
              <w:t xml:space="preserve">[i])}else{mergedRegexes[i]=regexes[i]}}return mergedRegexes},has:function(str1,str2){if(typeof str1==="string"){return str2.toLowerCase().indexOf(str1.toLowerCase())!==-1}else{return false}},lowerize:function(str){return str.toLowerCase()},major:function(version){return typeof version===STR_TYPE?version.replace(/[^\d\.]/g,"").split(".")[0]:undefined},trim:function(str){return str.replace(/^[\s\uFEFF\xA0]+|[\s\uFEFF\xA0]+$/g,"")}};var mapper={rgx:function(ua,arrays){var i=0,j,k,p,q,matches,match;while(i&lt;arrays.length&amp;&amp;!matches){var regex=arrays[i],props=arrays[i+1];j=k=0;while(j&lt;regex.length&amp;&amp;!matches){matches=regex[j++].exec(ua);if(!!matches){for(p=0;p&lt;props.length;p++){match=matches[++k];q=props[p];if(typeof q===OBJ_TYPE&amp;&amp;q.length&gt;0){if(q.length==2){if(typeof q[1]==FUNC_TYPE){this[q[0]]=q[1].call(this,match)}else{this[q[0]]=q[1]}}else if(q.length==3){if(typeof q[1]===FUNC_TYPE&amp;&amp;!(q[1].exec&amp;&amp;q[1].test)){this[q[0]]=match?q[1].call(this,match,q[2]):undefined}else{this[q[0]]=match?match.replace(q[1],q[2]):undefined}}else if(q.length==4){this[q[0]]=match?q[3].call(this,match.replace(q[1],q[2])):undefined}}else{this[q]=match?match:undefined}}}}i+=2}},str:function(str,map){for(var i in map){if(typeof map[i]===OBJ_TYPE&amp;&amp;map[i].length&gt;0){for(var j=0;j&lt;map[i].length;j++){if(util.has(map[i][j],str)){return i===UNKNOWN?undefined:i}}}else if(util.has(map[i],str)){return i===UNKNOWN?undefined:i}}return str}};var maps={browser:{oldsafari:{version:{"1.0":"/8",1.2:"/1",1.3:"/3","2.0":"/412","2.0.2":"/416","2.0.3":"/417","2.0.4":"/419","?":"/"}}},device:{amazon:{model:{"Fire Phone":["SD","KF"]}},sprint:{model:{"Evo Shift 4G":"7373KT"},vendor:{HTC:"APA",Sprint:"Sprint"}}},os:{windows:{version:{ME:"4.90","NT 3.11":"NT3.51","NT 4.0":"NT4.0",2000:"NT 5.0",XP:["NT 5.1","NT 5.2"],Vista:"NT 6.0",7:"NT 6.1",8:"NT 6.2",8.1:"NT 6.3",10:["NT 6.4","NT 10.0"],RT:"ARM"}}}};var regexes={browser:[[/(opera\smini)\/([\w\.-]+)/i,/(opera\s[mobiletab]+).+version\/([\w\.-]+)/i,/(opera).+version\/([\w\.]+)/i,/(opera)[\/\s]+([\w\.]+)/i],[NAME,VERSION],[/(opios)[\/\s]+([\w\.]+)/i],[[NAME,"Opera Mini"],VERSION],[/\s(opr)\/([\w\.]+)/i],[[NAME,"Opera"],VERSION],[/(kindle)\/([\w\.]+)/i,/(lunascape|maxthon|netfront|jasmine|blazer)[\/\s]?([\w\.]*)/i,/(avant\s|iemobile|slim)(?:browser)?[\/\s]?([\w\.]*)/i,/(bidubrowser|baidubrowser)[\/\s]?([\w\.]+)/i,/(?:ms|\()(ie)\s([\w\.]+)/i,/(rekonq)\/([\w\.]*)/i,/(chromium|flock|rockmelt|midori|epiphany|silk|skyfire|ovibrowser|bolt|iron|vivaldi|iridium|phantomjs|bowser|quark|qupzilla|falkon)\/([\w\.-]+)/i],[NAME,VERSION],[/(konqueror)\/([\w\.]+)/i],[[NAME,"Konqueror"],VERSION],[/(trident).+rv[:\s]([\w\.]+).+like\sgecko/i],[[NAME,"IE"],VERSION],[/(edge|edgios|edga|edg)\/((\d+)?[\w\.]+)/i],[[NAME,"Edge"],VERSION],[/(yabrowser)\/([\w\.]+)/i],[[NAME,"Yandex"],VERSION],[/(Avast)\/([\w\.]+)/i],[[NAME,"Avast Secure Browser"],VERSION],[/(AVG)\/([\w\.]+)/i],[[NAME,"AVG Secure Browser"],VERSION],[/(puffin)\/([\w\.]+)/i],[[NAME,"Puffin"],VERSION],[/(focus)\/([\w\.]+)/i],[[NAME,"Firefox Focus"],VERSION],[/(opt)\/([\w\.]+)/i],[[NAME,"Opera Touch"],VERSION],[/((?:[\s\/])uc?\s?browser|(?:juc.+)ucweb)[\/\s]?([\w\.]+)/i],[[NAME,"UCBrowser"],VERSION],[/(comodo_dragon)\/([\w\.]+)/i],[[NAME,/_/g," "],VERSION],[/(windowswechat qbcore)\/([\w\.]+)/i],[[NAME,"WeChat(Win) Desktop"],VERSION],[/(micromessenger)\/([\w\.]+)/i],[[NAME,"WeChat"],VERSION],[/(brave)\/([\w\.]+)/i],[[NAME,"Brave"],VERSION],[/(qqbrowserlite)\/([\w\.]+)/i],[NAME,VERSION],[/(QQ)\/([\d\.]+)/i],[NAME,VERSION],[/m?(qqbrowser)[\/\s]?([\w\.]+)/i],[NAME,VERSION],[/(baiduboxapp)[\/\s]?([\w\.]+)/i],[NAME,VERSION],[/(2345Explorer)[\/\s]?([\w\.]+)/i],[NAME,VERSION],[/(MetaSr)[\/\s]?([\w\.]+)/i],[NAME],[/(LBBROWSER)/i],[NAME],[/xiaomi\/miuibrowser\/([\w\.]+)/i],[VERSION,[NAME,"MIUI Browser"]],[/;fbav\/([\w\.]+);/i],[VERSION,[NAME,"Facebook"]],[/safari\s(line)\/([\w\.]+)/i,/android.+(line)\/([\w\.]+)\/iab/i],[NAME,VERSION],[/headlesschrome(?:\/([\w\.]+)|\s)/i],[VERSION,[NAME,"Chrome Headless"]],[/\swv\).+(chrome)\/([\w\.]+)/i],[[NAME,/(.+)/,"$1 WebView"],VERSION],[/((?:oculus|samsung)browser)\/([\w\.]+)/i],[[NAME,/(.+(?:g|us))(.+)/,"$1 </w:t>
            </w:r>
            <w:r>
              <w:lastRenderedPageBreak/>
              <w:t>$2"],VERSION],[/android.+version\/([\w\.]+)\s+(?:mobile\s?safari|safari)*/i],[VERSION,[NAME,"Android Browser"]],[/(sailfishbrowser)\/([\w\.]+)/i],[[NAME,"Sailfish Browser"],VERSION],[/(chrome|omniweb|arora|[tizenoka]{5}\s?browser)\/v?([\w\.]+)/i],[NAME,VERSION],[/(dolfin)\/([\w\.]+)/i],[[NAME,"Dolphin"],VERSION],[/(qihu|qhbrowser|qihoobrowser|360browser)/i],[[NAME,"360 Browser"]],[/((?:android.+)crmo|crios)\/([\w\.]+)/i],[[NAME,"Chrome"],VERSION],[/(coast)\/([\w\.]+)/i],[[NAME,"Opera Coast"],VERSION],[/fxios\/([\w\.-]+)/i],[VERSION,[NAME,"Firefox"]],[/version\/([\w\.]+).+?mobile\/\w+\s(safari)/i],[VERSION,[NAME,"Mobile Safari"]],[/version\/([\w\.]+).+?(mobile\s?safari|safari)/i],[VERSION,NAME],[/webkit.+?(gsa)\/([\w\.]+).+?(mobile\s?safari|safari)(\/[\w\.]+)/i],[[NAME,"GSA"],VERSION],[/webkit.+?(mobile\s?safari|safari)(\/[\w\.]+)/i],[NAME,[VERSION,mapper.str,maps.browser.oldsafari.version]],[/(webkit|khtml)\/([\w\.]+)/i],[NAME,VERSION],[/(navigator|netscape)\/([\w\.-]+)/i],[[NAME,"Netscape"],VERSION],[/(swiftfox)/i,/(icedragon|iceweasel|camino|chimera|fennec|maemo\sbrowser|minimo|conkeror)[\/\s]?([\w\.\+]+)/i,/(firefox|seamonkey|k-meleon|icecat|iceape|firebird|phoenix|palemoon|basilisk|waterfox)\/([\w\.-]+)$/i,/(mozilla)\/([\w\.]+).+rv\:.+gecko\/\d+/i,/(polaris|lynx|dillo|icab|doris|amaya|w3m|netsurf|sleipnir)[\/\s]?([\w\.]+)/i,/(links)\s\(([\w\.]+)/i,/(gobrowser)\/?([\w\.]*)/i,/(ice\s?browser)\/v?([\w\._]+)/i,/(mosaic)[\/\s]([\w\.]+)/i],[NAME,VERSION]],cpu:[[/(?:(amd|x(?:(?:86|64)[_-])?|wow|win)64)[;\)]/i],[[ARCHITECTURE,"amd64"]],[/(ia32(?=;))/i],[[ARCHITECTURE,util.lowerize]],[/((?:i[346]|x)86)[;\)]/i],[[ARCHITECTURE,"ia32"]],[/windows\s(ce|mobile);\sppc;/i],[[ARCHITECTURE,"arm"]],[/((?:ppc|powerpc)(?:64)?)(?:\smac|;|\))/i],[[ARCHITECTURE,/ower/,"",util.lowerize]],[/(sun4\w)[;\)]/i],[[ARCHITECTURE,"sparc"]],[/((?:avr32|ia64(?=;))|68k(?=\))|arm(?:64|(?=v\d+[;l]))|(?=atmel\s)avr|(?:irix|mips|sparc)(?:64)?(?=;)|pa-risc)/i],[[ARCHITECTURE,util.lowerize]]],device:[[/\((ipad|playbook);[\w\s\),;-]+(rim|apple)/i],[MODEL,VENDOR,[TYPE,TABLET]],[/applecoremedia\/[\w\.]+ \((ipad)/],[MODEL,[VENDOR,"Apple"],[TYPE,TABLET]],[/(apple\s{0,1}tv)/i],[[MODEL,"Apple TV"],[VENDOR,"Apple"],[TYPE,SMARTTV]],[/(archos)\s(gamepad2?)/i,/(hp).+(touchpad)/i,/(hp).+(tablet)/i,/(kindle)\/([\w\.]+)/i,/\s(nook)[\w\s]+build\/(\w+)/i,/(dell)\s(strea[kpr\s\d]*[\dko])/i],[VENDOR,MODEL,[TYPE,TABLET]],[/(kf[A-z]+)\sbuild\/.+silk\//i],[MODEL,[VENDOR,"Amazon"],[TYPE,TABLET]],[/(sd|kf)[0349hijorstuw]+\sbuild\/.+silk\//i],[[MODEL,mapper.str,maps.device.amazon.model],[VENDOR,"Amazon"],[TYPE,MOBILE]],[/android.+aft([bms])\sbuild/i],[MODEL,[VENDOR,"Amazon"],[TYPE,SMARTTV]],[/\((ip[honed|\s\w*]+);.+(apple)/i],[MODEL,VENDOR,[TYPE,MOBILE]],[/\((ip[honed|\s\w*]+);/i],[MODEL,[VENDOR,"Apple"],[TYPE,MOBILE]],[/(blackberry)[\s-]?(\w+)/i,/(blackberry|benq|palm(?=\-)|sonyericsson|acer|asus|dell|meizu|motorola|polytron)[\s_-]?([\w-]*)/i,/(hp)\s([\w\s]+\w)/i,/(asus)-?(\w+)/i],[VENDOR,MODEL,[TYPE,MOBILE]],[/\(bb10;\s(\w+)/i],[MODEL,[VENDOR,"BlackBerry"],[TYPE,MOBILE]],[/android.+(transfo[prime\s]{4,10}\s\w+|eeepc|slider\s\w+|nexus 7|padfone|p00c)/i],[MODEL,[VENDOR,"Asus"],[TYPE,TABLET]],[/(sony)\s(tablet\s[ps])\sbuild\//i,/(sony)?(?:sgp.+)\sbuild\//i],[[VENDOR,"Sony"],[MODEL,"Xperia Tablet"],[TYPE,TABLET]],[/android.+\s([c-g]\d{4}|so[-l]\w+)(?=\sbuild\/|\).+chrome\/(?![1-6]{0,1}\d\.))/i],[MODEL,[VENDOR,"Sony"],[TYPE,MOBILE]],[/\s(ouya)\s/i,/(nintendo)\s([wids3u]+)/i],[VENDOR,MODEL,[TYPE,CONSOLE]],[/android.+;\s(shield)\sbuild/i],[MODEL,[VENDOR,"Nvidia"],[TYPE,CONSOLE]],[/(playstation\s[34portablevi]+)/i],[MODEL,[VENDOR,"Sony"],[TYPE,CONSOLE]],[/(sprint\s(\w+))/i],[[VENDOR,mapper.str,maps.device.sprint.vendor],[MODEL,mapper.str,maps.device.sprint.model],[TYPE,MOBILE]],[/(htc)[;_\s-]+([\w\s]+(?=\)|\sbuild)|\w+)/i,/(zte)-(\w*)/i,/(alcatel|geeksphone|nexian|panasonic|(?=;\s)sony)[_\s-]?([\w-]*)/i],[VENDOR,[MODEL,/_/g," "],[TYPE,MOBILE]],[/(nexus\s9)/i],[MODEL,[VENDOR,"HTC"],[TYPE,TABLET]],[/d\/huawei([\w\s-]+)[;\)]/i,/(nexus\s6p|vog-l29|ane-lx1|eml-</w:t>
            </w:r>
            <w:r>
              <w:lastRenderedPageBreak/>
              <w:t xml:space="preserve">l29)/i],[MODEL,[VENDOR,"Huawei"],[TYPE,MOBILE]],[/android.+(bah2?-a?[lw]\d{2})/i],[MODEL,[VENDOR,"Huawei"],[TYPE,TABLET]],[/(microsoft);\s(lumia[\s\w]+)/i],[VENDOR,MODEL,[TYPE,MOBILE]],[/[\s\(;](xbox(?:\sone)?)[\s\);]/i],[MODEL,[VENDOR,"Microsoft"],[TYPE,CONSOLE]],[/(kin\.[onetw]{3})/i],[[MODEL,/\./g," "],[VENDOR,"Microsoft"],[TYPE,MOBILE]],[/\s(milestone|droid(?:[2-4x]|\s(?:bionic|x2|pro|razr))?:?(\s4g)?)[\w\s]+build\//i,/mot[\s-]?(\w*)/i,/(XT\d{3,4}) build\//i,/(nexus\s6)/i],[MODEL,[VENDOR,"Motorola"],[TYPE,MOBILE]],[/android.+\s(mz60\d|xoom[\s2]{0,2})\sbuild\//i],[MODEL,[VENDOR,"Motorola"],[TYPE,TABLET]],[/hbbtv\/\d+\.\d+\.\d+\s+\([\w\s]*;\s*(\w[^;]*);([^;]*)/i],[[VENDOR,util.trim],[MODEL,util.trim],[TYPE,SMARTTV]],[/hbbtv.+maple;(\d+)/i],[[MODEL,/^/,"SmartTV"],[VENDOR,"Samsung"],[TYPE,SMARTTV]],[/\(dtv[\);].+(aquos)/i],[MODEL,[VENDOR,"Sharp"],[TYPE,SMARTTV]],[/android.+((sch-i[89]0\d|shw-m380s|gt-p\d{4}|gt-n\d+|sgh-t8[56]9|nexus 10))/i,/((SM-T\w+))/i],[[VENDOR,"Samsung"],MODEL,[TYPE,TABLET]],[/smart-tv.+(samsung)/i],[VENDOR,[TYPE,SMARTTV],MODEL],[/((s[cgp]h-\w+|gt-\w+|galaxy\snexus|sm-\w[\w\d]+))/i,/(sam[sung]*)[\s-]*(\w+-?[\w-]*)/i,/sec-((sgh\w+))/i],[[VENDOR,"Samsung"],MODEL,[TYPE,MOBILE]],[/sie-(\w*)/i],[MODEL,[VENDOR,"Siemens"],[TYPE,MOBILE]],[/(maemo|nokia).*(n900|lumia\s\d+)/i,/(nokia)[\s_-]?([\w-]*)/i],[[VENDOR,"Nokia"],MODEL,[TYPE,MOBILE]],[/android[x\d\.\s;]+\s([ab][1-7]\-?[0178a]\d\d?)/i],[MODEL,[VENDOR,"Acer"],[TYPE,TABLET]],[/android.+([vl]k\-?\d{3})\s+build/i],[MODEL,[VENDOR,"LG"],[TYPE,TABLET]],[/android\s3\.[\s\w;-]{10}(lg?)-([06cv9]{3,4})/i],[[VENDOR,"LG"],MODEL,[TYPE,TABLET]],[/(lg) netcast\.tv/i],[VENDOR,MODEL,[TYPE,SMARTTV]],[/(nexus\s[45])/i,/lg[e;\s\/-]+(\w*)/i,/android.+lg(\-?[\d\w]+)\s+build/i],[MODEL,[VENDOR,"LG"],[TYPE,MOBILE]],[/(lenovo)\s?(s(?:5000|6000)(?:[\w-]+)|tab(?:[\s\w]+))/i],[VENDOR,MODEL,[TYPE,TABLET]],[/android.+(ideatab[a-z0-9\-\s]+)/i],[MODEL,[VENDOR,"Lenovo"],[TYPE,TABLET]],[/(lenovo)[_\s-]?([\w-]+)/i],[VENDOR,MODEL,[TYPE,MOBILE]],[/linux;.+((jolla));/i],[VENDOR,MODEL,[TYPE,MOBILE]],[/((pebble))app\/[\d\.]+\s/i],[VENDOR,MODEL,[TYPE,WEARABLE]],[/android.+;\s(oppo)\s?([\w\s]+)\sbuild/i],[VENDOR,MODEL,[TYPE,MOBILE]],[/crkey/i],[[MODEL,"Chromecast"],[VENDOR,"Google"],[TYPE,SMARTTV]],[/android.+;\s(glass)\s\d/i],[MODEL,[VENDOR,"Google"],[TYPE,WEARABLE]],[/android.+;\s(pixel c)[\s)]/i],[MODEL,[VENDOR,"Google"],[TYPE,TABLET]],[/android.+;\s(pixel( [23])?( xl)?)[\s)]/i],[MODEL,[VENDOR,"Google"],[TYPE,MOBILE]],[/android.+;\s(\w+)\s+build\/hm\1/i,/android.+(hm[\s\-_]*note?[\s_]*(?:\d\w)?)\s+build/i,/android.+(mi[\s\-_]*(?:a\d|one|one[\s_]plus|note lte)?[\s_]*(?:\d?\w?)[\s_]*(?:plus)?)\s+build/i,/android.+(redmi[\s\-_]*(?:note)?(?:[\s_]*[\w\s]+))\s+build/i],[[MODEL,/_/g," "],[VENDOR,"Xiaomi"],[TYPE,MOBILE]],[/android.+(mi[\s\-_]*(?:pad)(?:[\s_]*[\w\s]+))\s+build/i],[[MODEL,/_/g," "],[VENDOR,"Xiaomi"],[TYPE,TABLET]],[/android.+;\s(m[1-5]\snote)\sbuild/i],[MODEL,[VENDOR,"Meizu"],[TYPE,MOBILE]],[/(mz)-([\w-]{2,})/i],[[VENDOR,"Meizu"],MODEL,[TYPE,MOBILE]],[/android.+a000(1)\s+build/i,/android.+oneplus\s(a\d{4})[\s)]/i],[MODEL,[VENDOR,"OnePlus"],[TYPE,MOBILE]],[/android.+[;\/]\s*(RCT[\d\w]+)\s+build/i],[MODEL,[VENDOR,"RCA"],[TYPE,TABLET]],[/android.+[;\/\s]+(Venue[\d\s]{2,7})\s+build/i],[MODEL,[VENDOR,"Dell"],[TYPE,TABLET]],[/android.+[;\/]\s*(Q[T|M][\d\w]+)\s+build/i],[MODEL,[VENDOR,"Verizon"],[TYPE,TABLET]],[/android.+[;\/]\s+(Barnes[&amp;\s]+Noble\s+|BN[RT])(V?.*)\s+build/i],[[VENDOR,"Barnes &amp; Noble"],MODEL,[TYPE,TABLET]],[/android.+[;\/]\s+(TM\d{3}.*\b)\s+build/i],[MODEL,[VENDOR,"NuVision"],[TYPE,TABLET]],[/android.+;\s(k88)\sbuild/i],[MODEL,[VENDOR,"ZTE"],[TYPE,TABLET]],[/android.+[;\/]\s*(gen\d{3})\s+build.*49h/i],[MODEL,[VENDOR,"Swiss"],[TYPE,MOBILE]],[/android.+[;\/]\s*(zur\d{3})\s+build/i],[MODEL,[VENDOR,"Swiss"],[TYPE,TABLET]],[/android.+[;\/]\s*((Zeki)?TB.*\b)\s+build/i],[MODEL,[VENDOR,"Zeki"],[TYPE,TABLET]],[/(android).+[;\/]\s+([YR]\d{2})\s+build/i,/android.+[;\/]\s+(Dragon[\-\s]+Touch\s+|DT)(\w{5})\sbuild/i],[[VENDOR,"Dragon </w:t>
            </w:r>
            <w:r>
              <w:lastRenderedPageBreak/>
              <w:t xml:space="preserve">Touch"],MODEL,[TYPE,TABLET]],[/android.+[;\/]\s*(NS-?\w{0,9})\sbuild/i],[MODEL,[VENDOR,"Insignia"],[TYPE,TABLET]],[/android.+[;\/]\s*((NX|Next)-?\w{0,9})\s+build/i],[MODEL,[VENDOR,"NextBook"],[TYPE,TABLET]],[/android.+[;\/]\s*(Xtreme\_)?(V(1[045]|2[015]|30|40|60|7[05]|90))\s+build/i],[[VENDOR,"Voice"],MODEL,[TYPE,MOBILE]],[/android.+[;\/]\s*(LVTEL\-)?(V1[12])\s+build/i],[[VENDOR,"LvTel"],MODEL,[TYPE,MOBILE]],[/android.+;\s(PH-1)\s/i],[MODEL,[VENDOR,"Essential"],[TYPE,MOBILE]],[/android.+[;\/]\s*(V(100MD|700NA|7011|917G).*\b)\s+build/i],[MODEL,[VENDOR,"Envizen"],[TYPE,TABLET]],[/android.+[;\/]\s*(Le[\s\-]+Pan)[\s\-]+(\w{1,9})\s+build/i],[VENDOR,MODEL,[TYPE,TABLET]],[/android.+[;\/]\s*(Trio[\s\-]*.*)\s+build/i],[MODEL,[VENDOR,"MachSpeed"],[TYPE,TABLET]],[/android.+[;\/]\s*(Trinity)[\-\s]*(T\d{3})\s+build/i],[VENDOR,MODEL,[TYPE,TABLET]],[/android.+[;\/]\s*TU_(1491)\s+build/i],[MODEL,[VENDOR,"Rotor"],[TYPE,TABLET]],[/android.+(KS(.+))\s+build/i],[MODEL,[VENDOR,"Amazon"],[TYPE,TABLET]],[/android.+(Gigaset)[\s\-]+(Q\w{1,9})\s+build/i],[VENDOR,MODEL,[TYPE,TABLET]],[/\s(tablet|tab)[;\/]/i,/\s(mobile)(?:[;\/]|\ssafari)/i],[[TYPE,util.lowerize],VENDOR,MODEL],[/[\s\/\(](smart-?tv)[;\)]/i],[[TYPE,SMARTTV]],[/(android[\w\.\s\-]{0,9});.+build/i],[MODEL,[VENDOR,"Generic"]]],engine:[[/windows.+\sedge\/([\w\.]+)/i],[VERSION,[NAME,"EdgeHTML"]],[/webkit\/537\.36.+chrome\/(?!27)([\w\.]+)/i],[VERSION,[NAME,"Blink"]],[/(presto)\/([\w\.]+)/i,/(webkit|trident|netfront|netsurf|amaya|lynx|w3m|goanna)\/([\w\.]+)/i,/(khtml|tasman|links)[\/\s]\(?([\w\.]+)/i,/(icab)[\/\s]([23]\.[\d\.]+)/i],[NAME,VERSION],[/rv\:([\w\.]{1,9}).+(gecko)/i],[VERSION,NAME]],os:[[/microsoft\s(windows)\s(vista|xp)/i],[NAME,VERSION],[/(windows)\snt\s6\.2;\s(arm)/i,/(windows\sphone(?:\sos)*)[\s\/]?([\d\.\s\w]*)/i,/(windows\smobile|windows)[\s\/]?([ntce\d\.\s]+\w)/i],[NAME,[VERSION,mapper.str,maps.os.windows.version]],[/(win(?=3|9|n)|win\s9x\s)([nt\d\.]+)/i],[[NAME,"Windows"],[VERSION,mapper.str,maps.os.windows.version]],[/\((bb)(10);/i],[[NAME,"BlackBerry"],VERSION],[/(blackberry)\w*\/?([\w\.]*)/i,/(tizen|kaios)[\/\s]([\w\.]+)/i,/(android|webos|palm\sos|qnx|bada|rim\stablet\sos|meego|sailfish|contiki)[\/\s-]?([\w\.]*)/i],[NAME,VERSION],[/(symbian\s?os|symbos|s60(?=;))[\/\s-]?([\w\.]*)/i],[[NAME,"Symbian"],VERSION],[/\((series40);/i],[NAME],[/mozilla.+\(mobile;.+gecko.+firefox/i],[[NAME,"Firefox OS"],VERSION],[/(nintendo|playstation)\s([wids34portablevu]+)/i,/(mint)[\/\s\(]?(\w*)/i,/(mageia|vectorlinux)[;\s]/i,/(joli|[kxln]?ubuntu|debian|suse|opensuse|gentoo|(?=\s)arch|slackware|fedora|mandriva|centos|pclinuxos|redhat|zenwalk|linpus)[\/\s-]?(?!chrom)([\w\.-]*)/i,/(hurd|linux)\s?([\w\.]*)/i,/(gnu)\s?([\w\.]*)/i],[NAME,VERSION],[/(cros)\s[\w]+\s([\w\.]+\w)/i],[[NAME,"Chromium OS"],VERSION],[/(sunos)\s?([\w\.\d]*)/i],[[NAME,"Solaris"],VERSION],[/\s([frentopc-]{0,4}bsd|dragonfly)\s?([\w\.]*)/i],[NAME,VERSION],[/(haiku)\s(\w+)/i],[NAME,VERSION],[/cfnetwork\/.+darwin/i,/ip[honead]{2,4}(?:.*os\s([\w]+)\slike\smac|;\sopera)/i],[[VERSION,/_/g,"."],[NAME,"iOS"]],[/(mac\sos\sx)\s?([\w\s\.]*)/i,/(macintosh|mac(?=_powerpc)\s)/i],[[NAME,"Mac OS"],[VERSION,/_/g,"."]],[/((?:open)?solaris)[\/\s-]?([\w\.]*)/i,/(aix)\s((\d)(?=\.|\)|\s)[\w\.])*/i,/(plan\s9|minix|beos|os\/2|amigaos|morphos|risc\sos|openvms|fuchsia)/i,/(unix)\s?([\w\.]*)/i],[NAME,VERSION]]};var UAParser=function(uastring,extensions){if(typeof uastring==="object"){extensions=uastring;uastring=undefined}if(!(this instanceof UAParser)){return new UAParser(uastring,extensions).getResult()}var ua=uastring||(window&amp;&amp;window.navigator&amp;&amp;window.navigator.userAgent?window.navigator.userAgent:EMPTY);var rgxmap=extensions?util.extend(regexes,extensions):regexes;this.getBrowser=function(){var browser={name:undefined,version:undefined};mapper.rgx.call(browser,ua,rgxmap.browser);browser.major=util.major(browser.version);return browser};this.getCPU=function(){var cpu={architecture:undefined};mapper.rgx.call(cpu,ua,rgxmap.cpu);return </w:t>
            </w:r>
            <w:r>
              <w:lastRenderedPageBreak/>
              <w:t>cpu};this.getDevice=function(){var device={vendor:undefined,model:undefined,type:undefined};mapper.rgx.call(device,ua,rgxmap.device);return device};this.getEngine=function(){var engine={name:undefined,version:undefined};mapper.rgx.call(engine,ua,rgxmap.engine);return engine};this.getOS=function(){var os={name:undefined,version:undefined};mapper.rgx.call(os,ua,rgxmap.os);return os};this.getResult=function(){return{ua:this.getUA(),browser:this.getBrowser(),engine:this.getEngine(),os:this.getOS(),device:this.getDevice(),cpu:this.getCPU()}};this.getUA=function(){return ua};this.setUA=function(uastring){ua=uastring;return this};return this};UAParser.VERSION=LIBVERSION;UAParser.BROWSER={NAME:NAME,MAJOR:MAJOR,VERSION:VERSION};UAParser.CPU={ARCHITECTURE:ARCHITECTURE};UAParser.DEVICE={MODEL:MODEL,VENDOR:VENDOR,TYPE:TYPE,CONSOLE:CONSOLE,MOBILE:MOBILE,SMARTTV:SMARTTV,TABLET:TABLET,WEARABLE:WEARABLE,EMBEDDED:EMBEDDED};UAParser.ENGINE={NAME:NAME,VERSION:VERSION};UAParser.OS={NAME:NAME,VERSION:VERSION};if(typeof exports!==UNDEF_TYPE){if(typeof module!==UNDEF_TYPE&amp;&amp;module.exports){exports=module.exports=UAParser}exports.UAParser=UAParser}else{if(typeof define==="function"&amp;&amp;define.amd){define(function(){return UAParser})}else if(window){window.UAParser=UAParser}}var $=window&amp;&amp;(window.jQuery||window.Zepto);if($&amp;&amp;!$.ua){var parser=new UAParser;$.ua=parser.getResult();$.ua.get=function(){return parser.getUA()};$.ua.set=function(uastring){parser.setUA(uastring);var result=parser.getResult();for(var prop in result){$.ua[prop]=result[prop]}}}})(typeof window==="object"?window:this);</w:t>
            </w:r>
          </w:p>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Utils.js</w:t>
            </w:r>
          </w:p>
        </w:tc>
      </w:tr>
      <w:tr w:rsidR="0048012D" w:rsidTr="0048012D">
        <w:tc>
          <w:tcPr>
            <w:tcW w:w="9576" w:type="dxa"/>
          </w:tcPr>
          <w:p w:rsidR="00156FB3" w:rsidRDefault="00156FB3" w:rsidP="00156FB3">
            <w:r>
              <w:t>(function(){var aa=this;function k(a){return"string"==typeof a}function m(a,b){a=a.split(".");var c=aa;a[0]in c||"undefined"==typeof c.execScript||c.execScript("var "+a[0]);for(var d;a.length&amp;&amp;(d=a.shift());)a.length||void 0===b?c[d]&amp;&amp;c[d]!==Object.prototype[d]?c=c[d]:c=c[d]={}:c[d]=b}</w:t>
            </w:r>
          </w:p>
          <w:p w:rsidR="00156FB3" w:rsidRDefault="00156FB3" w:rsidP="00156FB3">
            <w:r>
              <w:t>function n(a,b){function c(){}c.prototype=b.prototype;a.o=b.prototype;a.prototype=new c;a.prototype.constructor=a;a.aa=function(a,c,f){for(var d=Array(arguments.length-2),e=2;e&lt;arguments.length;e++)d[e-2]=arguments[e];return b.prototype[c].apply(a,d)}};var p=Array.prototype.indexOf?function(a,b,c){return Array.prototype.indexOf.call(a,b,c)}:function(a,b,c){c=null==c?0:0&gt;c?Math.max(0,a.length+c):c;if(k(a))return k(b)&amp;&amp;1==b.length?a.indexOf(b,c):-1;for(;c&lt;a.length;c++)if(c in a&amp;&amp;a[c]===b)return c;return-1};function q(a,b){a.sort(b||ba)}function ba(a,b){return a&gt;b?1:a&lt;b?-1:0};function ca(a){var b=[],c=0,d;for(d in a)b[c++]=a[d];return b};function da(a,b){this.a=a;this.h=!!b.i;this.c=b.b;this.m=b.type;this.l=!1;switch(this.c){case ea:case fa:case ha:case ia:case ja:case ka:case la:this.l=!0}this.g=b.defaultValue}var la=1,ka=2,ea=3,fa=4,ha=6,ia=16,ja=18;function ma(a,b){this.c=a;this.a={};for(a=0;a&lt;b.length;a++){var c=b[a];this.a[c.a]=c}}function na(a){a=ca(a.a);q(a,function(a,c){return a.a-c.a});return a};function r(){this.a={};this.g=this.f().a;this.c=this.h=null}r.prototype.has=function(a){return null!=this.a[a.a]};r.prototype.get=function(a,b){return t(this,a.a,b)};r.prototype.set=function(a,b){u(this,a.a,b)};r.prototype.add=function(a,b){v(this,a.a,b)};</w:t>
            </w:r>
          </w:p>
          <w:p w:rsidR="00156FB3" w:rsidRDefault="00156FB3" w:rsidP="00156FB3">
            <w:r>
              <w:t xml:space="preserve">function oa(a,b){for(var c=na(a.f()),d=0;d&lt;c.length;d++){var e=c[d],f=e.a;if(null!=b.a[f]){a.c&amp;&amp;delete a.c[e.a];var g=11==e.c||10==e.c;if(e.h){e=w(b,f);for(var </w:t>
            </w:r>
            <w:r>
              <w:lastRenderedPageBreak/>
              <w:t>h=0;h&lt;e.length;h++)v(a,f,g?e[h].clone():e[h])}else e=x(b,f),g?(g=x(a,f))?oa(g,e):u(a,f,e.clone()):u(a,f,e)}}}r.prototype.clone=function(){var a=new this.constructor;a!=this&amp;&amp;(a.a={},a.c&amp;&amp;(a.c={}),oa(a,this));return a};</w:t>
            </w:r>
          </w:p>
          <w:p w:rsidR="00156FB3" w:rsidRDefault="00156FB3" w:rsidP="00156FB3">
            <w:r>
              <w:t>function x(a,b){var c=a.a[b];if(null==c)return null;if(a.h){if(!(b in a.c)){var d=a.h,e=a.g[b];if(null!=c)if(e.h){for(var f=[],g=0;g&lt;c.length;g++)f[g]=d.c(e,c[g]);c=f}else c=d.c(e,c);return a.c[b]=c}return a.c[b]}return c}function t(a,b,c){var d=x(a,b);return a.g[b].h?d[c||0]:d}function y(a,b){if(null!=a.a[b])a=t(a,b,void 0);else a:{a=a.g[b];if(void 0===a.g)if(b=a.m,b===Boolean)a.g=!1;else if(b===Number)a.g=0;else if(b===String)a.g=a.l?"0":"";else{a=new b;break a}a=a.g}return a}</w:t>
            </w:r>
          </w:p>
          <w:p w:rsidR="00156FB3" w:rsidRDefault="00156FB3" w:rsidP="00156FB3">
            <w:r>
              <w:t>function w(a,b){return x(a,b)||[]}function A(a,b){return a.g[b].h?null!=a.a[b]?a.a[b].length:0:null!=a.a[b]?1:0}function u(a,b,c){a.a[b]=c;a.c&amp;&amp;(a.c[b]=c)}function v(a,b,c){a.a[b]||(a.a[b]=[]);a.a[b].push(c);a.c&amp;&amp;delete a.c[b]}function B(a,b){var c=[],d;for(d in b)0!=d&amp;&amp;c.push(new da(d,b[d]));return new ma(a,c)};function C(){}C.prototype.a=function(a){new a.c;throw Error("Unimplemented");};C.prototype.c=function(a,b){if(11==a.c||10==a.c)return b instanceof r?b:this.a(a.m.prototype.f(),b);if(14==a.c)return k(b)&amp;&amp;pa.test(b)&amp;&amp;(a=Number(b),0&lt;a)?a:b;if(!a.l)return b;a=a.m;if(a===String){if("number"==typeof b)return String(b)}else if(a===Number&amp;&amp;k(b)&amp;&amp;("Infinity"===b||"-Infinity"===b||"NaN"===b||pa.test(b)))return Number(b);return b};var pa=/^-?[0-9]+$/;function D(){}n(D,C);D.prototype.a=function(a,b){a=new a.c;a.h=this;a.a=b;a.c={};return a};function E(){}n(E,D);E.prototype.c=function(a,b){return 8==a.c?!!b:C.prototype.c.apply(this,arguments)};E.prototype.a=function(a,b){return E.o.a.call(this,a,b)};function F(a,b){null!=a&amp;&amp;this.a.apply(this,arguments)}F.prototype.c="";F.prototype.set=function(a){this.c=""+a};F.prototype.a=function(a,b,c){this.c+=String(a);if(null!=b)for(var d=1;d&lt;arguments.length;d++)this.c+=arguments[d];return this};F.prototype.toString=function(){return this.c};/*</w:t>
            </w:r>
          </w:p>
          <w:p w:rsidR="00156FB3" w:rsidRDefault="00156FB3" w:rsidP="00156FB3"/>
          <w:p w:rsidR="00156FB3" w:rsidRDefault="00156FB3" w:rsidP="00156FB3">
            <w:r>
              <w:t xml:space="preserve"> Protocol Buffer 2 Copyright 2008 Google Inc.</w:t>
            </w:r>
          </w:p>
          <w:p w:rsidR="00156FB3" w:rsidRDefault="00156FB3" w:rsidP="00156FB3">
            <w:r>
              <w:t xml:space="preserve"> All other code copyright its respective owners.</w:t>
            </w:r>
          </w:p>
          <w:p w:rsidR="00156FB3" w:rsidRDefault="00156FB3" w:rsidP="00156FB3">
            <w:r>
              <w:t xml:space="preserve"> Copyright (C) 2010 The Libphonenumber Authors</w:t>
            </w:r>
          </w:p>
          <w:p w:rsidR="00156FB3" w:rsidRDefault="00156FB3" w:rsidP="00156FB3"/>
          <w:p w:rsidR="00156FB3" w:rsidRDefault="00156FB3" w:rsidP="00156FB3">
            <w:r>
              <w:t xml:space="preserve"> Licensed under the Apache License, Version 2.0 (the "License");</w:t>
            </w:r>
          </w:p>
          <w:p w:rsidR="00156FB3" w:rsidRDefault="00156FB3" w:rsidP="00156FB3">
            <w:r>
              <w:t xml:space="preserve"> you may not use this file except in compliance with the License.</w:t>
            </w:r>
          </w:p>
          <w:p w:rsidR="00156FB3" w:rsidRDefault="00156FB3" w:rsidP="00156FB3">
            <w:r>
              <w:t xml:space="preserve"> You may obtain a copy of the License at</w:t>
            </w:r>
          </w:p>
          <w:p w:rsidR="00156FB3" w:rsidRDefault="00156FB3" w:rsidP="00156FB3"/>
          <w:p w:rsidR="00156FB3" w:rsidRDefault="00156FB3" w:rsidP="00156FB3">
            <w:r>
              <w:t xml:space="preserve"> http://www.apache.org/licenses/LICENSE-2.0</w:t>
            </w:r>
          </w:p>
          <w:p w:rsidR="00156FB3" w:rsidRDefault="00156FB3" w:rsidP="00156FB3"/>
          <w:p w:rsidR="00156FB3" w:rsidRDefault="00156FB3" w:rsidP="00156FB3">
            <w:r>
              <w:t xml:space="preserve"> Unless required by applicable law or agreed to in writing, software</w:t>
            </w:r>
          </w:p>
          <w:p w:rsidR="00156FB3" w:rsidRDefault="00156FB3" w:rsidP="00156FB3">
            <w:r>
              <w:t xml:space="preserve"> distributed under the License is distributed on an "AS IS" BASIS,</w:t>
            </w:r>
          </w:p>
          <w:p w:rsidR="00156FB3" w:rsidRDefault="00156FB3" w:rsidP="00156FB3">
            <w:r>
              <w:t xml:space="preserve"> WITHOUT WARRANTIES OR CONDITIONS OF ANY KIND, either express or implied.</w:t>
            </w:r>
          </w:p>
          <w:p w:rsidR="00156FB3" w:rsidRDefault="00156FB3" w:rsidP="00156FB3">
            <w:r>
              <w:t xml:space="preserve"> See the License for the specific language governing permissions and</w:t>
            </w:r>
          </w:p>
          <w:p w:rsidR="00156FB3" w:rsidRDefault="00156FB3" w:rsidP="00156FB3">
            <w:r>
              <w:t xml:space="preserve"> limitations under the License.</w:t>
            </w:r>
          </w:p>
          <w:p w:rsidR="00156FB3" w:rsidRDefault="00156FB3" w:rsidP="00156FB3">
            <w:r>
              <w:t>*/</w:t>
            </w:r>
          </w:p>
          <w:p w:rsidR="00156FB3" w:rsidRDefault="00156FB3" w:rsidP="00156FB3">
            <w:r>
              <w:t>function G(){r.call(this)}n(G,r);var qa=null;function H(){r.call(this)}n(H,r);var ra=null;function I(){r.call(this)}n(I,r);var sa=null;</w:t>
            </w:r>
          </w:p>
          <w:p w:rsidR="00156FB3" w:rsidRDefault="00156FB3" w:rsidP="00156FB3">
            <w:r>
              <w:t>G.prototype.f=function(){var a=qa;a||(qa=a=B(G,{0:{name:"NumberFormat",j:"i18n.phonenumbers.NumberFormat"},1:{name:"pattern",required:!0,b:9,type:String},2:{name:"format",required:!0,b:9,type:String},3:{name:"leading_digits_pattern",i:!0,b:9,type:String},4:{name:"national_prefix_formatting_rule",b:9,type:String},6:{name:"natio</w:t>
            </w:r>
            <w:r>
              <w:lastRenderedPageBreak/>
              <w:t>nal_prefix_optional_when_formatting",b:8,defaultValue:!1,type:Boolean},5:{name:"domestic_carrier_code_formatting_rule",b:9,type:String}}));return a};G.f=G.prototype.f;</w:t>
            </w:r>
          </w:p>
          <w:p w:rsidR="00156FB3" w:rsidRDefault="00156FB3" w:rsidP="00156FB3">
            <w:r>
              <w:t>H.prototype.f=function(){var a=ra;a||(ra=a=B(H,{0:{name:"PhoneNumberDesc",j:"i18n.phonenumbers.PhoneNumberDesc"},2:{name:"national_number_pattern",b:9,type:String},9:{name:"possible_length",i:!0,b:5,type:Number},10:{name:"possible_length_local_only",i:!0,b:5,type:Number},6:{name:"example_number",b:9,type:String}}));return a};H.f=H.prototype.f;</w:t>
            </w:r>
          </w:p>
          <w:p w:rsidR="00156FB3" w:rsidRDefault="00156FB3" w:rsidP="00156FB3">
            <w:r>
              <w:t>I.prototype.f=function(){var a=sa;a||(sa=a=B(I,{0:{name:"PhoneMetadata",j:"i18n.phonenumbers.PhoneMetadata"},1:{name:"general_desc",b:11,type:H},2:{name:"fixed_line",b:11,type:H},3:{name:"mobile",b:11,type:H},4:{name:"toll_free",b:11,type:H},5:{name:"premium_rate",b:11,type:H},6:{name:"shared_cost",b:11,type:H},7:{name:"personal_number",b:11,type:H},8:{name:"voip",b:11,type:H},21:{name:"pager",b:11,type:H},25:{name:"uan",b:11,type:H},27:{name:"emergency",b:11,type:H},28:{name:"voicemail",b:11,type:H},</w:t>
            </w:r>
          </w:p>
          <w:p w:rsidR="00156FB3" w:rsidRDefault="00156FB3" w:rsidP="00156FB3">
            <w:r>
              <w:t>29:{name:"short_code",b:11,type:H},30:{name:"standard_rate",b:11,type:H},31:{name:"carrier_specific",b:11,type:H},33:{name:"sms_services",b:11,type:H},24:{name:"no_international_dialling",b:11,type:H},9:{name:"id",required:!0,b:9,type:String},10:{name:"country_code",b:5,type:Number},11:{name:"international_prefix",b:9,type:String},17:{name:"preferred_international_prefix",b:9,type:String},12:{name:"national_prefix",b:9,type:String},13:{name:"preferred_extn_prefix",b:9,type:String},15:{name:"national_prefix_for_parsing",</w:t>
            </w:r>
          </w:p>
          <w:p w:rsidR="00156FB3" w:rsidRDefault="00156FB3" w:rsidP="00156FB3">
            <w:r>
              <w:t>b:9,type:String},16:{name:"national_prefix_transform_rule",b:9,type:String},18:{name:"same_mobile_and_fixed_line_pattern",b:8,defaultValue:!1,type:Boolean},19:{name:"number_format",i:!0,b:11,type:G},20:{name:"intl_number_format",i:!0,b:11,type:G},22:{name:"main_country_for_code",b:8,defaultValue:!1,type:Boolean},23:{name:"leading_digits",b:9,type:String},26:{name:"leading_zero_possible",b:8,defaultValue:!1,type:Boolean}}));return a};I.f=I.prototype.f;function J(){r.call(this)}n(J,r);var ta=null,ua={$:0,w:1,v:5,u:10,s:20};</w:t>
            </w:r>
          </w:p>
          <w:p w:rsidR="00156FB3" w:rsidRDefault="00156FB3" w:rsidP="00156FB3">
            <w:r>
              <w:t>J.prototype.f=function(){var a=ta;a||(ta=a=B(J,{0:{name:"PhoneNumber",j:"i18n.phonenumbers.PhoneNumber"},1:{name:"country_code",required:!0,b:5,type:Number},2:{name:"national_number",required:!0,b:4,type:Number},3:{name:"extension",b:9,type:String},4:{name:"italian_leading_zero",b:8,type:Boolean},8:{name:"number_of_leading_zeros",b:5,defaultValue:1,type:Number},5:{name:"raw_input",b:9,type:String},6:{name:"country_code_source",b:14,defaultValue:0,type:ua},7:{name:"preferred_domestic_carrier_code",</w:t>
            </w:r>
          </w:p>
          <w:p w:rsidR="00156FB3" w:rsidRDefault="00156FB3" w:rsidP="00156FB3">
            <w:r>
              <w:t>b:9,type:String}}));return a};J.ctor=J;J.ctor.f=J.prototype.f;/*</w:t>
            </w:r>
          </w:p>
          <w:p w:rsidR="00156FB3" w:rsidRDefault="00156FB3" w:rsidP="00156FB3"/>
          <w:p w:rsidR="00156FB3" w:rsidRDefault="00156FB3" w:rsidP="00156FB3">
            <w:r>
              <w:t xml:space="preserve"> Copyright (C) 2010 The Libphonenumber Authors</w:t>
            </w:r>
          </w:p>
          <w:p w:rsidR="00156FB3" w:rsidRDefault="00156FB3" w:rsidP="00156FB3"/>
          <w:p w:rsidR="00156FB3" w:rsidRDefault="00156FB3" w:rsidP="00156FB3">
            <w:r>
              <w:t xml:space="preserve"> Licensed under the Apache License, Version 2.0 (the "License");</w:t>
            </w:r>
          </w:p>
          <w:p w:rsidR="00156FB3" w:rsidRDefault="00156FB3" w:rsidP="00156FB3">
            <w:r>
              <w:t xml:space="preserve"> you may not use this file except in compliance with the License.</w:t>
            </w:r>
          </w:p>
          <w:p w:rsidR="00156FB3" w:rsidRDefault="00156FB3" w:rsidP="00156FB3">
            <w:r>
              <w:t xml:space="preserve"> You may obtain a copy of the License at</w:t>
            </w:r>
          </w:p>
          <w:p w:rsidR="00156FB3" w:rsidRDefault="00156FB3" w:rsidP="00156FB3"/>
          <w:p w:rsidR="00156FB3" w:rsidRDefault="00156FB3" w:rsidP="00156FB3">
            <w:r>
              <w:t xml:space="preserve"> http://www.apache.org/licenses/LICENSE-2.0</w:t>
            </w:r>
          </w:p>
          <w:p w:rsidR="00156FB3" w:rsidRDefault="00156FB3" w:rsidP="00156FB3"/>
          <w:p w:rsidR="00156FB3" w:rsidRDefault="00156FB3" w:rsidP="00156FB3">
            <w:r>
              <w:t xml:space="preserve"> Unless required by applicable law or agreed to in writing, software</w:t>
            </w:r>
          </w:p>
          <w:p w:rsidR="00156FB3" w:rsidRDefault="00156FB3" w:rsidP="00156FB3">
            <w:r>
              <w:t xml:space="preserve"> distributed under the License is distributed on an "AS IS" BASIS,</w:t>
            </w:r>
          </w:p>
          <w:p w:rsidR="00156FB3" w:rsidRDefault="00156FB3" w:rsidP="00156FB3">
            <w:r>
              <w:t xml:space="preserve"> WITHOUT WARRANTIES OR CONDITIONS OF ANY KIND, either express or implied.</w:t>
            </w:r>
          </w:p>
          <w:p w:rsidR="00156FB3" w:rsidRDefault="00156FB3" w:rsidP="00156FB3">
            <w:r>
              <w:t xml:space="preserve"> See the License for the specific language governing permissions and</w:t>
            </w:r>
          </w:p>
          <w:p w:rsidR="00156FB3" w:rsidRDefault="00156FB3" w:rsidP="00156FB3">
            <w:r>
              <w:t xml:space="preserve"> limitations under the License.</w:t>
            </w:r>
          </w:p>
          <w:p w:rsidR="00156FB3" w:rsidRDefault="00156FB3" w:rsidP="00156FB3">
            <w:r>
              <w:t>*/</w:t>
            </w:r>
          </w:p>
          <w:p w:rsidR="00156FB3" w:rsidRDefault="00156FB3" w:rsidP="00156FB3">
            <w:r>
              <w:t xml:space="preserve">var K={1:"US AG AI AS BB BM BS CA DM DO GD GU JM KN KY LC MP MS PR SX TC TT VC VG VI".split(" </w:t>
            </w:r>
            <w:r>
              <w:lastRenderedPageBreak/>
              <w:t>"),7:["RU","KZ"],20:["EG"],27:["ZA"],30:["GR"],31:["NL"],32:["BE"],33:["FR"],34:["ES"],36:["HU"],39:["IT","VA"],40:["RO"],41:["CH"],43:["AT"],44:["GB","GG","IM","JE"],45:["DK"],46:["SE"],47:["NO","SJ"],48:["PL"],49:["DE"],51:["PE"],52:["MX"],53:["CU"],54:["AR"],55:["BR"],56:["CL"],57:["CO"],58:["VE"],60:["MY"],61:["AU","CC","CX"],62:["ID"],63:["PH"],64:["NZ"],65:["SG"],66:["TH"],81:["JP"],82:["KR"],84:["VN"],</w:t>
            </w:r>
          </w:p>
          <w:p w:rsidR="00156FB3" w:rsidRDefault="00156FB3" w:rsidP="00156FB3">
            <w:r>
              <w:t>86:["CN"],90:["TR"],91:["IN"],92:["PK"],93:["AF"],94:["LK"],95:["MM"],98:["IR"],211:["SS"],212:["MA","EH"],213:["DZ"],216:["TN"],218:["LY"],220:["GM"],221:["SN"],222:["MR"],223:["ML"],224:["GN"],225:["CI"],226:["BF"],227:["NE"],228:["TG"],229:["BJ"],230:["MU"],231:["LR"],232:["SL"],233:["GH"],234:["NG"],235:["TD"],236:["CF"],237:["CM"],238:["CV"],239:["ST"],240:["GQ"],241:["GA"],242:["CG"],243:["CD"],244:["AO"],245:["GW"],246:["IO"],247:["AC"],248:["SC"],249:["SD"],250:["RW"],251:["ET"],252:["SO"],</w:t>
            </w:r>
          </w:p>
          <w:p w:rsidR="00156FB3" w:rsidRDefault="00156FB3" w:rsidP="00156FB3">
            <w:r>
              <w:t>253:["DJ"],254:["KE"],255:["TZ"],256:["UG"],257:["BI"],258:["MZ"],260:["ZM"],261:["MG"],262:["RE","YT"],263:["ZW"],264:["NA"],265:["MW"],266:["LS"],267:["BW"],268:["SZ"],269:["KM"],290:["SH","TA"],291:["ER"],297:["AW"],298:["FO"],299:["GL"],350:["GI"],351:["PT"],352:["LU"],353:["IE"],354:["IS"],355:["AL"],356:["MT"],357:["CY"],358:["FI","AX"],359:["BG"],370:["LT"],371:["LV"],372:["EE"],373:["MD"],374:["AM"],375:["BY"],376:["AD"],377:["MC"],378:["SM"],380:["UA"],381:["RS"],382:["ME"],383:["XK"],385:["HR"],</w:t>
            </w:r>
          </w:p>
          <w:p w:rsidR="00156FB3" w:rsidRDefault="00156FB3" w:rsidP="00156FB3">
            <w:r>
              <w:t>386:["SI"],387:["BA"],389:["MK"],420:["CZ"],421:["SK"],423:["LI"],500:["FK"],501:["BZ"],502:["GT"],503:["SV"],504:["HN"],505:["NI"],506:["CR"],507:["PA"],508:["PM"],509:["HT"],590:["GP","BL","MF"],591:["BO"],592:["GY"],593:["EC"],594:["GF"],595:["PY"],596:["MQ"],597:["SR"],598:["UY"],599:["CW","BQ"],670:["TL"],672:["NF"],673:["BN"],674:["NR"],675:["PG"],676:["TO"],677:["SB"],678:["VU"],679:["FJ"],680:["PW"],681:["WF"],682:["CK"],683:["NU"],685:["WS"],686:["KI"],687:["NC"],688:["TV"],689:["PF"],690:["TK"],</w:t>
            </w:r>
          </w:p>
          <w:p w:rsidR="00156FB3" w:rsidRDefault="00156FB3" w:rsidP="00156FB3">
            <w:r>
              <w:t>691:["FM"],692:["MH"],800:["001"],808:["001"],850:["KP"],852:["HK"],853:["MO"],855:["KH"],856:["LA"],870:["001"],878:["001"],880:["BD"],881:["001"],882:["001"],883:["001"],886:["TW"],888:["001"],960:["MV"],961:["LB"],962:["JO"],963:["SY"],964:["IQ"],965:["KW"],966:["SA"],967:["YE"],968:["OM"],970:["PS"],971:["AE"],972:["IL"],973:["BH"],974:["QA"],975:["BT"],976:["MN"],977:["NP"],979:["001"],992:["TJ"],993:["TM"],994:["AZ"],995:["GE"],996:["KG"],998:["UZ"]},wa={AC:[,[,,"(?:[01589]\\d|[46])\\d{4}",</w:t>
            </w:r>
          </w:p>
          <w:p w:rsidR="00156FB3" w:rsidRDefault="00156FB3" w:rsidP="00156FB3">
            <w:r>
              <w:t>,,,,,,[5,6]],[,,"6[2-467]\\d{3}",,,,"62889",,,[5]],[,,"4\\d{4}",,,,"40123",,,[5]],[,,,,,,,,,[-1]],[,,,,,,,,,[-1]],[,,,,,,,,,[-1]],[,,,,,,,,,[-1]],[,,,,,,,,,[-1]],"AC",247,"00",,,,,,,,,,[,,,,,,,,,[-1]],,,[,,,,,,,,,[-1]],[,,"[01589]\\d{5}",,,,"542011",,,[6]],,,[,,,,,,,,,[-1]]],AD:[,[,,"(?:1|6\\d)\\d{7}|[136-9]\\d{5}",,,,,,,[6,8,9]],[,,"[78]\\d{5}",,,,"712345",,,[6]],[,,"690\\d{6}|[36]\\d{5}",,,,"312345",,,[6,9]],[,,"180[02]\\d{4}",,,,"18001234",,,[8]],[,,"[19]\\d{5}",,,,"912345",,,[6]],[,,,,,,,,,[-1]],</w:t>
            </w:r>
          </w:p>
          <w:p w:rsidR="00156FB3" w:rsidRDefault="00156FB3" w:rsidP="00156FB3">
            <w:r>
              <w:t>[,,,,,,,,,[-1]],[,,,,,,,,,[-1]],"AD",376,"00",,,,,,,,[[,"(\\d{3})(\\d{3})","$1 $2",["[136-9]"]],[,"(\\d{4})(\\d{4})","$1 $2",["1"]],[,"(\\d{3})(\\d{3})(\\d{3})","$1 $2 $3",["6"]]],,[,,,,,,,,,[-1]],,,[,,"1800\\d{4}",,,,,,,[8]],[,,,,,,,,,[-1]],,,[,,,,,,,,,[-1]]],AE:[,[,,"(?:[4-7]\\d|9[0-689])\\d{7}|800\\d{2,9}|[2-4679]\\d{7}",,,,,,,[5,6,7,8,9,10,11,12]],[,,"[2-4679][2-8]\\d{6}",,,,"22345678",,,[8],[7]],[,,"5[024-68]\\d{7}",,,,"501234567",,,[9]],[,,"400\\d{6}|800\\d{2,9}",,,,"800123456"],[,,"900[02]\\d{5}",</w:t>
            </w:r>
          </w:p>
          <w:p w:rsidR="00156FB3" w:rsidRDefault="00156FB3" w:rsidP="00156FB3">
            <w:r>
              <w:t>,,,"900234567",,,[9]],[,,"700[05]\\d{5}",,,,"700012345",,,[9]],[,,,,,,,,,[-1]],[,,,,,,,,,[-1]],"AE",971,"00","0",,,"0",,,,[[,"(\\d{3})(\\d{2,9})","$1 $2",["60|8"]],[,"(\\d)(\\d{3})(\\d{4})","$1 $2 $3",["[236]|[479][2-8]"],"0$1"],[,"(\\d{3})(\\d)(\\d{5})","$1 $2 $3",["[479]"]],[,"(\\d{2})(\\d{3})(\\d{4})","$1 $2 $3",["5"],"0$1"]],,[,,,,,,,,,[-1]],,,[,,,,,,,,,[-1]],[,,"600[25]\\d{5}",,,,"600212345",,,[9]],,,[,,,,,,,,,[-1]]],AF:[,[,,"[2-7]\\d{8}",,,,,,,[9],[7]],[,,"(?:[25][0-8]|[34][0-4]|6[0-5])[2-9]\\d{6}",</w:t>
            </w:r>
          </w:p>
          <w:p w:rsidR="00156FB3" w:rsidRDefault="00156FB3" w:rsidP="00156FB3">
            <w:r>
              <w:t>,,,"234567890",,,,[7]],[,,"7(?:[014-9]\\d|2[89]|3[01])\\d{6}",,,,"701234567"],[,,,,,,,,,[-1]],[,,,,,,,,,[-1]],[,,,,,,,,,[-1]],[,,,,,,,,,[-1]],[,,,,,,,,,[-1]],"AF",93,"00","0",,,"0",,,,[[,"(\\d{3})(\\d{4})","$1 $2",["[2-9]"]],[,"(\\d{2})(\\d{3})(\\d{4})","$1 $2 $3",["[2-7]"],"0$1"]],[[,"(\\d{2})(\\d{3})(\\d{4})","$1 $2 $3",["[2-7]"],"0$1"]],[,,,,,,,,,[-1]],,,[,,,,,,,,,[-1]],[,,,,,,,,,[-1]],,,[,,,,,,,,,[-1]]],AG:[,[,,"(?:268|[58]\\d\\d|900)\\d{7}",,,,,,,[10],[7]],[,,"268(?:4(?:6[0-38]|84)|56[0-2])\\d{4}",</w:t>
            </w:r>
          </w:p>
          <w:p w:rsidR="00156FB3" w:rsidRDefault="00156FB3" w:rsidP="00156FB3">
            <w:r>
              <w:t>,,,"2684601234",,,,[7]],[,,"268(?:464|7(?:1[3-9]|2\\d|3[246]|64|[78][0-</w:t>
            </w:r>
            <w:r>
              <w:lastRenderedPageBreak/>
              <w:t>689]))\\d{4}",,,,"2684641234",,,,[7]],[,,"8(?:00|33|44|55|66|77|88)[2-9]\\d{6}",,,,"8002123456"],[,,"900[2-9]\\d{6}",,,,"9002123456"],[,,,,,,,,,[-1]],[,,"5(?:00|2[12]|33|44|66|77|88)[2-9]\\d{6}",,,,"5002345678"],[,,"26848[01]\\d{4}",,,,"2684801234",,,,[7]],"AG",1,"011","1",,,"1|([457]\\d{6})$","268$1",,,,,[,,"26840[69]\\d{4}",,,,"2684061234",,,,[7]],,"268",[,,,,,,,,,[-1]],[,,,,,,,,,[-1]],,,[,,,,,,,,,[-1]]],AI:[,[,,"(?:264|[58]\\d\\d|900)\\d{7}",</w:t>
            </w:r>
          </w:p>
          <w:p w:rsidR="00156FB3" w:rsidRDefault="00156FB3" w:rsidP="00156FB3">
            <w:r>
              <w:t>,,,,,,[10],[7]],[,,"2644(?:6[12]|9[78])\\d{4}",,,,"2644612345",,,,[7]],[,,"264(?:235|476|5(?:3[6-9]|8[1-4])|7(?:29|72))\\d{4}",,,,"2642351234",,,,[7]],[,,"8(?:00|33|44|55|66|77|88)[2-9]\\d{6}",,,,"8002123456"],[,,"900[2-9]\\d{6}",,,,"9002123456"],[,,,,,,,,,[-1]],[,,"5(?:00|2[12]|33|44|66|77|88)[2-9]\\d{6}",,,,"5002345678"],[,,,,,,,,,[-1]],"AI",1,"011","1",,,"1|([2457]\\d{6})$","264$1",,,,,[,,,,,,,,,[-1]],,"264",[,,,,,,,,,[-1]],[,,,,,,,,,[-1]],,,[,,,,,,,,,[-1]]],AL:[,[,,"(?:700\\d\\d|900)\\d{3}|8\\d{5,7}|(?:[2-5]|6\\d)\\d{7}",</w:t>
            </w:r>
          </w:p>
          <w:p w:rsidR="00156FB3" w:rsidRDefault="00156FB3" w:rsidP="00156FB3">
            <w:r>
              <w:t>,,,,,,[6,7,8,9],[5]],[,,"(?:[2358](?:[16-9]\\d[2-9]|[2-5][2-9]\\d)|4(?:[2-57-9][2-9]|6\\d)\\d)\\d{4}",,,,"22345678",,,[8],[5,6,7]],[,,"6(?:[689][2-9]|7[2-6])\\d{6}",,,,"662123456",,,[9]],[,,"800\\d{4}",,,,"8001234",,,[7]],[,,"900[1-9]\\d\\d",,,,"900123",,,[6]],[,,"808[1-9]\\d\\d",,,,"808123",,,[6]],[,,"700[2-9]\\d{4}",,,,"70021234",,,[8]],[,,,,,,,,,[-1]],"AL",355,"00","0",,,"0",,,,[[,"(\\d{3})(\\d{3,4})","$1 $2",["80|9"],"0$1"],[,"(\\d)(\\d{3})(\\d{4})","$1 $2 $3",["4[2-6]"],"0$1"],[,"(\\d{2})(\\d{3})(\\d{3})",</w:t>
            </w:r>
          </w:p>
          <w:p w:rsidR="00156FB3" w:rsidRDefault="00156FB3" w:rsidP="00156FB3">
            <w:r>
              <w:t>"$1 $2 $3",["[2358][2-5]|4"],"0$1"],[,"(\\d{3})(\\d{5})","$1 $2",["[23578]"],"0$1"],[,"(\\d{2})(\\d{3})(\\d{4})","$1 $2 $3",["6"],"0$1"]],,[,,,,,,,,,[-1]],,,[,,,,,,,,,[-1]],[,,,,,,,,,[-1]],,,[,,,,,,,,,[-1]]],AM:[,[,,"(?:[1-489]\\d|55|60|77)\\d{6}",,,,,,,[8],[5,6]],[,,"(?:(?:1[0-2]|47)\\d|2(?:2[2-46]|3[1-8]|4[2-69]|5[2-7]|6[1-9]|8[1-7])|3[12]2)\\d{5}",,,,"10123456",,,,[5,6]],[,,"(?:4[1349]|55|77|88|9[13-9])\\d{6}",,,,"77123456"],[,,"800\\d{5}",,,,"80012345"],[,,"90[016]\\d{5}",,,,"90012345"],[,,"80[1-4]\\d{5}",</w:t>
            </w:r>
          </w:p>
          <w:p w:rsidR="00156FB3" w:rsidRDefault="00156FB3" w:rsidP="00156FB3">
            <w:r>
              <w:t>,,,"80112345"],[,,,,,,,,,[-1]],[,,"60(?:2[78]|3[5-9]|4[02-9]|5[0-46-9]|[6-8]\\d|90)\\d{4}",,,,"60271234"],"AM",374,"00","0",,,"0",,,,[[,"(\\d{3})(\\d{2})(\\d{3})","$1 $2 $3",["[89]0"],"0 $1"],[,"(\\d{2})(\\d{6})","$1 $2",["1|47"],"(0$1)"],[,"(\\d{3})(\\d{5})","$1 $2",["[23]"],"(0$1)"],[,"(\\d{2})(\\d{6})","$1 $2",["[4-9]"],"0$1"]],,[,,,,,,,,,[-1]],,,[,,,,,,,,,[-1]],[,,,,,,,,,[-1]],,,[,,,,,,,,,[-1]]],AO:[,[,,"[29]\\d{8}",,,,,,,[9]],[,,"2\\d(?:[0134][25-9]|[25-9]\\d)\\d{5}",,,,"222123456"],[,,"9[1-49]\\d{7}",</w:t>
            </w:r>
          </w:p>
          <w:p w:rsidR="00156FB3" w:rsidRDefault="00156FB3" w:rsidP="00156FB3">
            <w:r>
              <w:t>,,,"923123456"],[,,,,,,,,,[-1]],[,,,,,,,,,[-1]],[,,,,,,,,,[-1]],[,,,,,,,,,[-1]],[,,,,,,,,,[-1]],"AO",244,"00",,,,,,,,[[,"(\\d{3})(\\d{3})(\\d{3})","$1 $2 $3",["[29]"]]],,[,,,,,,,,,[-1]],,,[,,,,,,,,,[-1]],[,,,,,,,,,[-1]],,,[,,,,,,,,,[-1]]],AR:[,[,,"11\\d{8}|(?:[2368]|9\\d)\\d{9}",,,,,,,[10,11],[6,7,8]],[,,"(?:2(?:646[0-46-9]|9(?:45[02-69]|54[2-8]))|3(?:4(?:3(?:5[0-7]|6[1-69])|5(?:4[0-4679]|[56][024-6]))|585[013-7]|7(?:(?:1[15]|81)[46]|77[2-8])|8(?:(?:21|4[16]|9[12])[46]|35[124-6]|5(?:5[0-46-9]|6[0-246-9])|6(?:5[2-8]|9[46])|86[0-68])))\\d{5}|(?:2(?:284|657|9(?:20|66))|3(?:4(?:8[27]|92)|755|878))[2-7]\\d{5}|(?:2(?:2(?:2[59]|44|52)|3(?:26|4[24])|473|9(?:[07]2|2[26]|34|46))|3327)[45]\\d{5}|(?:2(?:(?:26|62)2|3(?:02|2[03])|477|9(?:42|83))|3(?:4(?:[47]6|62|89)|5(?:41|64)|873))[2-6]\\d{5}|(?:(?:11[2-7]|670)\\d|2(?:2(?:0[45]|1[2-6]|3[3-6])|3(?:[06]4|7[45])|494|6(?:04|1[2-7]|[346][45])|80[45]|9(?:[17][4-6]|44|8[45]|9[3-6]))|3(?:364|4(?:1[2-7]|2[4-6]|[38]4)|5(?:1[2-8]|3[4-6]|8[46])|6(?:2[45]|44)|7[069][45]|8(?:0[45]|1[2-6]|34|5[34]|7[24-6]|8[3-5])))\\d{6}|2(?:2(?:21|4[23]|6[145]|7[1-4]|8[356]|9[267])|3(?:16|3[13-8]|43|5[346-8]|9[3-5])|475|6(?:2[46]|4[78]|5[1568])|9(?:03|2[1457-9]|3[1356]|4[08]|[56][23]|82))4\\d{5}|(?:2(?:2(?:57|81)|3(?:24|46|92)|9(?:01|23|64))|3(?:329|4(?:42|71)|5(?:25|37|4[347]|71)|7(?:18|5[17])|888))[3-6]\\d{5}|(?:2(?:2(?:02|2[3467]|4[156]|5[45]|6[6-8]|91)|3(?:1[47]|[24]5|5[25]|96)|47[48]|625|932)|3(?:38[2578]|4(?:0[0-24-9]|3[78]|4[457]|58|6[03-9]|72|83|9[136-8])|5(?:2[124]|[368][23]|4[2689]|7[2-6])|7(?:16|2[15]|3[145]|4[13]|5[468]|7[2-</w:t>
            </w:r>
            <w:r>
              <w:lastRenderedPageBreak/>
              <w:t>5]|8[26])|8(?:2[5-7]|3[278]|4[3-5]|5[78]|6[1-378]|[78]7|94)))[4-6]\\d{5}",</w:t>
            </w:r>
          </w:p>
          <w:p w:rsidR="00156FB3" w:rsidRDefault="00156FB3" w:rsidP="00156FB3">
            <w:r>
              <w:t>,,,"1123456789",,,[10],[6,7,8]],[,,"9(?:2(?:646[0-46-9]|9(?:45[02-69]|54[2-8]))|3(?:4(?:3(?:5[0-7]|6[1-69])|5(?:4[0-4679]|[56][024-6]))|585[013-7]|7(?:(?:1[15]|81)[46]|77[2-8])|8(?:(?:21|4[16]|9[12])[46]|35[124-6]|5(?:5[0-46-9]|6[0-246-9])|6(?:5[2-8]|9[46])|86[0-68])))\\d{5}|9(?:2(?:284|657|9(?:20|66))|3(?:4(?:8[27]|92)|755|878))[2-7]\\d{5}|9(?:2(?:2(?:2[59]|44|52)|3(?:26|4[24])|473|9(?:[07]2|2[26]|34|46))|3327)[45]\\d{5}|9(?:2(?:(?:26|62)2|3(?:02|2[03])|477|9(?:42|83))|3(?:4(?:[47]6|62|89)|5(?:41|64)|873))[2-6]\\d{5}|(?:675\\d|9(?:11[2-7]\\d|2(?:2(?:0[45]|1[2-6]|3[3-6])|3(?:[06]4|7[45])|494|6(?:04|1[2-7]|[346][45])|80[45]|9(?:[17][4-6]|44|8[45]|9[3-6]))|3(?:364|4(?:1[2-7]|2[4-6]|[38]4)|5(?:1[2-8]|3[4-6]|8[46])|6(?:2[45]|44)|7[069][45]|8(?:0[45]|1[2-6]|34|5[34]|7[24-6]|8[3-5]))))\\d{6}|92(?:2(?:21|4[23]|6[145]|7[1-4]|8[356]|9[267])|3(?:16|3[13-8]|43|5[346-8]|9[3-5])|475|6(?:2[46]|4[78]|5[1568])|9(?:03|2[1457-9]|3[1356]|4[08]|[56][23]|82))4\\d{5}|9(?:2(?:2(?:57|81)|3(?:24|46|92)|9(?:01|23|64))|3(?:329|4(?:42|71)|5(?:25|37|4[347]|71)|7(?:18|5[17])|888))[3-6]\\d{5}|9(?:2(?:2(?:02|2[3467]|4[156]|5[45]|6[6-8]|91)|3(?:1[47]|[24]5|5[25]|96)|47[48]|625|932)|3(?:38[2578]|4(?:0[0-24-9]|3[78]|4[457]|58|6[03-9]|72|83|9[136-8])|5(?:2[124]|[368][23]|4[2689]|7[2-6])|7(?:16|2[15]|3[145]|4[13]|5[468]|7[2-5]|8[26])|8(?:2[5-7]|3[278]|4[3-5]|5[78]|6[1-378]|[78]7|94)))[4-6]\\d{5}",</w:t>
            </w:r>
          </w:p>
          <w:p w:rsidR="00156FB3" w:rsidRDefault="00156FB3" w:rsidP="00156FB3">
            <w:r>
              <w:t>,,,"91123456789",,,,[6,7,8]],[,,"800\\d{7}",,,,"8001234567",,,[10]],[,,"60[04579]\\d{7}",,,,"6001234567",,,[10]],[,,,,,,,,,[-1]],[,,,,,,,,,[-1]],[,,,,,,,,,[-1]],"AR",54,"00","0",,,"0?(?:(11|2(?:2(?:02?|[13]|2[13-79]|4[1-6]|5[2457]|6[124-8]|7[1-4]|8[13-6]|9[1267])|3(?:02?|1[467]|2[03-6]|3[13-8]|[49][2-6]|5[2-8]|[67])|4(?:7[3-578]|9)|6(?:[0136]|2[24-6]|4[6-8]?|5[15-8])|80|9(?:0[1-3]|[19]|2\\d|3[1-6]|4[02568]?|5[2-4]|6[2-46]|72?|8[23]?))|3(?:3(?:2[79]|6|8[2578])|4(?:0[0-24-9]|[12]|3[5-8]?|4[24-7]|5[4-68]?|6[02-9]|7[126]|8[2379]?|9[1-36-8])|5(?:1|2[1245]|3[237]?|4[1-46-9]|6[2-4]|7[1-6]|8[2-5]?)|6[24]|7(?:[069]|1[1568]|2[15]|3[145]|4[13]|5[14-8]|7[2-57]|8[126])|8(?:[01]|2[15-7]|3[2578]?|4[13-6]|5[4-8]?|6[1-357-9]|7[36-8]?|8[5-8]?|9[124])))15)?",</w:t>
            </w:r>
          </w:p>
          <w:p w:rsidR="00156FB3" w:rsidRDefault="00156FB3" w:rsidP="00156FB3">
            <w:r>
              <w:t>"9$1",,,[[,"(\\d{3})","$1",["[09]|1(?:[02]|1[02-5])"]],[,"(\\d{2})(\\d{4})","$1-$2",["[2-7]|8[0-7]"]],[,"(\\d{3})(\\d{4})","$1-$2",["[2-7]|8[013-8]"]],[,"(\\d{4})(\\d{4})","$1-$2",["2[0-8]|[3-7]"]],[,"(\\d{4})(\\d{2})(\\d{4})","$1 $2-$3",["2(?:2[024-9]|3[0-59]|47|6[245]|9[02-8])|3(?:3[28]|4[03-9]|5[2-46-8]|7[1-578]|8[2-9])","2(?:[23]02|6(?:[25]|4[6-8])|9(?:[02356]|4[02568]|72|8[23]))|3(?:3[28]|4(?:[04679]|3[5-8]|5[4-68]|8[2379])|5(?:[2467]|3[237]|8[2-5])|7[1-578]|8(?:[2469]|3[2578]|5[4-8]|7[36-8]|8[5-8]))|2(?:2[24-9]|3[1-59]|47)",</w:t>
            </w:r>
          </w:p>
          <w:p w:rsidR="00156FB3" w:rsidRDefault="00156FB3" w:rsidP="00156FB3">
            <w:r>
              <w:t>"2(?:[23]02|6(?:[25]|4(?:64|[78]))|9(?:[02356]|4(?:[0268]|5[2-6])|72|8[23]))|3(?:3[28]|4(?:[04679]|3[78]|5(?:4[46]|8)|8[2379])|5(?:[2467]|3[237]|8[23])|7[1-578]|8(?:[2469]|3[278]|5[56][46]|86[3-6]))|2(?:2[24-9]|3[1-59]|47)|38(?:[58][78]|7[378])|3(?:4[35][56]|58[45]|8(?:[38]5|54|76))[4-6]","2(?:[23]02|6(?:[25]|4(?:64|[78]))|9(?:[02356]|4(?:[0268]|5(?:[24-6]|3[2-5]))|72|8[23]))|3(?:3[28]|4(?:[04679]|3(?:5(?:4[0-25689]|[56])|[78])|58|8[2379])|5(?:[2467]|3[237]|8(?:[23]|4(?:[45]|60)|5(?:4[0-39]|5|64)))|7[1-578]|8(?:[2469]|3[278]|54(?:4|5[13-7]|6[89])|86[3-6]))|2(?:2[24-9]|3[1-59]|47)|38(?:[58][78]|7[378])|3(?:454|85[56])[46]|3(?:4(?:36|5[56])|8(?:[38]5|76))[4-6]"],</w:t>
            </w:r>
          </w:p>
          <w:p w:rsidR="00156FB3" w:rsidRDefault="00156FB3" w:rsidP="00156FB3">
            <w:r>
              <w:t>"0$1",,1],[,"(\\d{2})(\\d{4})(\\d{4})","$1 $2-$3",["1"],"0$1",,1],[,"(\\d{3})(\\d{3})(\\d{4})","$1 $2-$3",["[23]"],"0$1",,1],[,"(\\d{3})(\\d{3})(\\d{4})","$1-$2-$3",["[68]"],"0$1"],[,"(\\d)(\\d{4})(\\d{2})(\\d{4})","$2 15-$3-$4",["9(?:2[2-469]|3[3-578])","9(?:2(?:2[024-9]|3[0-59]|47|6[245]|9[02-8])|3(?:3[28]|4[03-9]|5[2-46-8]|7[1-578]|8[2-9]))","9(?:2(?:[23]02|6(?:[25]|4[6-8])|9(?:[02356]|4[02568]|72|8[23]))|3(?:3[28]|4(?:[04679]|3[5-8]|5[4-68]|8[2379])|5(?:[2467]|3[237]|8[2-5])|7[1-578]|8(?:[2469]|3[2578]|5[4-8]|7[36-8]|8[5-8])))|92(?:2[24-9]|3[1-59]|47)",</w:t>
            </w:r>
          </w:p>
          <w:p w:rsidR="00156FB3" w:rsidRDefault="00156FB3" w:rsidP="00156FB3">
            <w:r>
              <w:lastRenderedPageBreak/>
              <w:t>"9(?:2(?:[23]02|6(?:[25]|4(?:64|[78]))|9(?:[02356]|4(?:[0268]|5[2-6])|72|8[23]))|3(?:3[28]|4(?:[04679]|3[78]|5(?:4[46]|8)|8[2379])|5(?:[2467]|3[237]|8[23])|7[1-578]|8(?:[2469]|3[278]|5(?:[56][46]|[78])|7[378]|8(?:6[3-6]|[78]))))|92(?:2[24-9]|3[1-59]|47)|93(?:4[35][56]|58[45]|8(?:[38]5|54|76))[4-6]","9(?:2(?:[23]02|6(?:[25]|4(?:64|[78]))|9(?:[02356]|4(?:[0268]|5(?:[24-6]|3[2-5]))|72|8[23]))|3(?:3[28]|4(?:[04679]|3(?:5(?:4[0-25689]|[56])|[78])|5(?:4[46]|8)|8[2379])|5(?:[2467]|3[237]|8(?:[23]|4(?:[45]|60)|5(?:4[0-39]|5|64)))|7[1-578]|8(?:[2469]|3[278]|5(?:4(?:4|5[13-7]|6[89])|[56][46]|[78])|7[378]|8(?:6[3-6]|[78]))))|92(?:2[24-9]|3[1-59]|47)|93(?:4(?:36|5[56])|8(?:[38]5|76))[4-6]"],</w:t>
            </w:r>
          </w:p>
          <w:p w:rsidR="00156FB3" w:rsidRDefault="00156FB3" w:rsidP="00156FB3">
            <w:r>
              <w:t>"0$1"],[,"(\\d)(\\d{2})(\\d{4})(\\d{4})","$2 15-$3-$4",["91"],"0$1"],[,"(\\d)(\\d{3})(\\d{3})(\\d{4})","$2 15-$3-$4",["9"],"0$1"]],[[,"(\\d{4})(\\d{2})(\\d{4})","$1 $2-$3",["2(?:2[024-9]|3[0-59]|47|6[245]|9[02-8])|3(?:3[28]|4[03-9]|5[2-46-8]|7[1-578]|8[2-9])","2(?:[23]02|6(?:[25]|4[6-8])|9(?:[02356]|4[02568]|72|8[23]))|3(?:3[28]|4(?:[04679]|3[5-8]|5[4-68]|8[2379])|5(?:[2467]|3[237]|8[2-5])|7[1-578]|8(?:[2469]|3[2578]|5[4-8]|7[36-8]|8[5-8]))|2(?:2[24-9]|3[1-59]|47)","2(?:[23]02|6(?:[25]|4(?:64|[78]))|9(?:[02356]|4(?:[0268]|5[2-6])|72|8[23]))|3(?:3[28]|4(?:[04679]|3[78]|5(?:4[46]|8)|8[2379])|5(?:[2467]|3[237]|8[23])|7[1-578]|8(?:[2469]|3[278]|5[56][46]|86[3-6]))|2(?:2[24-9]|3[1-59]|47)|38(?:[58][78]|7[378])|3(?:4[35][56]|58[45]|8(?:[38]5|54|76))[4-6]",</w:t>
            </w:r>
          </w:p>
          <w:p w:rsidR="00156FB3" w:rsidRDefault="00156FB3" w:rsidP="00156FB3">
            <w:r>
              <w:t>"2(?:[23]02|6(?:[25]|4(?:64|[78]))|9(?:[02356]|4(?:[0268]|5(?:[24-6]|3[2-5]))|72|8[23]))|3(?:3[28]|4(?:[04679]|3(?:5(?:4[0-25689]|[56])|[78])|58|8[2379])|5(?:[2467]|3[237]|8(?:[23]|4(?:[45]|60)|5(?:4[0-39]|5|64)))|7[1-578]|8(?:[2469]|3[278]|54(?:4|5[13-7]|6[89])|86[3-6]))|2(?:2[24-9]|3[1-59]|47)|38(?:[58][78]|7[378])|3(?:454|85[56])[46]|3(?:4(?:36|5[56])|8(?:[38]5|76))[4-6]"],"0$1",,1],[,"(\\d{2})(\\d{4})(\\d{4})","$1 $2-$3",["1"],"0$1",,1],[,"(\\d{3})(\\d{3})(\\d{4})","$1 $2-$3",["[23]"],"0$1",,</w:t>
            </w:r>
          </w:p>
          <w:p w:rsidR="00156FB3" w:rsidRDefault="00156FB3" w:rsidP="00156FB3">
            <w:r>
              <w:t>1],[,"(\\d{3})(\\d{3})(\\d{4})","$1-$2-$3",["[68]"],"0$1"],[,"(\\d)(\\d{4})(\\d{2})(\\d{4})","$1 $2 $3-$4",["9(?:2[2-469]|3[3-578])","9(?:2(?:2[024-9]|3[0-59]|47|6[245]|9[02-8])|3(?:3[28]|4[03-9]|5[2-46-8]|7[1-578]|8[2-9]))","9(?:2(?:[23]02|6(?:[25]|4[6-8])|9(?:[02356]|4[02568]|72|8[23]))|3(?:3[28]|4(?:[04679]|3[5-8]|5[4-68]|8[2379])|5(?:[2467]|3[237]|8[2-5])|7[1-578]|8(?:[2469]|3[2578]|5[4-8]|7[36-8]|8[5-8])))|92(?:2[24-9]|3[1-59]|47)","9(?:2(?:[23]02|6(?:[25]|4(?:64|[78]))|9(?:[02356]|4(?:[0268]|5[2-6])|72|8[23]))|3(?:3[28]|4(?:[04679]|3[78]|5(?:4[46]|8)|8[2379])|5(?:[2467]|3[237]|8[23])|7[1-578]|8(?:[2469]|3[278]|5(?:[56][46]|[78])|7[378]|8(?:6[3-6]|[78]))))|92(?:2[24-9]|3[1-59]|47)|93(?:4[35][56]|58[45]|8(?:[38]5|54|76))[4-6]",</w:t>
            </w:r>
          </w:p>
          <w:p w:rsidR="00156FB3" w:rsidRDefault="00156FB3" w:rsidP="00156FB3">
            <w:r>
              <w:t>"9(?:2(?:[23]02|6(?:[25]|4(?:64|[78]))|9(?:[02356]|4(?:[0268]|5(?:[24-6]|3[2-5]))|72|8[23]))|3(?:3[28]|4(?:[04679]|3(?:5(?:4[0-25689]|[56])|[78])|5(?:4[46]|8)|8[2379])|5(?:[2467]|3[237]|8(?:[23]|4(?:[45]|60)|5(?:4[0-39]|5|64)))|7[1-578]|8(?:[2469]|3[278]|5(?:4(?:4|5[13-7]|6[89])|[56][46]|[78])|7[378]|8(?:6[3-6]|[78]))))|92(?:2[24-9]|3[1-59]|47)|93(?:4(?:36|5[56])|8(?:[38]5|76))[4-6]"]],[,"(\\d)(\\d{2})(\\d{4})(\\d{4})","$1 $2 $3-$4",["91"]],[,"(\\d)(\\d{3})(\\d{3})(\\d{4})","$1 $2 $3-$4",["9"]]],</w:t>
            </w:r>
          </w:p>
          <w:p w:rsidR="00156FB3" w:rsidRDefault="00156FB3" w:rsidP="00156FB3">
            <w:r>
              <w:t>[,,,,,,,,,[-1]],,,[,,"810\\d{7}",,,,,,,[10]],[,,"810\\d{7}",,,,"8101234567",,,[10]],,,[,,,,,,,,,[-1]]],AS:[,[,,"(?:[58]\\d\\d|684|900)\\d{7}",,,,,,,[10],[7]],[,,"6846(?:22|33|44|55|77|88|9[19])\\d{4}",,,,"6846221234",,,,[7]],[,,"684(?:2(?:5[2468]|72)|7(?:3[13]|70))\\d{4}",,,,"6847331234",,,,[7]],[,,"8(?:00|33|44|55|66|77|88)[2-9]\\d{6}",,,,"8002123456"],[,,"900[2-9]\\d{6}",,,,"9002123456"],[,,,,,,,,,[-1]],[,,"5(?:00|2[12]|33|44|66|77|88)[2-9]\\d{6}",,,,"5002345678"],[,,,,,,,,,[-1]],"AS",1,"011","1",</w:t>
            </w:r>
          </w:p>
          <w:p w:rsidR="00156FB3" w:rsidRDefault="00156FB3" w:rsidP="00156FB3">
            <w:r>
              <w:t>,,"1|([267]\\d{6})$","684$1",,,,,[,,,,,,,,,[-1]],,"684",[,,,,,,,,,[-1]],[,,,,,,,,,[-1]],,,[,,,,,,,,,[-1]]],AT:[,[,,"1\\d{3,12}|2\\d{6,12}|43(?:(?:0\\d|5[02-</w:t>
            </w:r>
            <w:r>
              <w:lastRenderedPageBreak/>
              <w:t>9])\\d{3,9}|2\\d{4,5}|[3467]\\d{4}|8\\d{4,6}|9\\d{4,7})|5\\d{4,12}|8\\d{7,12}|9\\d{8,12}|(?:[367]\\d|4[0-24-9])\\d{4,11}",,,,,,,[4,5,6,7,8,9,10,11,12,13],[3]],[,,"1(?:11\\d|[2-9]\\d{3,11})|(?:316|463|(?:51|66|73)2)\\d{3,10}|(?:2(?:1[467]|2[13-8]|5[2357]|6[1-46-8]|7[1-8]|8[124-7]|9[1458])|3(?:1[1-578]|3[23568]|4[5-7]|5[1378]|6[1-38]|8[3-68])|4(?:2[1-8]|35|7[1368]|8[2457])|5(?:2[1-8]|3[357]|4[147]|5[12578]|6[37])|6(?:13|2[1-47]|4[135-8]|5[468])|7(?:2[1-8]|35|4[13478]|5[68]|6[16-8]|7[1-6]|9[45]))\\d{4,10}",</w:t>
            </w:r>
          </w:p>
          <w:p w:rsidR="00156FB3" w:rsidRDefault="00156FB3" w:rsidP="00156FB3">
            <w:r>
              <w:t>,,,"1234567890",,,,[3]],[,,"6(?:5[0-3579]|6[013-9]|[7-9]\\d)\\d{4,10}",,,,"664123456",,,[7,8,9,10,11,12,13]],[,,"800\\d{6,10}",,,,"800123456",,,[9,10,11,12,13]],[,,"9(?:0[01]|3[019])\\d{6,10}",,,,"900123456",,,[9,10,11,12,13]],[,,"8(?:10|2[018])\\d{6,10}|828\\d{5}",,,,"810123456",,,[8,9,10,11,12,13]],[,,,,,,,,,[-1]],[,,"5(?:0[1-9]|17|[79]\\d)\\d{2,10}|7[28]0\\d{6,10}",,,,"780123456",,,[5,6,7,8,9,10,11,12,13]],"AT",43,"00","0",,,"0",,,,[[,"(\\d)(\\d{3,12})","$1 $2",["1(?:11|[2-9])"],"0$1"],[,"(\\d{3})(\\d{2})",</w:t>
            </w:r>
          </w:p>
          <w:p w:rsidR="00156FB3" w:rsidRDefault="00156FB3" w:rsidP="00156FB3">
            <w:r>
              <w:t>"$1 $2",["517"],"0$1"],[,"(\\d{2})(\\d{3,5})","$1 $2",["5[079]"],"0$1"],[,"(\\d{6})","$1",["1"]],[,"(\\d{3})(\\d{3,10})","$1 $2",["(?:31|4)6|51|6(?:5[0-3579]|[6-9])|7(?:20|32|8)|[89]"],"0$1"],[,"(\\d{4})(\\d{3,9})","$1 $2",["[2-467]|5[2-6]"],"0$1"],[,"(\\d{2})(\\d{3})(\\d{3,4})","$1 $2 $3",["5"],"0$1"],[,"(\\d{2})(\\d{4})(\\d{4,7})","$1 $2 $3",["5"],"0$1"]],[[,"(\\d)(\\d{3,12})","$1 $2",["1(?:11|[2-9])"],"0$1"],[,"(\\d{3})(\\d{2})","$1 $2",["517"],"0$1"],[,"(\\d{2})(\\d{3,5})","$1 $2",["5[079]"],</w:t>
            </w:r>
          </w:p>
          <w:p w:rsidR="00156FB3" w:rsidRDefault="00156FB3" w:rsidP="00156FB3">
            <w:r>
              <w:t>"0$1"],[,"(\\d{3})(\\d{3,10})","$1 $2",["(?:31|4)6|51|6(?:5[0-3579]|[6-9])|7(?:20|32|8)|[89]"],"0$1"],[,"(\\d{4})(\\d{3,9})","$1 $2",["[2-467]|5[2-6]"],"0$1"],[,"(\\d{2})(\\d{3})(\\d{3,4})","$1 $2 $3",["5"],"0$1"],[,"(\\d{2})(\\d{4})(\\d{4,7})","$1 $2 $3",["5"],"0$1"]],[,,,,,,,,,[-1]],,,[,,,,,,,,,[-1]],[,,,,,,,,,[-1]],,,[,,,,,,,,,[-1]]],AU:[,[,,"1\\d{4,9}|(?:[2-478]\\d\\d|550)\\d{6}",,,,,,,[5,6,7,8,9,10]],[,,"(?:[237]\\d{5}|8(?:51(?:0(?:0[03-9]|[1247]\\d|3[2-9]|5[0-8]|6[1-9]|8[0-6])|1(?:1[69]|[23]\\d|4[0-4]))|(?:[6-8]\\d{3}|9(?:[02-9]\\d\\d|1(?:[0-57-9]\\d|6[0135-9])))\\d))\\d{3}",</w:t>
            </w:r>
          </w:p>
          <w:p w:rsidR="00156FB3" w:rsidRDefault="00156FB3" w:rsidP="00156FB3">
            <w:r>
              <w:t>,,,"212345678",,,[9],[8]],[,,"4(?:[0-3]\\d|4[047-9]|5[0-25-9]|6[6-9]|7[02-9]|8[0-2457-9]|9[017-9])\\d{6}",,,,"412345678",,,[9]],[,,"180(?:0\\d{3}|2)\\d{3}",,,,"1800123456",,,[7,10]],[,,"190[0-26]\\d{6}",,,,"1900123456",,,[10]],[,,"13(?:00\\d{3}|45[0-4])\\d{3}|13\\d{4}",,,,"1300123456",,,[6,8,10]],[,,,,,,,,,[-1]],[,,"1471\\d{5}|(?:145|550)\\d{6}",,,,"550123456",,,[9]],"AU",61,"001[14-689]|14(?:1[14]|34|4[17]|[56]6|7[47]|88)0011","0",,,"0",,"0011",,[[,"(\\d{2})(\\d{3,4})","$1 $2",["16"],"0$1"],[,"(\\d{2})(\\d{2})(\\d{2})",</w:t>
            </w:r>
          </w:p>
          <w:p w:rsidR="00156FB3" w:rsidRDefault="00156FB3" w:rsidP="00156FB3">
            <w:r>
              <w:t>"$1 $2 $3",["13"]],[,"(\\d{3})(\\d{3})","$1 $2",["19"]],[,"(\\d{3})(\\d{4})","$1 $2",["180","1802"]],[,"(\\d{4})(\\d{3,4})","$1 $2",["19"]],[,"(\\d{2})(\\d{3})(\\d{2,4})","$1 $2 $3",["16"],"0$1"],[,"(\\d{3})(\\d{3})(\\d{3})","$1 $2 $3",["14|[45]"],"0$1"],[,"(\\d)(\\d{4})(\\d{4})","$1 $2 $3",["[2378]"],"(0$1)"],[,"(\\d{4})(\\d{3})(\\d{3})","$1 $2 $3",["1(?:30|[89])"]]],[[,"(\\d{2})(\\d{3,4})","$1 $2",["16"],"0$1"],[,"(\\d{2})(\\d{3})(\\d{2,4})","$1 $2 $3",["16"],"0$1"],[,"(\\d{3})(\\d{3})(\\d{3})",</w:t>
            </w:r>
          </w:p>
          <w:p w:rsidR="00156FB3" w:rsidRDefault="00156FB3" w:rsidP="00156FB3">
            <w:r>
              <w:t>"$1 $2 $3",["14|[45]"],"0$1"],[,"(\\d)(\\d{4})(\\d{4})","$1 $2 $3",["[2378]"],"(0$1)"],[,"(\\d{4})(\\d{3})(\\d{3})","$1 $2 $3",["1(?:30|[89])"]]],[,,"16\\d{3,7}",,,,"1612345",,,[5,6,7,8,9]],1,,[,,"1[38]00\\d{6}|1(?:345[0-4]|802)\\d{3}|13\\d{4}",,,,,,,[6,7,8,10]],[,,,,,,,,,[-1]],,,[,,,,,,,,,[-1]]],AW:[,[,,"(?:[25-79]\\d\\d|800)\\d{4}",,,,,,,[7]],[,,"5(?:2\\d|8[1-9])\\d{4}",,,,"5212345"],[,,"(?:290|5[69]\\d|6(?:[03]0|22|4[0-2]|[69]\\d)|7(?:[34]\\d|7[07])|9(?:6[45]|9[4-8]))\\d{4}",,,,"5601234"],[,,"800\\d{4}",</w:t>
            </w:r>
          </w:p>
          <w:p w:rsidR="00156FB3" w:rsidRDefault="00156FB3" w:rsidP="00156FB3">
            <w:r>
              <w:t>,,,"8001234"],[,,"900\\d{4}",,,,"9001234"],[,,,,,,,,,[-1]],[,,,,,,,,,[-1]],[,,"(?:28\\d|501)\\d{4}",,,,"5011234"],"AW",297,"00",,,,,,,,[[,"(\\d{3})(\\d{4})","$1 $2",["[25-9]"]]],,[,,,,,,,,,[-1]],,,[,,,,,,,,,[-1]],[,,,,,,,,,[-1]],,,[,,,,,,,,,[-1]]],AX:[,[,,"2\\d{4,9}|35\\d{4,5}|(?:60\\d\\d|800)\\d{4,6}|(?:[147]\\d|3[0-46-</w:t>
            </w:r>
            <w:r>
              <w:lastRenderedPageBreak/>
              <w:t>9]|50)\\d{4,8}",,,,,,,[5,6,7,8,9,10]],[,,"18[1-8]\\d{3,6}",,,,"181234567",,,[6,7,8,9]],[,,"(?:4[0-8]|50)\\d{4,8}",,,,"412345678",,,[6,7,8,9,10]],[,,"800\\d{4,6}",,,,"800123456",,,</w:t>
            </w:r>
          </w:p>
          <w:p w:rsidR="00156FB3" w:rsidRDefault="00156FB3" w:rsidP="00156FB3">
            <w:r>
              <w:t>[7,8,9]],[,,"[67]00\\d{5,6}",,,,"600123456",,,[8,9]],[,,,,,,,,,[-1]],[,,,,,,,,,[-1]],[,,,,,,,,,[-1]],"AX",358,"00|99(?:[01469]|5(?:[14]1|3[23]|5[59]|77|88|9[09]))","0",,,"0",,"00",,,,[,,,,,,,,,[-1]],,"18",[,,,,,,,,,[-1]],[,,"(?:10|[23][09])\\d{4,8}|60(?:[12]\\d{5,6}|6\\d{7})|7(?:(?:1|3\\d)\\d{7}|5[03-9]\\d{3,7})|20[2-59]\\d\\d",,,,"10112345"],,,[,,,,,,,,,[-1]]],AZ:[,[,,"(?:365\\d{3}|900200)\\d{3}|(?:[12457]\\d|60|88)\\d{7}",,,,,,,[9],[7]],[,,"365(?:[0-46-9]\\d|5[0-35-9])\\d{4}|(?:1[28]\\d|2(?:[045]2|1[24]|2[2-4]|33|6[23]))\\d{6}",</w:t>
            </w:r>
          </w:p>
          <w:p w:rsidR="00156FB3" w:rsidRDefault="00156FB3" w:rsidP="00156FB3">
            <w:r>
              <w:t>,,,"123123456",,,,[7]],[,,"36554\\d{4}|(?:4[04]|5[015]|60|7[07])\\d{7}",,,,"401234567"],[,,"88\\d{7}",,,,"881234567"],[,,"900200\\d{3}",,,,"900200123"],[,,,,,,,,,[-1]],[,,,,,,,,,[-1]],[,,,,,,,,,[-1]],"AZ",994,"00","0",,,"0",,,,[[,"(\\d{3})(\\d{2})(\\d{2})","$1 $2 $3",["[1-9]"]],[,"(\\d{3})(\\d{2})(\\d{2})(\\d{2})","$1 $2 $3 $4",["9"],"0$1"],[,"(\\d{2})(\\d{3})(\\d{2})(\\d{2})","$1 $2 $3 $4",["[12]|365","[12]|365","[12]|365(?:[0-46-9]|5[0-35-9])"],"(0$1)"],[,"(\\d{2})(\\d{3})(\\d{2})(\\d{2})","$1 $2 $3 $4",</w:t>
            </w:r>
          </w:p>
          <w:p w:rsidR="00156FB3" w:rsidRDefault="00156FB3" w:rsidP="00156FB3">
            <w:r>
              <w:t>["[3-8]"],"0$1"]],[[,"(\\d{3})(\\d{2})(\\d{2})(\\d{2})","$1 $2 $3 $4",["9"],"0$1"],[,"(\\d{2})(\\d{3})(\\d{2})(\\d{2})","$1 $2 $3 $4",["[12]|365","[12]|365","[12]|365(?:[0-46-9]|5[0-35-9])"],"(0$1)"],[,"(\\d{2})(\\d{3})(\\d{2})(\\d{2})","$1 $2 $3 $4",["[3-8]"],"0$1"]],[,,,,,,,,,[-1]],,,[,,,,,,,,,[-1]],[,,,,,,,,,[-1]],,,[,,,,,,,,,[-1]]],BA:[,[,,"6\\d{8}|(?:[35689]\\d|49|70)\\d{6}",,,,,,,[8,9],[6]],[,,"(?:3(?:[05-79][2-9]|1[4579]|[23][24-9]|4[2-4689]|8[2457-9])|49[2-579]|5(?:0[2-49]|[13][2-9]|[268][2-4679]|4[4689]|5[2-79]|7[2-69]|9[2-4689]))\\d{5}",</w:t>
            </w:r>
          </w:p>
          <w:p w:rsidR="00156FB3" w:rsidRDefault="00156FB3" w:rsidP="00156FB3">
            <w:r>
              <w:t>,,,"30212345",,,[8],[6]],[,,"6(?:0(?:3\\d|40)|[1-356]\\d|44[0-6]|71[137])\\d{5}",,,,"61123456"],[,,"8[08]\\d{6}",,,,"80123456",,,[8]],[,,"9[0246]\\d{6}",,,,"90123456",,,[8]],[,,"8[12]\\d{6}",,,,"82123456",,,[8]],[,,,,,,,,,[-1]],[,,,,,,,,,[-1]],"BA",387,"00","0",,,"0",,,,[[,"(\\d{3})(\\d{3})","$1-$2",["[2-9]"]],[,"(\\d{2})(\\d{3})(\\d{3})","$1 $2 $3",["6[1-356]|[7-9]"],"0$1"],[,"(\\d{2})(\\d{3})(\\d{3})","$1 $2-$3",["[3-5]"],"0$1"],[,"(\\d{2})(\\d{2})(\\d{2})(\\d{3})","$1 $2 $3 $4",["6"],"0$1"]],[[,</w:t>
            </w:r>
          </w:p>
          <w:p w:rsidR="00156FB3" w:rsidRDefault="00156FB3" w:rsidP="00156FB3">
            <w:r>
              <w:t>"(\\d{2})(\\d{3})(\\d{3})","$1 $2 $3",["6[1-356]|[7-9]"],"0$1"],[,"(\\d{2})(\\d{3})(\\d{3})","$1 $2-$3",["[3-5]"],"0$1"],[,"(\\d{2})(\\d{2})(\\d{2})(\\d{3})","$1 $2 $3 $4",["6"],"0$1"]],[,,,,,,,,,[-1]],,,[,,,,,,,,,[-1]],[,,"70(?:3[0146]|[56]0)\\d{4}",,,,"70341234",,,[8]],,,[,,,,,,,,,[-1]]],BB:[,[,,"(?:246|[58]\\d\\d|900)\\d{7}",,,,,,,[10],[7]],[,,"246(?:2(?:2[78]|7[0-4])|4(?:1[024-6]|2\\d|3[2-9])|5(?:20|[34]\\d|54|7[1-3])|6(?:2\\d|38)|7[35]7|9(?:1[89]|63))\\d{4}",,,,"2464123456",,,,[7]],[,,"246(?:2(?:[356]\\d|4[0-57-9]|8[0-79])|45\\d|69[5-7]|8(?:[2-5]\\d|83))\\d{4}",</w:t>
            </w:r>
          </w:p>
          <w:p w:rsidR="00156FB3" w:rsidRDefault="00156FB3" w:rsidP="00156FB3">
            <w:r>
              <w:t>,,,"2462501234",,,,[7]],[,,"8(?:00|33|44|55|66|77|88)[2-9]\\d{6}",,,,"8002123456"],[,,"(?:246976|900[2-9]\\d\\d)\\d{4}",,,,"9002123456",,,,[7]],[,,,,,,,,,[-1]],[,,"5(?:00|2[12]|33|44|66|77|88)[2-9]\\d{6}",,,,"5002345678"],[,,"24631\\d{5}",,,,"2463101234",,,,[7]],"BB",1,"011","1",,,"1|([2-9]\\d{6})$","246$1",,,,,[,,,,,,,,,[-1]],,"246",[,,,,,,,,,[-1]],[,,"246(?:292|367|4(?:1[7-9]|3[01]|44|67)|7(?:36|53))\\d{4}",,,,"2464301234",,,,[7]],,,[,,,,,,,,,[-1]]],BD:[,[,,"[13469]\\d{9}|8[0-79]\\d{7,8}|[2-7]\\d{8}|[2-9]\\d{7}|[3-689]\\d{6}|[57-9]\\d{5}",</w:t>
            </w:r>
          </w:p>
          <w:p w:rsidR="00156FB3" w:rsidRDefault="00156FB3" w:rsidP="00156FB3">
            <w:r>
              <w:t>,,,,,,[6,7,8,9,10]],[,,"(?:3(?:03[56]|224)|4(?:22[25]|653))\\d{3,4}|(?:4(?:31\\d\\d|[46]23)|5(?:222|32[37]))\\d{3}(?:\\d{2})?|(?:3(?:42[47]|529|823)|4(?:027|525|658)|(?:56|73)2|6257|9[35]1)\\d{3}|(?:3(?:02[348]|22[35]|324|422)|4(?:22[67]|32[236-9]|6(?:2[46]|5[57])|953)|5526|6(?:024|6655)|81)\\d{4,5}|(?:2(?:7(?:1[0-267]|2[0-289]|3[0-29]|4[01]|5[1-3]|6[013]|7[0178]|91)|8(?:0[125]|[13][1-6]|2[0157-9]|41|6[1-35]|7[1-5]|8[1-8]|9[0-6])|9(?:0[0-2]|1[0-4]|2[568]|3[3-6]|5[5-7]|6[01367]|7[15]|8[0146-9]))|3(?:0(?:2[025-79]|3[2-4])|22[12]|32[2356]|824)|4(?:02[09]|22[348]|32[045]|523|6(?:27|54))|666(?:22|53)|8(?:4[12]|[5-</w:t>
            </w:r>
            <w:r>
              <w:lastRenderedPageBreak/>
              <w:t>7]2)|9(?:[024]2|81))\\d{4}|(?:2[45]\\d\\d|3(?:1(?:2[5-7]|[5-7])|425|822)|4(?:033|1\\d|[257]1|332|4(?:2[246]|5[25])|6(?:25|56|62)|8(?:23|54)|92[2-5])|5(?:02[03489]|22[457]|32[569]|42[46]|6(?:[18]|53)|724|826)|6(?:023|2(?:2[2-5]|5[3-5]|8)|32[3478]|42[34]|52[47]|6(?:[18]|6(?:2[34]|5[24]))|[78]2[2-5]|92[2-6])|7(?:02|21\\d|[3-589]1|6[12]|72[24])|8(?:0|217|3[12]|[5-7]1)|9[24]1)\\d{5}|(?:(?:3[2-8]|5[2-57-9]|6[03-589])1|4[4689][18])\\d{5}|[59]1\\d{5}",</w:t>
            </w:r>
          </w:p>
          <w:p w:rsidR="00156FB3" w:rsidRDefault="00156FB3" w:rsidP="00156FB3">
            <w:r>
              <w:t>,,,"27111234"],[,,"(?:1[13-9]\\d|644)\\d{7}|(?:3[78]|44|66)[02-9]\\d{7}",,,,"1812345678",,,[10]],[,,"80[03]\\d{7}",,,,"8001234567",,,[10]],[,,,,,,,,,[-1]],[,,,,,,,,,[-1]],[,,,,,,,,,[-1]],[,,"96(?:0[469]|1[0-47]|3[389]|6[69]|7[78])\\d{6}",,,,"9604123456",,,[10]],"BD",880,"00","0",,,"0",,,,[[,"(\\d{2})(\\d{4,6})","$1-$2",["31[5-7]|[459]1"],"0$1"],[,"(\\d{3})(\\d{3,7})","$1-$2",["3(?:[67]|8[013-9])|4(?:6[168]|7|[89][18])|5(?:6[128]|9)|6(?:28|4[14]|5)|7[2-589]|8(?:0[014-9]|[12])|9[358]|(?:3[2-5]|4[235]|5[2-578]|6[0389]|76|8[3-7]|9[24])1|(?:44|66)[01346-9]"],</w:t>
            </w:r>
          </w:p>
          <w:p w:rsidR="00156FB3" w:rsidRDefault="00156FB3" w:rsidP="00156FB3">
            <w:r>
              <w:t>"0$1"],[,"(\\d{4})(\\d{3,6})","$1-$2",["[13-9]"],"0$1"],[,"(\\d)(\\d{7,8})","$1-$2",["2"],"0$1"]],,[,,,,,,,,,[-1]],,,[,,,,,,,,,[-1]],[,,,,,,,,,[-1]],,,[,,,,,,,,,[-1]]],BE:[,[,,"4\\d{8}|[1-9]\\d{7}",,,,,,,[8,9]],[,,"80[2-8]\\d{5}|(?:1[0-69]|[23][2-8]|4[23]|5\\d|6[013-57-9]|71|8[1-79]|9[2-4])\\d{6}",,,,"12345678",,,[8]],[,,"4(?:5[56]|6[0135-8]|[79]\\d|8[3-9])\\d{6}",,,,"470123456",,,[9]],[,,"800[1-9]\\d{4}",,,,"80012345",,,[8]],[,,"(?:70(?:2[0-57]|3[0457]|44|69|7[0579])|90(?:0[0-35-8]|1[36]|2[0-3568]|3[0135689]|4[2-68]|5[1-68]|6[0-378]|7[23568]|9[34679]))\\d{4}",</w:t>
            </w:r>
          </w:p>
          <w:p w:rsidR="00156FB3" w:rsidRDefault="00156FB3" w:rsidP="00156FB3">
            <w:r>
              <w:t>,,,"90012345",,,[8]],[,,"7879\\d{4}",,,,"78791234",,,[8]],[,,,,,,,,,[-1]],[,,,,,,,,,[-1]],"BE",32,"00","0",,,"0",,,,[[,"(\\d{3})(\\d{2})(\\d{3})","$1 $2 $3",["(?:80|9)0"],"0$1"],[,"(\\d)(\\d{3})(\\d{2})(\\d{2})","$1 $2 $3 $4",["[239]|4[23]"],"0$1"],[,"(\\d{2})(\\d{2})(\\d{2})(\\d{2})","$1 $2 $3 $4",["[15-8]"],"0$1"],[,"(\\d{3})(\\d{2})(\\d{2})(\\d{2})","$1 $2 $3 $4",["4"],"0$1"]],,[,,,,,,,,,[-1]],,,[,,,,,,,,,[-1]],[,,"78(?:0[57]|1[0458]|2[25]|3[5-8]|48|[56]0|7[078])\\d{4}",,,,"78102345",,,[8]],,,</w:t>
            </w:r>
          </w:p>
          <w:p w:rsidR="00156FB3" w:rsidRDefault="00156FB3" w:rsidP="00156FB3">
            <w:r>
              <w:t>[,,,,,,,,,[-1]]],BF:[,[,,"[25-7]\\d{7}",,,,,,,[8]],[,,"2(?:0(?:49|5[23]|6[56]|9[016-9])|4(?:4[569]|5[4-6]|6[56]|7[0179])|5(?:[34]\\d|50|6[5-7]))\\d{4}",,,,"20491234"],[,,"(?:5[124-8]|[67]\\d)\\d{6}",,,,"70123456"],[,,,,,,,,,[-1]],[,,,,,,,,,[-1]],[,,,,,,,,,[-1]],[,,,,,,,,,[-1]],[,,,,,,,,,[-1]],"BF",226,"00",,,,,,,,[[,"(\\d{2})(\\d{2})(\\d{2})(\\d{2})","$1 $2 $3 $4",["[25-7]"]]],,[,,,,,,,,,[-1]],,,[,,,,,,,,,[-1]],[,,,,,,,,,[-1]],,,[,,,,,,,,,[-1]]],BG:[,[,,"[2-7]\\d{6,7}|[89]\\d{6,8}|2\\d{5}",,,,,,,</w:t>
            </w:r>
          </w:p>
          <w:p w:rsidR="00156FB3" w:rsidRDefault="00156FB3" w:rsidP="00156FB3">
            <w:r>
              <w:t>[6,7,8,9],[4,5]],[,,"2\\d{5,7}|(?:43[1-6]|70[1-9])\\d{4,5}|(?:[36]\\d|4[124-7]|[57][1-9]|8[1-6]|9[1-7])\\d{5,6}",,,,"2123456",,,[6,7,8],[4,5]],[,,"43[07-9]\\d{5}|(?:48|8[7-9]\\d|9(?:8\\d|9[69]))\\d{6}",,,,"48123456",,,[8,9]],[,,"800\\d{5}",,,,"80012345",,,[8]],[,,"90\\d{6}",,,,"90123456",,,[8]],[,,,,,,,,,[-1]],[,,"700\\d{5}",,,,"70012345",,,[8]],[,,,,,,,,,[-1]],"BG",359,"00","0",,,"0",,,,[[,"(\\d{6})","$1",["1"]],[,"(\\d)(\\d)(\\d{2})(\\d{2})","$1 $2 $3 $4",["2"],"0$1"],[,"(\\d{3})(\\d{4})","$1 $2",</w:t>
            </w:r>
          </w:p>
          <w:p w:rsidR="00156FB3" w:rsidRDefault="00156FB3" w:rsidP="00156FB3">
            <w:r>
              <w:t>["43[1-6]|70[1-9]"],"0$1"],[,"(\\d)(\\d{3})(\\d{3,4})","$1 $2 $3",["2"],"0$1"],[,"(\\d{2})(\\d{3})(\\d{2,3})","$1 $2 $3",["[356]|4[124-7]|7[1-9]|8[1-6]|9[1-7]"],"0$1"],[,"(\\d{3})(\\d{2})(\\d{3})","$1 $2 $3",["(?:70|8)0"],"0$1"],[,"(\\d{3})(\\d{3})(\\d{2})","$1 $2 $3",["43[1-7]|7"],"0$1"],[,"(\\d{2})(\\d{3})(\\d{3,4})","$1 $2 $3",["[48]|9[08]"],"0$1"],[,"(\\d{3})(\\d{3})(\\d{3})","$1 $2 $3",["9"],"0$1"]],[[,"(\\d)(\\d)(\\d{2})(\\d{2})","$1 $2 $3 $4",["2"],"0$1"],[,"(\\d{3})(\\d{4})","$1 $2",["43[1-6]|70[1-9]"],</w:t>
            </w:r>
          </w:p>
          <w:p w:rsidR="00156FB3" w:rsidRDefault="00156FB3" w:rsidP="00156FB3">
            <w:r>
              <w:t xml:space="preserve">"0$1"],[,"(\\d)(\\d{3})(\\d{3,4})","$1 $2 $3",["2"],"0$1"],[,"(\\d{2})(\\d{3})(\\d{2,3})","$1 $2 $3",["[356]|4[124-7]|7[1-9]|8[1-6]|9[1-7]"],"0$1"],[,"(\\d{3})(\\d{2})(\\d{3})","$1 $2 $3",["(?:70|8)0"],"0$1"],[,"(\\d{3})(\\d{3})(\\d{2})","$1 $2 $3",["43[1-7]|7"],"0$1"],[,"(\\d{2})(\\d{3})(\\d{3,4})","$1 $2 </w:t>
            </w:r>
            <w:r>
              <w:lastRenderedPageBreak/>
              <w:t>$3",["[48]|9[08]"],"0$1"],[,"(\\d{3})(\\d{3})(\\d{3})","$1 $2 $3",["9"],"0$1"]],[,,,,,,,,,[-1]],,,[,,,,,,,,,[-1]],[,,,,,,,,,[-1]],,,[,,,,,,,,,[-1]]],BH:[,[,,"[136-9]\\d{7}",,,,,,,[8]],[,,"(?:1(?:3[1356]|6[0156]|7\\d)\\d|6(?:1[16]\\d|500|6(?:0\\d|3[12]|44|7[7-9])|9[69][69])|7(?:1(?:11|78)|7\\d\\d))\\d{4}",</w:t>
            </w:r>
          </w:p>
          <w:p w:rsidR="00156FB3" w:rsidRDefault="00156FB3" w:rsidP="00156FB3">
            <w:r>
              <w:t>,,,"17001234"],[,,"(?:3(?:[1-4679]\\d|5[013-69]|8[0-47-9])\\d|6(?:3(?:00|33|6[16])|6(?:3[03-9]|[69]\\d|7[0-6])))\\d{4}",,,,"36001234"],[,,"80\\d{6}",,,,"80123456"],[,,"(?:87|9[014578])\\d{6}",,,,"90123456"],[,,"84\\d{6}",,,,"84123456"],[,,,,,,,,,[-1]],[,,,,,,,,,[-1]],"BH",973,"00",,,,,,,,[[,"(\\d{4})(\\d{4})","$1 $2",["[13679]|8[047]"]]],,[,,,,,,,,,[-1]],,,[,,,,,,,,,[-1]],[,,,,,,,,,[-1]],,,[,,,,,,,,,[-1]]],BI:[,[,,"(?:[267]\\d|31)\\d{6}",,,,,,,[8]],[,,"22\\d{6}",,,,"22201234"],[,,"(?:29|31|6[189]|7[125-9])\\d{6}",</w:t>
            </w:r>
          </w:p>
          <w:p w:rsidR="00156FB3" w:rsidRDefault="00156FB3" w:rsidP="00156FB3">
            <w:r>
              <w:t>,,,"79561234"],[,,,,,,,,,[-1]],[,,,,,,,,,[-1]],[,,,,,,,,,[-1]],[,,,,,,,,,[-1]],[,,,,,,,,,[-1]],"BI",257,"00",,,,,,,,[[,"(\\d{2})(\\d{2})(\\d{2})(\\d{2})","$1 $2 $3 $4",["[2367]"]]],,[,,,,,,,,,[-1]],,,[,,,,,,,,,[-1]],[,,,,,,,,,[-1]],,,[,,,,,,,,,[-1]]],BJ:[,[,,"[2689]\\d{7}",,,,,,,[8]],[,,"2(?:02|1[037]|2[45]|3[68])\\d{5}",,,,"20211234"],[,,"(?:6\\d|9[03-9])\\d{6}",,,,"90011234"],[,,,,,,,,,[-1]],[,,,,,,,,,[-1]],[,,,,,,,,,[-1]],[,,,,,,,,,[-1]],[,,"857[58]\\d{4}",,,,"85751234"],"BJ",229,"00",,,,,,,,[[,</w:t>
            </w:r>
          </w:p>
          <w:p w:rsidR="00156FB3" w:rsidRDefault="00156FB3" w:rsidP="00156FB3">
            <w:r>
              <w:t>"(\\d{2})(\\d{2})(\\d{2})(\\d{2})","$1 $2 $3 $4",["[2689]"]]],,[,,,,,,,,,[-1]],,,[,,,,,,,,,[-1]],[,,"81\\d{6}",,,,"81123456"],,,[,,,,,,,,,[-1]]],BL:[,[,,"(?:590|69\\d)\\d{6}",,,,,,,[9]],[,,"590(?:2[7-9]|5[12]|87)\\d{4}",,,,"590271234"],[,,"69(?:0\\d\\d|1(?:2[29]|3[0-5]))\\d{4}",,,,"690001234"],[,,,,,,,,,[-1]],[,,,,,,,,,[-1]],[,,,,,,,,,[-1]],[,,,,,,,,,[-1]],[,,,,,,,,,[-1]],"BL",590,"00","0",,,"0",,,,,,[,,,,,,,,,[-1]],,,[,,,,,,,,,[-1]],[,,,,,,,,,[-1]],,,[,,,,,,,,,[-1]]],BM:[,[,,"(?:441|[58]\\d\\d|900)\\d{7}",</w:t>
            </w:r>
          </w:p>
          <w:p w:rsidR="00156FB3" w:rsidRDefault="00156FB3" w:rsidP="00156FB3">
            <w:r>
              <w:t>,,,,,,[10],[7]],[,,"441(?:2(?:02|23|[3479]\\d|61)|[46]\\d\\d|5(?:4\\d|60|89)|824)\\d{4}",,,,"4412345678",,,,[7]],[,,"441(?:[37]\\d|5[0-39])\\d{5}",,,,"4413701234",,,,[7]],[,,"8(?:00|33|44|55|66|77|88)[2-9]\\d{6}",,,,"8002123456"],[,,"900[2-9]\\d{6}",,,,"9002123456"],[,,,,,,,,,[-1]],[,,"5(?:00|2[12]|33|44|66|77|88)[2-9]\\d{6}",,,,"5002345678"],[,,,,,,,,,[-1]],"BM",1,"011","1",,,"1|([2-8]\\d{6})$","441$1",,,,,[,,,,,,,,,[-1]],,"441",[,,,,,,,,,[-1]],[,,,,,,,,,[-1]],,,[,,,,,,,,,[-1]]],BN:[,[,,"[2-578]\\d{6}",</w:t>
            </w:r>
          </w:p>
          <w:p w:rsidR="00156FB3" w:rsidRDefault="00156FB3" w:rsidP="00156FB3">
            <w:r>
              <w:t>,,,,,,[7]],[,,"22[0-7]\\d{4}|(?:2[013-9]|[3-5]\\d)\\d{5}",,,,"2345678"],[,,"(?:22[89]|[78]\\d\\d)\\d{4}",,,,"7123456"],[,,,,,,,,,[-1]],[,,,,,,,,,[-1]],[,,,,,,,,,[-1]],[,,,,,,,,,[-1]],[,,,,,,,,,[-1]],"BN",673,"00",,,,,,,,[[,"(\\d{3})(\\d{4})","$1 $2",["[2-578]"]]],,[,,,,,,,,,[-1]],,,[,,,,,,,,,[-1]],[,,,,,,,,,[-1]],,,[,,,,,,,,,[-1]]],BO:[,[,,"(?:[2-467]\\d{3}|80017)\\d{4}",,,,,,,[8,9],[7]],[,,"(?:2(?:2\\d\\d|5(?:11|[258]\\d|9[67])|6(?:12|2\\d|9[34])|8(?:2[34]|39|62))|3(?:3\\d\\d|4(?:6\\d|8[24])|8(?:25|42|5[257]|86|9[25])|9(?:[27]\\d|3[2-4]|4[248]|5[24]|6[2-6]))|4(?:4\\d\\d|6(?:11|[24689]\\d|72)))\\d{4}",</w:t>
            </w:r>
          </w:p>
          <w:p w:rsidR="00156FB3" w:rsidRDefault="00156FB3" w:rsidP="00156FB3">
            <w:r>
              <w:t>,,,"22123456",,,[8],[7]],[,,"[67]\\d{7}",,,,"71234567",,,[8]],[,,"80017\\d{4}",,,,"800171234",,,[9]],[,,,,,,,,,[-1]],[,,,,,,,,,[-1]],[,,,,,,,,,[-1]],[,,,,,,,,,[-1]],"BO",591,"00(?:1\\d)?","0",,,"0(1\\d)?",,,,[[,"(\\d)(\\d{7})","$1 $2",["[23]|4[46]"],,"0$CC $1"],[,"(\\d{8})","$1",["[67]"],,"0$CC $1"],[,"(\\d{3})(\\d{2})(\\d{4})","$1 $2 $3",["8"],,"0$CC $1"]],,[,,,,,,,,,[-1]],,,[,,,,,,,,,[-1]],[,,,,,,,,,[-1]],,,[,,,,,,,,,[-1]]],BQ:[,[,,"(?:[34]1|7\\d)\\d{5}",,,,,,,[7]],[,,"(?:318[023]|41(?:6[023]|70)|7(?:1[578]|50)\\d)\\d{3}",</w:t>
            </w:r>
          </w:p>
          <w:p w:rsidR="00156FB3" w:rsidRDefault="00156FB3" w:rsidP="00156FB3">
            <w:r>
              <w:t>,,,"7151234"],[,,"(?:31(?:8[14-8]|9[14578])|416[14-9]|7(?:0[01]|7[07]|8\\d|9[056])\\d)\\d{3}",,,,"3181234"],[,,,,,,,,,[-1]],[,,,,,,,,,[-1]],[,,,,,,,,,[-1]],[,,,,,,,,,[-1]],[,,,,,,,,,[-1]],"BQ",599,"00",,,,,,,,,,[,,,,,,,,,[-1]],,"[347]",[,,,,,,,,,[-1]],[,,,,,,,,,[-1]],,,[,,,,,,,,,[-1]]],BR:[,[,,"(?:[1-46-9]\\d\\d|5(?:[0-46-9]\\d|5[0-24679]))\\d{8}|[1-9]\\d{9}|[3589]\\d{8}|[34]\\d{7}",,,,,,,[8,9,10,11]],[,,"(?:[14689][1-9]|2[12478]|3[1-578]|5[13-5]|7[13-579])[2-5]\\d{7}",,,,"1123456789",,,[10],[8]],</w:t>
            </w:r>
          </w:p>
          <w:p w:rsidR="00156FB3" w:rsidRDefault="00156FB3" w:rsidP="00156FB3">
            <w:r>
              <w:t>[,,"(?:[189][1-9]|2[12478])(?:7|9\\d)\\d{7}|(?:3[1-578]|[46][1-9]|5[13-5]|7[13-579])(?:[6-8]\\d{7}|9\\d{7,8})",,,,"11961234567",,,[10,11],[8,9]],[,,"800\\d{6,7}",,,,"800123456",,,[9,10]],[,,"300\\d{</w:t>
            </w:r>
            <w:r>
              <w:lastRenderedPageBreak/>
              <w:t>6}|[59]00\\d{6,7}",,,,"300123456",,,[9,10]],[,,"300\\d{7}|[34]00\\d{5}|4(?:02|37)0\\d{4}",,,,"40041234",,,[8,10]],[,,,,,,,,,[-1]],[,,,,,,,,,[-1]],"BR",55,"00(?:1[245]|2[1-35]|31|4[13]|[56]5|99)","0",,,"0(?:(1[245]|2[1-35]|31|4[13]|[56]5|99)(\\d{10,11}))?","$2",,,[[,"(\\d{3,5})","$1",["1(?:1[25-8]|2[357-9]|3[02-68]|4[12568]|5|6[0-8]|8[015]|9[0-47-9])"]],</w:t>
            </w:r>
          </w:p>
          <w:p w:rsidR="00156FB3" w:rsidRDefault="00156FB3" w:rsidP="00156FB3">
            <w:r>
              <w:t>[,"(\\d{4})(\\d{4})","$1-$2",["300|4(?:0[02]|37)","4(?:02|37)0|[34]00"]],[,"(\\d{4})(\\d{4})","$1-$2",["[2-9]","[235-9]|4(?:[0-24-9]|3(?:[0-689]|7[1-9]))"]],[,"(\\d{3})(\\d{2,3})(\\d{4})","$1 $2 $3",["(?:[358]|90)0"],"0$1"],[,"(\\d{5})(\\d{4})","$1-$2",["9"]],[,"(\\d{2})(\\d{4})(\\d{4})","$1 $2-$3",["(?:[189][1-9]|2[12478])[2-57]|[3-7]"],"($1)","0 $CC ($1)"],[,"(\\d{2})(\\d{5})(\\d{4})","$1 $2-$3",["1[1-9]|[2-9]"],"($1)","0 $CC ($1)"]],[[,"(\\d{4})(\\d{4})","$1-$2",["300|4(?:0[02]|37)","4(?:02|37)0|[34]00"]],</w:t>
            </w:r>
          </w:p>
          <w:p w:rsidR="00156FB3" w:rsidRDefault="00156FB3" w:rsidP="00156FB3">
            <w:r>
              <w:t>[,"(\\d{3})(\\d{2,3})(\\d{4})","$1 $2 $3",["(?:[358]|90)0"],"0$1"],[,"(\\d{2})(\\d{4})(\\d{4})","$1 $2-$3",["(?:[189][1-9]|2[12478])[2-57]|[3-7]"],"($1)","0 $CC ($1)"],[,"(\\d{2})(\\d{5})(\\d{4})","$1 $2-$3",["1[1-9]|[2-9]"],"($1)","0 $CC ($1)"]],[,,,,,,,,,[-1]],,,[,,"4020\\d{4}|[34]00\\d{5}",,,,,,,[8]],[,,,,,,,,,[-1]],,,[,,,,,,,,,[-1]]],BS:[,[,,"(?:242|[58]\\d\\d|900)\\d{7}",,,,,,,[10],[7]],[,,"242(?:3(?:02|[236][1-9]|4[0-24-9]|5[0-68]|7[347]|8[0-4]|9[2-467])|461|502|6(?:0[1-4]|12|2[013]|[45]0|7[67]|8[78]|9[89])|7(?:02|88))\\d{4}",</w:t>
            </w:r>
          </w:p>
          <w:p w:rsidR="00156FB3" w:rsidRDefault="00156FB3" w:rsidP="00156FB3">
            <w:r>
              <w:t>,,,"2423456789",,,,[7]],[,,"242(?:3(?:5[79]|7[56]|95)|4(?:[23][1-9]|4[1-35-9]|5[1-8]|6[2-8]|7\\d|81)|5(?:2[45]|3[35]|44|5[1-46-9]|65|77)|6[34]6|7(?:27|38)|8(?:0[1-9]|1[02-9]|2\\d|[89]9))\\d{4}",,,,"2423591234",,,,[7]],[,,"242300\\d{4}|8(?:00|33|44|55|66|77|88)[2-9]\\d{6}",,,,"8002123456",,,,[7]],[,,"900[2-9]\\d{6}",,,,"9002123456"],[,,,,,,,,,[-1]],[,,"5(?:00|2[12]|33|44|66|77|88)[2-9]\\d{6}",,,,"5002345678"],[,,,,,,,,,[-1]],"BS",1,"011","1",,,"1|([3-8]\\d{6})$","242$1",,,,,[,,,,,,,,,[-1]],,"242",</w:t>
            </w:r>
          </w:p>
          <w:p w:rsidR="00156FB3" w:rsidRDefault="00156FB3" w:rsidP="00156FB3">
            <w:r>
              <w:t>[,,,,,,,,,[-1]],[,,"242225[0-46-9]\\d{3}",,,,"2422250123"],,,[,,,,,,,,,[-1]]],BT:[,[,,"[17]\\d{7}|[2-8]\\d{6}",,,,,,,[7,8],[6]],[,,"(?:2[3-6]|[34][5-7]|5[236]|6[2-46]|7[246]|8[2-4])\\d{5}",,,,"2345678",,,[7],[6]],[,,"(?:1[67]|77)\\d{6}",,,,"17123456",,,[8]],[,,,,,,,,,[-1]],[,,,,,,,,,[-1]],[,,,,,,,,,[-1]],[,,,,,,,,,[-1]],[,,,,,,,,,[-1]],"BT",975,"00",,,,,,,,[[,"(\\d{3})(\\d{3})","$1 $2",["[2-7]"]],[,"(\\d)(\\d{3})(\\d{3})","$1 $2 $3",["[2-68]|7[246]"]],[,"(\\d{2})(\\d{2})(\\d{2})(\\d{2})","$1 $2 $3 $4",</w:t>
            </w:r>
          </w:p>
          <w:p w:rsidR="00156FB3" w:rsidRDefault="00156FB3" w:rsidP="00156FB3">
            <w:r>
              <w:t>["1[67]|7"]]],[[,"(\\d)(\\d{3})(\\d{3})","$1 $2 $3",["[2-68]|7[246]"]],[,"(\\d{2})(\\d{2})(\\d{2})(\\d{2})","$1 $2 $3 $4",["1[67]|7"]]],[,,,,,,,,,[-1]],,,[,,,,,,,,,[-1]],[,,,,,,,,,[-1]],,,[,,,,,,,,,[-1]]],BW:[,[,,"90\\d{5}|(?:[2-6]|7\\d)\\d{6}",,,,,,,[7,8]],[,,"(?:2(?:4[0-48]|6[0-24]|9[0578])|3(?:1[0-35-9]|55|[69]\\d|7[01])|4(?:6[03]|7[1267]|9[0-5])|5(?:3[0389]|4[0489]|7[1-47]|88|9[0-49])|6(?:2[1-35]|5[149]|8[067]))\\d{4}",,,,"2401234",,,[7]],[,,"77200\\d{3}|7(?:[1-6]\\d|7[014-8])\\d{5}",,,,"71123456",</w:t>
            </w:r>
          </w:p>
          <w:p w:rsidR="00156FB3" w:rsidRDefault="00156FB3" w:rsidP="00156FB3">
            <w:r>
              <w:t>,,[8]],[,,,,,,,,,[-1]],[,,"90\\d{5}",,,,"9012345",,,[7]],[,,,,,,,,,[-1]],[,,,,,,,,,[-1]],[,,"79(?:1(?:[01]\\d|20)|2[0-2]\\d)\\d{3}",,,,"79101234",,,[8]],"BW",267,"00",,,,,,,,[[,"(\\d{2})(\\d{5})","$1 $2",["90"]],[,"(\\d{3})(\\d{4})","$1 $2",["[2-6]"]],[,"(\\d{2})(\\d{3})(\\d{3})","$1 $2 $3",["7"]]],,[,,,,,,,,,[-1]],,,[,,,,,,,,,[-1]],[,,,,,,,,,[-1]],,,[,,,,,,,,,[-1]]],BY:[,[,,"(?:[12]\\d|33|44|902)\\d{7}|8(?:0[0-79]\\d{5,7}|[1-7]\\d{9})|8(?:1[0-489]|[5-79]\\d)\\d{7}|8[1-79]\\d{6,7}|8[0-79]\\d{5}|8\\d{5}",</w:t>
            </w:r>
          </w:p>
          <w:p w:rsidR="00156FB3" w:rsidRDefault="00156FB3" w:rsidP="00156FB3">
            <w:r>
              <w:t>,,,,,,[6,7,8,9,10,11],[5]],[,,"(?:1(?:5(?:1[1-5]|[24]\\d|6[2-4]|9[1-7])|6(?:[235]\\d|4[1-7])|7\\d\\d)|2(?:1(?:[246]\\d|3[0-35-9]|5[1-9])|2(?:[235]\\d|4[0-8])|3(?:[26]\\d|3[02-79]|4[024-7]|5[03-7])))\\d{5}",,,,"152450911",,,[9],[5,6,7]],[,,"(?:2(?:5[5-79]|9[1-9])|(?:33|44)\\d)\\d{6}",,,,"294911911",,,[9]],[,,"800\\d{3,7}|8(?:0[13]|20\\d)\\d{7}",,,,"8011234567"],[,,"(?:810|902)\\d{7}",,,,"9021234567",,,[10]],[,,,,,,,,,[-1]],[,,,,,,,,,[-1]],[,,"249\\d{6}",,,,"249123456",,,[9]],"BY",375,"810","8",,,"0|80?",</w:t>
            </w:r>
          </w:p>
          <w:p w:rsidR="00156FB3" w:rsidRDefault="00156FB3" w:rsidP="00156FB3">
            <w:r>
              <w:t xml:space="preserve">,"8~10",,[[,"(\\d{3})(\\d{3})","$1 $2",["800"],"8 $1"],[,"(\\d{3})(\\d{2})(\\d{2,4})","$1 $2 $3",["800"],"8 $1"],[,"(\\d{4})(\\d{2})(\\d{3})","$1 $2-$3",["1(?:5[169]|6[3-5]|7[179])|2(?:1[35]|2[34]|3[3-5])","1(?:5[169]|6(?:3[1-3]|4|5[125])|7(?:1[3-9]|7[0-24-6]|9[2-7]))|2(?:1[35]|2[34]|3[3-5])"],"8 </w:t>
            </w:r>
            <w:r>
              <w:lastRenderedPageBreak/>
              <w:t>0$1"],[,"(\\d{3})(\\d{2})(\\d{2})(\\d{2})","$1 $2-$3-$4",["1(?:[56]|7[467])|2[1-3]"],"8 0$1"],[,"(\\d{2})(\\d{3})(\\d{2})(\\d{2})","$1 $2-$3-$4",["[1-4]"],"8 0$1"],[,"(\\d{3})(\\d{3,4})(\\d{4})","$1 $2 $3",</w:t>
            </w:r>
          </w:p>
          <w:p w:rsidR="00156FB3" w:rsidRDefault="00156FB3" w:rsidP="00156FB3">
            <w:r>
              <w:t>["[89]"],"8 $1"]],,[,,,,,,,,,[-1]],,,[,,"800\\d{3,7}|(?:8(?:0[13]|10|20\\d)|902)\\d{7}"],[,,,,,,,,,[-1]],,,[,,,,,,,,,[-1]]],BZ:[,[,,"(?:0800\\d|[2-8])\\d{6}",,,,,,,[7,11]],[,,"(?:236|732)\\d{4}|[2-578][02]\\d{5}",,,,"2221234",,,[7]],[,,"6[0-35-7]\\d{5}",,,,"6221234",,,[7]],[,,"0800\\d{7}",,,,"08001234123",,,[11]],[,,,,,,,,,[-1]],[,,,,,,,,,[-1]],[,,,,,,,,,[-1]],[,,,,,,,,,[-1]],"BZ",501,"00",,,,,,,,[[,"(\\d{3})(\\d{4})","$1-$2",["[2-8]"]],[,"(\\d)(\\d{3})(\\d{4})(\\d{3})","$1-$2-$3-$4",["0"]]],,[,,</w:t>
            </w:r>
          </w:p>
          <w:p w:rsidR="00156FB3" w:rsidRDefault="00156FB3" w:rsidP="00156FB3">
            <w:r>
              <w:t>,,,,,,,[-1]],,,[,,,,,,,,,[-1]],[,,,,,,,,,[-1]],,,[,,,,,,,,,[-1]]],CA:[,[,,"(?:[2-8]\\d|90)\\d{8}",,,,,,,[10],[7]],[,,"(?:2(?:04|[23]6|[48]9|50)|3(?:06|43|65)|4(?:03|1[68]|3[178]|50)|5(?:06|1[49]|48|79|8[17])|6(?:04|13|39|47)|7(?:0[59]|78|8[02])|8(?:[06]7|19|25|73)|90[25])[2-9]\\d{6}",,,,"5062345678",,,,[7]],[,,"(?:2(?:04|[23]6|[48]9|50)|3(?:06|43|65)|4(?:03|1[68]|3[178]|50)|5(?:06|1[49]|48|79|8[17])|6(?:04|13|39|47)|7(?:0[59]|78|8[02])|8(?:[06]7|19|25|73)|90[25])[2-9]\\d{6}",,,,"5062345678",,,,[7]],</w:t>
            </w:r>
          </w:p>
          <w:p w:rsidR="00156FB3" w:rsidRDefault="00156FB3" w:rsidP="00156FB3">
            <w:r>
              <w:t>[,,"8(?:00|33|44|55|66|77|88)[2-9]\\d{6}",,,,"8002123456"],[,,"900[2-9]\\d{6}",,,,"9002123456"],[,,,,,,,,,[-1]],[,,"(?:5(?:00|2[12]|33|44|66|77|88)|622)[2-9]\\d{6}",,,,"5002345678"],[,,"600[2-9]\\d{6}",,,,"6002012345"],"CA",1,"011","1",,,"1",,,1,,,[,,,,,,,,,[-1]],,,[,,,,,,,,,[-1]],[,,,,,,,,,[-1]],,,[,,,,,,,,,[-1]]],CC:[,[,,"1\\d{5,9}|(?:[48]\\d\\d|550)\\d{6}",,,,,,,[6,7,8,9,10]],[,,"8(?:51(?:0(?:02|31|60)|118)|91(?:0(?:1[0-2]|29)|1(?:[28]2|50|79)|2(?:10|64)|3(?:[06]8|22)|4[29]8|62\\d|70[23]|959))\\d{3}",</w:t>
            </w:r>
          </w:p>
          <w:p w:rsidR="00156FB3" w:rsidRDefault="00156FB3" w:rsidP="00156FB3">
            <w:r>
              <w:t>,,,"891621234",,,[9],[8]],[,,"4(?:[0-3]\\d|4[047-9]|5[0-25-9]|6[6-9]|7[02-9]|8[0-2457-9]|9[017-9])\\d{6}",,,,"412345678",,,[9]],[,,"180(?:0\\d{3}|2)\\d{3}",,,,"1800123456",,,[7,10]],[,,"190[0-26]\\d{6}",,,,"1900123456",,,[10]],[,,"13(?:00\\d{3}|45[0-4])\\d{3}|13\\d{4}",,,,"1300123456",,,[6,8,10]],[,,,,,,,,,[-1]],[,,"1471\\d{5}|(?:145|550)\\d{6}",,,,"550123456",,,[9]],"CC",61,"001[14-689]|14(?:1[14]|34|4[17]|[56]6|7[47]|88)0011","0",,,"0|([59]\\d{7})$","8$1","0011",,,,[,,,,,,,,,[-1]],,,[,,,,,,,,,[-1]],</w:t>
            </w:r>
          </w:p>
          <w:p w:rsidR="00156FB3" w:rsidRDefault="00156FB3" w:rsidP="00156FB3">
            <w:r>
              <w:t>[,,,,,,,,,[-1]],,,[,,,,,,,,,[-1]]],CD:[,[,,"[189]\\d{8}|[1-68]\\d{6}",,,,,,,[7,9]],[,,"12\\d{7}|[1-6]\\d{6}",,,,"1234567"],[,,"88\\d{5}|(?:8[0-2459]|9[017-9])\\d{7}",,,,"991234567"],[,,,,,,,,,[-1]],[,,,,,,,,,[-1]],[,,,,,,,,,[-1]],[,,,,,,,,,[-1]],[,,,,,,,,,[-1]],"CD",243,"00","0",,,"0",,,,[[,"(\\d{2})(\\d{2})(\\d{3})","$1 $2 $3",["88"],"0$1"],[,"(\\d{2})(\\d{5})","$1 $2",["[1-6]"],"0$1"],[,"(\\d{2})(\\d{3})(\\d{4})","$1 $2 $3",["1"],"0$1"],[,"(\\d{3})(\\d{3})(\\d{3})","$1 $2 $3",["[89]"],"0$1"]],,</w:t>
            </w:r>
          </w:p>
          <w:p w:rsidR="00156FB3" w:rsidRDefault="00156FB3" w:rsidP="00156FB3">
            <w:r>
              <w:t>[,,,,,,,,,[-1]],,,[,,,,,,,,,[-1]],[,,,,,,,,,[-1]],,,[,,,,,,,,,[-1]]],CF:[,[,,"(?:[27]\\d{3}|8776)\\d{4}",,,,,,,[8]],[,,"2[12]\\d{6}",,,,"21612345"],[,,"7[0257]\\d{6}",,,,"70012345"],[,,,,,,,,,[-1]],[,,"8776\\d{4}",,,,"87761234"],[,,,,,,,,,[-1]],[,,,,,,,,,[-1]],[,,,,,,,,,[-1]],"CF",236,"00",,,,,,,,[[,"(\\d{2})(\\d{2})(\\d{2})(\\d{2})","$1 $2 $3 $4",["[278]"]]],,[,,,,,,,,,[-1]],,,[,,,,,,,,,[-1]],[,,,,,,,,,[-1]],,,[,,,,,,,,,[-1]]],CG:[,[,,"222\\d{6}|(?:0\\d|80)\\d{7}",,,,,,,[9]],[,,"222[1-589]\\d{5}",</w:t>
            </w:r>
          </w:p>
          <w:p w:rsidR="00156FB3" w:rsidRDefault="00156FB3" w:rsidP="00156FB3">
            <w:r>
              <w:t>,,,"222123456"],[,,"0[14-6]\\d{7}",,,,"061234567"],[,,,,,,,,,[-1]],[,,"80(?:0\\d\\d|11[0-4])\\d{4}",,,,"800123456"],[,,,,,,,,,[-1]],[,,,,,,,,,[-1]],[,,,,,,,,,[-1]],"CG",242,"00",,,,,,,,[[,"(\\d{3})(\\d{2})(\\d{2})(\\d{2})","$1 $2 $3 $4",["801"]],[,"(\\d)(\\d{4})(\\d{4})","$1 $2 $3",["8"]],[,"(\\d{2})(\\d{3})(\\d{4})","$1 $2 $3",["[02]"]]],,[,,,,,,,,,[-1]],,,[,,,,,,,,,[-1]],[,,,,,,,,,[-1]],,,[,,,,,,,,,[-1]]],CH:[,[,,"8\\d{11}|[2-9]\\d{8}",,,,,,,[9,12]],[,,"(?:2[12467]|3[1-4]|4[134]|5[256]|6[12]|[7-9]1)\\d{7}",</w:t>
            </w:r>
          </w:p>
          <w:p w:rsidR="00156FB3" w:rsidRDefault="00156FB3" w:rsidP="00156FB3">
            <w:r>
              <w:t xml:space="preserve">,,,"212345678",,,[9]],[,,"7[35-9]\\d{7}",,,,"781234567",,,[9]],[,,"800\\d{6}",,,,"800123456",,,[9]],[,,"90[016]\\d{6}",,,,"900123456",,,[9]],[,,"84[0248]\\d{6}",,,,"840123456",,,[9]],[,,"878\\d{6}",,,,"878123456",,,[9]],[,,,,,,,,,[-1]],"CH",41,"00","0",,,"0",,,,[[,"(\\d{3})(\\d{3})(\\d{3})","$1 $2 </w:t>
            </w:r>
            <w:r>
              <w:lastRenderedPageBreak/>
              <w:t>$3",["8[047]|90"],"0$1"],[,"(\\d{2})(\\d{3})(\\d{2})(\\d{2})","$1 $2 $3 $4",["[2-79]|81"],"0$1"],[,"(\\d{3})(\\d{2})(\\d{3})(\\d{2})(\\d{2})","$1 $2 $3 $4 $5",["8"],"0$1"]],,[,,"74[0248]\\d{6}",,,,"740123456",</w:t>
            </w:r>
          </w:p>
          <w:p w:rsidR="00156FB3" w:rsidRDefault="00156FB3" w:rsidP="00156FB3">
            <w:r>
              <w:t>,,[9]],,,[,,,,,,,,,[-1]],[,,"5[18]\\d{7}",,,,"581234567",,,[9]],,,[,,"860\\d{9}",,,,"860123456789",,,[12]]],CI:[,[,,"[02-8]\\d{7}",,,,,,,[8]],[,,"(?:2(?:0[023]|1[02357]|[23][045]|4[03-5])|3(?:0[06]|1[069]|[2-4][07]|5[09]|6[08]))\\d{5}",,,,"21234567"],[,,"(?:[07][1-9]|[45]\\d|6[014-9]|8[4-9])\\d{6}",,,,"01234567"],[,,,,,,,,,[-1]],[,,,,,,,,,[-1]],[,,,,,,,,,[-1]],[,,,,,,,,,[-1]],[,,,,,,,,,[-1]],"CI",225,"00",,,,,,,,[[,"(\\d{2})(\\d{2})(\\d{2})(\\d{2})","$1 $2 $3 $4",["[02-8]"]]],,[,,,,,,,,,[-1]],,,[,</w:t>
            </w:r>
          </w:p>
          <w:p w:rsidR="00156FB3" w:rsidRDefault="00156FB3" w:rsidP="00156FB3">
            <w:r>
              <w:t>,,,,,,,,[-1]],[,,,,,,,,,[-1]],,,[,,,,,,,,,[-1]]],CK:[,[,,"[2-8]\\d{4}",,,,,,,[5]],[,,"(?:2\\d|3[13-7]|4[1-5])\\d{3}",,,,"21234"],[,,"[5-8]\\d{4}",,,,"71234"],[,,,,,,,,,[-1]],[,,,,,,,,,[-1]],[,,,,,,,,,[-1]],[,,,,,,,,,[-1]],[,,,,,,,,,[-1]],"CK",682,"00",,,,,,,,[[,"(\\d{2})(\\d{3})","$1 $2",["[2-8]"]]],,[,,,,,,,,,[-1]],,,[,,,,,,,,,[-1]],[,,,,,,,,,[-1]],,,[,,,,,,,,,[-1]]],CL:[,[,,"1230\\d{7}|6\\d{9,10}|[2-9]\\d{8}",,,,,,,[9,10,11]],[,,"21962\\d{4}|(?:232[0-46-8]|80[1-9]\\d)\\d{5}|(?:22|3[2-5]|[47][1-35]|5[1-3578]|6[13-57]|8[1-9]|9[2-9])\\d{7}",</w:t>
            </w:r>
          </w:p>
          <w:p w:rsidR="00156FB3" w:rsidRDefault="00156FB3" w:rsidP="00156FB3">
            <w:r>
              <w:t>,,,"221234567",,,[9]],[,,"21962\\d{4}|(?:232[0-46-8]|80[1-9]\\d)\\d{5}|(?:22|3[2-5]|[47][1-35]|5[1-3578]|6[13-57]|8[1-9]|9[2-9])\\d{7}",,,,"221234567",,,[9]],[,,"(?:1230\\d|800)\\d{6}",,,,"800123456",,,[9,11]],[,,,,,,,,,[-1]],[,,"600\\d{7,8}",,,,"6001234567",,,[10,11]],[,,,,,,,,,[-1]],[,,"44\\d{7}",,,,"441234567",,,[9]],"CL",56,"(?:0|1(?:1[0-69]|2[0-57]|5[13-58]|69|7[0167]|8[018]))0",,,,,,,1,[[,"(\\d{4})","$1",["1(?:[03-589]|21)|[29]0|78"]],[,"(\\d{5})(\\d{4})","$1 $2",["21"],"($1)"],[,"(\\d{2})(\\d{3})(\\d{4})",</w:t>
            </w:r>
          </w:p>
          <w:p w:rsidR="00156FB3" w:rsidRDefault="00156FB3" w:rsidP="00156FB3">
            <w:r>
              <w:t>"$1 $2 $3",["44"]],[,"(\\d)(\\d{4})(\\d{4})","$1 $2 $3",["2[23]"],"($1)"],[,"(\\d)(\\d{4})(\\d{4})","$1 $2 $3",["9[2-9]"]],[,"(\\d{2})(\\d{3})(\\d{4})","$1 $2 $3",["3[2-5]|[47]|5[1-3578]|6[13-57]|8(?:0[1-9]|[1-9])"],"($1)"],[,"(\\d{3})(\\d{3})(\\d{3,4})","$1 $2 $3",["60|8"]],[,"(\\d{4})(\\d{3})(\\d{4})","$1 $2 $3",["1"]],[,"(\\d{3})(\\d{3})(\\d{2})(\\d{3})","$1 $2 $3 $4",["60"]]],[[,"(\\d{5})(\\d{4})","$1 $2",["21"],"($1)"],[,"(\\d{2})(\\d{3})(\\d{4})","$1 $2 $3",["44"]],[,"(\\d)(\\d{4})(\\d{4})",</w:t>
            </w:r>
          </w:p>
          <w:p w:rsidR="00156FB3" w:rsidRDefault="00156FB3" w:rsidP="00156FB3">
            <w:r>
              <w:t>"$1 $2 $3",["2[23]"],"($1)"],[,"(\\d)(\\d{4})(\\d{4})","$1 $2 $3",["9[2-9]"]],[,"(\\d{2})(\\d{3})(\\d{4})","$1 $2 $3",["3[2-5]|[47]|5[1-3578]|6[13-57]|8(?:0[1-9]|[1-9])"],"($1)"],[,"(\\d{3})(\\d{3})(\\d{3,4})","$1 $2 $3",["60|8"]],[,"(\\d{4})(\\d{3})(\\d{4})","$1 $2 $3",["1"]],[,"(\\d{3})(\\d{3})(\\d{2})(\\d{3})","$1 $2 $3 $4",["60"]]],[,,,,,,,,,[-1]],,,[,,"600\\d{7,8}",,,,,,,[10,11]],[,,,,,,,,,[-1]],,,[,,,,,,,,,[-1]]],CM:[,[,,"(?:[26]\\d\\d|88)\\d{6}",,,,,,,[8,9]],[,,"2(?:22|33|4[23])\\d{6}",,,,</w:t>
            </w:r>
          </w:p>
          <w:p w:rsidR="00156FB3" w:rsidRDefault="00156FB3" w:rsidP="00156FB3">
            <w:r>
              <w:t>"222123456",,,[9]],[,,"6[5-9]\\d{7}",,,,"671234567",,,[9]],[,,"88\\d{6}",,,,"88012345",,,[8]],[,,,,,,,,,[-1]],[,,,,,,,,,[-1]],[,,,,,,,,,[-1]],[,,,,,,,,,[-1]],"CM",237,"00",,,,,,,,[[,"(\\d{2})(\\d{2})(\\d{2})(\\d{2})","$1 $2 $3 $4",["88"]],[,"(\\d)(\\d{2})(\\d{2})(\\d{2})(\\d{2})","$1 $2 $3 $4 $5",["[26]"]]],,[,,,,,,,,,[-1]],,,[,,,,,,,,,[-1]],[,,,,,,,,,[-1]],,,[,,,,,,,,,[-1]]],CN:[,[,,"1[1279]\\d{8,9}|2\\d{9}(?:\\d{2})?|[12]\\d{6,7}|86\\d{6}|(?:1[03-68]\\d|6)\\d{7,9}|(?:[3-579]\\d|8[0-57-9])\\d{6,9}",</w:t>
            </w:r>
          </w:p>
          <w:p w:rsidR="00156FB3" w:rsidRDefault="00156FB3" w:rsidP="00156FB3">
            <w:r>
              <w:t>,,,,,,[7,8,9,10,11,12],[5,6]],[,,"(?:10(?:[02-79]\\d\\d|[18](?:0[1-9]|[1-9]\\d))|21(?:[18](?:0[1-9]|[1-9]\\d)|[2-79]\\d\\d))\\d{5}|(?:43[35]|754|851)\\d{7,8}|(?:10|(?:2|85)1|43[35]|754)(?:100\\d\\d|95\\d{3,4})|(?:2[02-57-9]|3(?:11|7[179])|4(?:[15]1|3[12])|5(?:1\\d|2[37]|3[12]|51|7[13-79]|9[15])|7(?:[39]1|5[57]|6[09])|8(?:71|98))(?:[02-8]\\d{7}|1(?:0(?:0\\d\\d(?:\\d{3})?|[1-9]\\d{5})|[1-9]\\d{6})|9(?:[0-46-9]\\d{6}|5\\d{3}(?:\\d(?:\\d{2})?)?))|(?:3(?:1[02-9]|35|49|5\\d|7[02-68]|9[1-68])|4(?:1[02-9]|2[179]|3[46-9]|5[2-9]|6[47-9]|7\\d|8[23])|5(?:3[03-9]|4[36]|5[02-9]|6[1-46]|7[028]|80|9[2-46-9])|6(?:3[1-5]|6[0238]|9[12])|7(?:01|[17]\\d|2[248]|3[04-9]|4[3-6]|5[0-3689]|6[2368]|9[02-9])|8(?:078|1[236-8]|2[5-7]|3\\d|5[2-9]|7[02-9]|8[36-8]|9[1-7])|9(?:0[1-3689]|1[1-79]|[379]\\d|4[13]|5[1-5]))(?:[02-8]\\d{6}|1(?:0(?:0\\d\\d(?:\\d{2})?|[1-9]\\d{4})|[1-9]\\d{5})|9(?:[0-46-9]\\d{5}|5\\d{3,5}))",</w:t>
            </w:r>
          </w:p>
          <w:p w:rsidR="00156FB3" w:rsidRDefault="00156FB3" w:rsidP="00156FB3">
            <w:r>
              <w:t>,,,"1012345678",,,[7,8,9,10,11],[5,6]],[,,"1740[0-5]\\d{6}|1(?:[38]\\d|4[57]|5[0-35-9]|6[25-7]|7[0-35-</w:t>
            </w:r>
            <w:r>
              <w:lastRenderedPageBreak/>
              <w:t>8]|9[189])\\d{8}",,,,"13123456789",,,[11]],[,,"(?:(?:10|21)8|8)00\\d{7}",,,,"8001234567",,,[10,12]],[,,"16[08]\\d{5}",,,,"16812345",,,[8]],[,,"400\\d{7}|950\\d{7,8}|(?:10|2[0-57-9]|3(?:[157]\\d|35|49|9[1-68])|4(?:[17]\\d|2[179]|[35][1-9]|6[47-9]|8[23])|5(?:[1357]\\d|2[37]|4[36]|6[1-46]|80|9[1-9])|6(?:3[1-5]|6[0238]|9[12])|7(?:01|[1579]\\d|2[248]|3[014-9]|4[3-6]|6[023689])|8(?:1[236-8]|2[5-7]|[37]\\d|5[14-9]|8[36-8]|9[1-8])|9(?:0[1-3689]|1[1-79]|[379]\\d|4[13]|5[1-5]))96\\d{3,4}",</w:t>
            </w:r>
          </w:p>
          <w:p w:rsidR="00156FB3" w:rsidRDefault="00156FB3" w:rsidP="00156FB3">
            <w:r>
              <w:t>,,,"4001234567",,,[7,8,9,10,11],[5,6]],[,,,,,,,,,[-1]],[,,,,,,,,,[-1]],"CN",86,"00|1(?:[12]\\d|79|9[0-7])\\d\\d00","0",,,"0|(1(?:[12]\\d|79|9[0-7])\\d\\d)",,"00",,[[,"(\\d{5,6})","$1",["96"]],[,"(\\d{2})(\\d{5,6})","$1 $2",["(?:10|2[0-57-9])[19]","(?:10|2[0-57-9])(?:10|9[56])","(?:10|2[0-57-9])(?:100|9[56])"],"0$1","$CC $1"],[,"(\\d{3})(\\d{4})","$1 $2",["[1-9]","1[1-9]|26|[3-9]|(?:10|2[0-57-9])(?:[0-8]|9[0-47-9])","1[1-9]|26|[3-9]|(?:10|2[0-57-9])(?:[02-8]|1(?:0[1-9]|[1-9])|9[0-47-9])"]],[,"(\\d{4})(\\d{4})",</w:t>
            </w:r>
          </w:p>
          <w:p w:rsidR="00156FB3" w:rsidRDefault="00156FB3" w:rsidP="00156FB3">
            <w:r>
              <w:t>"$1 $2",["16[08]"]],[,"(\\d{3})(\\d{5,6})","$1 $2",["3(?:[157]|35|49|9[1-68])|4(?:[17]|2[179]|6[47-9]|8[23])|5(?:[1357]|2[37]|4[36]|6[1-46]|80)|6(?:3[1-5]|6[0238]|9[12])|7(?:01|[1579]|2[248]|3[014-9]|4[3-6]|6[023689])|8(?:1[236-8]|2[5-7]|[37]|8[36-8]|9[1-8])|9(?:0[1-3689]|1[1-79]|[379]|4[13]|5[1-5])|(?:4[35]|59|85)[1-9]","(?:3(?:[157]\\d|35|49|9[1-68])|4(?:[17]\\d|2[179]|[35][1-9]|6[47-9]|8[23])|5(?:[1357]\\d|2[37]|4[36]|6[1-46]|80|9[1-9])|6(?:3[1-5]|6[0238]|9[12])|7(?:01|[1579]\\d|2[248]|3[014-9]|4[3-6]|6[023689])|8(?:1[236-8]|2[5-7]|[37]\\d|5[1-9]|8[36-8]|9[1-8])|9(?:0[1-3689]|1[1-79]|[379]\\d|4[13]|5[1-5]))[19]",</w:t>
            </w:r>
          </w:p>
          <w:p w:rsidR="00156FB3" w:rsidRDefault="00156FB3" w:rsidP="00156FB3">
            <w:r>
              <w:t>"85[23](?:10|95)|(?:3(?:[157]\\d|35|49|9[1-68])|4(?:[17]\\d|2[179]|[35][1-9]|6[47-9]|8[23])|5(?:[1357]\\d|2[37]|4[36]|6[1-46]|80|9[1-9])|6(?:3[1-5]|6[0238]|9[12])|7(?:01|[1579]\\d|2[248]|3[014-9]|4[3-6]|6[023689])|8(?:1[236-8]|2[5-7]|[37]\\d|5[14-9]|8[36-8]|9[1-8])|9(?:0[1-3689]|1[1-79]|[379]\\d|4[13]|5[1-5]))(?:10|9[56])","85[23](?:100|95)|(?:3(?:[157]\\d|35|49|9[1-68])|4(?:[17]\\d|2[179]|[35][1-9]|6[47-9]|8[23])|5(?:[1357]\\d|2[37]|4[36]|6[1-46]|80|9[1-9])|6(?:3[1-5]|6[0238]|9[12])|7(?:01|[1579]\\d|2[248]|3[014-9]|4[3-6]|6[023689])|8(?:1[236-8]|2[5-7]|[37]\\d|5[14-9]|8[36-8]|9[1-8])|9(?:0[1-3689]|1[1-79]|[379]\\d|4[13]|5[1-5]))(?:100|9[56])"],</w:t>
            </w:r>
          </w:p>
          <w:p w:rsidR="00156FB3" w:rsidRDefault="00156FB3" w:rsidP="00156FB3">
            <w:r>
              <w:t>"0$1","$CC $1"],[,"(\\d{4})(\\d{4})","$1 $2",["[1-9]","1[1-9]|26|[3-9]|(?:10|2[0-57-9])(?:[0-8]|9[0-47-9])","26|3(?:[0268]|9[079])|4(?:[049]|2[02-68]|[35]0|6[0-356]|8[014-9])|5(?:0|2[0-24-689]|4[0-2457-9]|6[057-9]|90)|6(?:[0-24578]|6[14-79]|9[03-9])|7(?:0[02-9]|2[0135-79]|3[23]|4[0-27-9]|6[1457]|8)|8(?:[046]|1[01459]|2[0-489]|50|8[0-2459]|9[09])|9(?:0[0457]|1[08]|[268]|4[024-9])|(?:34|85[23])[0-8]|(?:1|58)[1-9]|(?:63|95)[06-9]|(?:33|85[23]9)[0-46-9]|(?:10|2[0-57-9]|3(?:[157]\\d|35|49|9[1-68])|4(?:[17]\\d|2[179]|[35][1-9]|6[47-9]|8[23])|5(?:[1357]\\d|2[37]|4[36]|6[1-46]|80|9[1-9])|6(?:3[1-5]|6[0238]|9[12])|7(?:01|[1579]\\d|2[248]|3[014-9]|4[3-6]|6[023689])|8(?:1[236-8]|2[5-7]|[37]\\d|5[14-9]|8[36-8]|9[1-8])|9(?:0[1-3689]|1[1-79]|[379]\\d|4[13]|5[1-5]))(?:[0-8]|9[0-47-9])",</w:t>
            </w:r>
          </w:p>
          <w:p w:rsidR="00156FB3" w:rsidRDefault="00156FB3" w:rsidP="00156FB3">
            <w:r>
              <w:t>"26|3(?:[0268]|3[0-46-9]|4[0-8]|9[079])|4(?:[049]|2[02-68]|[35]0|6[0-356]|8[014-9])|5(?:0|2[0-24-689]|4[0-2457-9]|6[057-9]|90)|6(?:[0-24578]|3[06-9]|6[14-79]|9[03-9])|7(?:0[02-9]|2[0135-79]|3[23]|4[0-27-9]|6[1457]|8)|8(?:[046]|1[01459]|2[0-489]|5(?:0|[23](?:[02-8]|1[1-9]|9[0-46-9]))|8[0-2459]|9[09])|9(?:0[0457]|1[08]|[268]|4[024-9]|5[06-9])|(?:1|58|85[23]10)[1-9]|(?:10|2[0-57-9])(?:[0-8]|9[0-47-9])|(?:3(?:[157]\\d|35|49|9[1-68])|4(?:[17]\\d|2[179]|[35][1-9]|6[47-9]|8[23])|5(?:[1357]\\d|2[37]|4[36]|6[1-46]|80|9[1-9])|6(?:3[1-5]|6[0238]|9[12])|7(?:01|[1579]\\d|2[248]|3[014-9]|4[3-6]|6[023689])|8(?:1[236-8]|2[5-7]|[37]\\d|5[14-9]|8[36-8]|9[1-8])|9(?:0[1-3689]|1[1-79]|[379]\\d|4[13]|5[1-5]))(?:[02-8]|1(?:0[1-9]|[1-9])|9[0-47-9])"]],</w:t>
            </w:r>
          </w:p>
          <w:p w:rsidR="00156FB3" w:rsidRDefault="00156FB3" w:rsidP="00156FB3">
            <w:r>
              <w:t>[,"(\\d{4})(\\d{5,6})","$1 $2",["807","8078","8078[19]","8078(?:10|95)","8078(?:100|95)"],"0$1","$CC $1"],[,"(\\d{3})(\\d{3})(\\d{4})","$1 $2 $3",["(?:4|80)0"]],[,"(\\d{2})(\\d{4})(\\d{4})","$1 $2 $3",["10|2(?:[02-57-9]|1[1-9])","10|2(?:[02-57-9]|1[1-9])","10[0-79]|2(?:[02-57-9]|1[1-79])|(?:10|21)8(?:0[1-9]|[1-9])"],"0$1","$CC $1",1],[,"(\\d{3})(\\d{3})(\\d{4})","$1 $2 $3",["3(?:[3-</w:t>
            </w:r>
            <w:r>
              <w:lastRenderedPageBreak/>
              <w:t>59]|7[02-68])|4(?:[26-8]|3[3-9]|5[2-9])|5(?:3[03-9]|[468]|7[028]|9[2-46-9])|6|7(?:[0-247]|3[04-9]|5[0-4689]|6[2368])|8(?:[1-358]|9[1-7])|9(?:[013479]|5[1-5])|(?:[34]1|55|79|87)[02-9]"],</w:t>
            </w:r>
          </w:p>
          <w:p w:rsidR="00156FB3" w:rsidRDefault="00156FB3" w:rsidP="00156FB3">
            <w:r>
              <w:t>"0$1","$CC $1",1],[,"(\\d{3})(\\d{7,8})","$1 $2",["9"]],[,"(\\d{4})(\\d{3})(\\d{4})","$1 $2 $3",["80"],"0$1","$CC $1",1],[,"(\\d{3})(\\d{4})(\\d{4})","$1 $2 $3",["[3-578]"],"0$1","$CC $1",1],[,"(\\d{3})(\\d{4})(\\d{4})","$1 $2 $3",["1[3-9]"],,"$CC $1"],[,"(\\d{2})(\\d{3})(\\d{3})(\\d{4})","$1 $2 $3 $4",["[12]"],"0$1",,1]],[[,"(\\d{2})(\\d{5,6})","$1 $2",["(?:10|2[0-57-9])[19]","(?:10|2[0-57-9])(?:10|9[56])","(?:10|2[0-57-9])(?:100|9[56])"],"0$1","$CC $1"],[,"(\\d{3})(\\d{5,6})","$1 $2",["3(?:[157]|35|49|9[1-68])|4(?:[17]|2[179]|6[47-9]|8[23])|5(?:[1357]|2[37]|4[36]|6[1-46]|80)|6(?:3[1-5]|6[0238]|9[12])|7(?:01|[1579]|2[248]|3[014-9]|4[3-6]|6[023689])|8(?:1[236-8]|2[5-7]|[37]|8[36-8]|9[1-8])|9(?:0[1-3689]|1[1-79]|[379]|4[13]|5[1-5])|(?:4[35]|59|85)[1-9]",</w:t>
            </w:r>
          </w:p>
          <w:p w:rsidR="00156FB3" w:rsidRDefault="00156FB3" w:rsidP="00156FB3">
            <w:r>
              <w:t>"(?:3(?:[157]\\d|35|49|9[1-68])|4(?:[17]\\d|2[179]|[35][1-9]|6[47-9]|8[23])|5(?:[1357]\\d|2[37]|4[36]|6[1-46]|80|9[1-9])|6(?:3[1-5]|6[0238]|9[12])|7(?:01|[1579]\\d|2[248]|3[014-9]|4[3-6]|6[023689])|8(?:1[236-8]|2[5-7]|[37]\\d|5[1-9]|8[36-8]|9[1-8])|9(?:0[1-3689]|1[1-79]|[379]\\d|4[13]|5[1-5]))[19]","85[23](?:10|95)|(?:3(?:[157]\\d|35|49|9[1-68])|4(?:[17]\\d|2[179]|[35][1-9]|6[47-9]|8[23])|5(?:[1357]\\d|2[37]|4[36]|6[1-46]|80|9[1-9])|6(?:3[1-5]|6[0238]|9[12])|7(?:01|[1579]\\d|2[248]|3[014-9]|4[3-6]|6[023689])|8(?:1[236-8]|2[5-7]|[37]\\d|5[14-9]|8[36-8]|9[1-8])|9(?:0[1-3689]|1[1-79]|[379]\\d|4[13]|5[1-5]))(?:10|9[56])",</w:t>
            </w:r>
          </w:p>
          <w:p w:rsidR="00156FB3" w:rsidRDefault="00156FB3" w:rsidP="00156FB3">
            <w:r>
              <w:t>"85[23](?:100|95)|(?:3(?:[157]\\d|35|49|9[1-68])|4(?:[17]\\d|2[179]|[35][1-9]|6[47-9]|8[23])|5(?:[1357]\\d|2[37]|4[36]|6[1-46]|80|9[1-9])|6(?:3[1-5]|6[0238]|9[12])|7(?:01|[1579]\\d|2[248]|3[014-9]|4[3-6]|6[023689])|8(?:1[236-8]|2[5-7]|[37]\\d|5[14-9]|8[36-8]|9[1-8])|9(?:0[1-3689]|1[1-79]|[379]\\d|4[13]|5[1-5]))(?:100|9[56])"],"0$1","$CC $1"],[,"(\\d{4})(\\d{5,6})","$1 $2",["807","8078","8078[19]","8078(?:10|95)","8078(?:100|95)"],"0$1","$CC $1"],[,"(\\d{3})(\\d{3})(\\d{4})","$1 $2 $3",["(?:4|80)0"]],</w:t>
            </w:r>
          </w:p>
          <w:p w:rsidR="00156FB3" w:rsidRDefault="00156FB3" w:rsidP="00156FB3">
            <w:r>
              <w:t>[,"(\\d{2})(\\d{4})(\\d{4})","$1 $2 $3",["10|2(?:[02-57-9]|1[1-9])","10|2(?:[02-57-9]|1[1-9])","10[0-79]|2(?:[02-57-9]|1[1-79])|(?:10|21)8(?:0[1-9]|[1-9])"],"0$1","$CC $1",1],[,"(\\d{3})(\\d{3})(\\d{4})","$1 $2 $3",["3(?:[3-59]|7[02-68])|4(?:[26-8]|3[3-9]|5[2-9])|5(?:3[03-9]|[468]|7[028]|9[2-46-9])|6|7(?:[0-247]|3[04-9]|5[0-4689]|6[2368])|8(?:[1-358]|9[1-7])|9(?:[013479]|5[1-5])|(?:[34]1|55|79|87)[02-9]"],"0$1","$CC $1",1],[,"(\\d{3})(\\d{7,8})","$1 $2",["9"]],[,"(\\d{4})(\\d{3})(\\d{4})","$1 $2 $3",</w:t>
            </w:r>
          </w:p>
          <w:p w:rsidR="00156FB3" w:rsidRDefault="00156FB3" w:rsidP="00156FB3">
            <w:r>
              <w:t>["80"],"0$1","$CC $1",1],[,"(\\d{3})(\\d{4})(\\d{4})","$1 $2 $3",["[3-578]"],"0$1","$CC $1",1],[,"(\\d{3})(\\d{4})(\\d{4})","$1 $2 $3",["1[3-9]"],,"$CC $1"],[,"(\\d{2})(\\d{3})(\\d{3})(\\d{4})","$1 $2 $3 $4",["[12]"],"0$1",,1]],[,,,,,,,,,[-1]],,,[,,"(?:(?:10|21)8|[48])00\\d{7}|950\\d{7,8}",,,,,,,[10,11,12]],[,,,,,,,,,[-1]],,,[,,,,,,,,,[-1]]],CO:[,[,,"(?:1\\d|3)\\d{9}|[124-8]\\d{7}",,,,,,,[8,10,11],[7]],[,,"[124-8][2-9]\\d{6}",,,,"12345678",,,[8],[7]],[,,"3(?:0[0-5]|1\\d|2[0-3]|5[01])\\d{7}",,,,"3211234567",</w:t>
            </w:r>
          </w:p>
          <w:p w:rsidR="00156FB3" w:rsidRDefault="00156FB3" w:rsidP="00156FB3">
            <w:r>
              <w:t>,,[10]],[,,"1800\\d{7}",,,,"18001234567",,,[11]],[,,"19(?:0[01]|4[78])\\d{7}",,,,"19001234567",,,[11]],[,,,,,,,,,[-1]],[,,,,,,,,,[-1]],[,,,,,,,,,[-1]],"CO",57,"00(?:4(?:[14]4|56)|[579])","0",,,"0([3579]|4(?:[14]4|56))?",,,,[[,"(\\d)(\\d{7})","$1 $2",["1[2-79]|[25-8]|(?:18|4)[2-9]"],"($1)","0$CC $1"],[,"(\\d{3})(\\d{7})","$1 $2",["3"],,"0$CC $1"],[,"(\\d)(\\d{3})(\\d{7})","$1-$2-$3",["1(?:80|9)","1(?:800|9)"],"0$1"]],[[,"(\\d)(\\d{7})","$1 $2",["1[2-79]|[25-8]|(?:18|4)[2-9]"],"($1)","0$CC $1"],[,"(\\d{3})(\\d{7})",</w:t>
            </w:r>
          </w:p>
          <w:p w:rsidR="00156FB3" w:rsidRDefault="00156FB3" w:rsidP="00156FB3">
            <w:r>
              <w:t>"$1 $2",["3"],,"0$CC $1"],[,"(\\d)(\\d{3})(\\d{7})","$1 $2 $3",["1(?:80|9)","1(?:800|9)"]]],[,,,,,,,,,[-1]],,,[,,,,,,,,,[-1]],[,,,,,,,,,[-1]],,,[,,,,,,,,,[-1]]],CR:[,[,,"(?:8\\d|90)\\d{8}|[24-8]\\d{7}",,,,,,,[8,10]],[,,"210[7-9]\\d{4}|2(?:[024-7]\\d|1[1-9])\\d{5}",,,,"22123456",,,[8]],[,,"6500[01]\\d{3}|5(?:0[01]|7[0-3])\\d{5}|(?:6[0-4]|7[0-3]|8[3-9])\\d{6}",,,,"83123456",,,[8]],[,,"800\\d{7}",,,,"8001234567",,,[10]],[,,"90[059]\\d{7}",,,,"9001234567",,,[10]],[,,,,,,,,,[-1]],[,,,,,,,,,[-1]],[,,"(?:210[0-6]|4\\d{3}|5100)\\d{4}",</w:t>
            </w:r>
          </w:p>
          <w:p w:rsidR="00156FB3" w:rsidRDefault="00156FB3" w:rsidP="00156FB3">
            <w:r>
              <w:lastRenderedPageBreak/>
              <w:t>,,,"40001234",,,[8]],"CR",506,"00",,,,"(19(?:0[0-2468]|1[09]|20|66|77|99))",,,,[[,"(\\d{4})(\\d{4})","$1 $2",["[24-7]|8[3-9]"],,"$CC $1"],[,"(\\d{3})(\\d{3})(\\d{4})","$1-$2-$3",["[89]"],,"$CC $1"]],,[,,,,,,,,,[-1]],,,[,,,,,,,,,[-1]],[,,,,,,,,,[-1]],,,[,,,,,,,,,[-1]]],CU:[,[,,"[27]\\d{6,7}|[34]\\d{5,7}|5\\d{7}",,,,,,,[6,7,8],[4,5]],[,,"(?:3[23]|4[78])\\d{4,6}|(?:31|4[36])\\d{6}|(?:2[1-4]|4[125]|7\\d)\\d{5,6}",,,,"71234567",,,,[4,5]],[,,"5\\d{7}",,,,"51234567",,,[8]],[,,,,,,,,,[-1]],[,,,,,,,,,[-1]],</w:t>
            </w:r>
          </w:p>
          <w:p w:rsidR="00156FB3" w:rsidRDefault="00156FB3" w:rsidP="00156FB3">
            <w:r>
              <w:t>[,,,,,,,,,[-1]],[,,,,,,,,,[-1]],[,,,,,,,,,[-1]],"CU",53,"119","0",,,"0",,,,[[,"(\\d{2})(\\d{4,6})","$1 $2",["[2-4]"],"(0$1)"],[,"(\\d)(\\d{6,7})","$1 $2",["7"],"(0$1)"],[,"(\\d)(\\d{7})","$1 $2",["5"],"0$1"]],,[,,,,,,,,,[-1]],,,[,,,,,,,,,[-1]],[,,,,,,,,,[-1]],,,[,,,,,,,,,[-1]]],CV:[,[,,"[2-59]\\d{6}",,,,,,,[7]],[,,"2(?:2[1-7]|3[0-8]|4[12]|5[1256]|6\\d|7[1-3]|8[1-5])\\d{4}",,,,"2211234"],[,,"(?:[34][36]|5[1-389]|9\\d)\\d{5}",,,,"9911234"],[,,,,,,,,,[-1]],[,,,,,,,,,[-1]],[,,,,,,,,,[-1]],[,,,,,,,,,[-1]],</w:t>
            </w:r>
          </w:p>
          <w:p w:rsidR="00156FB3" w:rsidRDefault="00156FB3" w:rsidP="00156FB3">
            <w:r>
              <w:t>[,,,,,,,,,[-1]],"CV",238,"0",,,,,,,,[[,"(\\d{3})(\\d{2})(\\d{2})","$1 $2 $3",["[2-59]"]]],,[,,,,,,,,,[-1]],,,[,,,,,,,,,[-1]],[,,,,,,,,,[-1]],,,[,,,,,,,,,[-1]]],CW:[,[,,"(?:[34]1|60|(?:7|9\\d)\\d)\\d{5}",,,,,,,[7,8]],[,,"9(?:4(?:3[0-5]|4[14]|6\\d)|50\\d|7(?:2[014]|3[02-9]|4[4-9]|6[357]|77|8[7-9])|8(?:3[39]|[46]\\d|7[01]|8[57-9]))\\d{4}",,,,"94351234"],[,,"953[01]\\d{4}|9(?:5[12467]|6[5-9])\\d{5}",,,,"95181234"],[,,,,,,,,,[-1]],[,,,,,,,,,[-1]],[,,"60[0-2]\\d{4}",,,,"6001234",,,[7]],[,,,,,,,,,[-1]],</w:t>
            </w:r>
          </w:p>
          <w:p w:rsidR="00156FB3" w:rsidRDefault="00156FB3" w:rsidP="00156FB3">
            <w:r>
              <w:t>[,,,,,,,,,[-1]],"CW",599,"00",,,,,,,,[[,"(\\d{3})(\\d{4})","$1 $2",["[3467]"]],[,"(\\d)(\\d{3})(\\d{4})","$1 $2 $3",["9[4-8]"]]],,[,,"955\\d{5}",,,,"95581234",,,[8]],1,"[69]",[,,,,,,,,,[-1]],[,,,,,,,,,[-1]],,,[,,,,,,,,,[-1]]],CX:[,[,,"1\\d{5,9}|(?:[48]\\d\\d|550)\\d{6}",,,,,,,[6,7,8,9,10]],[,,"8(?:51(?:0(?:01|30|59)|117)|91(?:00[6-9]|1(?:[28]1|49|78)|2(?:09|63)|3(?:12|26|75)|4(?:56|97)|64\\d|7(?:0[01]|1[0-2])|958))\\d{3}",,,,"891641234",,,[9],[8]],[,,"4(?:[0-3]\\d|4[047-9]|5[0-25-9]|6[6-9]|7[02-9]|8[0-2457-9]|9[017-9])\\d{6}",</w:t>
            </w:r>
          </w:p>
          <w:p w:rsidR="00156FB3" w:rsidRDefault="00156FB3" w:rsidP="00156FB3">
            <w:r>
              <w:t>,,,"412345678",,,[9]],[,,"180(?:0\\d{3}|2)\\d{3}",,,,"1800123456",,,[7,10]],[,,"190[0-26]\\d{6}",,,,"1900123456",,,[10]],[,,"13(?:00\\d{3}|45[0-4])\\d{3}|13\\d{4}",,,,"1300123456",,,[6,8,10]],[,,,,,,,,,[-1]],[,,"1471\\d{5}|(?:145|550)\\d{6}",,,,"550123456",,,[9]],"CX",61,"001[14-689]|14(?:1[14]|34|4[17]|[56]6|7[47]|88)0011","0",,,"0|([59]\\d{7})$","8$1","0011",,,,[,,,,,,,,,[-1]],,,[,,,,,,,,,[-1]],[,,,,,,,,,[-1]],,,[,,,,,,,,,[-1]]],CY:[,[,,"(?:[279]\\d|[58]0)\\d{6}",,,,,,,[8]],[,,"2[2-6]\\d{6}",,,</w:t>
            </w:r>
          </w:p>
          <w:p w:rsidR="00156FB3" w:rsidRDefault="00156FB3" w:rsidP="00156FB3">
            <w:r>
              <w:t>,"22345678"],[,,"9[4-79]\\d{6}",,,,"96123456"],[,,"800\\d{5}",,,,"80001234"],[,,"90[09]\\d{5}",,,,"90012345"],[,,"80[1-9]\\d{5}",,,,"80112345"],[,,"700\\d{5}",,,,"70012345"],[,,,,,,,,,[-1]],"CY",357,"00",,,,,,,,[[,"(\\d{2})(\\d{6})","$1 $2",["[257-9]"]]],,[,,,,,,,,,[-1]],,,[,,,,,,,,,[-1]],[,,"(?:50|77)\\d{6}",,,,"77123456"],,,[,,,,,,,,,[-1]]],CZ:[,[,,"(?:[2-578]\\d|60)\\d{7}|9\\d{8,11}",,,,,,,[9,10,11,12]],[,,"(?:2\\d|3[1257-9]|4[16-9]|5[13-9])\\d{7}",,,,"212345678",,,[9]],[,,"(?:60[1-8]|7(?:0[2-5]|[2379]\\d))\\d{6}",</w:t>
            </w:r>
          </w:p>
          <w:p w:rsidR="00156FB3" w:rsidRDefault="00156FB3" w:rsidP="00156FB3">
            <w:r>
              <w:t>,,,"601123456",,,[9]],[,,"800\\d{6}",,,,"800123456",,,[9]],[,,"9(?:0[05689]|76)\\d{6}",,,,"900123456",,,[9]],[,,"8[134]\\d{7}",,,,"811234567",,,[9]],[,,"70[01]\\d{6}",,,,"700123456",,,[9]],[,,"9[17]0\\d{6}",,,,"910123456",,,[9]],"CZ",420,"00",,,,,,,,[[,"(\\d{3})(\\d{3})(\\d{3})","$1 $2 $3",["[2-8]|9[015-7]"]],[,"(\\d{2})(\\d{3})(\\d{3})(\\d{3})","$1 $2 $3 $4",["9"]],[,"(\\d{3})(\\d{3})(\\d{3})(\\d{3})","$1 $2 $3 $4",["9"]]],,[,,,,,,,,,[-1]],,,[,,,,,,,,,[-1]],[,,"9(?:5\\d|7[2-4])\\d{6}",,,,"972123456",</w:t>
            </w:r>
          </w:p>
          <w:p w:rsidR="00156FB3" w:rsidRDefault="00156FB3" w:rsidP="00156FB3">
            <w:r>
              <w:t>,,[9]],,,[,,"9(?:3\\d{9}|6\\d{7,10})",,,,"93123456789"]],DE:[,[,,"[2579]\\d{5,14}|49[67]0\\d{1,4}|49(?:[34]0|69|8\\d)\\d\\d?|49(?:37|49|7[89]|9\\d)\\d{1,3}|49(?:[12]\\d|3[1-689]|7[1-7])\\d{1,8}|49(?:[05]\\d|[46][1-8])\\d{1,9}|(?:1|[368]\\d|4[0-8])\\d{3,13}",,,,,,,[4,5,6,7,8,9,10,11,12,13,14,15],[3]],[,,"(?:2(?:0[1-689]|[1-3569]\\d|4[0-8]|7[1-7]|8[0-7])|5(?:0[2-8]|[124-6]\\d|[38][0-8]|[79][0-7])|6(?:0[02-9]|[1-3589]\\d|[47][0-8]|6[1-9])|7(?:0[2-8]|1[1-9]|[27][0-7]|3\\d|[4-6][0-8]|8[0-5]|9[013-7])|8(?:0[2-9]|1[0-79]|[29]\\d|3[0-46-9]|4[0-6]|5[013-9]|6[1-8]|7[0-8]|8[0-24-6])|9(?:0[6-9]|[1-4]\\d|[589][0-7]|6[0-8]|7[0-467]))\\d{4,12}|3(?:(?:[03569]\\d|4[0-79]|7[1-7]|8[1-8])\\d{4,12}|2\\d{9})|4(?:(?:[02-48]\\d|1[02-</w:t>
            </w:r>
            <w:r>
              <w:lastRenderedPageBreak/>
              <w:t>9]|5[0-6]|6[0-8]|7[0-79])\\d{4,12}|9(?:[0-37]\\d{4,9}|[4-6]\\d{4,10}))|(?:2(?:0[1-389]|1[124]|2[18]|3[14]|[4-9]1)|[57][1-9]1|9(?:06|[1-9]1))\\d{3}|3(?:0\\d{3,4}|(?:[35-9][15]|4[015])\\d{3})|4(?:0\\d{3,4}|[2-9]1\\d{3})|[68](?:[1-8]1\\d{3}|9\\d{3,4})",</w:t>
            </w:r>
          </w:p>
          <w:p w:rsidR="00156FB3" w:rsidRDefault="00156FB3" w:rsidP="00156FB3">
            <w:r>
              <w:t>,,,"30123456",,,[5,6,7,8,9,10,11,12,13,14,15],[3,4]],[,,"15[0-25-9]\\d{8}|1(?:6[023]|7\\d)\\d{7,8}",,,,"15123456789",,,[10,11]],[,,"800\\d{7,12}",,,,"8001234567890",,,[10,11,12,13,14,15]],[,,"(?:137[7-9]|900(?:[135]|9\\d))\\d{6}",,,,"9001234567",,,[10,11]],[,,"180\\d{5,11}|13(?:7[1-6]\\d\\d|8)\\d{4}",,,,"18012345",,,[7,8,9,10,11,12,13,14]],[,,"700\\d{8}",,,,"70012345678",,,[11]],[,,,,,,,,,[-1]],"DE",49,"00","0",,,"0",,,,[[,"(\\d{2})(\\d{3,13})","$1 $2",["3[02]|40|[68]9"],"0$1"],[,"(\\d{3})(\\d{3,12})",</w:t>
            </w:r>
          </w:p>
          <w:p w:rsidR="00156FB3" w:rsidRDefault="00156FB3" w:rsidP="00156FB3">
            <w:r>
              <w:t>"$1 $2",["2(?:0[1-389]|1[124]|2[18]|3[14])|3(?:[35-9][15]|4[015])|906|(?:2[4-9]|4[2-9]|[579][1-9]|[68][1-8])1","2(?:0[1-389]|12[0-8])|3(?:[35-9][15]|4[015])|906|2(?:[13][14]|2[18])|(?:2[4-9]|4[2-9]|[579][1-9]|[68][1-8])1"],"0$1"],[,"(\\d{3})(\\d{4})","$1 $2",["138"],"0$1"],[,"(\\d{4})(\\d{3,11})","$1 $2",["[24-6]|3(?:[3569][02-46-9]|4[2-4679]|7[2-467]|8[2-46-8])|70[2-8]|8(?:0[2-9]|[1-8])|90[7-9]|[79][1-9]","[24-6]|3(?:3(?:0[1-467]|2[127-9]|3[124578]|7[1257-9]|8[1256]|9[145])|4(?:2[135]|4[13578]|9[1346])|5(?:0[14]|2[1-3589]|6[1-4]|7[13468]|8[13568])|6(?:2[1-489]|3[124-6]|6[13]|7[12579]|8[1-356]|9[135])|7(?:2[1-7]|4[145]|6[1-5]|7[1-4])|8(?:21|3[1468]|6|7[1467]|8[136])|9(?:0[12479]|2[1358]|4[134679]|6[1-9]|7[136]|8[147]|9[1468]))|70[2-8]|8(?:0[2-9]|[1-8])|90[7-9]|[79][1-9]|3[68]4[1347]|3(?:47|60)[1356]|3(?:3[46]|46|5[49])[1246]|3[4579]3[1357]"],</w:t>
            </w:r>
          </w:p>
          <w:p w:rsidR="00156FB3" w:rsidRDefault="00156FB3" w:rsidP="00156FB3">
            <w:r>
              <w:t>"0$1"],[,"(\\d{3})(\\d{5,11})","$1 $2",["181"],"0$1"],[,"(\\d{3})(\\d)(\\d{4,10})","$1 $2 $3",["1(?:3|80)|9"],"0$1"],[,"(\\d{5})(\\d{3,10})","$1 $2",["3"],"0$1"],[,"(\\d{3})(\\d{7,8})","$1 $2",["1[67]"],"0$1"],[,"(\\d{3})(\\d{7,12})","$1 $2",["8"],"0$1"],[,"(\\d{5})(\\d{6})","$1 $2",["185","1850","18500"],"0$1"],[,"(\\d{3})(\\d{4})(\\d{4})","$1 $2 $3",["7"],"0$1"],[,"(\\d{4})(\\d{7})","$1 $2",["18[68]"],"0$1"],[,"(\\d{5})(\\d{6})","$1 $2",["15[0568]"],"0$1"],[,"(\\d{4})(\\d{7})","$1 $2",["15[1279]"],</w:t>
            </w:r>
          </w:p>
          <w:p w:rsidR="00156FB3" w:rsidRDefault="00156FB3" w:rsidP="00156FB3">
            <w:r>
              <w:t>"0$1"],[,"(\\d{3})(\\d{8})","$1 $2",["18"],"0$1"],[,"(\\d{3})(\\d{2})(\\d{7,8})","$1 $2 $3",["1(?:6[023]|7)"],"0$1"],[,"(\\d{4})(\\d{2})(\\d{7})","$1 $2 $3",["15[279]"],"0$1"],[,"(\\d{3})(\\d{2})(\\d{8})","$1 $2 $3",["15"],"0$1"]],,[,,"16(?:4\\d{1,10}|[89]\\d{1,11})",,,,"16412345",,,[4,5,6,7,8,9,10,11,12,13,14]],,,[,,,,,,,,,[-1]],[,,"18(?:1\\d{5,11}|[2-9]\\d{8})",,,,"18500123456",,,[8,9,10,11,12,13,14]],,,[,,"1(?:6(?:013|255|399)|7(?:(?:[015]1|[69]3)3|[2-4]55|[78]99))\\d{7,8}|15(?:(?:[03-68]00|113)\\d|2\\d55|7\\d99|9\\d33)\\d{7}",</w:t>
            </w:r>
          </w:p>
          <w:p w:rsidR="00156FB3" w:rsidRDefault="00156FB3" w:rsidP="00156FB3">
            <w:r>
              <w:t>,,,"177991234567",,,[12,13]]],DJ:[,[,,"(?:2\\d|77)\\d{6}",,,,,,,[8]],[,,"2(?:1[2-5]|7[45])\\d{5}",,,,"21360003"],[,,"77\\d{6}",,,,"77831001"],[,,,,,,,,,[-1]],[,,,,,,,,,[-1]],[,,,,,,,,,[-1]],[,,,,,,,,,[-1]],[,,,,,,,,,[-1]],"DJ",253,"00",,,,,,,,[[,"(\\d{2})(\\d{2})(\\d{2})(\\d{2})","$1 $2 $3 $4",["[27]"]]],,[,,,,,,,,,[-1]],,,[,,,,,,,,,[-1]],[,,,,,,,,,[-1]],,,[,,,,,,,,,[-1]]],DK:[,[,,"[2-9]\\d{7}",,,,,,,[8]],[,,"(?:[2-7]\\d|8[126-9]|9[1-36-9])\\d{6}",,,,"32123456"],[,,"(?:[2-7]\\d|8[126-9]|9[1-36-9])\\d{6}",</w:t>
            </w:r>
          </w:p>
          <w:p w:rsidR="00156FB3" w:rsidRDefault="00156FB3" w:rsidP="00156FB3">
            <w:r>
              <w:t>,,,"32123456"],[,,"80\\d{6}",,,,"80123456"],[,,"90\\d{6}",,,,"90123456"],[,,,,,,,,,[-1]],[,,,,,,,,,[-1]],[,,,,,,,,,[-1]],"DK",45,"00",,,,,,,1,[[,"(\\d{2})(\\d{2})(\\d{2})(\\d{2})","$1 $2 $3 $4",["[2-9]"]]],,[,,,,,,,,,[-1]],,,[,,,,,,,,,[-1]],[,,,,,,,,,[-1]],,,[,,,,,,,,,[-1]]],DM:[,[,,"(?:[58]\\d\\d|767|900)\\d{7}",,,,,,,[10],[7]],[,,"767(?:2(?:55|66)|4(?:2[01]|4[0-25-9])|50[0-4]|70[1-3])\\d{4}",,,,"7674201234",,,,[7]],[,,"767(?:2(?:[2-4689]5|7[5-7])|31[5-7]|61[1-7])\\d{4}",,,,"7672251234",,,,[7]],</w:t>
            </w:r>
          </w:p>
          <w:p w:rsidR="00156FB3" w:rsidRDefault="00156FB3" w:rsidP="00156FB3">
            <w:r>
              <w:t>[,,"8(?:00|33|44|55|66|77|88)[2-9]\\d{6}",,,,"8002123456"],[,,"900[2-9]\\d{6}",,,,"9002123456"],[,,,,,,,,,[-1]],[,,"5(?:00|2[12]|33|44|66|77|88)[2-9]\\d{6}",,,,"5002345678"],[,,,,,,,,,[-1]],"DM",1,"011","1",,,"1|([2-7]\\d{6})$","767$1",,,,,[,,,,,,,,,[-1]],,"767",[,,,,,,,,,[-1]],[,,,,,,,,,[-1]],,,[,,,,,,,,,[-</w:t>
            </w:r>
            <w:r>
              <w:lastRenderedPageBreak/>
              <w:t>1]]],DO:[,[,,"(?:[58]\\d\\d|900)\\d{7}",,,,,,,[10],[7]],[,,"8(?:[04]9[2-9]\\d\\d|29(?:2(?:[0-59]\\d|6[04-9]|7[0-27]|8[0237-9])|3(?:[0-35-9]\\d|4[7-9])|[45]\\d\\d|6(?:[0-27-9]\\d|[3-5][1-9]|6[0135-8])|7(?:0[013-9]|[1-37]\\d|4[1-35689]|5[1-4689]|6[1-57-9]|8[1-79]|9[1-8])|8(?:0[146-9]|1[0-48]|[248]\\d|3[1-79]|5[01589]|6[013-68]|7[124-8]|9[0-8])|9(?:[0-24]\\d|3[02-46-9]|5[0-79]|60|7[0169]|8[57-9]|9[02-9])))\\d{4}",</w:t>
            </w:r>
          </w:p>
          <w:p w:rsidR="00156FB3" w:rsidRDefault="00156FB3" w:rsidP="00156FB3">
            <w:r>
              <w:t>,,,"8092345678",,,,[7]],[,,"8[024]9[2-9]\\d{6}",,,,"8092345678",,,,[7]],[,,"8(?:00|33|44|55|66|77|88)[2-9]\\d{6}",,,,"8002123456"],[,,"900[2-9]\\d{6}",,,,"9002123456"],[,,,,,,,,,[-1]],[,,"5(?:00|2[12]|33|44|66|77|88)[2-9]\\d{6}",,,,"5002345678"],[,,,,,,,,,[-1]],"DO",1,"011","1",,,"1",,,,,,[,,,,,,,,,[-1]],,"8[024]9",[,,,,,,,,,[-1]],[,,,,,,,,,[-1]],,,[,,,,,,,,,[-1]]],DZ:[,[,,"(?:[1-4]|[5-79]\\d|80)\\d{7}",,,,,,,[8,9]],[,,"9619\\d{5}|(?:1\\d|2[013-79]|3[0-8]|4[0135689])\\d{6}",,,,"12345678"],[,,"67[0-6]\\d{6}|(?:5[4-6]|6[569]|7[7-9])\\d{7}",</w:t>
            </w:r>
          </w:p>
          <w:p w:rsidR="00156FB3" w:rsidRDefault="00156FB3" w:rsidP="00156FB3">
            <w:r>
              <w:t>,,,"551234567",,,[9]],[,,"800\\d{6}",,,,"800123456",,,[9]],[,,"80[3-689]1\\d{5}",,,,"808123456",,,[9]],[,,"80[12]1\\d{5}",,,,"801123456",,,[9]],[,,,,,,,,,[-1]],[,,"98[23]\\d{6}",,,,"983123456",,,[9]],"DZ",213,"00","0",,,"0",,,,[[,"(\\d{2})(\\d{2})(\\d{2})(\\d{2})","$1 $2 $3 $4",["[1-4]"],"0$1"],[,"(\\d{2})(\\d{3})(\\d{2})(\\d{2})","$1 $2 $3 $4",["9"],"0$1"],[,"(\\d{3})(\\d{2})(\\d{2})(\\d{2})","$1 $2 $3 $4",["[5-8]"],"0$1"]],,[,,,,,,,,,[-1]],,,[,,,,,,,,,[-1]],[,,,,,,,,,[-1]],,,[,,,,,,,,,[-1]]],EC:[,</w:t>
            </w:r>
          </w:p>
          <w:p w:rsidR="00156FB3" w:rsidRDefault="00156FB3" w:rsidP="00156FB3">
            <w:r>
              <w:t>[,,"1800\\d{6,7}|(?:[2-7]|9\\d)\\d{7}",,,,,,,[8,9,10,11],[7]],[,,"[2-7][2-7]\\d{6}",,,,"22123456",,,[8],[7]],[,,"9630\\d{5}|9(?:39|[57][89]|6[0-27-9]|[89]\\d)\\d{6}",,,,"991234567",,,[9]],[,,"1800\\d{6,7}",,,,"18001234567",,,[10,11]],[,,,,,,,,,[-1]],[,,,,,,,,,[-1]],[,,,,,,,,,[-1]],[,,"[2-7]890\\d{4}",,,,"28901234",,,[8]],"EC",593,"00","0",,,"0",,,,[[,"(\\d{3})(\\d{4})","$1-$2",["[2-7]"]],[,"(\\d)(\\d{3})(\\d{4})","$1 $2-$3",["[2-7]"],"(0$1)"],[,"(\\d{2})(\\d{3})(\\d{4})","$1 $2 $3",["9"],"0$1"],[,</w:t>
            </w:r>
          </w:p>
          <w:p w:rsidR="00156FB3" w:rsidRDefault="00156FB3" w:rsidP="00156FB3">
            <w:r>
              <w:t>"(\\d{4})(\\d{3})(\\d{3,4})","$1 $2 $3",["1"]]],[[,"(\\d)(\\d{3})(\\d{4})","$1-$2-$3",["[2-7]"]],[,"(\\d{2})(\\d{3})(\\d{4})","$1 $2 $3",["9"],"0$1"],[,"(\\d{4})(\\d{3})(\\d{3,4})","$1 $2 $3",["1"]]],[,,,,,,,,,[-1]],,,[,,,,,,,,,[-1]],[,,,,,,,,,[-1]],,,[,,,,,,,,,[-1]]],EE:[,[,,"8\\d{9}|[4578]\\d{7}|(?:[3-8]\\d\\d|900)\\d{4}",,,,,,,[7,8,10]],[,,"(?:3[23589]|4[3-8]|6\\d|7[1-9]|88)\\d{5}",,,,"3212345",,,[7]],[,,"(?:5\\d|8[1-4])\\d{6}|5(?:(?:[02]\\d|5[0-478])\\d|1(?:[0-8]\\d|95)|6(?:4[0-4]|5[1-589]))\\d{3}",</w:t>
            </w:r>
          </w:p>
          <w:p w:rsidR="00156FB3" w:rsidRDefault="00156FB3" w:rsidP="00156FB3">
            <w:r>
              <w:t>,,,"51234567",,,[7,8]],[,,"800(?:(?:0\\d\\d|1)\\d|[2-9])\\d{3}",,,,"80012345"],[,,"(?:40\\d\\d|900)\\d{4}",,,,"9001234",,,[7,8]],[,,,,,,,,,[-1]],[,,"70[0-2]\\d{5}",,,,"70012345",,,[8]],[,,,,,,,,,[-1]],"EE",372,"00",,,,,,,,[[,"(\\d{3})(\\d{4})","$1 $2",["[369]|4[3-8]|5(?:[0-2]|5[0-478]|6[45])|7[1-9]","[369]|4[3-8]|5(?:[02]|1(?:[0-8]|95)|5[0-478]|6(?:4[0-4]|5[1-589]))|7[1-9]"]],[,"(\\d{4})(\\d{3,4})","$1 $2",["[45]|8(?:00|[1-4])","[45]|8(?:00[1-9]|[1-4])"]],[,"(\\d{2})(\\d{2})(\\d{4})","$1 $2 $3",["7"]],</w:t>
            </w:r>
          </w:p>
          <w:p w:rsidR="00156FB3" w:rsidRDefault="00156FB3" w:rsidP="00156FB3">
            <w:r>
              <w:t>[,"(\\d{4})(\\d{3})(\\d{3})","$1 $2 $3",["80"]]],,[,,,,,,,,,[-1]],,,[,,"800[2-9]\\d{3}",,,,,,,[7]],[,,,,,,,,,[-1]],,,[,,,,,,,,,[-1]]],EG:[,[,,"[189]\\d{8,9}|[24-6]\\d{8}|[135]\\d{7}",,,,,,,[8,9,10],[6,7]],[,,"(?:15\\d|57[23])\\d{5,6}|(?:13[23]|(?:2[2-4]|3)\\d|4(?:0[2-5]|[578][23]|64)|5(?:0[2-7]|5\\d)|6[24-689]3|8(?:2[2-57]|4[26]|6[237]|8[2-4])|9(?:2[27]|3[24]|52|6[2356]|7[2-4]))\\d{6}",,,,"234567890",,,[8,9],[6,7]],[,,"1[0-25]\\d{8}",,,,"1001234567",,,[10]],[,,"800\\d{7}",,,,"8001234567",,,[10]],</w:t>
            </w:r>
          </w:p>
          <w:p w:rsidR="00156FB3" w:rsidRDefault="00156FB3" w:rsidP="00156FB3">
            <w:r>
              <w:t>[,,"900\\d{7}",,,,"9001234567",,,[10]],[,,,,,,,,,[-1]],[,,,,,,,,,[-1]],[,,,,,,,,,[-1]],"EG",20,"00","0",,,"0",,,,[[,"(\\d)(\\d{7,8})","$1 $2",["[23]"],"0$1"],[,"(\\d{2})(\\d{6,7})","$1 $2",["1[35]|[4-6]|8[2468]|9[235-7]"],"0$1"],[,"(\\d{3})(\\d{3})(\\d{4})","$1 $2 $3",["[189]"],"0$1"]],,[,,,,,,,,,[-1]],,,[,,,,,,,,,[-1]],[,,,,,,,,,[-1]],,,[,,,,,,,,,[-1]]],EH:[,[,,"[5-8]\\d{8}",,,,,,,[9]],[,,"528[89]\\d{5}",,,,"528812345"],[,,"(?:6(?:[0-79]\\d|8[0-247-9])|7(?:0[067]|6[1267]|7[017]))\\d{6}",,,,"650123456"],</w:t>
            </w:r>
          </w:p>
          <w:p w:rsidR="00156FB3" w:rsidRDefault="00156FB3" w:rsidP="00156FB3">
            <w:r>
              <w:t>[,,"80\\d{7}",,,,"801234567"],[,,"89\\d{7}",,,,"891234567"],[,,,,,,,,,[-1]],[,,,,,,,,,[-</w:t>
            </w:r>
            <w:r>
              <w:lastRenderedPageBreak/>
              <w:t>1]],[,,"5924[01]\\d{4}",,,,"592401234"],"EH",212,"00","0",,,"0",,,,,,[,,,,,,,,,[-1]],,"528[89]",[,,,,,,,,,[-1]],[,,,,,,,,,[-1]],,,[,,,,,,,,,[-1]]],ER:[,[,,"[178]\\d{6}",,,,,,,[7],[6]],[,,"(?:1(?:1[12568]|[24]0|55|6[146])|8\\d\\d)\\d{4}",,,,"8370362",,,,[6]],[,,"(?:17[1-3]|7\\d\\d)\\d{4}",,,,"7123456"],[,,,,,,,,,[-1]],[,,,,,,,,,[-1]],[,,,,,,,,,[-1]],[,,,,,,,,,[-1]],[,,,,,,,,,[-1]],"ER",291,"00","0",,,"0",,,,[[,</w:t>
            </w:r>
          </w:p>
          <w:p w:rsidR="00156FB3" w:rsidRDefault="00156FB3" w:rsidP="00156FB3">
            <w:r>
              <w:t>"(\\d)(\\d{3})(\\d{3})","$1 $2 $3",["[178]"],"0$1"]],,[,,,,,,,,,[-1]],,,[,,,,,,,,,[-1]],[,,,,,,,,,[-1]],,,[,,,,,,,,,[-1]]],ES:[,[,,"(?:51|[6-9]\\d)\\d{7}",,,,,,,[9]],[,,"96906(?:0[0-8]|1[1-9]|[2-9]\\d)\\d\\d|9(?:69(?:0[0-57-9]|[1-9]\\d)|73(?:[0-8]\\d|9[1-9]))\\d{4}|(?:8(?:[1356]\\d|[28][0-8]|[47][1-9])|9(?:[135]\\d|[268][0-8]|4[1-9]|7[124-9]))\\d{6}",,,,"810123456"],[,,"9(?:6906(?:09|10)|7390\\d\\d)\\d\\d|(?:6\\d|7[1-48])\\d{7}",,,,"612345678"],[,,"[89]00\\d{6}",,,,"800123456"],[,,"80[367]\\d{6}",</w:t>
            </w:r>
          </w:p>
          <w:p w:rsidR="00156FB3" w:rsidRDefault="00156FB3" w:rsidP="00156FB3">
            <w:r>
              <w:t>,,,"803123456"],[,,"90[12]\\d{6}",,,,"901123456"],[,,"70\\d{7}",,,,"701234567"],[,,,,,,,,,[-1]],"ES",34,"00",,,,,,,,[[,"(\\d{4})","$1",["905"]],[,"(\\d{6})","$1",["[79]9"]],[,"(\\d{3})(\\d{3})(\\d{3})","$1 $2 $3",["[89]00"]],[,"(\\d{3})(\\d{2})(\\d{2})(\\d{2})","$1 $2 $3 $4",["[5-9]"]]],[[,"(\\d{3})(\\d{3})(\\d{3})","$1 $2 $3",["[89]00"]],[,"(\\d{3})(\\d{2})(\\d{2})(\\d{2})","$1 $2 $3 $4",["[5-9]"]]],[,,,,,,,,,[-1]],,,[,,,,,,,,,[-1]],[,,"51\\d{7}",,,,"511234567"],,,[,,,,,,,,,[-1]]],ET:[,[,,"(?:11|[2-59]\\d)\\d{7}",</w:t>
            </w:r>
          </w:p>
          <w:p w:rsidR="00156FB3" w:rsidRDefault="00156FB3" w:rsidP="00156FB3">
            <w:r>
              <w:t>,,,,,,[9],[7]],[,,"(?:11(?:1(?:1[124]|2[2-57]|3[1-5]|5[5-8]|8[6-8])|2(?:13|3[6-8]|5[89]|7[05-9]|8[2-6])|3(?:2[01]|3[0-289]|4[1289]|7[1-4]|87)|4(?:1[69]|3[2-49]|4[0-3]|6[5-8])|5(?:1[578]|44|5[0-4])|6(?:18|2[69]|39|4[5-7]|5[1-5]|6[0-59]|8[015-8]))|2(?:2(?:11[1-9]|22[0-7]|33\\d|44[1467]|66[1-68])|5(?:11[124-6]|33[2-8]|44[1467]|55[14]|66[1-3679]|77[124-79]|880))|3(?:3(?:11[0-46-8]|(?:22|55)[0-6]|33[0134689]|44[04]|66[01467])|4(?:44[0-8]|55[0-69]|66[0-3]|77[1-5]))|4(?:6(?:22[0-24-7]|33[1-5]|44[13-69]|55[14-689]|660|88[1-4])|7(?:(?:11|22)[1-9]|33[13-7]|44[13-6]|55[1-689]))|5(?:7(?:227|55[05]|(?:66|77)[14-8])|8(?:11[149]|22[013-79]|33[0-68]|44[013-8]|550|66[1-5]|77\\d)))\\d{4}",</w:t>
            </w:r>
          </w:p>
          <w:p w:rsidR="00156FB3" w:rsidRDefault="00156FB3" w:rsidP="00156FB3">
            <w:r>
              <w:t>,,,"111112345",,,,[7]],[,,"9\\d{8}",,,,"911234567"],[,,,,,,,,,[-1]],[,,,,,,,,,[-1]],[,,,,,,,,,[-1]],[,,,,,,,,,[-1]],[,,,,,,,,,[-1]],"ET",251,"00","0",,,"0",,,,[[,"(\\d{2})(\\d{3})(\\d{4})","$1 $2 $3",["[1-59]"],"0$1"]],,[,,,,,,,,,[-1]],,,[,,,,,,,,,[-1]],[,,,,,,,,,[-1]],,,[,,,,,,,,,[-1]]],FI:[,[,,"(?:[124-7]\\d|3[0-46-9])\\d{8}|[1-9]\\d{5,8}|[1-35689]\\d{4}",,,,,,,[5,6,7,8,9,10]],[,,"(?:1[3-79][1-8]|[235689][1-8]\\d)\\d{2,6}",,,,"131234567",,,[5,6,7,8,9]],[,,"(?:4[0-8]|50)\\d{4,8}",,,,"412345678",</w:t>
            </w:r>
          </w:p>
          <w:p w:rsidR="00156FB3" w:rsidRDefault="00156FB3" w:rsidP="00156FB3">
            <w:r>
              <w:t>,,[6,7,8,9,10]],[,,"800\\d{4,6}",,,,"800123456",,,[7,8,9]],[,,"[67]00\\d{5,6}",,,,"600123456",,,[8,9]],[,,,,,,,,,[-1]],[,,,,,,,,,[-1]],[,,,,,,,,,[-1]],"FI",358,"00|99(?:[01469]|5(?:[14]1|3[23]|5[59]|77|88|9[09]))","0",,,"0",,"00",,[[,"(\\d{5})","$1",["75[12]"],"0$1"],[,"(\\d)(\\d{4,9})","$1 $2",["[2568][1-8]|3(?:0[1-9]|[1-9])|9"],"0$1"],[,"(\\d{6})","$1",["11"]],[,"(\\d{3})(\\d{3,7})","$1 $2",["(?:[12]0|7)0|[368]"],"0$1"],[,"(\\d{2})(\\d{4,8})","$1 $2",["[12457]"],"0$1"]],[[,"(\\d)(\\d{4,9})","$1 $2",</w:t>
            </w:r>
          </w:p>
          <w:p w:rsidR="00156FB3" w:rsidRDefault="00156FB3" w:rsidP="00156FB3">
            <w:r>
              <w:t>["[2568][1-8]|3(?:0[1-9]|[1-9])|9"],"0$1"],[,"(\\d{3})(\\d{3,7})","$1 $2",["(?:[12]0|7)0|[368]"],"0$1"],[,"(\\d{2})(\\d{4,8})","$1 $2",["[12457]"],"0$1"]],[,,,,,,,,,[-1]],1,"1[03-79]|[2-9]",[,,"20(?:2[023]|9[89])\\d{1,6}|60[12]\\d{5,6}|(?:606|7(?:1|3\\d))\\d{7}|(?:[1-3]00|75[03-9])\\d{3,7}"],[,,"(?:10|[23][09])\\d{4,8}|60(?:[12]\\d{5,6}|6\\d{7})|7(?:(?:1|3\\d)\\d{7}|5[03-9]\\d{3,7})|20[2-59]\\d\\d",,,,"10112345"],,,[,,,,,,,,,[-1]]],FJ:[,[,,"45\\d{5}|(?:0800\\d|[235-9])\\d{6}",,,,,,,[7,11]],[,,"603\\d{4}|(?:3[0-5]|6[25-7]|8[58])\\d{5}",</w:t>
            </w:r>
          </w:p>
          <w:p w:rsidR="00156FB3" w:rsidRDefault="00156FB3" w:rsidP="00156FB3">
            <w:r>
              <w:t>,,,"3212345",,,[7]],[,,"(?:[279]\\d|45|5[01568]|8[034679])\\d{5}",,,,"7012345",,,[7]],[,,"0800\\d{7}",,,,"08001234567",,,[11]],[,,,,,,,,,[-1]],[,,,,,,,,,[-1]],[,,,,,,,,,[-1]],[,,,,,,,,,[-1]],"FJ",679,"0(?:0|52)",,,,,,"00",,[[,"(\\d{3})(\\d{4})","$1 $2",["[235-9]|45"]],[,"(\\d{4})(\\d{3})(\\d{4})","$1 $2 $3",["0"]]],,[,,,,,,,,,[-1]],,,[,,,,,,,,,[-1]],[,,,,,,,,,[-1]],,,[,,,,,,,,,[-1]]],FK:[,[,,"[2-7]\\d{4}",,,,,,,[5]],[,,"[2-47]\\d{4}",,,,"31234"],[,,"[56]\\d{4}",,,,"51234"],[,,,,,,,,,[-1]],[,,,,,,</w:t>
            </w:r>
          </w:p>
          <w:p w:rsidR="00156FB3" w:rsidRDefault="00156FB3" w:rsidP="00156FB3">
            <w:r>
              <w:t>,,,[-1]],[,,,,,,,,,[-1]],[,,,,,,,,,[-1]],[,,,,,,,,,[-1]],"FK",500,"00",,,,,,,,,,[,,,,,,,,,[-1]],,,[,,,,,,,,,[-1]],[,,,,,,,,,[-1]],,,[,,,,,,,,,[-</w:t>
            </w:r>
            <w:r>
              <w:lastRenderedPageBreak/>
              <w:t>1]]],FM:[,[,,"[39]\\d{6}",,,,,,,[7]],[,,"(?:3[2357]0[1-9]|9[2-6]\\d\\d)\\d{3}",,,,"3201234"],[,,"(?:3[2357]0[1-9]|9[2-7]\\d\\d)\\d{3}",,,,"3501234"],[,,,,,,,,,[-1]],[,,,,,,,,,[-1]],[,,,,,,,,,[-1]],[,,,,,,,,,[-1]],[,,,,,,,,,[-1]],"FM",691,"00",,,,,,,,[[,"(\\d{3})(\\d{4})","$1 $2",["[39]"]]],,[,,,,,,,,,[-1]],,,[,,,,,,,,,[-1]],[,,,,,,,,,[-1]],,,[,,,,,,,,,[-1]]],</w:t>
            </w:r>
          </w:p>
          <w:p w:rsidR="00156FB3" w:rsidRDefault="00156FB3" w:rsidP="00156FB3">
            <w:r>
              <w:t>FO:[,[,,"(?:[2-8]\\d|90)\\d{4}",,,,,,,[6]],[,,"(?:20|[34]\\d|8[19])\\d{4}",,,,"201234"],[,,"(?:[27][1-9]|5\\d)\\d{4}",,,,"211234"],[,,"80[257-9]\\d{3}",,,,"802123"],[,,"90(?:[13-5][15-7]|2[125-7]|99)\\d\\d",,,,"901123"],[,,,,,,,,,[-1]],[,,,,,,,,,[-1]],[,,"(?:6[0-36]|88)\\d{4}",,,,"601234"],"FO",298,"00",,,,"(10(?:01|[12]0|88))",,,,[[,"(\\d{6})","$1",["[2-9]"],,"$CC $1"]],,[,,,,,,,,,[-1]],,,[,,,,,,,,,[-1]],[,,,,,,,,,[-1]],,,[,,,,,,,,,[-1]]],FR:[,[,,"[1-9]\\d{8}",,,,,,,[9]],[,,"[1-5]\\d{8}",,,,"123456789"],</w:t>
            </w:r>
          </w:p>
          <w:p w:rsidR="00156FB3" w:rsidRDefault="00156FB3" w:rsidP="00156FB3">
            <w:r>
              <w:t>[,,"700\\d{6}|(?:6\\d|7[3-9])\\d{7}",,,,"612345678"],[,,"80[0-5]\\d{6}",,,,"801234567"],[,,"8[129]\\d{7}",,,,"891123456"],[,,"884\\d{6}",,,,"884012345"],[,,,,,,,,,[-1]],[,,"9\\d{8}",,,,"912345678"],"FR",33,"00","0",,,"0",,,,[[,"(\\d{4})","$1",["10"]],[,"(\\d{3})(\\d{3})","$1 $2",["1"]],[,"(\\d{3})(\\d{2})(\\d{2})(\\d{2})","$1 $2 $3 $4",["8"],"0 $1"],[,"(\\d)(\\d{2})(\\d{2})(\\d{2})(\\d{2})","$1 $2 $3 $4 $5",["[1-79]"],"0$1"]],[[,"(\\d{3})(\\d{2})(\\d{2})(\\d{2})","$1 $2 $3 $4",["8"],"0 $1"],[,"(\\d)(\\d{2})(\\d{2})(\\d{2})(\\d{2})",</w:t>
            </w:r>
          </w:p>
          <w:p w:rsidR="00156FB3" w:rsidRDefault="00156FB3" w:rsidP="00156FB3">
            <w:r>
              <w:t>"$1 $2 $3 $4 $5",["[1-79]"],"0$1"]],[,,,,,,,,,[-1]],,,[,,,,,,,,,[-1]],[,,"80[6-9]\\d{6}",,,,"806123456"],,,[,,,,,,,,,[-1]]],GA:[,[,,"(?:0\\d|[2-7])\\d{6}",,,,,,,[7,8]],[,,"01\\d{6}",,,,"01441234",,,[8]],[,,"(?:0[2-7]|[2-7])\\d{6}",,,,"06031234"],[,,,,,,,,,[-1]],[,,,,,,,,,[-1]],[,,,,,,,,,[-1]],[,,,,,,,,,[-1]],[,,,,,,,,,[-1]],"GA",241,"00",,,,,,,,[[,"(\\d)(\\d{2})(\\d{2})(\\d{2})","$1 $2 $3 $4",["[2-7]"],"0$1"],[,"(\\d{2})(\\d{2})(\\d{2})(\\d{2})","$1 $2 $3 $4",["0"]]],,[,,,,,,,,,[-1]],,,[,,,,,,,,,</w:t>
            </w:r>
          </w:p>
          <w:p w:rsidR="00156FB3" w:rsidRDefault="00156FB3" w:rsidP="00156FB3">
            <w:r>
              <w:t>[-1]],[,,,,,,,,,[-1]],,,[,,,,,,,,,[-1]]],GB:[,[,,"[1-357-9]\\d{9}|[18]\\d{8}|8\\d{6}",,,,,,,[7,9,10],[4,5,6,8]],[,,"(?:1(?:1(?:3[0-58]|4[0-5]|5[0-26-9]|6[0-4]|[78][0-49])|2(?:0[024-9]|1[0-7]|2[3-9]|3[3-79]|4[1-689]|[58][02-9]|6[0-47-9]|7[013-9]|9\\d)|3(?:0\\d|1[0-8]|[25][02-9]|3[02-579]|[468][0-46-9]|7[1-35-79]|9[2-578])|4(?:0[03-9]|[137]\\d|[28][02-57-9]|4[02-69]|5[0-8]|[69][0-79])|5(?:0[1-35-9]|[16]\\d|2[024-9]|3[015689]|4[02-9]|5[03-9]|7[0-35-9]|8[0-468]|9[0-57-9])|6(?:0[034689]|1\\d|2[0-35689]|[38][013-9]|4[1-467]|5[0-69]|6[13-9]|7[0-8]|9[0-24578])|7(?:0[0246-9]|2\\d|3[0236-8]|4[03-9]|5[0-46-9]|6[013-9]|7[0-35-9]|8[024-9]|9[02-9])|8(?:0[35-9]|2[1-57-9]|3[02-578]|4[0-578]|5[124-9]|6[2-69]|7\\d|8[02-9]|9[02569])|9(?:0[02-589]|[18]\\d|2[02-689]|3[1-57-9]|4[2-9]|5[0-579]|6[2-47-9]|7[0-24578]|9[2-57]))|2(?:0[01378]|3[0189]|4[017]|8[0-46-9]|9[0-2])\\d)\\d{6}|1(?:(?:2(?:0(?:46[1-4]|87[2-9])|545[1-79]|76(?:2\\d|3[1-8]|6[1-6])|9(?:7(?:2[0-4]|3[2-5])|8(?:2[2-8]|7[0-47-9]|8[3-5])))|3(?:6(?:38[2-5]|47[23])|8(?:47[04-9]|64[0157-9]))|4(?:044[1-7]|20(?:2[23]|8\\d)|6(?:0(?:30|5[2-57]|6[1-8]|7[2-8])|140)|8(?:052|87[1-3]))|5(?:2(?:4(?:3[2-79]|6\\d)|76\\d)|6(?:26[06-9]|686))|6(?:06(?:4\\d|7[4-79])|295[5-7]|35[34]\\d|47(?:24|61)|59(?:5[08]|6[67]|74)|9(?:55[0-4]|77[23]))|8(?:27[56]\\d|37(?:5[2-5]|8[239])|843[2-58])|9(?:0(?:0(?:6[1-8]|85)|52\\d)|3583|4(?:66[1-8]|9(?:2[01]|81))|63(?:23|3[1-4])|9561))\\d|7(?:(?:26(?:6[13-9]|7[0-7])|442\\d|50(?:2[0-3]|[3-68]2|76))\\d|6888[2-46-8]))\\d\\d",</w:t>
            </w:r>
          </w:p>
          <w:p w:rsidR="00156FB3" w:rsidRDefault="00156FB3" w:rsidP="00156FB3">
            <w:r>
              <w:t>,,,"1212345678",,,[9,10],[4,5,6,7,8]],[,,"7(?:457[0-57-9]|700[01]|911[028])\\d{5}|7(?:[1-3]\\d\\d|4(?:[0-46-9]\\d|5[0-689])|5(?:0[0-8]|[13-9]\\d|2[0-35-9])|7(?:0[1-9]|[1-7]\\d|8[02-9]|9[0-689])|8(?:[014-9]\\d|[23][0-8])|9(?:[024-9]\\d|1[02-9]|3[0-689]))\\d{6}",,,,"7400123456",,,[10]],[,,"80[08]\\d{7}|800\\d{6}|8001111",,,,"8001234567"],[,,"(?:8(?:4[2-5]|7[0-3])|9(?:[01]\\d|8[2-49]))\\d{7}|845464\\d",,,,"9012345678",,,[7,10]],[,,,,,,,,,[-1]],[,,"70\\d{8}",,,,"7012345678",,,[10]],[,,"56\\d{8}",,,,"5612345678",</w:t>
            </w:r>
          </w:p>
          <w:p w:rsidR="00156FB3" w:rsidRDefault="00156FB3" w:rsidP="00156FB3">
            <w:r>
              <w:t xml:space="preserve">,,[10]],"GB",44,"00","0"," x",,"0",,,,[[,"(\\d{3})(\\d{4})","$1 $2",["800","8001","80011","800111","8001111"],"0$1"],[,"(\\d{3})(\\d{2})(\\d{2})","$1 $2 $3",["845","8454","84546","845464"],"0$1"],[,"(\\d{3})(\\d{6})","$1 </w:t>
            </w:r>
            <w:r>
              <w:lastRenderedPageBreak/>
              <w:t>$2",["800"],"0$1"],[,"(\\d{5})(\\d{4,5})","$1 $2",["1(?:38|5[23]|69|76|94)","1(?:(?:38|69)7|5(?:24|39)|768|946)","1(?:3873|5(?:242|39[4-6])|(?:697|768)[347]|9467)"],"0$1"],[,"(\\d{4})(\\d{5,6})","$1 $2",["1(?:[2-69][02-9]|[78])"],"0$1"],[,"(\\d{2})(\\d{4})(\\d{4})","$1 $2 $3",["[25]|7(?:0|6[024-9])",</w:t>
            </w:r>
          </w:p>
          <w:p w:rsidR="00156FB3" w:rsidRDefault="00156FB3" w:rsidP="00156FB3">
            <w:r>
              <w:t>"[25]|7(?:0|6(?:[04-9]|2[356]))"],"0$1"],[,"(\\d{4})(\\d{6})","$1 $2",["7"],"0$1"],[,"(\\d{3})(\\d{3})(\\d{4})","$1 $2 $3",["[1389]"],"0$1"]],,[,,"76(?:0[0-2]|2[356]|4[0134]|5[49]|6[0-369]|77|81|9[39])\\d{6}",,,,"7640123456",,,[10]],1,,[,,,,,,,,,[-1]],[,,"(?:3[0347]|55)\\d{8}",,,,"5512345678",,,[10]],,,[,,,,,,,,,[-1]]],GD:[,[,,"(?:473|[58]\\d\\d|900)\\d{7}",,,,,,,[10],[7]],[,,"473(?:2(?:3[0-2]|69)|3(?:2[89]|86)|4(?:[06]8|3[5-9]|4[0-49]|5[5-79]|73|90)|63[68]|7(?:58|84)|800|938)\\d{4}",,,,"4732691234",</w:t>
            </w:r>
          </w:p>
          <w:p w:rsidR="00156FB3" w:rsidRDefault="00156FB3" w:rsidP="00156FB3">
            <w:r>
              <w:t>,,,[7]],[,,"473(?:4(?:0[2-79]|1[04-9]|2[0-5]|58)|5(?:2[01]|3[3-8])|901)\\d{4}",,,,"4734031234",,,,[7]],[,,"8(?:00|33|44|55|66|77|88)[2-9]\\d{6}",,,,"8002123456"],[,,"900[2-9]\\d{6}",,,,"9002123456"],[,,,,,,,,,[-1]],[,,"5(?:00|2[12]|33|44|66|77|88)[2-9]\\d{6}",,,,"5002345678"],[,,,,,,,,,[-1]],"GD",1,"011","1",,,"1|([2-9]\\d{6})$","473$1",,,,,[,,,,,,,,,[-1]],,"473",[,,,,,,,,,[-1]],[,,,,,,,,,[-1]],,,[,,,,,,,,,[-1]]],GE:[,[,,"(?:[3-57]\\d\\d|800)\\d{6}",,,,,,,[9],[6]],[,,"(?:3(?:[256]\\d|4[124-9]|7[0-4])|4(?:1\\d|2[2-7]|3[1-79]|4[2-8]|7[239]|9[1-7]))\\d{6}",</w:t>
            </w:r>
          </w:p>
          <w:p w:rsidR="00156FB3" w:rsidRDefault="00156FB3" w:rsidP="00156FB3">
            <w:r>
              <w:t>,,,"322123456",,,,[6]],[,,"(?:5(?:[14]4|5[0157-9]|68|7[0147-9]|9[1-35-9])|790)\\d{6}",,,,"555123456"],[,,"800\\d{6}",,,,"800123456"],[,,,,,,,,,[-1]],[,,,,,,,,,[-1]],[,,,,,,,,,[-1]],[,,"706\\d{6}",,,,"706123456"],"GE",995,"00","0",,,"0",,,,[[,"(\\d{3})(\\d{3})(\\d{3})","$1 $2 $3",["70"],"0$1"],[,"(\\d{3})(\\d{2})(\\d{2})(\\d{2})","$1 $2 $3 $4",["[57]"]],[,"(\\d{3})(\\d{2})(\\d{2})(\\d{2})","$1 $2 $3 $4",["[348]"],"0$1"]],,[,,,,,,,,,[-1]],,,[,,"706\\d{6}"],[,,,,,,,,,[-1]],,,[,,,,,,,,,[-1]]],GF:[,[,</w:t>
            </w:r>
          </w:p>
          <w:p w:rsidR="00156FB3" w:rsidRDefault="00156FB3" w:rsidP="00156FB3">
            <w:r>
              <w:t>,"[56]94\\d{6}",,,,,,,[9]],[,,"594(?:[023]\\d|1[01]|4[03-9]|5[6-9]|6[0-3]|80|9[014])\\d{4}",,,,"594101234"],[,,"694(?:[0-249]\\d|3[0-48])\\d{4}",,,,"694201234"],[,,,,,,,,,[-1]],[,,,,,,,,,[-1]],[,,,,,,,,,[-1]],[,,,,,,,,,[-1]],[,,,,,,,,,[-1]],"GF",594,"00","0",,,"0",,,,[[,"(\\d{3})(\\d{2})(\\d{2})(\\d{2})","$1 $2 $3 $4",["[56]"],"0$1"]],,[,,,,,,,,,[-1]],,,[,,,,,,,,,[-1]],[,,,,,,,,,[-1]],,,[,,,,,,,,,[-1]]],GG:[,[,,"(?:1481|[357-9]\\d{3})\\d{6}|8\\d{6}(?:\\d{2})?",,,,,,,[7,9,10],[6]],[,,"1481[25-9]\\d{5}",</w:t>
            </w:r>
          </w:p>
          <w:p w:rsidR="00156FB3" w:rsidRDefault="00156FB3" w:rsidP="00156FB3">
            <w:r>
              <w:t>,,,"1481256789",,,[10],[6]],[,,"7(?:(?:781|839)\\d|911[17])\\d{5}",,,,"7781123456",,,[10]],[,,"80[08]\\d{7}|800\\d{6}|8001111",,,,"8001234567"],[,,"(?:8(?:4[2-5]|7[0-3])|9(?:[01]\\d|8[0-3]))\\d{7}|845464\\d",,,,"9012345678",,,[7,10]],[,,,,,,,,,[-1]],[,,"70\\d{8}",,,,"7012345678",,,[10]],[,,"56\\d{8}",,,,"5612345678",,,[10]],"GG",44,"00","0",,,"0|([25-9]\\d{5})$","1481$1",,,,,[,,"76(?:0[0-2]|2[356]|4[0134]|5[49]|6[0-369]|77|81|9[39])\\d{6}",,,,"7640123456",,,[10]],,,[,,,,,,,,,[-1]],[,,"(?:3[0347]|55)\\d{8}",</w:t>
            </w:r>
          </w:p>
          <w:p w:rsidR="00156FB3" w:rsidRDefault="00156FB3" w:rsidP="00156FB3">
            <w:r>
              <w:t>,,,"5512345678",,,[10]],,,[,,,,,,,,,[-1]]],GH:[,[,,"(?:[235]\\d{3}|800)\\d{5}",,,,,,,[8,9],[7]],[,,"3(?:[167]2[0-6]|22[0-5]|32[0-3]|4(?:2[013-9]|3[01])|52[0-7]|82[0-2])\\d{5}|3(?:[0-8]8|9[28])0\\d{5}|3(?:0[237]|[1-9]7)\\d{6}",,,,"302345678",,,[9],[7]],[,,"56[01]\\d{6}|(?:2[0346-8]|5[0457])\\d{7}",,,,"231234567",,,[9]],[,,"800\\d{5}",,,,"80012345",,,[8]],[,,,,,,,,,[-1]],[,,,,,,,,,[-1]],[,,,,,,,,,[-1]],[,,,,,,,,,[-1]],"GH",233,"00","0",,,"0",,,,[[,"(\\d{3})(\\d{4})","$1 $2",["[237]|80"]],[,"(\\d{3})(\\d{5})",</w:t>
            </w:r>
          </w:p>
          <w:p w:rsidR="00156FB3" w:rsidRDefault="00156FB3" w:rsidP="00156FB3">
            <w:r>
              <w:t>"$1 $2",["8"],"0$1"],[,"(\\d{2})(\\d{3})(\\d{4})","$1 $2 $3",["[235]"],"0$1"]],[[,"(\\d{3})(\\d{5})","$1 $2",["8"],"0$1"],[,"(\\d{2})(\\d{3})(\\d{4})","$1 $2 $3",["[235]"],"0$1"]],[,,,,,,,,,[-1]],,,[,,"800\\d{5}",,,,,,,[8]],[,,,,,,,,,[-1]],,,[,,,,,,,,,[-1]]],GI:[,[,,"(?:[25]\\d\\d|629)\\d{5}",,,,,,,[8]],[,,"2190[0-2]\\d{3}|2(?:00\\d|16[24-7]|2(?:2[2457]|50))\\d{4}",,,,"20012345"],[,,"(?:5[46-8]\\d|629)\\d{5}",,,,"57123456"],[,,,,,,,,,[-1]],[,,,,,,,,,[-1]],[,,,,,,,,,[-1]],[,,,,,,,,,[-1]],[,,,,,,,,</w:t>
            </w:r>
          </w:p>
          <w:p w:rsidR="00156FB3" w:rsidRDefault="00156FB3" w:rsidP="00156FB3">
            <w:r>
              <w:t>,[-1]],"GI",350,"00",,,,,,,,[[,"(\\d{3})(\\d{5})","$1 $2",["2"]]],,[,,,,,,,,,[-1]],,,[,,,,,,,,,[-1]],[,,,,,,,,,[-1]],,,[,,,,,,,,,[-1]]],GL:[,[,,"(?:19|[2-689]\\d)\\d{4}",,,,,,,[6]],[,,"(?:19|3[1-7]|6[14689]|8[14-</w:t>
            </w:r>
            <w:r>
              <w:lastRenderedPageBreak/>
              <w:t>79]|9\\d)\\d{4}",,,,"321000"],[,,"(?:[25][1-9]|4[2-9])\\d{4}",,,,"221234"],[,,"80\\d{4}",,,,"801234"],[,,,,,,,,,[-1]],[,,,,,,,,,[-1]],[,,,,,,,,,[-1]],[,,"3[89]\\d{4}",,,,"381234"],"GL",299,"00",,,,,,,,[[,"(\\d{2})(\\d{2})(\\d{2})","$1 $2 $3",["19|[2-689]"]]],,[,,,,,,,,,[-1]],,,[,,,,,,,,,[-1]],</w:t>
            </w:r>
          </w:p>
          <w:p w:rsidR="00156FB3" w:rsidRDefault="00156FB3" w:rsidP="00156FB3">
            <w:r>
              <w:t>[,,,,,,,,,[-1]],,,[,,,,,,,,,[-1]]],GM:[,[,,"[2-9]\\d{6}",,,,,,,[7]],[,,"(?:4(?:[23]\\d\\d|4(?:1[024679]|[6-9]\\d))|5(?:54[0-7]|6[67]\\d|7(?:1[04]|2[035]|3[58]|48))|8\\d{3})\\d{3}",,,,"5661234"],[,,"(?:[23679]\\d|5[01])\\d{5}",,,,"3012345"],[,,,,,,,,,[-1]],[,,,,,,,,,[-1]],[,,,,,,,,,[-1]],[,,,,,,,,,[-1]],[,,,,,,,,,[-1]],"GM",220,"00",,,,,,,,[[,"(\\d{3})(\\d{4})","$1 $2",["[2-9]"]]],,[,,,,,,,,,[-1]],,,[,,,,,,,,,[-1]],[,,,,,,,,,[-1]],,,[,,,,,,,,,[-1]]],GN:[,[,,"(?:30|6\\d\\d|722)\\d{6}",,,,,,,[8,9]],</w:t>
            </w:r>
          </w:p>
          <w:p w:rsidR="00156FB3" w:rsidRDefault="00156FB3" w:rsidP="00156FB3">
            <w:r>
              <w:t>[,,"30(?:24|3[12]|4[1-35-7]|5[13]|6[189]|[78]1|9[1478])\\d{4}",,,,"30241234",,,[8]],[,,"6[02356]\\d{7}",,,,"601123456",,,[9]],[,,,,,,,,,[-1]],[,,,,,,,,,[-1]],[,,,,,,,,,[-1]],[,,,,,,,,,[-1]],[,,"722\\d{6}",,,,"722123456",,,[9]],"GN",224,"00",,,,,,,,[[,"(\\d{2})(\\d{2})(\\d{2})(\\d{2})","$1 $2 $3 $4",["3"]],[,"(\\d{3})(\\d{2})(\\d{2})(\\d{2})","$1 $2 $3 $4",["[67]"]]],,[,,,,,,,,,[-1]],,,[,,,,,,,,,[-1]],[,,,,,,,,,[-1]],,,[,,,,,,,,,[-1]]],GP:[,[,,"(?:590|69\\d)\\d{6}",,,,,,,[9]],[,,"590(?:0[1-68]|1[0-2]|2[0-68]|3[1289]|4[0-24-9]|5[3-579]|6[0189]|7[08]|8[0-689]|9\\d)\\d{4}",</w:t>
            </w:r>
          </w:p>
          <w:p w:rsidR="00156FB3" w:rsidRDefault="00156FB3" w:rsidP="00156FB3">
            <w:r>
              <w:t>,,,"590201234"],[,,"69(?:0\\d\\d|1(?:2[29]|3[0-5]))\\d{4}",,,,"690001234"],[,,,,,,,,,[-1]],[,,,,,,,,,[-1]],[,,,,,,,,,[-1]],[,,,,,,,,,[-1]],[,,,,,,,,,[-1]],"GP",590,"00","0",,,"0",,,,[[,"(\\d{3})(\\d{2})(\\d{2})(\\d{2})","$1 $2 $3 $4",["[56]"],"0$1"]],,[,,,,,,,,,[-1]],1,,[,,,,,,,,,[-1]],[,,,,,,,,,[-1]],,,[,,,,,,,,,[-1]]],GQ:[,[,,"222\\d{6}|(?:3\\d|55|[89]0)\\d{7}",,,,,,,[9]],[,,"33[0-24-9]\\d[46]\\d{4}|3(?:33|5\\d)\\d[7-9]\\d{4}",,,,"333091234"],[,,"(?:222|55[015])\\d{6}",,,,"222123456"],[,,"80\\d[1-9]\\d{5}",</w:t>
            </w:r>
          </w:p>
          <w:p w:rsidR="00156FB3" w:rsidRDefault="00156FB3" w:rsidP="00156FB3">
            <w:r>
              <w:t>,,,"800123456"],[,,"90\\d[1-9]\\d{5}",,,,"900123456"],[,,,,,,,,,[-1]],[,,,,,,,,,[-1]],[,,,,,,,,,[-1]],"GQ",240,"00",,,,,,,,[[,"(\\d{3})(\\d{3})(\\d{3})","$1 $2 $3",["[235]"]],[,"(\\d{3})(\\d{6})","$1 $2",["[89]"]]],,[,,,,,,,,,[-1]],,,[,,,,,,,,,[-1]],[,,,,,,,,,[-1]],,,[,,,,,,,,,[-1]]],GR:[,[,,"(?:[268]\\d|[79]0)\\d{8}",,,,,,,[10]],[,,"2(?:1\\d\\d|2(?:2[1-46-9]|[36][1-8]|4[1-7]|5[1-4]|7[1-5]|[89][1-9])|3(?:1\\d|2[1-57]|[35][1-3]|4[13]|7[1-7]|8[124-6]|9[1-79])|4(?:1\\d|2[1-8]|3[1-4]|4[13-5]|6[1-578]|9[1-5])|5(?:1\\d|[29][1-4]|3[1-5]|4[124]|5[1-6])|6(?:1\\d|[269][1-6]|3[1245]|4[1-7]|5[13-9]|7[14]|8[1-5])|7(?:1\\d|2[1-5]|3[1-6]|4[1-7]|5[1-57]|6[135]|9[125-7])|8(?:1\\d|2[1-5]|[34][1-4]|9[1-57]))\\d{6}",</w:t>
            </w:r>
          </w:p>
          <w:p w:rsidR="00156FB3" w:rsidRDefault="00156FB3" w:rsidP="00156FB3">
            <w:r>
              <w:t>,,,"2123456789"],[,,"6(?:8[57-9]|9\\d)\\d{7}",,,,"6912345678"],[,,"800\\d{7}",,,,"8001234567"],[,,"90[19]\\d{7}",,,,"9091234567"],[,,"8(?:0[16]|12|25)\\d{7}",,,,"8011234567"],[,,"70\\d{8}",,,,"7012345678"],[,,,,,,,,,[-1]],"GR",30,"00",,,,,,,,[[,"(\\d{2})(\\d{4})(\\d{4})","$1 $2 $3",["21|7"]],[,"(\\d{4})(\\d{6})","$1 $2",["2(?:2|3[2-57-9]|4[2-469]|5[2-59]|6[2-9]|7[2-69]|8[2-49])"]],[,"(\\d{3})(\\d{3})(\\d{4})","$1 $2 $3",["[2689]"]]],,[,,,,,,,,,[-1]],,,[,,,,,,,,,[-1]],[,,,,,,,,,[-1]],,,[,,,,,,,,,[-1]]],</w:t>
            </w:r>
          </w:p>
          <w:p w:rsidR="00156FB3" w:rsidRDefault="00156FB3" w:rsidP="00156FB3">
            <w:r>
              <w:t>GT:[,[,,"(?:1\\d{3}|[2-7])\\d{7}",,,,,,,[8,11]],[,,"[267][2-9]\\d{6}",,,,"22456789",,,[8]],[,,"[3-5]\\d{7}",,,,"51234567",,,[8]],[,,"18[01]\\d{8}",,,,"18001112222",,,[11]],[,,"19\\d{9}",,,,"19001112222",,,[11]],[,,,,,,,,,[-1]],[,,,,,,,,,[-1]],[,,,,,,,,,[-1]],"GT",502,"00",,,,,,,,[[,"(\\d{4})(\\d{4})","$1 $2",["[2-7]"]],[,"(\\d{4})(\\d{3})(\\d{4})","$1 $2 $3",["1"]]],,[,,,,,,,,,[-1]],,,[,,,,,,,,,[-1]],[,,,,,,,,,[-1]],,,[,,,,,,,,,[-1]]],GU:[,[,,"(?:[58]\\d\\d|671|900)\\d{7}",,,,,,,[10],[7]],[,,"671(?:3(?:00|3[39]|4[349]|55|6[26])|4(?:00|56|7[1-9]|8[0236-9])|5(?:55|6[2-5]|88)|6(?:3[2-578]|4[24-9]|5[34]|78|8[235-9])|7(?:[0479]7|2[0167]|3[45]|8[7-9])|8(?:[2-57-9]8|6[48])|9(?:2[29]|6[79]|7[1279]|8[7-9]|9[78]))\\d{4}",</w:t>
            </w:r>
          </w:p>
          <w:p w:rsidR="00156FB3" w:rsidRDefault="00156FB3" w:rsidP="00156FB3">
            <w:r>
              <w:t>,,,"6713001234",,,,[7]],[,,"671(?:3(?:00|3[39]|4[349]|55|6[26])|4(?:00|56|7[1-9]|8[0236-9])|5(?:55|6[2-5]|88)|6(?:3[2-578]|4[24-9]|5[34]|78|8[235-9])|7(?:[0479]7|2[0167]|3[45]|8[7-9])|8(?:[2-57-9]8|6[48])|9(?:2[29]|6[79]|7[1279]|8[7-9]|9[78]))\\d{4}",,,,"6713001234",,,,[7]],[,,"8(?:00|33|44|55|66|77|88)[2-</w:t>
            </w:r>
            <w:r>
              <w:lastRenderedPageBreak/>
              <w:t>9]\\d{6}",,,,"8002123456"],[,,"900[2-9]\\d{6}",,,,"9002123456"],[,,,,,,,,,[-1]],[,,"5(?:00|2[12]|33|44|66|77|88)[2-9]\\d{6}",,,,"5002345678"],[,,,,,,,,,[-1]],"GU",1,"011","1",,,"1|([3-9]\\d{6})$",</w:t>
            </w:r>
          </w:p>
          <w:p w:rsidR="00156FB3" w:rsidRDefault="00156FB3" w:rsidP="00156FB3">
            <w:r>
              <w:t>"671$1",,1,,,[,,,,,,,,,[-1]],,"671",[,,,,,,,,,[-1]],[,,,,,,,,,[-1]],,,[,,,,,,,,,[-1]]],GW:[,[,,"[49]\\d{8}|4\\d{6}",,,,,,,[7,9]],[,,"443\\d{6}",,,,"443201234",,,[9]],[,,"9(?:5\\d|6[569]|77)\\d{6}",,,,"955012345",,,[9]],[,,,,,,,,,[-1]],[,,,,,,,,,[-1]],[,,,,,,,,,[-1]],[,,,,,,,,,[-1]],[,,"40\\d{5}",,,,"4012345",,,[7]],"GW",245,"00",,,,,,,,[[,"(\\d{3})(\\d{4})","$1 $2",["40"]],[,"(\\d{3})(\\d{3})(\\d{3})","$1 $2 $3",["[49]"]]],,[,,,,,,,,,[-1]],,,[,,,,,,,,,[-1]],[,,,,,,,,,[-1]],,,[,,,,,,,,,[-1]]],GY:[,</w:t>
            </w:r>
          </w:p>
          <w:p w:rsidR="00156FB3" w:rsidRDefault="00156FB3" w:rsidP="00156FB3">
            <w:r>
              <w:t>[,,"(?:862\\d|9008)\\d{3}|(?:[2-46]\\d|77)\\d{5}",,,,,,,[7]],[,,"(?:2(?:1[6-9]|2[0-35-9]|3[1-4]|5[3-9]|6\\d|7[0-24-79])|3(?:2[25-9]|3\\d)|4(?:4[0-24]|5[56])|77[1-57])\\d{4}",,,,"2201234"],[,,"6\\d{6}",,,,"6091234"],[,,"(?:289|862)\\d{4}",,,,"2891234"],[,,"9008\\d{3}",,,,"9008123"],[,,,,,,,,,[-1]],[,,,,,,,,,[-1]],[,,,,,,,,,[-1]],"GY",592,"001",,,,,,,,[[,"(\\d{3})(\\d{4})","$1 $2",["[2-46-9]"]]],,[,,,,,,,,,[-1]],,,[,,,,,,,,,[-1]],[,,,,,,,,,[-1]],,,[,,,,,,,,,[-1]]],HK:[,[,,"8[0-46-9]\\d{6,7}|9\\d{4}(?:\\d(?:\\d(?:\\d{4})?)?)?|(?:[235-79]\\d|46)\\d{6}",</w:t>
            </w:r>
          </w:p>
          <w:p w:rsidR="00156FB3" w:rsidRDefault="00156FB3" w:rsidP="00156FB3">
            <w:r>
              <w:t>,,,,,,[5,6,7,8,9,11]],[,,"(?:384[04]|58(?:0[1-8]|1[2-9]))\\d{4}|(?:2(?:[13-8]\\d|2[013-9]|9[0-24-9])|3(?:[1569][0-24-9]|4[0-246-9]|7[0-24-69]|89))\\d{5}",,,,"21234567",,,[8]],[,,"(?:46(?:0[0-6]|1[0-2]|4[0-57-9])|5730|(?:626|848)[01]|707[1-5]|929[03-9])\\d{4}|(?:5(?:[1-59][0-46-9]|6[0-4689]|7[0-2469])|6(?:0[1-9]|[13-59]\\d|[268][0-57-9]|7[0-79])|9(?:0[1-9]|1[02-9]|[2358][0-8]|[467]\\d))\\d{5}",,,,"51234567",,,[8]],[,,"800\\d{6}",,,,"800123456",,,[9]],[,,"900(?:[0-24-9]\\d{7}|3\\d{1,4})",,,,"90012345678",</w:t>
            </w:r>
          </w:p>
          <w:p w:rsidR="00156FB3" w:rsidRDefault="00156FB3" w:rsidP="00156FB3">
            <w:r>
              <w:t>,,[5,6,7,8,11]],[,,,,,,,,,[-1]],[,,"8(?:1[0-4679]\\d|2(?:[0-36]\\d|7[0-4])|3(?:[034]\\d|2[09]|70))\\d{4}",,,,"81123456",,,[8]],[,,,,,,,,,[-1]],"HK",852,"00(?:30|5[09]|[126-9]?)",,,,,,"00",,[[,"(\\d{3})(\\d{2,5})","$1 $2",["900","9003"]],[,"(\\d{4})(\\d{4})","$1 $2",["[2-7]|8[1-4]|9(?:0[1-9]|[1-8])"]],[,"(\\d{3})(\\d{3})(\\d{3})","$1 $2 $3",["8"]],[,"(\\d{3})(\\d{2})(\\d{3})(\\d{3})","$1 $2 $3 $4",["9"]]],,[,,"7(?:1(?:0[0-38]|1[0-3679]|3[013]|69|9[136])|2(?:[02389]\\d|1[18]|7[27-9])|3(?:[0-38]\\d|7[0-369]|9[2357-9])|47\\d|5(?:[178]\\d|5[0-5])|6(?:0[0-7]|2[236-9]|[35]\\d)|7(?:[27]\\d|8[7-9])|8(?:[23689]\\d|7[1-9])|9(?:[025]\\d|6[0-246-8]|7[0-36-9]|8[238]))\\d{4}",</w:t>
            </w:r>
          </w:p>
          <w:p w:rsidR="00156FB3" w:rsidRDefault="00156FB3" w:rsidP="00156FB3">
            <w:r>
              <w:t>,,,"71123456",,,[8]],,,[,,,,,,,,,[-1]],[,,"30(?:0[1-9]|[15-7]\\d|2[047]|89)\\d{4}",,,,"30161234",,,[8]],,,[,,,,,,,,,[-1]]],HN:[,[,,"[237-9]\\d{7}",,,,,,,[8]],[,,"2(?:2(?:0[019]|1[1-36]|[23]\\d|4[04-6]|5[57]|6[24]|7[0135689]|8[01346-9]|9[0-2])|4(?:07|2[3-59]|3[13-689]|4[0-68]|5[1-35])|5(?:08|16|4[03-5]|5\\d|6[4-6]|74|80)|6(?:[056]\\d|17|3[04]|4[0-378]|[78][0-8]|9[01])|7(?:6[46-9]|7[02-9]|8[034])|8(?:79|8[0-357-9]|9[1-57-9]))\\d{4}",,,,"22123456"],[,,"[37-9]\\d{7}",,,,"91234567"],[,,,,,,,,,[-1]],[,</w:t>
            </w:r>
          </w:p>
          <w:p w:rsidR="00156FB3" w:rsidRDefault="00156FB3" w:rsidP="00156FB3">
            <w:r>
              <w:t>,,,,,,,,[-1]],[,,,,,,,,,[-1]],[,,,,,,,,,[-1]],[,,,,,,,,,[-1]],"HN",504,"00",,,,,,,,[[,"(\\d{4})(\\d{4})","$1-$2",["[237-9]"]]],,[,,,,,,,,,[-1]],,,[,,,,,,,,,[-1]],[,,,,,,,,,[-1]],,,[,,,,,,,,,[-1]]],HR:[,[,,"(?:[24-69]\\d|3[0-79])\\d{7}|80\\d{5,7}|[1-79]\\d{7}|6\\d{5,6}",,,,,,,[6,7,8,9]],[,,"1\\d{7}|(?:2[0-3]|3[1-5]|4[02-47-9]|5[1-3])\\d{6,7}",,,,"12345678",,,[8,9],[6,7]],[,,"9(?:751\\d{5}|8\\d{6,7})|9(?:01|[1259]\\d|7[0679])\\d{6}",,,,"921234567",,,[8,9]],[,,"80[01]\\d{4,6}",,,,"800123456",,,[7,8,</w:t>
            </w:r>
          </w:p>
          <w:p w:rsidR="00156FB3" w:rsidRDefault="00156FB3" w:rsidP="00156FB3">
            <w:r>
              <w:t>9]],[,,"6[01459]\\d{6}|6[01]\\d{4,5}",,,,"611234",,,[6,7,8]],[,,,,,,,,,[-1]],[,,"7[45]\\d{6}",,,,"74123456",,,[8]],[,,,,,,,,,[-1]],"HR",385,"00","0",,,"0",,,,[[,"(\\d{2})(\\d{2})(\\d{2,3})","$1 $2 $3",["6[01]"],"0$1"],[,"(\\d{3})(\\d{2})(\\d{2,3})","$1 $2 $3",["8"],"0$1"],[,"(\\d)(\\d{4})(\\d{3})","$1 $2 $3",["1"],"0$1"],[,"(\\d{2})(\\d{3})(\\d{3,4})","$1 $2 $3",["[67]"],"0$1"],[,"(\\d{2})(\\d{3})(\\d{3,4})","$1 $2 $3",["9"],"0$1"],[,"(\\d{2})(\\d{3})(\\d{3,4})","$1 $2 $3",["[2-5]"],"0$1"],[,"(\\d{3})(\\d{3})(\\d{3})",</w:t>
            </w:r>
          </w:p>
          <w:p w:rsidR="00156FB3" w:rsidRDefault="00156FB3" w:rsidP="00156FB3">
            <w:r>
              <w:t>"$1 $2 $3",["8"],"0$1"]],,[,,,,,,,,,[-1]],,,[,,,,,,,,,[-1]],[,,"62\\d{6,7}|72\\d{6}",,,,"62123456",,,[8,9]],,,[,,,,,,,,,[-1]]],HT:[,[,,"[2-489]\\d{7}",,,,,,,[8]],[,,"2(?:2\\d|5[1-</w:t>
            </w:r>
            <w:r>
              <w:lastRenderedPageBreak/>
              <w:t>5]|81|9[149])\\d{5}",,,,"22453300"],[,,"[34]\\d{7}",,,,"34101234"],[,,"8\\d{7}",,,,"80012345"],[,,,,,,,,,[-1]],[,,,,,,,,,[-1]],[,,,,,,,,,[-1]],[,,"9(?:[67][0-4]|8[0-3589]|9\\d)\\d{5}",,,,"98901234"],"HT",509,"00",,,,,,,,[[,"(\\d{2})(\\d{2})(\\d{4})","$1 $2 $3",["[2-489]"]]],,[,,,,,,,,,[-1]],,,[,,,,,,,,,[-1]],[,,,,,,,,,[-1]],</w:t>
            </w:r>
          </w:p>
          <w:p w:rsidR="00156FB3" w:rsidRDefault="00156FB3" w:rsidP="00156FB3">
            <w:r>
              <w:t>,,[,,,,,,,,,[-1]]],HU:[,[,,"[2357]\\d{8}|[1-9]\\d{7}",,,,,,,[8,9],[6,7]],[,,"(?:1\\d|[27][2-9]|3[2-7]|4[24-9]|5[2-79]|6[23689]|8[2-57-9]|9[2-69])\\d{6}",,,,"12345678",,,[8],[6,7]],[,,"(?:[257]0|3[01])\\d{7}",,,,"201234567",,,[9]],[,,"[48]0\\d{6}",,,,"80123456",,,[8]],[,,"9[01]\\d{6}",,,,"90123456",,,[8]],[,,,,,,,,,[-1]],[,,,,,,,,,[-1]],[,,"21\\d{7}",,,,"211234567",,,[9]],"HU",36,"00","06",,,"06",,,,[[,"(\\d)(\\d{3})(\\d{4})","$1 $2 $3",["1"],"($1)"],[,"(\\d{2})(\\d{3})(\\d{3,4})","$1 $2 $3",["[2-9]"],</w:t>
            </w:r>
          </w:p>
          <w:p w:rsidR="00156FB3" w:rsidRDefault="00156FB3" w:rsidP="00156FB3">
            <w:r>
              <w:t>"($1)"]],,[,,,,,,,,,[-1]],,,[,,"[48]0\\d{6}",,,,,,,[8]],[,,"38\\d{7}",,,,"381234567",,,[9]],,,[,,,,,,,,,[-1]]],ID:[,[,,"(?:[1-36]|8\\d{5})\\d{6}|[1-9]\\d{8,10}|[2-9]\\d{7}",,,,,,,[7,8,9,10,11,12],[5,6]],[,,"2[124]\\d{7,8}|619\\d{8}|2(?:1(?:14|500)|2\\d{3})\\d{3}|61\\d{5,8}|(?:2(?:[35][1-4]|6[0-8]|7[1-6]|8\\d|9[1-8])|3(?:1|[25][1-8]|3[1-68]|4[1-3]|6[1-3568]|7[0-469]|8\\d)|4(?:0[1-589]|1[01347-9]|2[0-36-8]|3[0-24-68]|43|5[1-378]|6[1-5]|7[134]|8[1245])|5(?:1[1-35-9]|2[25-8]|3[124-9]|4[1-3589]|5[1-46]|6[1-8])|6(?:[25]\\d|3[1-69]|4[1-6])|7(?:02|[125][1-9]|[36]\\d|4[1-8]|7[0-36-9])|9(?:0[12]|1[013-8]|2[0-479]|5[125-8]|6[23679]|7[159]|8[01346]))\\d{5,8}",</w:t>
            </w:r>
          </w:p>
          <w:p w:rsidR="00156FB3" w:rsidRDefault="00156FB3" w:rsidP="00156FB3">
            <w:r>
              <w:t>,,,"218350123",,,[7,8,9,10,11],[5,6]],[,,"8[1-35-9]\\d{7,10}",,,,"812345678",,,[9,10,11,12]],[,,"(?:177\\d|800)\\d{5,7}",,,,"8001234567",,,[8,9,10,11]],[,,"809\\d{7}",,,,"8091234567",,,[10]],[,,"804\\d{7}",,,,"8041234567",,,[10]],[,,,,,,,,,[-1]],[,,,,,,,,,[-1]],"ID",62,"0(?:0[17-9]|10(?:00|1[67]))","0",,,"0",,,,[[,"(\\d)(\\d{3})(\\d{3})","$1 $2 $3",["15"]],[,"(\\d{2})(\\d{5,9})","$1 $2",["2[124]|[36]1"],"(0$1)"],[,"(\\d{3})(\\d{5,7})","$1 $2",["800"],"0$1"],[,"(\\d{3})(\\d{5,8})","$1 $2",["[2-79]"],</w:t>
            </w:r>
          </w:p>
          <w:p w:rsidR="00156FB3" w:rsidRDefault="00156FB3" w:rsidP="00156FB3">
            <w:r>
              <w:t>"(0$1)"],[,"(\\d{3})(\\d{3,4})(\\d{3})","$1-$2-$3",["8[1-35-9]"],"0$1"],[,"(\\d{3})(\\d{6,8})","$1 $2",["1"],"0$1"],[,"(\\d{3})(\\d{3})(\\d{4})","$1 $2 $3",["804"],"0$1"],[,"(\\d{3})(\\d)(\\d{3})(\\d{3})","$1 $2 $3 $4",["80"],"0$1"],[,"(\\d{3})(\\d{4})(\\d{4,5})","$1-$2-$3",["8"],"0$1"]],,[,,,,,,,,,[-1]],,,[,,"8071\\d{6}",,,,,,,[10]],[,,"(?:1500|8071\\d{3})\\d{3}",,,,"8071123456",,,[7,10]],,,[,,,,,,,,,[-1]]],IE:[,[,,"(?:1\\d|[2569])\\d{6,8}|4\\d{6,9}|7\\d{8}|8\\d{8,9}",,,,,,,[7,8,9,10],[5,6]],[,,</w:t>
            </w:r>
          </w:p>
          <w:p w:rsidR="00156FB3" w:rsidRDefault="00156FB3" w:rsidP="00156FB3">
            <w:r>
              <w:t>"(?:1\\d|21)\\d{6,7}|(?:2[24-9]|4(?:0[24]|5\\d|7)|5(?:0[45]|1\\d|8)|6(?:1\\d|[237-9])|9(?:1\\d|[35-9]))\\d{5}|(?:23|4(?:[1-469]|8[0-46-9])|5[23679]|6[4-6]|7[14]|9[04])\\d{7}",,,,"2212345",,,,[5,6]],[,,"8(?:22|[35-9]\\d)\\d{6}",,,,"850123456",,,[9]],[,,"1800\\d{6}",,,,"1800123456",,,[10]],[,,"15(?:1[2-8]|[2-8]0|9[089])\\d{6}",,,,"1520123456",,,[10]],[,,"18[59]0\\d{6}",,,,"1850123456",,,[10]],[,,"700\\d{6}",,,,"700123456",,,[9]],[,,"76\\d{7}",,,,"761234567",,,[9]],"IE",353,"00","0",,,"0",,,,[[,"(\\d{2})(\\d{5})",</w:t>
            </w:r>
          </w:p>
          <w:p w:rsidR="00156FB3" w:rsidRDefault="00156FB3" w:rsidP="00156FB3">
            <w:r>
              <w:t>"$1 $2",["2[24-9]|47|58|6[237-9]|9[35-9]"],"(0$1)"],[,"(\\d{3})(\\d{5})","$1 $2",["[45]0"],"(0$1)"],[,"(\\d)(\\d{3,4})(\\d{4})","$1 $2 $3",["1"],"(0$1)"],[,"(\\d{2})(\\d{3})(\\d{3,4})","$1 $2 $3",["[2569]|4[1-69]|7[14]"],"(0$1)"],[,"(\\d{3})(\\d{3})(\\d{3})","$1 $2 $3",["70"],"0$1"],[,"(\\d{3})(\\d{3})(\\d{3})","$1 $2 $3",["81"],"(0$1)"],[,"(\\d{2})(\\d{3})(\\d{4})","$1 $2 $3",["[78]"],"0$1"],[,"(\\d{4})(\\d{3})(\\d{3})","$1 $2 $3",["1"]],[,"(\\d{2})(\\d)(\\d{3})(\\d{4})","$1 $2 $3 $4",["8"],"0$1"],</w:t>
            </w:r>
          </w:p>
          <w:p w:rsidR="00156FB3" w:rsidRDefault="00156FB3" w:rsidP="00156FB3">
            <w:r>
              <w:t>[,"(\\d{2})(\\d{4})(\\d{4})","$1 $2 $3",["4"],"(0$1)"]],,[,,,,,,,,,[-1]],,,[,,"18[59]0\\d{6}",,,,,,,[10]],[,,"818\\d{6}",,,,"818123456",,,[9]],,,[,,"8[35-9]5\\d{7}",,,,"8551234567",,,[10]]],IL:[,[,,"1\\d{6}(?:\\d{3,5})?|[57]\\d{8}|[1-489]\\d{7}",,,,,,,[7,8,9,10,11,12]],[,,"153\\d{8,9}|[2-489]\\d{7}",,,,"21234567",,,[8,11,12],[7]],[,,"5(?:(?:[0-489][2-9]|6\\d)\\d|5(?:01|2[2-5]|3[23]|4[45]|5[05689]|6[6-8]|7[0-267]|8[7-9]|9[1-9]))\\d{5}",,,,"502345678",,,[9]],[,,"1(?:255|80[019]\\d{3})\\d{3}",,,,"1800123456",</w:t>
            </w:r>
          </w:p>
          <w:p w:rsidR="00156FB3" w:rsidRDefault="00156FB3" w:rsidP="00156FB3">
            <w:r>
              <w:lastRenderedPageBreak/>
              <w:t>,,[7,10]],[,,"1212\\d{4}|1(?:200|9(?:0[01]|19))\\d{6}",,,,"1919123456",,,[8,10]],[,,"1700\\d{6}",,,,"1700123456",,,[10]],[,,,,,,,,,[-1]],[,,"78(?:33|55|77|81)\\d{5}|7(?:18|2[23]|3[237]|47|6[58]|7\\d|82|9[2357-9])\\d{6}",,,,"771234567",,,[9]],"IL",972,"0(?:0|1[2-9])","0",,,"0",,,,[[,"(\\d{4})(\\d{3})","$1-$2",["125"]],[,"(\\d{4})(\\d{2})(\\d{2})","$1-$2-$3",["121"]],[,"(\\d)(\\d{3})(\\d{4})","$1-$2-$3",["[2-489]"],"0$1"],[,"(\\d{2})(\\d{3})(\\d{4})","$1-$2-$3",["[57]"],"0$1"],[,"(\\d{4})(\\d{3})(\\d{3})",</w:t>
            </w:r>
          </w:p>
          <w:p w:rsidR="00156FB3" w:rsidRDefault="00156FB3" w:rsidP="00156FB3">
            <w:r>
              <w:t>"$1-$2-$3",["12"]],[,"(\\d{4})(\\d{6})","$1-$2",["159"]],[,"(\\d)(\\d{3})(\\d{3})(\\d{3})","$1-$2-$3-$4",["1[7-9]"]],[,"(\\d{3})(\\d{1,2})(\\d{3})(\\d{4})","$1-$2 $3-$4",["15"]]],,[,,,,,,,,,[-1]],,,[,,"1700\\d{6}",,,,,,,[10]],[,,"1599\\d{6}",,,,"1599123456",,,[10]],,,[,,"151\\d{8,9}",,,,"15112340000",,,[11,12]]],IM:[,[,,"1624\\d{6}|(?:[3578]\\d|90)\\d{8}",,,,,,,[10],[6]],[,,"1624[5-8]\\d{5}",,,,"1624756789",,,,[6]],[,,"7(?:4576|[59]24\\d|624[0-4689])\\d{5}",,,,"7924123456"],[,,"808162\\d{4}",,,,"8081624567"],</w:t>
            </w:r>
          </w:p>
          <w:p w:rsidR="00156FB3" w:rsidRDefault="00156FB3" w:rsidP="00156FB3">
            <w:r>
              <w:t>[,,"8(?:440[49]06|72299\\d)\\d{3}|(?:8(?:45|70)|90[0167])624\\d{4}",,,,"9016247890"],[,,,,,,,,,[-1]],[,,"70\\d{8}",,,,"7012345678"],[,,"56\\d{8}",,,,"5612345678"],"IM",44,"00","0",,,"0|([5-8]\\d{5})$","1624$1",,,,,[,,,,,,,,,[-1]],,"74576|(?:16|7[56])24",[,,,,,,,,,[-1]],[,,"3440[49]06\\d{3}|(?:3(?:08162|3\\d{4}|45624|7(?:0624|2299))|55\\d{4})\\d{4}",,,,"5512345678"],,,[,,,,,,,,,[-1]]],IN:[,[,,"(?:00800|[2-9]\\d\\d)\\d{7}|1\\d{7,12}",,,,,,,[8,9,10,11,12,13],[6,7]],[,,"782[0-6][2-7]\\d{5}|(?:170[24]|2(?:80[13468]|90\\d)|380\\d|4(?:20[24]|72[2-8])|552[1-7])\\d{6}|(?:342|674|788)(?:[0189][2-7]|[2-7]\\d)\\d{5}|(?:11|2[02]|33|4[04]|79|80)[2-7]\\d{7}|(?:1(?:2[0-249]|3[0-25]|4[145]|[59][14]|6[014]|7[1257]|8[01346])|2(?:1[257]|3[013]|4[01]|5[0137]|6[0158]|78|8[1568]|9[14])|3(?:26|4[13]|5[34]|6[01489]|7[02-46]|8[159])|4(?:1[36]|2[1-47]|3[15]|5[12]|6[0-26-9]|7[014-9]|8[013-57]|9[014-7])|5(?:1[025]|22|[36][25]|4[28]|[578]1|9[15])|6(?:12|[2-47]1|5[17]|6[13]|80)|7(?:12|2[14]|3[134]|4[47]|5[15]|[67]1)|8(?:16|2[014]|3[126]|6[136]|7[078]|8[34]|91))[2-7]\\d{6}|(?:1(?:2[35-8]|3[346-9]|4[236-9]|[59][0235-9]|6[235-9]|7[34689]|8[257-9])|2(?:1[134689]|3[24-8]|4[2-8]|5[25689]|6[2-4679]|7[13-79]|8[2-479]|9[235-9])|3(?:01|1[79]|2[1-5]|4[5-8]|5[125689]|6[235-7]|7[157-9]|8[2-46-8])|4(?:1[14578]|2[5689]|3[2-467]|5[4-7]|6[35]|73|8[2689]|9[2389])|5(?:[16][146-9]|2[14-8]|3[1346]|4[14-69]|5[46]|7[2-4]|8[2-8]|9[246])|6(?:1[1358]|2[2457]|3[2-4]|4[235-7]|5[2-689]|6[24578]|7[235689]|8[1-6])|7(?:1[013-9]|2[0235-9]|3[2679]|4[1-35689]|5[2-46-9]|[67][02-9]|8[013-7]|9[0189])|8(?:1[1357-9]|2[235-8]|3[03-57-9]|4[0-24-9]|5\\d|6[2457-9]|7[1-6]|8[1256]|9[2-4]))\\d[2-7]\\d{5}",</w:t>
            </w:r>
          </w:p>
          <w:p w:rsidR="00156FB3" w:rsidRDefault="00156FB3" w:rsidP="00156FB3">
            <w:r>
              <w:t>,,,"7410410123",,,[10],[6,7,8]],[,,"(?:6(?:1279|350[0-6])|7(?:3(?:1(?:11|7[02-8])|411)|4[47](?:11|7[02-8])|5111|700[02-9]|88(?:11|7[02-9])|9(?:313|79[07-9]))|8(?:079[04-9]|(?:16|2[014]|3[126]|6[136]|7[78]|8[34]|91)7[02-8]))\\d{5}|7(?:28[6-8]|3(?:2[0-49]|9[2-5])|4(?:1[2-4]|[29][0-7]|3[0-8]|[56]\\d|8[0-24-7])|5(?:2[1-3]|9[0-6])|6(?:0[5689]|2[5-9]|3[02-8]|4\\d|5[0-367])|70[13-7])[089]\\d{5}|(?:6(?:0(?:0[0-3569]|26|33)|2(?:[06]\\d|3[02589]|8[0-479]|9[0-79])|3(?:0[0-79]|5[1-9]|6[0-4679]|7[0-24-9]|[89]\\d)|9(?:0[019]|13))|7(?:0\\d\\d|19[0-5]|2(?:[0235-79]\\d|[14][017-9]|8[0-59])|3(?:[05-8]\\d|1[089]|2[5-8]|3[017-9]|4[07-9]|9[016-9])|4(?:0\\d|1[015-9]|[29][89]|39|[47][089]|8[389])|5(?:[0346-8]\\d|1[07-9]|2[04-9]|5[017-9]|9[7-9])|6(?:0[0-47]|1[0-257-9]|2[0-4]|3[19]|5[4589]|[6-9]\\d)|7(?:0[289]|[1-9]\\d)|8(?:[0-79]\\d|8[089])|9(?:[089]\\d|7[02-8]))|8(?:0(?:[01589]\\d|6[67]|7[02-8])|1(?:[0-57-9]\\d|6[089])|2(?:[014][089]|[235-9]\\d)|3(?:[03-57-9]\\d|[126][089])|[45]\\d\\d|6(?:[02457-9]\\d|[136][089])|7(?:0[07-9]|[1-69]\\d|[78][089])|8(?:[0-25-9]\\d|3[089]|4[0489])|9(?:[02-9]\\d|1[0289]))|9\\d{3})\\d{6}",</w:t>
            </w:r>
          </w:p>
          <w:p w:rsidR="00156FB3" w:rsidRDefault="00156FB3" w:rsidP="00156FB3">
            <w:r>
              <w:t>,,,"8123456789",,,[10]],[,,"00800\\d{7}|1(?:600\\d{6}|80(?:0\\d{4,9}|3\\d{9}))",,,,"1800123456"],[,,"186[12]\\d{9}",,,,"1861123456789",,,[13]],[,,"1860\\d{7}",,,,"18603451234",,,[11]],[,,,,,,,,,[-1]],[,,,,,,,,,[-1]],"IN",91,"00","0",,,"0",,,,[[,"(\\d{7})","$1",["575"]],[,"(\\d{8})","$1",["5(?:0|2[23]|3[03]|[67]1|88)","5(?:0|2(?:21|3)|3(?:0|3[23])|616|717|888)","5(?:0|2(?:21|3)|3(?:0|3[23])|616|717|8888)"],,,1],[,"(\\d{4})(\\d{4,5})","$1 $2",["180","1800"],,,1],[,"(\\d{3})(\\d{3})(\\d{4})","$1 $2 $3",</w:t>
            </w:r>
          </w:p>
          <w:p w:rsidR="00156FB3" w:rsidRDefault="00156FB3" w:rsidP="00156FB3">
            <w:r>
              <w:t>["140"],,,1],[,"(\\d{2})(\\d{4})(\\d{4})","$1 $2 $3",["11|2[02]|33|4[04]|79[1-7]|80[2-</w:t>
            </w:r>
            <w:r>
              <w:lastRenderedPageBreak/>
              <w:t>46]","11|2[02]|33|4[04]|79(?:[1-6]|7[19])|80(?:[2-4]|6[0-589])","11|2[02]|33|4[04]|79(?:[124-6]|3(?:[02-9]|1[0-24-9])|7(?:1|9[1-6]))|80(?:[2-4]|6[0-589])"],"0$1",,1],[,"(\\d{3})(\\d{3})(\\d{4})","$1 $2 $3",["1(?:2[0-249]|3[0-25]|4[145]|[68]|7[1257])|2(?:1[257]|3[013]|4[01]|5[0137]|6[0158]|78|8[1568])|3(?:26|4[1-3]|5[34]|6[01489]|7[02-46]|8[159])|4(?:1[36]|2[1-47]|5[12]|6[0-26-9]|7[0-24-9]|8[013-57]|9[014-7])|5(?:1[025]|22|[36][25]|4[28]|5[12]|[78]1)|6(?:12|[2-4]1|5[17]|6[13]|80)|7(?:12|3[134]|4[47]|61|88)|8(?:16|2[014]|3[126]|6[136]|7[078]|8[34]|91)|(?:43|59|75)[15]|(?:1[59]|29|67|72)[14]",</w:t>
            </w:r>
          </w:p>
          <w:p w:rsidR="00156FB3" w:rsidRDefault="00156FB3" w:rsidP="00156FB3">
            <w:r>
              <w:t>"1(?:2[0-24]|3[0-25]|4[145]|[59][14]|6[1-9]|7[1257]|8[1-57-9])|2(?:1[257]|3[013]|4[01]|5[0137]|6[058]|78|8[1568]|9[14])|3(?:26|4[1-3]|5[34]|6[01489]|7[02-46]|8[159])|4(?:1[36]|2[1-47]|3[15]|5[12]|6[0-26-9]|7[0-24-9]|8[013-57]|9[014-7])|5(?:1[025]|22|[36][25]|4[28]|[578]1|9[15])|6(?:[2-4]1|5[17]|6[13]|7[14]|80)|7(?:12|(?:2[14]|3[34]|5[15])[2-6]|61[346]|88[0-8])|8(?:70[2-6]|84[235-7]|91[3-7])|(?:1(?:29|60|8[06])|261|(?:55|61)2|7(?:31|4[47])|8(?:16|2[014]|3[126]|6[136]|7[78]|83))[2-7]","1(?:2[0-24]|3[0-25]|4[145]|[59][14]|6[1-9]|7[1257]|8[1-57-9])|2(?:1[257]|3[013]|4[01]|5[0137]|6[058]|78|8[1568]|9[14])|3(?:26|4[1-3]|5[34]|6[01489]|7[02-46]|8[159])|4(?:1[36]|2[1-47]|3[15]|5[12]|6[0-26-9]|7[0-24-9]|8[013-57]|9[014-7])|5(?:1[025]|22|[36][25]|4[28]|[578]1|9[15])|6(?:12(?:[2-6]|7[0-8])|[2-4]1|5[17]|6[13]|7[14]|80)|7(?:12|(?:2[14]|5[15])[2-6]|3171|61[346]|88(?:[2-7]|82))|8(?:70[2-6]|84(?:[2356]|7[19])|91(?:[3-6]|7[19]))|73[134][2-6]|(?:1(?:29|60|8[06])|261|552|788[01])[2-7]|(?:74[47]|8(?:16|2[014]|3[126]|6[136]|7[78]|83))(?:[2-6]|7[19])"],</w:t>
            </w:r>
          </w:p>
          <w:p w:rsidR="00156FB3" w:rsidRDefault="00156FB3" w:rsidP="00156FB3">
            <w:r>
              <w:t>"0$1",,1],[,"(\\d{4})(\\d{3})(\\d{3})","$1 $2 $3",["1(?:[2-479]|5[0235-9])|[2-5]|6(?:1[1358]|2[2457-9]|3[2-5]|[4-8])|7(?:1[013-9]|28|3[129]|4[1-35689]|5[29]|6[02-5]|70)|807","1(?:[2-479]|5[0235-9])|[2-5]|6(?:1[1358]|2(?:[2457]|84|95)|3(?:[2-4]|55)|[4-8])|7(?:1(?:[013-8]|9[6-9])|28[6-8]|3(?:17|2[0-49]|9[2-57])|4(?:1[2-4]|[29][0-7]|3[0-8]|[56]|8[0-24-7])|5(?:2[1-3]|9[0-6])|6(?:0[5689]|2[5-9]|3[02-8]|4|5[0-367])|70[13-7])|807[19]","1(?:[2-479]|5(?:[0236-9]|5[013-9]))|[2-5]|6(?:1[1358]|2(?:[2457]|84|95)|3(?:[2-4]|55)|[4-8])|7(?:1(?:[013-8]|9[6-9])|3179)|807(?:1|9[1-3])|(?:1552|7(?:28[6-8]|3(?:2[0-49]|9[2-57])|4(?:1[2-4]|[29][0-7]|3[0-8]|[56]\\d|8[0-24-7])|5(?:2[1-3]|9[0-6])|6(?:0[5689]|2[5-9]|3[02-8]|4\\d|5[0-367])|70[13-7]))[2-7]"],</w:t>
            </w:r>
          </w:p>
          <w:p w:rsidR="00156FB3" w:rsidRDefault="00156FB3" w:rsidP="00156FB3">
            <w:r>
              <w:t>"0$1",,1],[,"(\\d{5})(\\d{5})","$1 $2",["[6-9]"],"0$1",,1],[,"(\\d{4})(\\d{2,4})(\\d{4})","$1 $2 $3",["1(?:6|8[06])","1(?:6|8[06]0)"],,,1],[,"(\\d{2})(\\d{3})(\\d{4})(\\d{3})","$1 $2 $3 $4",["0"],"0$1",,1],[,"(\\d{4})(\\d{3})(\\d{3})(\\d{3})","$1 $2 $3 $4",["18"],,,1]],[[,"(\\d{8})","$1",["5(?:0|2[23]|3[03]|[67]1|88)","5(?:0|2(?:21|3)|3(?:0|3[23])|616|717|888)","5(?:0|2(?:21|3)|3(?:0|3[23])|616|717|8888)"],,,1],[,"(\\d{4})(\\d{4,5})","$1 $2",["180","1800"],,,1],[,"(\\d{3})(\\d{3})(\\d{4})","$1 $2 $3",</w:t>
            </w:r>
          </w:p>
          <w:p w:rsidR="00156FB3" w:rsidRDefault="00156FB3" w:rsidP="00156FB3">
            <w:r>
              <w:t>["140"],,,1],[,"(\\d{2})(\\d{4})(\\d{4})","$1 $2 $3",["11|2[02]|33|4[04]|79[1-7]|80[2-46]","11|2[02]|33|4[04]|79(?:[1-6]|7[19])|80(?:[2-4]|6[0-589])","11|2[02]|33|4[04]|79(?:[124-6]|3(?:[02-9]|1[0-24-9])|7(?:1|9[1-6]))|80(?:[2-4]|6[0-589])"],"0$1",,1],[,"(\\d{3})(\\d{3})(\\d{4})","$1 $2 $3",["1(?:2[0-249]|3[0-25]|4[145]|[68]|7[1257])|2(?:1[257]|3[013]|4[01]|5[0137]|6[0158]|78|8[1568])|3(?:26|4[1-3]|5[34]|6[01489]|7[02-46]|8[159])|4(?:1[36]|2[1-47]|5[12]|6[0-26-9]|7[0-24-9]|8[013-57]|9[014-7])|5(?:1[025]|22|[36][25]|4[28]|5[12]|[78]1)|6(?:12|[2-4]1|5[17]|6[13]|80)|7(?:12|3[134]|4[47]|61|88)|8(?:16|2[014]|3[126]|6[136]|7[078]|8[34]|91)|(?:43|59|75)[15]|(?:1[59]|29|67|72)[14]",</w:t>
            </w:r>
          </w:p>
          <w:p w:rsidR="00156FB3" w:rsidRDefault="00156FB3" w:rsidP="00156FB3">
            <w:r>
              <w:t>"1(?:2[0-24]|3[0-25]|4[145]|[59][14]|6[1-9]|7[1257]|8[1-57-9])|2(?:1[257]|3[013]|4[01]|5[0137]|6[058]|78|8[1568]|9[14])|3(?:26|4[1-3]|5[34]|6[01489]|7[02-46]|8[159])|4(?:1[36]|2[1-47]|3[15]|5[12]|6[0-26-9]|7[0-24-9]|8[013-57]|9[014-</w:t>
            </w:r>
            <w:r>
              <w:lastRenderedPageBreak/>
              <w:t>7])|5(?:1[025]|22|[36][25]|4[28]|[578]1|9[15])|6(?:[2-4]1|5[17]|6[13]|7[14]|80)|7(?:12|(?:2[14]|3[34]|5[15])[2-6]|61[346]|88[0-8])|8(?:70[2-6]|84[235-7]|91[3-7])|(?:1(?:29|60|8[06])|261|(?:55|61)2|7(?:31|4[47])|8(?:16|2[014]|3[126]|6[136]|7[78]|83))[2-7]","1(?:2[0-24]|3[0-25]|4[145]|[59][14]|6[1-9]|7[1257]|8[1-57-9])|2(?:1[257]|3[013]|4[01]|5[0137]|6[058]|78|8[1568]|9[14])|3(?:26|4[1-3]|5[34]|6[01489]|7[02-46]|8[159])|4(?:1[36]|2[1-47]|3[15]|5[12]|6[0-26-9]|7[0-24-9]|8[013-57]|9[014-7])|5(?:1[025]|22|[36][25]|4[28]|[578]1|9[15])|6(?:12(?:[2-6]|7[0-8])|[2-4]1|5[17]|6[13]|7[14]|80)|7(?:12|(?:2[14]|5[15])[2-6]|3171|61[346]|88(?:[2-7]|82))|8(?:70[2-6]|84(?:[2356]|7[19])|91(?:[3-6]|7[19]))|73[134][2-6]|(?:1(?:29|60|8[06])|261|552|788[01])[2-7]|(?:74[47]|8(?:16|2[014]|3[126]|6[136]|7[78]|83))(?:[2-6]|7[19])"],</w:t>
            </w:r>
          </w:p>
          <w:p w:rsidR="00156FB3" w:rsidRDefault="00156FB3" w:rsidP="00156FB3">
            <w:r>
              <w:t>"0$1",,1],[,"(\\d{4})(\\d{3})(\\d{3})","$1 $2 $3",["1(?:[2-479]|5[0235-9])|[2-5]|6(?:1[1358]|2[2457-9]|3[2-5]|[4-8])|7(?:1[013-9]|28|3[129]|4[1-35689]|5[29]|6[02-5]|70)|807","1(?:[2-479]|5[0235-9])|[2-5]|6(?:1[1358]|2(?:[2457]|84|95)|3(?:[2-4]|55)|[4-8])|7(?:1(?:[013-8]|9[6-9])|28[6-8]|3(?:17|2[0-49]|9[2-57])|4(?:1[2-4]|[29][0-7]|3[0-8]|[56]|8[0-24-7])|5(?:2[1-3]|9[0-6])|6(?:0[5689]|2[5-9]|3[02-8]|4|5[0-367])|70[13-7])|807[19]","1(?:[2-479]|5(?:[0236-9]|5[013-9]))|[2-5]|6(?:1[1358]|2(?:[2457]|84|95)|3(?:[2-4]|55)|[4-8])|7(?:1(?:[013-8]|9[6-9])|3179)|807(?:1|9[1-3])|(?:1552|7(?:28[6-8]|3(?:2[0-49]|9[2-57])|4(?:1[2-4]|[29][0-7]|3[0-8]|[56]\\d|8[0-24-7])|5(?:2[1-3]|9[0-6])|6(?:0[5689]|2[5-9]|3[02-8]|4\\d|5[0-367])|70[13-7]))[2-7]"],</w:t>
            </w:r>
          </w:p>
          <w:p w:rsidR="00156FB3" w:rsidRDefault="00156FB3" w:rsidP="00156FB3">
            <w:r>
              <w:t>"0$1",,1],[,"(\\d{5})(\\d{5})","$1 $2",["[6-9]"],"0$1",,1],[,"(\\d{4})(\\d{2,4})(\\d{4})","$1 $2 $3",["1(?:6|8[06])","1(?:6|8[06]0)"],,,1],[,"(\\d{4})(\\d{3})(\\d{3})(\\d{3})","$1 $2 $3 $4",["18"],,,1]],[,,,,,,,,,[-1]],,,[,,"1(?:600\\d{6}|800\\d{4,9})|(?:00800|18(?:03\\d\\d|6(?:0|[12]\\d\\d)))\\d{7}"],[,,"140\\d{7}",,,,"1409305260",,,[10]],,,[,,,,,,,,,[-1]]],IO:[,[,,"3\\d{6}",,,,,,,[7]],[,,"37\\d{5}",,,,"3709100"],[,,"38\\d{5}",,,,"3801234"],[,,,,,,,,,[-1]],[,,,,,,,,,[-1]],[,,,,,,,,,[-1]],[,,,,,,</w:t>
            </w:r>
          </w:p>
          <w:p w:rsidR="00156FB3" w:rsidRDefault="00156FB3" w:rsidP="00156FB3">
            <w:r>
              <w:t>,,,[-1]],[,,,,,,,,,[-1]],"IO",246,"00",,,,,,,,[[,"(\\d{3})(\\d{4})","$1 $2",["3"]]],,[,,,,,,,,,[-1]],,,[,,,,,,,,,[-1]],[,,,,,,,,,[-1]],,,[,,,,,,,,,[-1]]],IQ:[,[,,"(?:1|7\\d\\d)\\d{7}|[2-6]\\d{7,8}",,,,,,,[8,9,10],[6,7]],[,,"1\\d{7}|(?:2[13-5]|3[02367]|4[023]|5[03]|6[026])\\d{6,7}",,,,"12345678",,,[8,9],[6,7]],[,,"7[3-9]\\d{8}",,,,"7912345678",,,[10]],[,,,,,,,,,[-1]],[,,,,,,,,,[-1]],[,,,,,,,,,[-1]],[,,,,,,,,,[-1]],[,,,,,,,,,[-1]],"IQ",964,"00","0",,,"0",,,,[[,"(\\d)(\\d{3})(\\d{4})","$1 $2 $3",["1"],</w:t>
            </w:r>
          </w:p>
          <w:p w:rsidR="00156FB3" w:rsidRDefault="00156FB3" w:rsidP="00156FB3">
            <w:r>
              <w:t>"0$1"],[,"(\\d{2})(\\d{3})(\\d{3,4})","$1 $2 $3",["[2-6]"],"0$1"],[,"(\\d{3})(\\d{3})(\\d{4})","$1 $2 $3",["7"],"0$1"]],,[,,,,,,,,,[-1]],,,[,,,,,,,,,[-1]],[,,,,,,,,,[-1]],,,[,,,,,,,,,[-1]]],IR:[,[,,"[1-9]\\d{9}|(?:[1-8]\\d\\d|9)\\d{3,4}",,,,,,,[4,5,6,7,10],[8]],[,,"944111\\d{4}|94(?:(?:00|44)0|(?:11|2\\d)\\d|30[01])\\d{5}|(?:1[137]|2[13-68]|3[1458]|4[145]|5[1468]|6[16]|7[1467]|8[13467])(?:[03-57]\\d{7}|[16]\\d{3}(?:\\d{4})?|[289]\\d{3}(?:\\d(?:\\d{3})?)?)",,,,"2123456789",,,[6,7,10],[4,5,8]],[,,"9(?:(?:0(?:[1-35]\\d|44)|(?:[13]\\d|2[0-2])\\d)\\d|9(?:(?:[0-2]\\d|44)\\d|510|8(?:1\\d|88)|9(?:0[013]|1[0134]|21|77|9[6-9])))\\d{5}",</w:t>
            </w:r>
          </w:p>
          <w:p w:rsidR="00156FB3" w:rsidRDefault="00156FB3" w:rsidP="00156FB3">
            <w:r>
              <w:t>,,,"9123456789",,,[10]],[,,,,,,,,,[-1]],[,,,,,,,,,[-1]],[,,,,,,,,,[-1]],[,,,,,,,,,[-1]],[,,"993\\d{7}",,,,"9932123456",,,[10]],"IR",98,"00","0",,,"0",,,,[[,"(\\d{4,5})","$1",["96"],"0$1"],[,"(\\d{2})(\\d{4,5})","$1 $2",["(?:1[137]|2[13-68]|3[1458]|4[145]|5[1468]|6[16]|7[1467]|8[13467])[12689]"],"0$1"],[,"(\\d{3})(\\d{3})(\\d{3,4})","$1 $2 $3",["9"],"0$1"],[,"(\\d{2})(\\d{4})(\\d{4})","$1 $2 $3",["[1-8]"],"0$1"]],,[,,,,,,,,,[-1]],,,[,,"96(?:0[12]|2[16-8]|3(?:08|[14]5|[23]|66)|4(?:0|80)|5[01]|6[89]|86|9[19])|94(?:11[1-7]|440)\\d{5}",</w:t>
            </w:r>
          </w:p>
          <w:p w:rsidR="00156FB3" w:rsidRDefault="00156FB3" w:rsidP="00156FB3">
            <w:r>
              <w:t>,,,,,,[4,5,10]],[,,"96(?:0[12]|2[16-8]|3(?:08|[14]5|[23]|66)|4(?:0|80)|5[01]|6[89]|86|9[19])",,,,"9601",,,[4,5]],,,[,,,,,,,,,[-1]]],IS:[,[,,"(?:38\\d|[4-9])\\d{6}",,,,,,,[7,9]],[,,"(?:4(?:1[0-24-69]|2[0-7]|[37][0-8]|4[0-245]|5[0-</w:t>
            </w:r>
            <w:r>
              <w:lastRenderedPageBreak/>
              <w:t>68]|6\\d|8[0-36-8])|5(?:05|[156]\\d|2[02578]|3[0-579]|4[03-7]|7[0-2578]|8[0-35-9]|9[013-689])|87[23])\\d{4}",,,,"4101234",,,[7]],[,,"(?:38[589]\\d\\d|6(?:1[1-8]|2[0-6]|3[027-9]|4[014679]|5[0159]|6[0-69]|70|8[06-8]|9\\d)|7(?:5[057]|[6-8]\\d|9[0-3])|8(?:2[0-59]|[3469]\\d|5[1-9]|8[28]))\\d{4}",</w:t>
            </w:r>
          </w:p>
          <w:p w:rsidR="00156FB3" w:rsidRDefault="00156FB3" w:rsidP="00156FB3">
            <w:r>
              <w:t>,,,"6111234"],[,,"800\\d{4}",,,,"8001234",,,[7]],[,,"90\\d{5}",,,,"9011234",,,[7]],[,,,,,,,,,[-1]],[,,,,,,,,,[-1]],[,,"49\\d{5}",,,,"4921234",,,[7]],"IS",354,"00|1(?:0(?:01|[12]0)|100)",,,,,,"00",,[[,"(\\d{3})(\\d{4})","$1 $2",["[4-9]"]],[,"(\\d{3})(\\d{3})(\\d{3})","$1 $2 $3",["3"]]],,[,,,,,,,,,[-1]],,,[,,,,,,,,,[-1]],[,,"809\\d{4}",,,,"8091234",,,[7]],,,[,,"(?:689|8(?:7[0189]|80)|95[48])\\d{4}",,,,"6891234",,,[7]]],IT:[,[,,"0\\d{6,10}|55\\d{8}|[08]\\d{5}|(?:3[0-8]|8)\\d{7,9}|(?:1\\d|39)\\d{7,8}",</w:t>
            </w:r>
          </w:p>
          <w:p w:rsidR="00156FB3" w:rsidRDefault="00156FB3" w:rsidP="00156FB3">
            <w:r>
              <w:t>,,,,,,[6,7,8,9,10,11]],[,,"0669[0-79]\\d{1,6}|0(?:1(?:[0159]\\d|[27][1-5]|31|4[1-4]|6[1356]|8[2-57])|2\\d\\d|3(?:[0159]\\d|2[1-4]|3[12]|[48][1-6]|6[2-59]|7[1-7])|4(?:[0159]\\d|[23][1-9]|4[245]|6[1-5]|7[1-4]|81)|5(?:[0159]\\d|2[1-5]|3[2-6]|4[1-79]|6[4-6]|7[1-578]|8[3-8])|6(?:[0-57-9]\\d|6[0-8])|7(?:[0159]\\d|2[12]|3[1-7]|4[2-46]|6[13569]|7[13-6]|8[1-59])|8(?:[0159]\\d|2[3-578]|3[1-356]|[6-8][1-5])|9(?:[0159]\\d|[238][1-5]|4[12]|6[1-8]|7[1-6]))\\d{2,7}",,,,"0212345678"],[,,"33\\d{9}|3[1-9]\\d{8}|3[2-9]\\d{7}",</w:t>
            </w:r>
          </w:p>
          <w:p w:rsidR="00156FB3" w:rsidRDefault="00156FB3" w:rsidP="00156FB3">
            <w:r>
              <w:t>,,,"3123456789",,,[9,10,11]],[,,"80(?:0\\d{3}|3)\\d{3}",,,,"800123456",,,[6,9]],[,,"(?:0878\\d\\d|89(?:2|4[5-9]\\d))\\d{3}|89[45][0-4]\\d\\d|(?:1(?:44|6[346])|89(?:5[5-9]|9))\\d{6}",,,,"899123456",,,[6,8,9,10]],[,,"84(?:[08]\\d{3}|[17])\\d{3}",,,,"848123456",,,[6,9]],[,,"1(?:78\\d|99)\\d{6}",,,,"1781234567",,,[9,10]],[,,"55\\d{8}",,,,"5512345678",,,[10]],"IT",39,"00",,,,,,,,[[,"(\\d{4,5})","$1",["1(?:0|9[246])","1(?:0|9(?:2[2-9]|[46]))"]],[,"(\\d{6})","$1",["1(?:1|92)"]],[,"(\\d{2})(\\d{4,6})","$1 $2",</w:t>
            </w:r>
          </w:p>
          <w:p w:rsidR="00156FB3" w:rsidRDefault="00156FB3" w:rsidP="00156FB3">
            <w:r>
              <w:t>["0[26]"]],[,"(\\d{3})(\\d{3,6})","$1 $2",["0[13-57-9][0159]|8(?:03|4[17]|9[245])","0[13-57-9][0159]|8(?:03|4[17]|9(?:2|[45][0-4]))"]],[,"(\\d{4})(\\d{2,6})","$1 $2",["0(?:[13-579][2-46-8]|8[236-8])"]],[,"(\\d{4})(\\d{4})","$1 $2",["894"]],[,"(\\d{2})(\\d{3,4})(\\d{4})","$1 $2 $3",["0[26]|5"]],[,"(\\d{3})(\\d{3})(\\d{3,4})","$1 $2 $3",["1[4679]|[38]"]],[,"(\\d{3})(\\d{3,4})(\\d{4})","$1 $2 $3",["0[13-57-9][0159]"]],[,"(\\d{3})(\\d{4})(\\d{4})","$1 $2 $3",["3"]],[,"(\\d{2})(\\d{4})(\\d{5})","$1 $2 $3",</w:t>
            </w:r>
          </w:p>
          <w:p w:rsidR="00156FB3" w:rsidRDefault="00156FB3" w:rsidP="00156FB3">
            <w:r>
              <w:t>["0[26]"]],[,"(\\d{4})(\\d{3})(\\d{4})","$1 $2 $3",["0"]]],[[,"(\\d{2})(\\d{4,6})","$1 $2",["0[26]"]],[,"(\\d{3})(\\d{3,6})","$1 $2",["0[13-57-9][0159]|8(?:03|4[17]|9[245])","0[13-57-9][0159]|8(?:03|4[17]|9(?:2|[45][0-4]))"]],[,"(\\d{4})(\\d{2,6})","$1 $2",["0(?:[13-579][2-46-8]|8[236-8])"]],[,"(\\d{4})(\\d{4})","$1 $2",["894"]],[,"(\\d{2})(\\d{3,4})(\\d{4})","$1 $2 $3",["0[26]|5"]],[,"(\\d{3})(\\d{3})(\\d{3,4})","$1 $2 $3",["1[4679]|[38]"]],[,"(\\d{3})(\\d{3,4})(\\d{4})","$1 $2 $3",["0[13-57-9][0159]"]],</w:t>
            </w:r>
          </w:p>
          <w:p w:rsidR="00156FB3" w:rsidRDefault="00156FB3" w:rsidP="00156FB3">
            <w:r>
              <w:t>[,"(\\d{3})(\\d{4})(\\d{4})","$1 $2 $3",["3"]],[,"(\\d{2})(\\d{4})(\\d{5})","$1 $2 $3",["0[26]"]],[,"(\\d{4})(\\d{3})(\\d{4})","$1 $2 $3",["0"]]],[,,,,,,,,,[-1]],1,,[,,"848\\d{6}",,,,,,,[9]],[,,,,,,,,,[-1]],,,[,,,,,,,,,[-1]]],JE:[,[,,"1534\\d{6}|(?:[3578]\\d|90)\\d{8}",,,,,,,[10],[6]],[,,"1534[0-24-8]\\d{5}",,,,"1534456789",,,,[6]],[,,"7(?:(?:(?:50|82)9|937)\\d|7(?:00[378]|97[7-9]))\\d{5}",,,,"7797712345"],[,,"80(?:07(?:35|81)|8901)\\d{4}",,,,"8007354567"],[,,"(?:8(?:4(?:4(?:4(?:05|42|69)|703)|5(?:041|800))|7(?:0002|1206))|90(?:066[59]|1810|71(?:07|55)))\\d{4}",</w:t>
            </w:r>
          </w:p>
          <w:p w:rsidR="00156FB3" w:rsidRDefault="00156FB3" w:rsidP="00156FB3">
            <w:r>
              <w:t>,,,"9018105678"],[,,,,,,,,,[-1]],[,,"701511\\d{4}",,,,"7015115678"],[,,"56\\d{8}",,,,"5612345678"],"JE",44,"00","0",,,"0|([0-24-8]\\d{5})$","1534$1",,,,,[,,"76(?:0[0-2]|2[356]|4[0134]|5[49]|6[0-369]|77|81|9[39])\\d{6}",,,,"7640123456"],,,[,,,,,,,,,[-1]],[,,"(?:3(?:0(?:07(?:35|81)|8901)|3\\d{4}|4(?:4(?:4(?:05|42|69)|703)|5(?:041|800))|7(?:0002|1206))|55\\d{4})\\d{4}",,,,"5512345678"],,,[,,,,,,,,,[-1]]],JM:[,[,,"(?:[58]\\d\\d|658|900)\\d{7}",,,,,,,[10],[7]],[,,"(?:658[2-9]\\d\\d|876(?:5(?:0[12]|1[0-468]|2[35]|63)|6(?:0[1-3579]|1[0237-9]|[23]\\d|40|5[06]|6[2-589]|7[05]|8[04]|9[4-9])|7(?:0[2-689]|[1-6]\\d|8[056]|9[45])|9(?:0[1-8]|1[02378]|[2-8]\\d|9[2-468])))\\d{4}",</w:t>
            </w:r>
          </w:p>
          <w:p w:rsidR="00156FB3" w:rsidRDefault="00156FB3" w:rsidP="00156FB3">
            <w:r>
              <w:lastRenderedPageBreak/>
              <w:t>,,,"8765230123",,,,[7]],[,,"876(?:(?:2[14-9]|[348]\\d)\\d|5(?:0[3-9]|17|[2-57-9]\\d|6[0-24-9])|7(?:0[07]|7\\d|8[1-47-9]|9[0-36-9])|9(?:[01]9|9[0579]))\\d{4}",,,,"8762101234",,,,[7]],[,,"8(?:00|33|44|55|66|77|88)[2-9]\\d{6}",,,,"8002123456"],[,,"900[2-9]\\d{6}",,,,"9002123456"],[,,,,,,,,,[-1]],[,,"5(?:00|2[12]|33|44|66|77|88)[2-9]\\d{6}",,,,"5002345678"],[,,,,,,,,,[-1]],"JM",1,"011","1",,,"1",,,,,,[,,,,,,,,,[-1]],,"658|876",[,,,,,,,,,[-1]],[,,,,,,,,,[-1]],,,[,,,,,,,,,[-1]]],JO:[,[,,"900\\d{5}|(?:(?:[268]|7\\d)\\d|32|53)\\d{6}",</w:t>
            </w:r>
          </w:p>
          <w:p w:rsidR="00156FB3" w:rsidRDefault="00156FB3" w:rsidP="00156FB3">
            <w:r>
              <w:t>,,,,,,[8,9]],[,,"(?:2(?:6(?:2[0-35-9]|3[0-578]|4[24-7]|5[0-24-8]|[6-8][023]|9[0-3])|7(?:0[1-79]|10|2[014-7]|3[0-689]|4[019]|5[0-3578]))|32(?:0[1-69]|1[1-35-7]|2[024-7]|3\\d|4[0-3]|[57][023]|6[03])|53(?:0[0-3]|[13][023]|2[0-59]|49|5[0-35-9]|6[15]|7[45]|8[1-6]|9[0-36-9])|6(?:2(?:[05]0|22)|3(?:00|33)|4(?:0[0-25]|1[2-7]|2[0569]|[38][07-9]|4[025689]|6[0-589]|7\\d|9[0-2])|5(?:[01][056]|2[034]|3[0-57-9]|4[178]|5[0-69]|6[0-35-9]|7[1-379]|8[0-68]|9[0239]))|87(?:[029]0|7[08]))\\d{4}",,,,"62001234",,,[8]],[,</w:t>
            </w:r>
          </w:p>
          <w:p w:rsidR="00156FB3" w:rsidRDefault="00156FB3" w:rsidP="00156FB3">
            <w:r>
              <w:t>,"7(?:55[0-49]|(?:7[025-9]|[89][0-25-9])\\d)\\d{5}",,,,"790123456",,,[9]],[,,"80\\d{6}",,,,"80012345",,,[8]],[,,"900\\d{5}",,,,"90012345",,,[8]],[,,"85\\d{6}",,,,"85012345",,,[8]],[,,"70\\d{7}",,,,"700123456",,,[9]],[,,,,,,,,,[-1]],"JO",962,"00","0",,,"0",,,,[[,"(\\d)(\\d{3})(\\d{4})","$1 $2 $3",["[2356]|87"],"(0$1)"],[,"(\\d{3})(\\d{5,6})","$1 $2",["[89]"],"0$1"],[,"(\\d{2})(\\d{7})","$1 $2",["70"],"0$1"],[,"(\\d)(\\d{4})(\\d{4})","$1 $2 $3",["7"],"0$1"]],,[,,"74(?:66|77)\\d{5}",,,,"746612345",,</w:t>
            </w:r>
          </w:p>
          <w:p w:rsidR="00156FB3" w:rsidRDefault="00156FB3" w:rsidP="00156FB3">
            <w:r>
              <w:t>,[9]],,,[,,,,,,,,,[-1]],[,,"8(?:10|8\\d)\\d{5}",,,,"88101234",,,[8]],,,[,,,,,,,,,[-1]]],JP:[,[,,"00[1-9]\\d{6,14}|[257-9]\\d{9}|(?:00|[1-9]\\d\\d)\\d{6}",,,,,,,[8,9,10,11,12,13,14,15,16,17]],[,,"(?:1(?:1[235-8]|2[3-6]|3[3-9]|4[2-6]|[58][2-8]|6[2-7]|7[2-9]|9[1-9])|(?:2[2-9]|[36][1-9])\\d|4(?:[2-578]\\d|6[02-8]|9[2-59])|5(?:[2-589]\\d|6[1-9]|7[2-8])|7(?:[25-9]\\d|3[4-9]|4[02-9])|8(?:[2679]\\d|3[2-9]|4[5-9]|5[1-9]|8[03-9])|9(?:[2-58]\\d|[679][1-9]))\\d{6}",,,,"312345678",,,[9]],[,,"[7-9]0[1-9]\\d{7}",</w:t>
            </w:r>
          </w:p>
          <w:p w:rsidR="00156FB3" w:rsidRDefault="00156FB3" w:rsidP="00156FB3">
            <w:r>
              <w:t>,,,"9012345678",,,[10]],[,,"00(?:(?:37|66)\\d{6,13}|(?:777(?:[01]|(?:5|8\\d)\\d)|882[1245]\\d\\d)\\d\\d)|(?:120|800\\d)\\d{6}",,,,"120123456"],[,,"990\\d{6}",,,,"990123456",,,[9]],[,,,,,,,,,[-1]],[,,"60\\d{7}",,,,"601234567",,,[9]],[,,"50[1-9]\\d{7}",,,,"5012345678",,,[10]],"JP",81,"010","0",,,"0",,,,[[,"(\\d{4})(\\d{4})","$1-$2",["007","0077","00777","00777[01]"]],[,"(\\d{3})(\\d{3})(\\d{3})","$1-$2-$3",["(?:12|57|99)0"],"0$1"],[,"(\\d{4})(\\d)(\\d{4})","$1-$2-$3",["1(?:26|3[79]|4[56]|5[4-68]|6[3-5])|499|5(?:76|97)|746|8(?:3[89]|47|51|63)|9(?:49|80|9[16])",</w:t>
            </w:r>
          </w:p>
          <w:p w:rsidR="00156FB3" w:rsidRDefault="00156FB3" w:rsidP="00156FB3">
            <w:r>
              <w:t>"1(?:267|3(?:7[247]|9[278])|466|5(?:47|58|64)|6(?:3[245]|48|5[4-68]))|499[2468]|5(?:76|97)9|7468|8(?:3(?:8[78]|96)|477|51[24]|636)|9(?:496|802|9(?:1[23]|69))|1(?:45|58)[67]","1(?:267|3(?:7[247]|9[278])|466|5(?:47|58|64)|6(?:3[245]|48|5[4-68]))|499[2468]|5(?:769|979[2-69])|7468|8(?:3(?:8[78]|96[2457-9])|477|51[24]|636[2-57-9])|9(?:496|802|9(?:1[23]|69))|1(?:45|58)[67]"],"0$1"],[,"(\\d{3})(\\d{2})(\\d{4})","$1-$2-$3",["2(?:[34]7|[56]9|74|9[14-79])|82[0367]|993","2(?:[34]7|[56]9|74|9(?:1[02-689]|[4-79]))|82[0367]|993[0-25-9]",</w:t>
            </w:r>
          </w:p>
          <w:p w:rsidR="00156FB3" w:rsidRDefault="00156FB3" w:rsidP="00156FB3">
            <w:r>
              <w:t>"2(?:[34]7|59(?:[02-8]|1[0-689]|9[0-8])|69|74|9(?:1[02-689]|[4-79]))|82[0367]|993[0-25-9]"],"0$1"],[,"(\\d{2})(\\d{3})(\\d{4})","$1-$2-$3",["2(?:2[12]|3[0-269]|4[59]|5[0-468]|62|7[1-35]|8[16]|9[0238])|4(?:2[1-57]|3[0-57]|[45]|6[28]|7[259]|8[1-9]|9[29])|7(?:2[02-46-9]|34|[58]|6[0249]|7[57]|9[2-6])|9(?:4[15]|9[12489])","2(?:2[12]|3[0-269]|4[59]|5(?:[04][01]|[1-3]|[68]1)|62|7[1-35]|8[16]|9(?:[028]|3[015-9]))|4(?:2(?:[13-57]|21)|3[0-57]|[45]|6[28]|7(?:2|[59][019])|8[1-9]|9[29])|7(?:2[02-46-9]|34|[58]|6[0249]|7[57]|9(?:[23]|4[0-59]|5[01569]|6[0167]))|9(?:4[15]|9(?:[1289]|4[0178]))"],</w:t>
            </w:r>
          </w:p>
          <w:p w:rsidR="00156FB3" w:rsidRDefault="00156FB3" w:rsidP="00156FB3">
            <w:r>
              <w:t>"0$1"],[,"(\\d{2})(\\d{3})(\\d{4})","$1-$2-$3",["1(?:1|5[45]|77|88|9[69])|2(?:2[37]|5[5-9]|64|78|8[39]|91)|4(?:2[2689]|64|7[347])|5(?:2|3[045]|4[0-369]|5[29]|8[02389]|9[0-</w:t>
            </w:r>
            <w:r>
              <w:lastRenderedPageBreak/>
              <w:t>389])|60|8(?:2[124589]|3[279]|49|6[0-24-689]|7[0-468]|8[68]|9[019])|9(?:[23][1-9]|5[138]|6[1-3]|7[156]|8[189]|93)","1(?:1|5(?:4[018]|5[017])|77|88|9[69])|2(?:2(?:3[014-9]|7)|5(?:5[0-69]|[68]0|7[015-9]|9)|78[0189]|8(?:3[0134]|9[0-5])|917)|4(?:2(?:20|6|8[014-6]|9[178])|64|7[347])|5(?:2|3[045]|4[0-369]|5[29]|8[02389]|9[0-3])|60|8(?:2(?:[1258]|4[0-39]|9[0-2469])|3[29]|49|6(?:[0-24]|5[0-3589]|9[01459])|7[0-468]|8[68])|9(?:[23][1-9]|5[138]|6[1-3]|7[156]|8[189]|93[34])|(?:264|837)[016-9]|(?:59[89]|8(?:6[68]|9))[019]",</w:t>
            </w:r>
          </w:p>
          <w:p w:rsidR="00156FB3" w:rsidRDefault="00156FB3" w:rsidP="00156FB3">
            <w:r>
              <w:t>"1(?:1|5(?:4[018]|5[017])|77|88|9[69])|2(?:(?:2|91)7|5(?:5[0-69]|[68]0|7[015-9]|9)|64[016-9]|78[0189]|8(?:3[0134]|9[0-5]))|4(?:2(?:20|6|8[014-6])|64|7[347])|5(?:2|3[045]|4[0-369]|5[29]|8[02389]|9[0-3])|60|8(?:2(?:[1258]|4[0-39]|9(?:[0169]|2[1-9]|4[1-3]))|3(?:[29]|7(?:[017-9]|6[6-8]))|49|6(?:[0-24]|5(?:[0-389]|5[23])|6[01]|9[0145])|7[0-468]|8[68])|9(?:[23][1-9]|5[138]|6[1-3]|7[156]|8[189]|93(?:31|4[357]))|(?:42|866)9[178]|(?:223|8699)[014-9]|(?:59[89]|8(?:68|9))[019]","1(?:1|5(?:4[018]|5[017])|77|88|9[69])|2(?:(?:2|91)7|5(?:5[0-69]|[68]0|7[015-9]|9)|64[016-9]|78[0189]|8(?:3[0134]|9[0-5]))|4(?:2(?:20|6|8[014-6])|64|7[347])|5(?:2|3[045]|4[0-369]|5[29]|8[02389]|9[0-3])|60|8(?:2(?:[1258]|4[0-39]|9(?:[019]|4[1-3]|6(?:[0-47-9]|5[01346-9])))|3(?:[29]|7(?:[017-9]|6[6-8]))|49|6(?:[0-24]|5(?:[0-389]|5[23])|6[01]|9[0145])|7[0-468]|8[68])|9(?:5[138]|6[1-3]|7[156]|8[189]|93(?:31|4[357]))|(?:42|866)9[178]|(?:223|8699)[014-9]|(?:829(?:2|66)|9[23])[1-9]|(?:59[89]|8(?:68|9))[019]"],</w:t>
            </w:r>
          </w:p>
          <w:p w:rsidR="00156FB3" w:rsidRDefault="00156FB3" w:rsidP="00156FB3">
            <w:r>
              <w:t>"0$1"],[,"(\\d)(\\d{4})(\\d{4})","$1-$2-$3",["[36]|4(?:2[09]|7[01])","[36]|4(?:2[09]|7(?:0[019]|1))"],"0$1"],[,"(\\d{3})(\\d{2})(\\d{4})","$1-$2-$3",["[14]|[29][2-9]|5[3-9]|7[2-4679]|8(?:[246-9]|3[3-8]|5[2-9])","[14]|[29][2-9]|5[3-9]|7[2-4679]|8(?:[246-9]|3(?:[3-6][2-9]|7|8[2-5])|5[2-9])"],"0$1"],[,"(\\d{4})(\\d{2})(\\d{3,4})","$1-$2-$3",["007"]],[,"(\\d{4})(\\d{2})(\\d{4})","$1-$2-$3",["008"]],[,"(\\d{3})(\\d{3})(\\d{4})","$1-$2-$3",["800"],"0$1"],[,"(\\d{2})(\\d{4})(\\d{4})","$1-$2-$3",["[2579]|80"],</w:t>
            </w:r>
          </w:p>
          <w:p w:rsidR="00156FB3" w:rsidRDefault="00156FB3" w:rsidP="00156FB3">
            <w:r>
              <w:t>"0$1"],[,"(\\d{4})(\\d{3})(\\d{3,4})","$1-$2-$3",["0"]],[,"(\\d{4})(\\d{4})(\\d{4,5})","$1-$2-$3",["0"]],[,"(\\d{4})(\\d{5})(\\d{5,6})","$1-$2-$3",["0"]],[,"(\\d{4})(\\d{6})(\\d{6,7})","$1-$2-$3",["0"]]],[[,"(\\d{3})(\\d{3})(\\d{3})","$1-$2-$3",["(?:12|57|99)0"],"0$1"],[,"(\\d{4})(\\d)(\\d{4})","$1-$2-$3",["1(?:26|3[79]|4[56]|5[4-68]|6[3-5])|499|5(?:76|97)|746|8(?:3[89]|47|51|63)|9(?:49|80|9[16])","1(?:267|3(?:7[247]|9[278])|466|5(?:47|58|64)|6(?:3[245]|48|5[4-68]))|499[2468]|5(?:76|97)9|7468|8(?:3(?:8[78]|96)|477|51[24]|636)|9(?:496|802|9(?:1[23]|69))|1(?:45|58)[67]",</w:t>
            </w:r>
          </w:p>
          <w:p w:rsidR="00156FB3" w:rsidRDefault="00156FB3" w:rsidP="00156FB3">
            <w:r>
              <w:t>"1(?:267|3(?:7[247]|9[278])|466|5(?:47|58|64)|6(?:3[245]|48|5[4-68]))|499[2468]|5(?:769|979[2-69])|7468|8(?:3(?:8[78]|96[2457-9])|477|51[24]|636[2-57-9])|9(?:496|802|9(?:1[23]|69))|1(?:45|58)[67]"],"0$1"],[,"(\\d{3})(\\d{2})(\\d{4})","$1-$2-$3",["2(?:[34]7|[56]9|74|9[14-79])|82[0367]|993","2(?:[34]7|[56]9|74|9(?:1[02-689]|[4-79]))|82[0367]|993[0-25-9]","2(?:[34]7|59(?:[02-8]|1[0-689]|9[0-8])|69|74|9(?:1[02-689]|[4-79]))|82[0367]|993[0-25-9]"],"0$1"],[,"(\\d{2})(\\d{3})(\\d{4})","$1-$2-$3",["2(?:2[12]|3[0-269]|4[59]|5[0-468]|62|7[1-35]|8[16]|9[0238])|4(?:2[1-57]|3[0-57]|[45]|6[28]|7[259]|8[1-9]|9[29])|7(?:2[02-46-9]|34|[58]|6[0249]|7[57]|9[2-6])|9(?:4[15]|9[12489])",</w:t>
            </w:r>
          </w:p>
          <w:p w:rsidR="00156FB3" w:rsidRDefault="00156FB3" w:rsidP="00156FB3">
            <w:r>
              <w:t>"2(?:2[12]|3[0-269]|4[59]|5(?:[04][01]|[1-3]|[68]1)|62|7[1-35]|8[16]|9(?:[028]|3[015-9]))|4(?:2(?:[13-57]|21)|3[0-57]|[45]|6[28]|7(?:2|[59][019])|8[1-9]|9[29])|7(?:2[02-46-9]|34|[58]|6[0249]|7[57]|9(?:[23]|4[0-59]|5[01569]|6[0167]))|9(?:4[15]|9(?:[1289]|4[0178]))"],"0$1"],[,"(\\d{2})(\\d{3})(\\d{4})","$1-$2-$3",["1(?:1|5[45]|77|88|9[69])|2(?:2[37]|5[5-9]|64|78|8[39]|91)|4(?:2[2689]|64|7[347])|5(?:2|3[045]|4[0-369]|5[29]|8[02389]|9[0-389])|60|8(?:2[124589]|3[279]|49|6[0-24-689]|7[0-468]|8[68]|9[019])|9(?:[23][1-9]|5[138]|6[1-3]|7[156]|8[189]|93)",</w:t>
            </w:r>
          </w:p>
          <w:p w:rsidR="00156FB3" w:rsidRDefault="00156FB3" w:rsidP="00156FB3">
            <w:r>
              <w:lastRenderedPageBreak/>
              <w:t>"1(?:1|5(?:4[018]|5[017])|77|88|9[69])|2(?:2(?:3[014-9]|7)|5(?:5[0-69]|[68]0|7[015-9]|9)|78[0189]|8(?:3[0134]|9[0-5])|917)|4(?:2(?:20|6|8[014-6]|9[178])|64|7[347])|5(?:2|3[045]|4[0-369]|5[29]|8[02389]|9[0-3])|60|8(?:2(?:[1258]|4[0-39]|9[0-2469])|3[29]|49|6(?:[0-24]|5[0-3589]|9[01459])|7[0-468]|8[68])|9(?:[23][1-9]|5[138]|6[1-3]|7[156]|8[189]|93[34])|(?:264|837)[016-9]|(?:59[89]|8(?:6[68]|9))[019]","1(?:1|5(?:4[018]|5[017])|77|88|9[69])|2(?:(?:2|91)7|5(?:5[0-69]|[68]0|7[015-9]|9)|64[016-9]|78[0189]|8(?:3[0134]|9[0-5]))|4(?:2(?:20|6|8[014-6])|64|7[347])|5(?:2|3[045]|4[0-369]|5[29]|8[02389]|9[0-3])|60|8(?:2(?:[1258]|4[0-39]|9(?:[0169]|2[1-9]|4[1-3]))|3(?:[29]|7(?:[017-9]|6[6-8]))|49|6(?:[0-24]|5(?:[0-389]|5[23])|6[01]|9[0145])|7[0-468]|8[68])|9(?:[23][1-9]|5[138]|6[1-3]|7[156]|8[189]|93(?:31|4[357]))|(?:42|866)9[178]|(?:223|8699)[014-9]|(?:59[89]|8(?:68|9))[019]",</w:t>
            </w:r>
          </w:p>
          <w:p w:rsidR="00156FB3" w:rsidRDefault="00156FB3" w:rsidP="00156FB3">
            <w:r>
              <w:t>"1(?:1|5(?:4[018]|5[017])|77|88|9[69])|2(?:(?:2|91)7|5(?:5[0-69]|[68]0|7[015-9]|9)|64[016-9]|78[0189]|8(?:3[0134]|9[0-5]))|4(?:2(?:20|6|8[014-6])|64|7[347])|5(?:2|3[045]|4[0-369]|5[29]|8[02389]|9[0-3])|60|8(?:2(?:[1258]|4[0-39]|9(?:[019]|4[1-3]|6(?:[0-47-9]|5[01346-9])))|3(?:[29]|7(?:[017-9]|6[6-8]))|49|6(?:[0-24]|5(?:[0-389]|5[23])|6[01]|9[0145])|7[0-468]|8[68])|9(?:5[138]|6[1-3]|7[156]|8[189]|93(?:31|4[357]))|(?:42|866)9[178]|(?:223|8699)[014-9]|(?:829(?:2|66)|9[23])[1-9]|(?:59[89]|8(?:68|9))[019]"],</w:t>
            </w:r>
          </w:p>
          <w:p w:rsidR="00156FB3" w:rsidRDefault="00156FB3" w:rsidP="00156FB3">
            <w:r>
              <w:t>"0$1"],[,"(\\d)(\\d{4})(\\d{4})","$1-$2-$3",["[36]|4(?:2[09]|7[01])","[36]|4(?:2[09]|7(?:0[019]|1))"],"0$1"],[,"(\\d{3})(\\d{2})(\\d{4})","$1-$2-$3",["[14]|[29][2-9]|5[3-9]|7[2-4679]|8(?:[246-9]|3[3-8]|5[2-9])","[14]|[29][2-9]|5[3-9]|7[2-4679]|8(?:[246-9]|3(?:[3-6][2-9]|7|8[2-5])|5[2-9])"],"0$1"],[,"(\\d{3})(\\d{3})(\\d{4})","$1-$2-$3",["800"],"0$1"],[,"(\\d{2})(\\d{4})(\\d{4})","$1-$2-$3",["[2579]|80"],"0$1"]],[,,"20\\d{8}",,,,"2012345678",,,[10]],,,[,,"00(?:777(?:[01]|(?:5|8\\d)\\d)|882[1245]\\d\\d)\\d\\d|00(?:37|66)\\d{6,13}"],</w:t>
            </w:r>
          </w:p>
          <w:p w:rsidR="00156FB3" w:rsidRDefault="00156FB3" w:rsidP="00156FB3">
            <w:r>
              <w:t>[,,"570\\d{6}",,,,"570123456",,,[9]],,,[,,,,,,,,,[-1]]],KE:[,[,,"(?:[17]\\d\\d|900)\\d{6}|(?:2|80)0\\d{6,7}|[4-6]\\d{6,8}",,,,,,,[7,8,9,10]],[,,"(?:4[245]|5[1-79]|6[01457-9])\\d{5,7}|(?:4[136]|5[08]|62)\\d{7}|(?:[24]0|66)\\d{6,7}",,,,"202012345",,,[7,8,9]],[,,"[17]\\d{8}",,,,"712123456",,,[9]],[,,"800[24-8]\\d{5,6}",,,,"800223456",,,[9,10]],[,,"900[02-9]\\d{5}",,,,"900223456",,,[9]],[,,,,,,,,,[-1]],[,,,,,,,,,[-1]],[,,,,,,,,,[-1]],"KE",254,"000","0",,,"0",,,,[[,"(\\d{2})(\\d{5,7})","$1 $2",["[24-6]"],</w:t>
            </w:r>
          </w:p>
          <w:p w:rsidR="00156FB3" w:rsidRDefault="00156FB3" w:rsidP="00156FB3">
            <w:r>
              <w:t>"0$1"],[,"(\\d{3})(\\d{6})","$1 $2",["[17]"],"0$1"],[,"(\\d{3})(\\d{3})(\\d{3,4})","$1 $2 $3",["[89]"],"0$1"]],,[,,,,,,,,,[-1]],,,[,,,,,,,,,[-1]],[,,,,,,,,,[-1]],,,[,,,,,,,,,[-1]]],KG:[,[,,"(?:[235-7]\\d|99)\\d{7}|800\\d{6,7}",,,,,,,[9,10],[5,6]],[,,"(?:3(?:1(?:[256]\\d|3[1-9]|47)|2(?:22|3[0-479]|6[0-7])|4(?:22|5[6-9]|6\\d)|5(?:22|3[4-7]|59|6\\d)|6(?:22|5[35-7]|6\\d)|7(?:22|3[468]|4[1-9]|59|[67]\\d)|9(?:22|4[1-8]|6\\d))|6(?:09|12|2[2-4])\\d)\\d{5}",,,,"312123456",,,[9],[5,6]],[,,"(?:2(?:0[0-35]|2\\d)|5[0-24-7]\\d|7(?:[07]\\d|55)|99[69])\\d{6}",</w:t>
            </w:r>
          </w:p>
          <w:p w:rsidR="00156FB3" w:rsidRDefault="00156FB3" w:rsidP="00156FB3">
            <w:r>
              <w:t>,,,"700123456",,,[9]],[,,"800\\d{6,7}",,,,"800123456"],[,,,,,,,,,[-1]],[,,,,,,,,,[-1]],[,,,,,,,,,[-1]],[,,,,,,,,,[-1]],"KG",996,"00","0",,,"0",,,,[[,"(\\d{4})(\\d{5})","$1 $2",["3(?:1[346]|[24-79])"],"0$1"],[,"(\\d{3})(\\d{3})(\\d{3})","$1 $2 $3",["[235-79]"],"0$1"],[,"(\\d{3})(\\d{3})(\\d)(\\d{2,3})","$1 $2 $3 $4",["8"],"0$1"]],,[,,,,,,,,,[-1]],,,[,,,,,,,,,[-1]],[,,,,,,,,,[-1]],,,[,,,,,,,,,[-1]]],KH:[,[,,"1\\d{9}|[1-9]\\d{7,8}",,,,,,,[8,9,10],[6,7]],[,,"23(?:4(?:[2-4]|[56]\\d)|[568]\\d\\d)\\d{4}|23[236-9]\\d{5}|(?:2[4-6]|3[2-6]|4[2-4]|[5-7][2-5])(?:(?:[237-9]|4[56]|5\\d)\\d{5}|6\\d{5,6})",</w:t>
            </w:r>
          </w:p>
          <w:p w:rsidR="00156FB3" w:rsidRDefault="00156FB3" w:rsidP="00156FB3">
            <w:r>
              <w:t xml:space="preserve">,,,"23756789",,,[8,9],[6,7]],[,,"(?:(?:1[28]|3[18]|9[67])\\d|6[016-9]|7(?:[07-9]|[16]\\d)|8(?:[013-79]|8\\d))\\d{6}|(?:1\\d|9[0-57-9])\\d{6}|(?:2[3-6]|3[2-6]|4[2-4]|[5-7][2-5])48\\d{5}",,,,"91234567",,,[8,9]],[,,"1800(?:1\\d|2[019])\\d{4}",,,,"1800123456",,,[10]],[,,"1900(?:1\\d|2[09])\\d{4}",,,,"1900123456",,,[10]],[,,,,,,,,,[-1]],[,,,,,,,,,[-1]],[,,,,,,,,,[-1]],"KH",855,"00[14-9]","0",,,"0",,,,[[,"(\\d{2})(\\d{3})(\\d{3,4})","$1 $2 $3",["[1-9]"],"0$1"],[,"(\\d{4})(\\d{3})(\\d{3})","$1 $2 </w:t>
            </w:r>
            <w:r>
              <w:lastRenderedPageBreak/>
              <w:t>$3",["1"]]],</w:t>
            </w:r>
          </w:p>
          <w:p w:rsidR="00156FB3" w:rsidRDefault="00156FB3" w:rsidP="00156FB3">
            <w:r>
              <w:t>,[,,,,,,,,,[-1]],,,[,,,,,,,,,[-1]],[,,,,,,,,,[-1]],,,[,,,,,,,,,[-1]]],KI:[,[,,"(?:[37]\\d|6[0-79])\\d{6}|(?:[2-48]\\d|50)\\d{3}",,,,,,,[5,8]],[,,"(?:[24]\\d|3[1-9]|50|65(?:02[12]|12[56]|22[89]|[3-5]00)|7(?:27\\d\\d|3100|5(?:02[12]|12[56]|22[89]|[34](?:00|81)|500))|8[0-5])\\d{3}",,,,"31234"],[,,"73140\\d{3}|(?:630[01]|730[0-5])\\d{4}|[67]200[01]\\d{3}",,,,"72001234",,,[8]],[,,,,,,,,,[-1]],[,,,,,,,,,[-1]],[,,,,,,,,,[-1]],[,,,,,,,,,[-1]],[,,"30(?:0[01]\\d\\d|12(?:11|20))\\d\\d",,,,"30010000",,,[8]],</w:t>
            </w:r>
          </w:p>
          <w:p w:rsidR="00156FB3" w:rsidRDefault="00156FB3" w:rsidP="00156FB3">
            <w:r>
              <w:t>"KI",686,"00","0",,,"0",,,,,,[,,,,,,,,,[-1]],,,[,,,,,,,,,[-1]],[,,,,,,,,,[-1]],,,[,,,,,,,,,[-1]]],KM:[,[,,"[3478]\\d{6}",,,,,,,[7]],[,,"7[4-7]\\d{5}",,,,"7712345"],[,,"[34]\\d{6}",,,,"3212345"],[,,,,,,,,,[-1]],[,,"8\\d{6}",,,,"8001234"],[,,,,,,,,,[-1]],[,,,,,,,,,[-1]],[,,,,,,,,,[-1]],"KM",269,"00",,,,,,,,[[,"(\\d{3})(\\d{2})(\\d{2})","$1 $2 $3",["[3478]"]]],,[,,,,,,,,,[-1]],,,[,,,,,,,,,[-1]],[,,,,,,,,,[-1]],,,[,,,,,,,,,[-1]]],KN:[,[,,"(?:[58]\\d\\d|900)\\d{7}",,,,,,,[10],[7]],[,,"869(?:2(?:29|36)|302|4(?:6[015-9]|70))\\d{4}",</w:t>
            </w:r>
          </w:p>
          <w:p w:rsidR="00156FB3" w:rsidRDefault="00156FB3" w:rsidP="00156FB3">
            <w:r>
              <w:t>,,,"8692361234",,,,[7]],[,,"869(?:5(?:5[6-8]|6[5-7])|66\\d|76[02-7])\\d{4}",,,,"8697652917",,,,[7]],[,,"8(?:00|33|44|55|66|77|88)[2-9]\\d{6}",,,,"8002123456"],[,,"900[2-9]\\d{6}",,,,"9002123456"],[,,,,,,,,,[-1]],[,,"5(?:00|2[12]|33|44|66|77|88)[2-9]\\d{6}",,,,"5002345678"],[,,,,,,,,,[-1]],"KN",1,"011","1",,,"1|([2-7]\\d{6})$","869$1",,,,,[,,,,,,,,,[-1]],,"869",[,,,,,,,,,[-1]],[,,,,,,,,,[-1]],,,[,,,,,,,,,[-1]]],KP:[,[,,"85\\d{6}|(?:19\\d|2)\\d{7}",,,,,,,[8,10],[6,7]],[,,"(?:2\\d|85)\\d{6}",,,,"21234567",</w:t>
            </w:r>
          </w:p>
          <w:p w:rsidR="00156FB3" w:rsidRDefault="00156FB3" w:rsidP="00156FB3">
            <w:r>
              <w:t>,,[8],[6,7]],[,,"19[1-3]\\d{7}",,,,"1921234567",,,[10]],[,,,,,,,,,[-1]],[,,,,,,,,,[-1]],[,,,,,,,,,[-1]],[,,,,,,,,,[-1]],[,,,,,,,,,[-1]],"KP",850,"00|99","0",,,"0",,,,[[,"(\\d{2})(\\d{3})(\\d{3})","$1 $2 $3",["8"],"0$1"],[,"(\\d)(\\d{3})(\\d{4})","$1 $2 $3",["2"],"0$1"],[,"(\\d{3})(\\d{3})(\\d{4})","$1 $2 $3",["1"],"0$1"]],,[,,,,,,,,,[-1]],,,[,,"238[02-9]\\d{4}|2(?:[0-24-9]\\d|3[0-79])\\d{5}",,,,,,,[8]],[,,,,,,,,,[-1]],,,[,,,,,,,,,[-1]]],KR:[,[,,"00[1-9]\\d{8,11}|(?:[12]|5\\d{3})\\d{7}|[13-6]\\d{9}|(?:[1-6]\\d|80)\\d{7}|[3-6]\\d{4,5}|(?:00|7)0\\d{8}",</w:t>
            </w:r>
          </w:p>
          <w:p w:rsidR="00156FB3" w:rsidRDefault="00156FB3" w:rsidP="00156FB3">
            <w:r>
              <w:t>,,,,,,[5,6,8,9,10,11,12,13,14],[3,4,7]],[,,"(?:2|3[1-3]|[46][1-4]|5[1-5])[1-9]\\d{6,7}|(?:3[1-3]|[46][1-4]|5[1-5])1\\d{2,3}",,,,"22123456",,,[5,6,8,9,10],[3,4,7]],[,,"1[0-26-9]\\d{7,8}",,,,"1000000000",,,[9,10]],[,,"00(?:308\\d{6,7}|798\\d{7,9})|(?:00368|80)\\d{7}",,,,"801234567",,,[9,11,12,13,14]],[,,"60[2-9]\\d{6}",,,,"602345678",,,[9]],[,,,,,,,,,[-1]],[,,"50\\d{8,9}",,,,"5012345678",,,[10,11]],[,,"70\\d{8}",,,,"7012345678",,,[10]],"KR",82,"00(?:[125689]|3(?:[46]5|91)|7(?:00|27|3|55|6[126]))","0",</w:t>
            </w:r>
          </w:p>
          <w:p w:rsidR="00156FB3" w:rsidRDefault="00156FB3" w:rsidP="00156FB3">
            <w:r>
              <w:t>,,"0(8(?:[1-46-8]|5\\d\\d))?",,,,[[,"(\\d{5})","$1",["1[016-9]1","1[016-9]11","1[016-9]114"],"0$1"],[,"(\\d{2})(\\d{3,4})","$1-$2",["(?:3[1-3]|[46][1-4]|5[1-5])1"],"0$1","0$CC-$1"],[,"(\\d{4})(\\d{4})","$1-$2",["1"]],[,"(\\d)(\\d{3,4})(\\d{4})","$1-$2-$3",["2"],"0$1","0$CC-$1"],[,"(\\d{2})(\\d{3})(\\d{4})","$1-$2-$3",["60|8"],"0$1","0$CC-$1"],[,"(\\d{2})(\\d{3,4})(\\d{4})","$1-$2-$3",["[1346]|5[1-5]"],"0$1","0$CC-$1"],[,"(\\d{2})(\\d{4})(\\d{4})","$1-$2-$3",["[57]"],"0$1","0$CC-$1"],[,"(\\d{5})(\\d{3})(\\d{3})",</w:t>
            </w:r>
          </w:p>
          <w:p w:rsidR="00156FB3" w:rsidRDefault="00156FB3" w:rsidP="00156FB3">
            <w:r>
              <w:t>"$1 $2 $3",["003","0030"]],[,"(\\d{2})(\\d{5})(\\d{4})","$1-$2-$3",["5"],"0$1","0$CC-$1"],[,"(\\d{5})(\\d{3,4})(\\d{4})","$1 $2 $3",["0"]],[,"(\\d{5})(\\d{2})(\\d{3})(\\d{4})","$1 $2 $3 $4",["0"]]],[[,"(\\d{2})(\\d{3,4})","$1-$2",["(?:3[1-3]|[46][1-4]|5[1-5])1"],"0$1","0$CC-$1"],[,"(\\d{4})(\\d{4})","$1-$2",["1"]],[,"(\\d)(\\d{3,4})(\\d{4})","$1-$2-$3",["2"],"0$1","0$CC-$1"],[,"(\\d{2})(\\d{3})(\\d{4})","$1-$2-$3",["60|8"],"0$1","0$CC-$1"],[,"(\\d{2})(\\d{3,4})(\\d{4})","$1-$2-$3",["[1346]|5[1-5]"],</w:t>
            </w:r>
          </w:p>
          <w:p w:rsidR="00156FB3" w:rsidRDefault="00156FB3" w:rsidP="00156FB3">
            <w:r>
              <w:t>"0$1","0$CC-$1"],[,"(\\d{2})(\\d{4})(\\d{4})","$1-$2-$3",["[57]"],"0$1","0$CC-$1"],[,"(\\d{2})(\\d{5})(\\d{4})","$1-$2-$3",["5"],"0$1","0$CC-$1"]],[,,"15\\d{7,8}",,,,"1523456789",,,[9,10]],,,[,,"00(?:3(?:08\\d{6,7}|68\\d{7})|798\\d{7,9})",,,,,,,[11,12,13,14]],[,,"1(?:5(?:22|44|66|77|88|99)|6(?:[07]0|44|6[16]|88)|8(?:00|33|55|77|99))\\d{4}",,,,"15441234",,,[8]],,,[,,,,,,,,,[-1]]],KW:[,[,,"(?:18|[2569]\\d\\d)\\d{5}",,,,,,,[7,8]],[,,"2(?:[23]\\d\\d|4(?:[1-35-</w:t>
            </w:r>
            <w:r>
              <w:lastRenderedPageBreak/>
              <w:t>9]\\d|44)|5(?:0[034]|[2-46]\\d|5[1-3]|7[1-7]))\\d{4}",</w:t>
            </w:r>
          </w:p>
          <w:p w:rsidR="00156FB3" w:rsidRDefault="00156FB3" w:rsidP="00156FB3">
            <w:r>
              <w:t>,,,"22345678",,,[8]],[,,"(?:52(?:22|5[25])|6(?:222|70[013-9]|93[039])|9(?:11[01]|702))\\d{4}|(?:5(?:[05]\\d|1[0-7]|6[56])|6(?:0[034679]|5[015-9]|6\\d|7[67]|9[069])|9(?:0[09]|22|4[01479]|55|6[0679]|7[1-9]|8[057-9]|9\\d))\\d{5}",,,,"50012345",,,[8]],[,,"18\\d{5}",,,,"1801234",,,[7]],[,,,,,,,,,[-1]],[,,,,,,,,,[-1]],[,,,,,,,,,[-1]],[,,,,,,,,,[-1]],"KW",965,"00",,,,,,,,[[,"(\\d{4})(\\d{3,4})","$1 $2",["[169]|2(?:[235]|4[1-35-9])|52"]],[,"(\\d{3})(\\d{5})","$1 $2",["[25]"]]],,[,,,,,,,,,[-1]],,,[,,,,,,,</w:t>
            </w:r>
          </w:p>
          <w:p w:rsidR="00156FB3" w:rsidRDefault="00156FB3" w:rsidP="00156FB3">
            <w:r>
              <w:t>,,[-1]],[,,,,,,,,,[-1]],,,[,,,,,,,,,[-1]]],KY:[,[,,"(?:345|[58]\\d\\d|900)\\d{7}",,,,,,,[10],[7]],[,,"345(?:2(?:22|44)|444|6(?:23|38|40)|7(?:4[35-79]|6[6-9]|77)|8(?:00|1[45]|25|[48]8)|9(?:14|4[035-9]))\\d{4}",,,,"3452221234",,,,[7]],[,,"345(?:32[1-9]|5(?:1[67]|2[5-79]|4[6-9]|50|76)|649|9(?:1[67]|2[2-9]|3[689]))\\d{4}",,,,"3453231234",,,,[7]],[,,"8(?:00|33|44|55|66|77|88)[2-9]\\d{6}",,,,"8002345678"],[,,"(?:345976|900[2-9]\\d\\d)\\d{4}",,,,"9002345678"],[,,,,,,,,,[-1]],[,,"5(?:00|2[12]|33|44|66|77|88)[2-9]\\d{6}",</w:t>
            </w:r>
          </w:p>
          <w:p w:rsidR="00156FB3" w:rsidRDefault="00156FB3" w:rsidP="00156FB3">
            <w:r>
              <w:t>,,,"5002345678"],[,,,,,,,,,[-1]],"KY",1,"011","1",,,"1|([2-9]\\d{6})$","345$1",,,,,[,,"345849\\d{4}",,,,"3458491234"],,"345",[,,,,,,,,,[-1]],[,,,,,,,,,[-1]],,,[,,,,,,,,,[-1]]],KZ:[,[,,"33622\\d{5}|(?:7\\d|80)\\d{8}",,,,,,,[10],[5,6]],[,,"(?:33622|7(?:1(?:0(?:[23]\\d|4[0-3]|59|63)|1(?:[23]\\d|4[0-79]|59)|2(?:[23]\\d|59)|3(?:2\\d|3[0-79]|4[0-35-9]|59)|4(?:[24]\\d|3[013-9]|5[1-9])|5(?:2\\d|3[1-9]|4[0-7]|59)|6(?:[2-4]\\d|5[19]|61)|72\\d|8(?:[27]\\d|3[1-46-9]|4[0-5]))|2(?:1(?:[23]\\d|4[46-9]|5[3469])|2(?:2\\d|3[0679]|46|5[12679])|3(?:[2-4]\\d|5[139])|4(?:2\\d|3[1-35-9]|59)|5(?:[23]\\d|4[0-246-8]|59|61)|6(?:2\\d|3[1-9]|4[0-4]|59)|7(?:[2379]\\d|40|5[279])|8(?:[23]\\d|4[0-3]|59)|9(?:2\\d|3[124578]|59))))\\d{5}",</w:t>
            </w:r>
          </w:p>
          <w:p w:rsidR="00156FB3" w:rsidRDefault="00156FB3" w:rsidP="00156FB3">
            <w:r>
              <w:t>,,,"7123456789",,,,[5,6]],[,,"7(?:0[0-2578]|47|6[02-4]|7[15-8]|85)\\d{7}",,,,"7710009998"],[,,"800\\d{7}",,,,"8001234567"],[,,"809\\d{7}",,,,"8091234567"],[,,,,,,,,,[-1]],[,,"808\\d{7}",,,,"8081234567"],[,,"751\\d{7}",,,,"7511234567"],"KZ",7,"810","8",,,"8",,"8~10",,,,[,,,,,,,,,[-1]],,"33|7",[,,"751\\d{7}"],[,,,,,,,,,[-1]],,,[,,,,,,,,,[-1]]],LA:[,[,,"(?:2\\d|3)\\d{8}|(?:[235-8]\\d|41)\\d{6}",,,,,,,[8,9,10],[6]],[,,"(?:2[13]|[35-7][14]|41|8[1468])\\d{6}",,,,"21212862",,,[8],[6]],[,,"20(?:[29]\\d|5[24-689]|7[6-8])\\d{6}",</w:t>
            </w:r>
          </w:p>
          <w:p w:rsidR="00156FB3" w:rsidRDefault="00156FB3" w:rsidP="00156FB3">
            <w:r>
              <w:t>,,,"2023123456",,,[10]],[,,,,,,,,,[-1]],[,,,,,,,,,[-1]],[,,,,,,,,,[-1]],[,,,,,,,,,[-1]],[,,,,,,,,,[-1]],"LA",856,"00","0",,,"0",,,,[[,"(\\d{2})(\\d{3})(\\d{3})","$1 $2 $3",["2[13]|3[14]|[4-8]"],"0$1"],[,"(\\d{2})(\\d{2})(\\d{2})(\\d{3})","$1 $2 $3 $4",["3"],"0$1"],[,"(\\d{2})(\\d{2})(\\d{3})(\\d{3})","$1 $2 $3 $4",["2"],"0$1"]],,[,,,,,,,,,[-1]],,,[,,,,,,,,,[-1]],[,,"30\\d{7}",,,,"301234567",,,[9]],,,[,,,,,,,,,[-1]]],LB:[,[,,"[7-9]\\d{7}|[13-9]\\d{6}",,,,,,,[7,8]],[,,"(?:(?:[14-69]\\d|8[02-9])\\d|7(?:[2-57]\\d|62|8[0-7]|9[04-9]))\\d{4}",</w:t>
            </w:r>
          </w:p>
          <w:p w:rsidR="00156FB3" w:rsidRDefault="00156FB3" w:rsidP="00156FB3">
            <w:r>
              <w:t>,,,"1123456",,,[7]],[,,"(?:(?:3|81)\\d|7(?:[01]\\d|6[013-9]|8[89]|9[1-3]))\\d{5}",,,,"71123456"],[,,,,,,,,,[-1]],[,,"9[01]\\d{6}",,,,"90123456",,,[8]],[,,"80\\d{6}",,,,"80123456",,,[8]],[,,,,,,,,,[-1]],[,,,,,,,,,[-1]],"LB",961,"00","0",,,"0",,,,[[,"(\\d)(\\d{3})(\\d{3})","$1 $2 $3",["[13-69]|7(?:[2-57]|62|8[0-7]|9[04-9])|8[02-9]"],"0$1"],[,"(\\d{2})(\\d{3})(\\d{3})","$1 $2 $3",["[7-9]"]]],,[,,,,,,,,,[-1]],,,[,,,,,,,,,[-1]],[,,,,,,,,,[-1]],,,[,,,,,,,,,[-1]]],LC:[,[,,"(?:[58]\\d\\d|758|900)\\d{7}",</w:t>
            </w:r>
          </w:p>
          <w:p w:rsidR="00156FB3" w:rsidRDefault="00156FB3" w:rsidP="00156FB3">
            <w:r>
              <w:t>,,,,,,[10],[7]],[,,"758(?:4(?:30|5\\d|6[2-9]|8[0-2])|57[0-2]|638)\\d{4}",,,,"7584305678",,,,[7]],[,,"758(?:28[4-7]|384|4(?:6[01]|8[4-9])|5(?:1[89]|20|84)|7(?:1[2-9]|2\\d|3[01]))\\d{4}",,,,"7582845678",,,,[7]],[,,"8(?:00|33|44|55|66|77|88)[2-9]\\d{6}",,,,"8002123456"],[,,"900[2-9]\\d{6}",,,,"9002123456"],[,,,,,,,,,[-1]],[,,"5(?:00|2[12]|33|44|66|77|88)[2-9]\\d{6}",,,,"5002345678"],[,,,,,,,,,[-1]],"LC",1,"011","1",,,"1|([2-7]\\d{6})$","758$1",,,,,[,,,,,,,,,[-1]],,"758",[,,,,,,,,,[-1]],[,,,,,,,,,[-1]],</w:t>
            </w:r>
          </w:p>
          <w:p w:rsidR="00156FB3" w:rsidRDefault="00156FB3" w:rsidP="00156FB3">
            <w:r>
              <w:t>,,[,,,,,,,,,[-1]]],LI:[,[,,"90\\d{5}|(?:[2378]|6\\d\\d)\\d{6}",,,,,,,[7,9]],[,,"(?:2(?:01|1[27]|22|3\\d|6[02-578]|96)|3(?:33|40|7[0135-7]|8[048]|9[0269]))\\d{4}",,,,"2345678",,,[7]],[,,"756\\d{4}|(?:6(?:499|5[0-3]\\d|6(?:0[0-7]|10|2[06-9]|39))|7[37-</w:t>
            </w:r>
            <w:r>
              <w:lastRenderedPageBreak/>
              <w:t>9])\\d{5}",,,,"660234567"],[,,"80(?:02[28]|9\\d\\d)\\d\\d",,,,"8002222",,,[7]],[,,"90(?:02[258]|1(?:23|3[14])|66[136])\\d\\d",,,,"9002222",,,[7]],[,,,,,,,,,[-1]],[,,,,,,,,,[-1]],[,,,,,,,,,[-1]],"LI",423,"00","0",,,"0|(10(?:01|20|66))",,,,[[,"(\\d{3})(\\d{2})(\\d{2})",</w:t>
            </w:r>
          </w:p>
          <w:p w:rsidR="00156FB3" w:rsidRDefault="00156FB3" w:rsidP="00156FB3">
            <w:r>
              <w:t>"$1 $2 $3",["[237-9]"],,"$CC $1"],[,"(\\d{2})(\\d{3})(\\d{4})","$1 $2 $3",["69"],,"$CC $1"],[,"(\\d{3})(\\d{3})(\\d{3})","$1 $2 $3",["6"],,"$CC $1"]],,[,,,,,,,,,[-1]],,,[,,,,,,,,,[-1]],[,,"870(?:28|87)\\d\\d",,,,"8702812",,,[7]],,,[,,"697(?:56|[78]\\d)\\d{4}",,,,"697861234",,,[9]]],LK:[,[,,"(?:[1-7]\\d|[89]1)\\d{7}",,,,,,,[9],[7]],[,,"(?:[189]1|2[13-7]|3[1-8]|4[157]|5[12457]|6[35-7])[2-57]\\d{6}",,,,"112345678",,,,[7]],[,,"7[0-25-8]\\d{7}",,,,"712345678"],[,,,,,,,,,[-1]],[,,,,,,,,,[-1]],[,,,,,,,,</w:t>
            </w:r>
          </w:p>
          <w:p w:rsidR="00156FB3" w:rsidRDefault="00156FB3" w:rsidP="00156FB3">
            <w:r>
              <w:t>,[-1]],[,,,,,,,,,[-1]],[,,,,,,,,,[-1]],"LK",94,"00","0",,,"0",,,,[[,"(\\d{2})(\\d{3})(\\d{4})","$1 $2 $3",["7"],"0$1"],[,"(\\d{3})(\\d{3})(\\d{3})","$1 $2 $3",["[1-689]"],"0$1"]],,[,,,,,,,,,[-1]],,,[,,,,,,,,,[-1]],[,,"1973\\d{5}",,,,"197312345"],,,[,,,,,,,,,[-1]]],LR:[,[,,"(?:2|33|5\\d|77|88)\\d{7}|[45]\\d{6}",,,,,,,[7,8,9]],[,,"(?:2\\d{3}|33333)\\d{4}",,,,"21234567",,,[8,9]],[,,"(?:(?:330|555|(?:77|88)\\d)\\d|4[67])\\d{5}|5\\d{6}",,,,"770123456",,,[7,9]],[,,,,,,,,,[-1]],[,,"332(?:02|[34]\\d)\\d{4}",</w:t>
            </w:r>
          </w:p>
          <w:p w:rsidR="00156FB3" w:rsidRDefault="00156FB3" w:rsidP="00156FB3">
            <w:r>
              <w:t>,,,"332021234",,,[9]],[,,,,,,,,,[-1]],[,,,,,,,,,[-1]],[,,,,,,,,,[-1]],"LR",231,"00","0",,,"0",,,,[[,"(\\d)(\\d{3})(\\d{3})","$1 $2 $3",["[45]"],"0$1"],[,"(\\d{2})(\\d{3})(\\d{3})","$1 $2 $3",["2"],"0$1"],[,"(\\d{2})(\\d{3})(\\d{4})","$1 $2 $3",["[3578]"],"0$1"]],,[,,,,,,,,,[-1]],,,[,,,,,,,,,[-1]],[,,,,,,,,,[-1]],,,[,,,,,,,,,[-1]]],LS:[,[,,"(?:[256]\\d\\d|800)\\d{5}",,,,,,,[8]],[,,"2\\d{7}",,,,"22123456"],[,,"[56]\\d{7}",,,,"50123456"],[,,"800[256]\\d{4}",,,,"80021234"],[,,,,,,,,,[-1]],[,,,,,,,,,[-1]],</w:t>
            </w:r>
          </w:p>
          <w:p w:rsidR="00156FB3" w:rsidRDefault="00156FB3" w:rsidP="00156FB3">
            <w:r>
              <w:t>[,,,,,,,,,[-1]],[,,,,,,,,,[-1]],"LS",266,"00",,,,,,,,[[,"(\\d{4})(\\d{4})","$1 $2",["[2568]"]]],,[,,,,,,,,,[-1]],,,[,,,,,,,,,[-1]],[,,,,,,,,,[-1]],,,[,,,,,,,,,[-1]]],LT:[,[,,"(?:[3469]\\d|52|[78]0)\\d{6}",,,,,,,[8]],[,,"(?:3[1478]|4[124-6]|52)\\d{6}",,,,"31234567"],[,,"6\\d{7}",,,,"61234567"],[,,"800\\d{5}",,,,"80012345"],[,,"9(?:0[0239]|10)\\d{5}",,,,"90012345"],[,,"808\\d{5}",,,,"80812345"],[,,"700\\d{5}",,,,"70012345"],[,,,,,,,,,[-1]],"LT",370,"00","8",,,"[08]",,,,[[,"(\\d)(\\d{3})(\\d{4})","$1 $2 $3",</w:t>
            </w:r>
          </w:p>
          <w:p w:rsidR="00156FB3" w:rsidRDefault="00156FB3" w:rsidP="00156FB3">
            <w:r>
              <w:t>["52[0-79]"],"(8-$1)",,1],[,"(\\d{3})(\\d{2})(\\d{3})","$1 $2 $3",["[7-9]"],"8 $1",,1],[,"(\\d{2})(\\d{6})","$1 $2",["37|4(?:[15]|6[1-8])"],"(8-$1)",,1],[,"(\\d{3})(\\d{5})","$1 $2",["[3-6]"],"(8-$1)",,1]],,[,,,,,,,,,[-1]],,,[,,,,,,,,,[-1]],[,,"70[67]\\d{5}",,,,"70712345"],,,[,,,,,,,,,[-1]]],LU:[,[,,"35[013-9]\\d{4,8}|6\\d{8}|35\\d{2,4}|(?:[2457-9]\\d|3[0-46-9])\\d{2,9}",,,,,,,[4,5,6,7,8,9,10,11]],[,,"(?:35[013-9]|80[2-9]|90[89])\\d{1,8}|(?:2[2-9]|3[0-46-9]|[457]\\d|8[13-9]|9[2-579])\\d{2,9}",,,,</w:t>
            </w:r>
          </w:p>
          <w:p w:rsidR="00156FB3" w:rsidRDefault="00156FB3" w:rsidP="00156FB3">
            <w:r>
              <w:t>"27123456"],[,,"6(?:[269][18]|5[158]|7[189]|81)\\d{6}",,,,"628123456",,,[9]],[,,"800\\d{5}",,,,"80012345",,,[8]],[,,"90[015]\\d{5}",,,,"90012345",,,[8]],[,,"801\\d{5}",,,,"80112345",,,[8]],[,,,,,,,,,[-1]],[,,"20(?:1\\d{5}|[2-689]\\d{1,7})",,,,"20201234",,,[4,5,6,7,8,9,10]],"LU",352,"00",,,,"(15(?:0[06]|1[12]|[35]5|4[04]|6[26]|77|88|99)\\d)",,,,[[,"(\\d{2})(\\d{3})","$1 $2",["2(?:0[2-689]|[2-9])|[3-57]|8(?:0[2-9]|[13-9])|9(?:0[89]|[2-579])"],,"$CC $1"],[,"(\\d{2})(\\d{2})(\\d{2})","$1 $2 $3",["2(?:0[2-689]|[2-9])|[3-57]|8(?:0[2-9]|[13-9])|9(?:0[89]|[2-579])"],</w:t>
            </w:r>
          </w:p>
          <w:p w:rsidR="00156FB3" w:rsidRDefault="00156FB3" w:rsidP="00156FB3">
            <w:r>
              <w:t>,"$CC $1"],[,"(\\d{2})(\\d{2})(\\d{3})","$1 $2 $3",["20[2-689]"],,"$CC $1"],[,"(\\d{2})(\\d{2})(\\d{2})(\\d{1,2})","$1 $2 $3 $4",["2(?:[0367]|4[3-8])"],,"$CC $1"],[,"(\\d{3})(\\d{2})(\\d{3})","$1 $2 $3",["80[01]|90[015]"],,"$CC $1"],[,"(\\d{2})(\\d{2})(\\d{2})(\\d{3})","$1 $2 $3 $4",["20"],,"$CC $1"],[,"(\\d{3})(\\d{3})(\\d{3})","$1 $2 $3",["6"],,"$CC $1"],[,"(\\d{2})(\\d{2})(\\d{2})(\\d{2})(\\d{1,2})","$1 $2 $3 $4 $5",["2(?:[0367]|4[3-8])"],,"$CC $1"],[,"(\\d{2})(\\d{2})(\\d{2})(\\d{1,5})","$1 $2 $3 $4",</w:t>
            </w:r>
          </w:p>
          <w:p w:rsidR="00156FB3" w:rsidRDefault="00156FB3" w:rsidP="00156FB3">
            <w:r>
              <w:t>["[3-57]|8[13-9]|9(?:0[89]|[2-579])|(?:2|80)[2-9]"],,"$CC $1"]],,[,,,,,,,,,[-1]],,,[,,,,,,,,,[-1]],[,,,,,,,,,[-1]],,,[,,,,,,,,,[-1]]],LV:[,[,,"(?:[268]\\d|90)\\d{6}",,,,,,,[8]],[,,"6\\d{7}",,,,"63123456"],[,,"2\\d{7}",,,,"21234567"],[,,"80\\d{6}",,,,"80123456"],[,,"90\\d{6}",,,,"90123456"],[,,"81\\d{6}",,,,"81123456"],[,,,,,,,,,[-1]],[,,,,,,,,,[-1]],"LV",371,"00",,,,,,,,[[,"(\\d{2})(\\d{3})(\\d{3})","$1 $2 $3",["[269]|8[01]"]]],,[,,,,,,,,,[-1]],,,[,,,,,,,,,[-</w:t>
            </w:r>
            <w:r>
              <w:lastRenderedPageBreak/>
              <w:t>1]],[,,,,,,,,,[-1]],,,[,,,,,,,,,[-1]]],</w:t>
            </w:r>
          </w:p>
          <w:p w:rsidR="00156FB3" w:rsidRDefault="00156FB3" w:rsidP="00156FB3">
            <w:r>
              <w:t>LY:[,[,,"(?:[2569]\\d|71)\\d{7}",,,,,,,[9],[7]],[,,"(?:2[13-5]|5[1347]|6[1-479]|71)\\d{7}",,,,"212345678",,,,[7]],[,,"9[1-6]\\d{7}",,,,"912345678"],[,,,,,,,,,[-1]],[,,,,,,,,,[-1]],[,,,,,,,,,[-1]],[,,,,,,,,,[-1]],[,,,,,,,,,[-1]],"LY",218,"00","0",,,"0",,,,[[,"(\\d{2})(\\d{7})","$1-$2",["[25-79]"],"0$1"]],,[,,,,,,,,,[-1]],,,[,,,,,,,,,[-1]],[,,,,,,,,,[-1]],,,[,,,,,,,,,[-1]]],MA:[,[,,"[5-8]\\d{8}",,,,,,,[9]],[,,"5(?:2(?:[015-79]\\d|2[02-9]|3[2-57]|4[2-8]|8[235-7])|3(?:[0-48]\\d|[57][2-9]|6[2-8]|9[3-9])|(?:4[067]|5[03])\\d)\\d{5}",</w:t>
            </w:r>
          </w:p>
          <w:p w:rsidR="00156FB3" w:rsidRDefault="00156FB3" w:rsidP="00156FB3">
            <w:r>
              <w:t>,,,"520123456"],[,,"(?:6(?:[0-79]\\d|8[0-247-9])|7(?:0[067]|6[1267]|7[017]))\\d{6}",,,,"650123456"],[,,"80\\d{7}",,,,"801234567"],[,,"89\\d{7}",,,,"891234567"],[,,,,,,,,,[-1]],[,,,,,,,,,[-1]],[,,"5924[01]\\d{4}",,,,"592401234"],"MA",212,"00","0",,,"0",,,,[[,"(\\d{5})(\\d{4})","$1-$2",["5(?:29|38)","5(?:29|38)[89]"],"0$1"],[,"(\\d{3})(\\d{2})(\\d{2})(\\d{2})","$1 $2 $3 $4",["5[45]"],"0$1"],[,"(\\d{4})(\\d{5})","$1-$2",["5(?:2[2-489]|3[5-9]|9)|892"],"0$1"],[,"(\\d{2})(\\d{7})","$1-$2",["8"],"0$1"],</w:t>
            </w:r>
          </w:p>
          <w:p w:rsidR="00156FB3" w:rsidRDefault="00156FB3" w:rsidP="00156FB3">
            <w:r>
              <w:t>[,"(\\d{3})(\\d{6})","$1-$2",["[5-7]"],"0$1"]],,[,,,,,,,,,[-1]],1,,[,,,,,,,,,[-1]],[,,,,,,,,,[-1]],,,[,,,,,,,,,[-1]]],MC:[,[,,"870\\d{5}|(?:[349]|6\\d)\\d{7}",,,,,,,[8,9]],[,,"(?:870|9[2-47-9]\\d)\\d{5}",,,,"99123456",,,[8]],[,,"4(?:4\\d|5[1-9])\\d{5}|(?:3|6\\d)\\d{7}",,,,"612345678"],[,,"90\\d{6}",,,,"90123456",,,[8]],[,,,,,,,,,[-1]],[,,,,,,,,,[-1]],[,,,,,,,,,[-1]],[,,,,,,,,,[-1]],"MC",377,"00","0",,,"0",,,,[[,"(\\d{3})(\\d{3})(\\d{2})","$1 $2 $3",["8"]],[,"(\\d{2})(\\d{3})(\\d{3})","$1 $2 $3",["4"],</w:t>
            </w:r>
          </w:p>
          <w:p w:rsidR="00156FB3" w:rsidRDefault="00156FB3" w:rsidP="00156FB3">
            <w:r>
              <w:t>"0$1"],[,"(\\d{2})(\\d{2})(\\d{2})(\\d{2})","$1 $2 $3 $4",["[39]"]],[,"(\\d)(\\d{2})(\\d{2})(\\d{2})(\\d{2})","$1 $2 $3 $4 $5",["6"],"0$1"]],[[,"(\\d{2})(\\d{3})(\\d{3})","$1 $2 $3",["4"],"0$1"],[,"(\\d{2})(\\d{2})(\\d{2})(\\d{2})","$1 $2 $3 $4",["[39]"]],[,"(\\d)(\\d{2})(\\d{2})(\\d{2})(\\d{2})","$1 $2 $3 $4 $5",["6"],"0$1"]],[,,,,,,,,,[-1]],,,[,,"870\\d{5}",,,,,,,[8]],[,,,,,,,,,[-1]],,,[,,,,,,,,,[-1]]],MD:[,[,,"(?:[235-7]\\d|[89]0)\\d{6}",,,,,,,[8]],[,,"(?:(?:2[1-9]|3[1-79])\\d|5(?:33|5[257]))\\d{5}",</w:t>
            </w:r>
          </w:p>
          <w:p w:rsidR="00156FB3" w:rsidRDefault="00156FB3" w:rsidP="00156FB3">
            <w:r>
              <w:t>,,,"22212345"],[,,"(?:562|6\\d\\d|7(?:[189]\\d|6[07]|7[457-9]))\\d{5}",,,,"62112345"],[,,"800\\d{5}",,,,"80012345"],[,,"90[056]\\d{5}",,,,"90012345"],[,,"808\\d{5}",,,,"80812345"],[,,,,,,,,,[-1]],[,,"3[08]\\d{6}",,,,"30123456"],"MD",373,"00","0",,,"0",,,,[[,"(\\d{3})(\\d{5})","$1 $2",["[89]"],"0$1"],[,"(\\d{2})(\\d{3})(\\d{3})","$1 $2 $3",["22|3"],"0$1"],[,"(\\d{3})(\\d{2})(\\d{3})","$1 $2 $3",["[25-7]"],"0$1"]],,[,,,,,,,,,[-1]],,,[,,,,,,,,,[-1]],[,,"803\\d{5}",,,,"80312345"],,,[,,,,,,,,,[-1]]],ME:[,</w:t>
            </w:r>
          </w:p>
          <w:p w:rsidR="00156FB3" w:rsidRDefault="00156FB3" w:rsidP="00156FB3">
            <w:r>
              <w:t>[,,"(?:20|[3-79]\\d)\\d{6}|80\\d{6,7}",,,,,,,[8,9],[6]],[,,"(?:20[2-8]|3(?:[0-2][2-7]|3[24-7])|4(?:0[2-467]|1[2467])|5(?:[01][2467]|2[2-467]))\\d{5}",,,,"30234567",,,[8],[6]],[,,"6(?:00|3[024]|6[0-25]|[7-9]\\d)\\d{5}",,,,"67622901",,,[8]],[,,"80(?:[0-2578]|9\\d)\\d{5}",,,,"80080002"],[,,"9(?:4[1568]|5[178])\\d{5}",,,,"94515151",,,[8]],[,,,,,,,,,[-1]],[,,,,,,,,,[-1]],[,,"78[1-49]\\d{5}",,,,"78108780",,,[8]],"ME",382,"00","0",,,"0",,,,[[,"(\\d{2})(\\d{3})(\\d{3,4})","$1 $2 $3",["[2-9]"],"0$1"]],,[,</w:t>
            </w:r>
          </w:p>
          <w:p w:rsidR="00156FB3" w:rsidRDefault="00156FB3" w:rsidP="00156FB3">
            <w:r>
              <w:t>,,,,,,,,[-1]],,,[,,,,,,,,,[-1]],[,,"77[1-9]\\d{5}",,,,"77273012",,,[8]],,,[,,,,,,,,,[-1]]],MF:[,[,,"(?:590|69\\d)\\d{6}",,,,,,,[9]],[,,"590(?:0[079]|[14]3|[27][79]|30|5[0-268]|87)\\d{4}",,,,"590271234"],[,,"69(?:0\\d\\d|1(?:2[29]|3[0-5]))\\d{4}",,,,"690001234"],[,,,,,,,,,[-1]],[,,,,,,,,,[-1]],[,,,,,,,,,[-1]],[,,,,,,,,,[-1]],[,,,,,,,,,[-1]],"MF",590,"00","0",,,"0",,,,,,[,,,,,,,,,[-1]],,,[,,,,,,,,,[-1]],[,,,,,,,,,[-1]],,,[,,,,,,,,,[-1]]],MG:[,[,,"[23]\\d{8}",,,,,,,[9],[7]],[,,"2072[29]\\d{4}|20(?:2\\d|4[47]|5[3467]|6[279]|7[35]|8[268]|9[245])\\d{5}",</w:t>
            </w:r>
          </w:p>
          <w:p w:rsidR="00156FB3" w:rsidRDefault="00156FB3" w:rsidP="00156FB3">
            <w:r>
              <w:t>,,,"202123456",,,,[7]],[,,"3[2-49]\\d{7}",,,,"321234567"],[,,,,,,,,,[-1]],[,,,,,,,,,[-1]],[,,,,,,,,,[-1]],[,,,,,,,,,[-1]],[,,"22\\d{7}",,,,"221234567"],"MG",261,"00","0",,,"0|([24-</w:t>
            </w:r>
            <w:r>
              <w:lastRenderedPageBreak/>
              <w:t>9]\\d{6})$","20$1",,,[[,"(\\d{2})(\\d{2})(\\d{3})(\\d{2})","$1 $2 $3 $4",["[23]"],"0$1"]],,[,,,,,,,,,[-1]],,,[,,,,,,,,,[-1]],[,,,,,,,,,[-1]],,,[,,,,,,,,,[-1]]],MH:[,[,,"329\\d{4}|(?:[256]\\d|45)\\d{5}",,,,,,,[7]],[,,"(?:247|528|625)\\d{4}",,,,"2471234"],[,,"(?:(?:23|54)5|329|45[56])\\d{4}",,,,"2351234"],[,,,,,,,,,[-1]],</w:t>
            </w:r>
          </w:p>
          <w:p w:rsidR="00156FB3" w:rsidRDefault="00156FB3" w:rsidP="00156FB3">
            <w:r>
              <w:t>[,,,,,,,,,[-1]],[,,,,,,,,,[-1]],[,,,,,,,,,[-1]],[,,"635\\d{4}",,,,"6351234"],"MH",692,"011","1",,,"1",,,,[[,"(\\d{3})(\\d{4})","$1-$2",["[2-6]"]]],,[,,,,,,,,,[-1]],,,[,,,,,,,,,[-1]],[,,,,,,,,,[-1]],,,[,,,,,,,,,[-1]]],MK:[,[,,"[2-578]\\d{7}",,,,,,,[8],[6,7]],[,,"(?:2(?:[23]\\d|5[0-24578]|6[01]|82)|3(?:1[3-68]|[23][2-68]|4[23568])|4(?:[23][2-68]|4[3-68]|5[2568]|6[25-8]|7[24-68]|8[4-68]))\\d{5}",,,,"22012345",,,,[6,7]],[,,"7(?:(?:[0-25-8]\\d|3[2-4]|9[23])\\d|421)\\d{4}",,,,"72345678"],[,,"800\\d{5}",</w:t>
            </w:r>
          </w:p>
          <w:p w:rsidR="00156FB3" w:rsidRDefault="00156FB3" w:rsidP="00156FB3">
            <w:r>
              <w:t>,,,"80012345"],[,,"5[02-9]\\d{6}",,,,"50012345"],[,,"8(?:0[1-9]|[1-9]\\d)\\d{5}",,,,"80123456"],[,,,,,,,,,[-1]],[,,,,,,,,,[-1]],"MK",389,"00","0",,,"0",,,,[[,"(\\d)(\\d{3})(\\d{4})","$1 $2 $3",["2"],"0$1"],[,"(\\d{2})(\\d{3})(\\d{3})","$1 $2 $3",["[347]"],"0$1"],[,"(\\d{3})(\\d)(\\d{2})(\\d{2})","$1 $2 $3 $4",["[58]"],"0$1"]],,[,,,,,,,,,[-1]],,,[,,,,,,,,,[-1]],[,,,,,,,,,[-1]],,,[,,,,,,,,,[-1]]],ML:[,[,,"(?:[246-9]\\d|50)\\d{6}",,,,,,,[8]],[,,"2(?:07[0-8]|12[67])\\d{4}|(?:2(?:02|1[4-689])|4(?:0[0-4]|4[1-39]))\\d{5}",</w:t>
            </w:r>
          </w:p>
          <w:p w:rsidR="00156FB3" w:rsidRDefault="00156FB3" w:rsidP="00156FB3">
            <w:r>
              <w:t>,,,"20212345"],[,,"2(?:079|17\\d)\\d{4}|(?:50|[679]\\d|8[239])\\d{6}",,,,"65012345"],[,,"80\\d{6}",,,,"80012345"],[,,,,,,,,,[-1]],[,,,,,,,,,[-1]],[,,,,,,,,,[-1]],[,,,,,,,,,[-1]],"ML",223,"00",,,,,,,,[[,"(\\d{4})","$1",["67[057-9]|74[045]","67(?:0[09]|[59]9|77|8[89])|74(?:0[02]|44|55)"]],[,"(\\d{2})(\\d{2})(\\d{2})(\\d{2})","$1 $2 $3 $4",["[24-9]"]]],[[,"(\\d{2})(\\d{2})(\\d{2})(\\d{2})","$1 $2 $3 $4",["[24-9]"]]],[,,,,,,,,,[-1]],,,[,,"80\\d{6}"],[,,,,,,,,,[-1]],,,[,,,,,,,,,[-1]]],MM:[,[,,"1\\d{5,7}|95\\d{6}|(?:[4-7]|9[0-46-9])\\d{6,8}|(?:2|8\\d)\\d{5,8}",</w:t>
            </w:r>
          </w:p>
          <w:p w:rsidR="00156FB3" w:rsidRDefault="00156FB3" w:rsidP="00156FB3">
            <w:r>
              <w:t>,,,,,,[6,7,8,9,10],[5]],[,,"(?:1(?:(?:2\\d|3[56]|[89][0-6])\\d|4(?:2[2-469]|39|6[25]|7[01])|6)|2(?:2(?:00|8[34])|4(?:0\\d|2[246]|39|62|7[01])|51\\d\\d)|4(?:2(?:2\\d\\d|480)|[34]20\\d)|6(?:0(?:[23]|88\\d)|(?:124|320|42[04]|[56]2\\d)\\d|7(?:(?:3\\d|8[01459])\\d|4(?:39|[67]0)))|8[1-35]2\\d\\d)\\d{4}|5(?:22\\d{5,6}|(?:3[2-68]|42(?:1|86)|(?:522|[89]20)\\d|6[2-4]|7(?:20\\d|480))\\d{4})|7(?:120\\d{4,5}|(?:425\\d|5(?:202|96\\d))\\d{4})|(?:(?:1[2-6]\\d|4(?:2[24-8]|356|[46][2-6]|5[35])|5(?:2[235-8]|4[25-8]|5[23]|7[2-8]|8[25-7]|9[235-7])|6(?:[19]20|42[03-6]|(?:52|7[45])\\d)|7(?:[04][25-8]|[15][235-7]|22|3[2-4]))\\d|8(?:[135]2\\d\\d|2(?:2\\d\\d|320)))\\d{3}|25\\d{5,6}|(?:2[2-9]|43[235-7]|6(?:1[2356]|[24][2-6]|3[256]|5[2-4]|6[2-8]|7[235-7]|8[245]|9[24])|8(?:1[235689]|2[2-8]|32|4[24-7]|5[245]|6[23]))\\d{4}|(?:4[35]|5[2489]|63|7[0145]|8[13])4(?:[0-689]\\d{3}|7(?:0\\d\\d(?:\\d{2})?|[1-9]\\d\\d))",</w:t>
            </w:r>
          </w:p>
          <w:p w:rsidR="00156FB3" w:rsidRDefault="00156FB3" w:rsidP="00156FB3">
            <w:r>
              <w:t>,,,"1234567",,,[6,7,8,9],[5]],[,,"(?:17[01]|9(?:2(?:[0-4]|[56]\\d\\d)|(?:3(?:[0-36]|4\\d)|(?:6[89]|89)\\d|7(?:3|5[0-2]|[6-9]\\d))\\d|4(?:(?:[0245]\\d|[1379])\\d|88)|5[0-6]|9(?:[089]|[5-7]\\d\\d))\\d)\\d{4}|9[69]1\\d{6}|9[68]\\d{6}",,,,"92123456",,,[7,8,9,10]],[,,"80080(?:[01][1-9]|2\\d)\\d{3}",,,,"8008001234",,,[10]],[,,,,,,,,,[-1]],[,,,,,,,,,[-1]],[,,,,,,,,,[-1]],[,,"1333\\d{4}|[12]468\\d{4}",,,,"13331234",,,[8]],"MM",95,"00","0",,,"0",,,,[[,"(\\d)(\\d{2})(\\d{3})","$1 $2 $3",["16|2"],"0$1"],[,"(\\d{2})(\\d{2})(\\d{3})",</w:t>
            </w:r>
          </w:p>
          <w:p w:rsidR="00156FB3" w:rsidRDefault="00156FB3" w:rsidP="00156FB3">
            <w:r>
              <w:t>"$1 $2 $3",["[45]|6(?:0[23]|[1-689]|7[235-7])|7(?:[0-4]|5[2-7])|8[1-6]"],"0$1"],[,"(\\d)(\\d{3})(\\d{3,4})","$1 $2 $3",["[12]"],"0$1"],[,"(\\d{2})(\\d{3})(\\d{3,4})","$1 $2 $3",["[4-7]|8[1-35]"],"0$1"],[,"(\\d)(\\d{3})(\\d{4,6})","$1 $2 $3",["9(?:2[0-4]|[35-9]|4[137-9])"],"0$1"],[,"(\\d)(\\d{4})(\\d{4})","$1 $2 $3",["2"],"0$1"],[,"(\\d{3})(\\d{3})(\\d{4})","$1 $2 $3",["8"],"0$1"],[,"(\\d)(\\d{3})(\\d{3})(\\d{3})","$1 $2 $3 $4",["92"],"0$1"],[,"(\\d)(\\d{5})(\\d{4})","$1 $2 $3",["9"],"0$1"]],,[,,,</w:t>
            </w:r>
          </w:p>
          <w:p w:rsidR="00156FB3" w:rsidRDefault="00156FB3" w:rsidP="00156FB3">
            <w:r>
              <w:t>,,,,,,[-1]],,,[,,,,,,,,,[-1]],[,,,,,,,,,[-1]],,,[,,,,,,,,,[-1]]],MN:[,[,,"[12]\\d{7,9}|[57-</w:t>
            </w:r>
            <w:r>
              <w:lastRenderedPageBreak/>
              <w:t>9]\\d{7}",,,,,,,[8,9,10],[4,5,6]],[,,"[12]2[1-3]\\d{5,6}|(?:[12](?:1|27)|5[0568])\\d{6}|[12](?:3[2-8]|4[2-68]|5[1-4689])\\d{6,7}",,,,"50123456",,,,[4,5,6]],[,,"83[01]\\d{5}|(?:8[05689]|9[013-9])\\d{6}",,,,"88123456",,,[8]],[,,,,,,,,,[-1]],[,,,,,,,,,[-1]],[,,,,,,,,,[-1]],[,,,,,,,,,[-1]],[,,"7[05-8]\\d{6}",,,,"75123456",,,[8]],"MN",976,"001","0",,,"0",,,,[[,"(\\d{2})(\\d{2})(\\d{4})","$1 $2 $3",["[12]1"],"0$1"],</w:t>
            </w:r>
          </w:p>
          <w:p w:rsidR="00156FB3" w:rsidRDefault="00156FB3" w:rsidP="00156FB3">
            <w:r>
              <w:t>[,"(\\d{4})(\\d{4})","$1 $2",["[57-9]"]],[,"(\\d{3})(\\d{5,6})","$1 $2",["[12]2[1-3]"],"0$1"],[,"(\\d{4})(\\d{5,6})","$1 $2",["[12](?:27|3[2-8]|4[2-68]|5[1-4689])","[12](?:27|3[2-8]|4[2-68]|5[1-4689])[0-3]"],"0$1"],[,"(\\d{5})(\\d{4,5})","$1 $2",["[12]"],"0$1"]],,[,,,,,,,,,[-1]],,,[,,,,,,,,,[-1]],[,,,,,,,,,[-1]],,,[,,,,,,,,,[-1]]],MO:[,[,,"(?:28|[68]\\d)\\d{6}",,,,,,,[8]],[,,"(?:28[2-57-9]|8(?:11|[2-57-9]\\d))\\d{5}",,,,"28212345"],[,,"6(?:[2356]\\d\\d|8(?:[02][5-9]|[1478]\\d|[356][0-4]))\\d{4}",</w:t>
            </w:r>
          </w:p>
          <w:p w:rsidR="00156FB3" w:rsidRDefault="00156FB3" w:rsidP="00156FB3">
            <w:r>
              <w:t>,,,"66123456"],[,,,,,,,,,[-1]],[,,,,,,,,,[-1]],[,,,,,,,,,[-1]],[,,,,,,,,,[-1]],[,,,,,,,,,[-1]],"MO",853,"00",,,,,,,,[[,"(\\d{4})(\\d{4})","$1 $2",["[268]"]]],,[,,,,,,,,,[-1]],,,[,,,,,,,,,[-1]],[,,,,,,,,,[-1]],,,[,,,,,,,,,[-1]]],MP:[,[,,"[58]\\d{9}|(?:67|90)0\\d{7}",,,,,,,[10],[7]],[,,"670(?:2(?:3[3-7]|56|8[5-8])|32[1-38]|4(?:33|8[348])|5(?:32|55|88)|6(?:64|70|82)|78[3589]|8[3-9]8|989)\\d{4}",,,,"6702345678",,,,[7]],[,,"670(?:2(?:3[3-7]|56|8[5-8])|32[1-38]|4(?:33|8[348])|5(?:32|55|88)|6(?:64|70|82)|78[3589]|8[3-9]8|989)\\d{4}",</w:t>
            </w:r>
          </w:p>
          <w:p w:rsidR="00156FB3" w:rsidRDefault="00156FB3" w:rsidP="00156FB3">
            <w:r>
              <w:t>,,,"6702345678",,,,[7]],[,,"8(?:00|33|44|55|66|77|88)[2-9]\\d{6}",,,,"8002123456"],[,,"900[2-9]\\d{6}",,,,"9002123456"],[,,,,,,,,,[-1]],[,,"5(?:00|2[12]|33|44|66|77|88)[2-9]\\d{6}",,,,"5002345678"],[,,,,,,,,,[-1]],"MP",1,"011","1",,,"1|([2-9]\\d{6})$","670$1",,1,,,[,,,,,,,,,[-1]],,"670",[,,,,,,,,,[-1]],[,,,,,,,,,[-1]],,,[,,,,,,,,,[-1]]],MQ:[,[,,"(?:596|69\\d)\\d{6}",,,,,,,[9]],[,,"596(?:0[0-7]|10|2[7-9]|3[05-9]|4[0-46-8]|[5-7]\\d|8[09]|9[4-8])\\d{4}",,,,"596301234"],[,,"69(?:6(?:[0-47-9]\\d|5[0-6]|6[0-4])|727)\\d{4}",</w:t>
            </w:r>
          </w:p>
          <w:p w:rsidR="00156FB3" w:rsidRDefault="00156FB3" w:rsidP="00156FB3">
            <w:r>
              <w:t>,,,"696201234"],[,,,,,,,,,[-1]],[,,,,,,,,,[-1]],[,,,,,,,,,[-1]],[,,,,,,,,,[-1]],[,,,,,,,,,[-1]],"MQ",596,"00","0",,,"0",,,,[[,"(\\d{3})(\\d{2})(\\d{2})(\\d{2})","$1 $2 $3 $4",["[56]"],"0$1"]],,[,,,,,,,,,[-1]],,,[,,,,,,,,,[-1]],[,,,,,,,,,[-1]],,,[,,,,,,,,,[-1]]],MR:[,[,,"(?:[2-4]\\d\\d|800)\\d{5}",,,,,,,[8]],[,,"(?:25[08]|35\\d|45[1-7])\\d{5}",,,,"35123456"],[,,"[2-4][0-46-9]\\d{6}",,,,"22123456"],[,,"800\\d{5}",,,,"80012345"],[,,,,,,,,,[-1]],[,,,,,,,,,[-1]],[,,,,,,,,,[-1]],[,,,,,,,,,[-1]],"MR",222,</w:t>
            </w:r>
          </w:p>
          <w:p w:rsidR="00156FB3" w:rsidRDefault="00156FB3" w:rsidP="00156FB3">
            <w:r>
              <w:t>"00",,,,,,,,[[,"(\\d{2})(\\d{2})(\\d{2})(\\d{2})","$1 $2 $3 $4",["[2-48]"]]],,[,,,,,,,,,[-1]],,,[,,,,,,,,,[-1]],[,,,,,,,,,[-1]],,,[,,,,,,,,,[-1]]],MS:[,[,,"66449\\d{5}|(?:[58]\\d\\d|900)\\d{7}",,,,,,,[10],[7]],[,,"664491\\d{4}",,,,"6644912345",,,,[7]],[,,"66449[2-6]\\d{4}",,,,"6644923456",,,,[7]],[,,"8(?:00|33|44|55|66|77|88)[2-9]\\d{6}",,,,"8002123456"],[,,"900[2-9]\\d{6}",,,,"9002123456"],[,,,,,,,,,[-1]],[,,"5(?:00|2[12]|33|44|66|77|88)[2-9]\\d{6}",,,,"5002345678"],[,,,,,,,,,[-1]],"MS",1,"011",</w:t>
            </w:r>
          </w:p>
          <w:p w:rsidR="00156FB3" w:rsidRDefault="00156FB3" w:rsidP="00156FB3">
            <w:r>
              <w:t>"1",,,"1|(4\\d{6})$","664$1",,,,,[,,,,,,,,,[-1]],,"664",[,,,,,,,,,[-1]],[,,,,,,,,,[-1]],,,[,,,,,,,,,[-1]]],MT:[,[,,"3550\\d{4}|(?:[2579]\\d\\d|800)\\d{5}",,,,,,,[8]],[,,"203[1-4]\\d{4}|2(?:0[169]|[1-357]\\d)\\d{5}",,,,"21001234"],[,,"(?:7(?:210|[79]\\d\\d)|9(?:2(?:1[01]|31)|69[67]|8(?:1[1-3]|89|97)|9\\d\\d))\\d{4}",,,,"96961234"],[,,"800[3467]\\d{4}",,,,"80071234"],[,,"5(?:0(?:0(?:37|43)|(?:6\\d|70|9[0168])\\d)|[12]\\d0[1-5])\\d{3}",,,,"50037123"],[,,,,,,,,,[-1]],[,,,,,,,,,[-1]],[,,"3550\\d{4}",,</w:t>
            </w:r>
          </w:p>
          <w:p w:rsidR="00156FB3" w:rsidRDefault="00156FB3" w:rsidP="00156FB3">
            <w:r>
              <w:t>,,"35501234"],"MT",356,"00",,,,,,,,[[,"(\\d{4})(\\d{4})","$1 $2",["[2357-9]"]]],,[,,"7117\\d{4}",,,,"71171234"],,,[,,,,,,,,,[-1]],[,,"501\\d{5}",,,,"50112345"],,,[,,,,,,,,,[-1]]],MU:[,[,,"(?:[2-468]|5\\d)\\d{6}",,,,,,,[7,8]],[,,"(?:2(?:[03478]\\d|1[0-7]|6[0-79])|4(?:[013568]\\d|2[4-7])|54(?:4\\d|71)|6\\d\\d|8(?:14|3[129]))\\d{4}",,,,"54480123"],[,,"5(?:4(?:2[1-389]|7[1-9])|87[15-8])\\d{4}|5(?:2[589]|4[489]|7\\d|8[0-689]|9[0-8])\\d{5}",,,,"52512345",,,[8]],[,,"80[0-2]\\d{4}",,,,"8001234",,,[7]],[,</w:t>
            </w:r>
          </w:p>
          <w:p w:rsidR="00156FB3" w:rsidRDefault="00156FB3" w:rsidP="00156FB3">
            <w:r>
              <w:t>,"30\\d{5}",,,,"3012345",,,[7]],[,,,,,,,,,[-1]],[,,,,,,,,,[-1]],[,,"3(?:20|9\\d)\\d{4}",,,,"3201234",,,[7]],"MU",230,"0(?:0|[24-</w:t>
            </w:r>
            <w:r>
              <w:lastRenderedPageBreak/>
              <w:t>7]0|3[03])",,,,,,"020",,[[,"(\\d{3})(\\d{4})","$1 $2",["[2-46]|8[013]"]],[,"(\\d{4})(\\d{4})","$1 $2",["5"]]],,[,,,,,,,,,[-1]],,,[,,,,,,,,,[-1]],[,,,,,,,,,[-1]],,,[,,,,,,,,,[-1]]],MV:[,[,,"(?:800|9[0-57-9]\\d)\\d{7}|[34679]\\d{6}",,,,,,,[7,10]],[,,"(?:3(?:0[0-3]|3[0-59])|6(?:[57][02468]|6[024-68]|8[024689]))\\d{4}",,,,"6701234",,,[7]],[,,"46[46]\\d{4}|(?:7[2-9]|9[14-9])\\d{5}",</w:t>
            </w:r>
          </w:p>
          <w:p w:rsidR="00156FB3" w:rsidRDefault="00156FB3" w:rsidP="00156FB3">
            <w:r>
              <w:t>,,,"7712345",,,[7]],[,,"800\\d{7}",,,,"8001234567",,,[10]],[,,"900\\d{7}",,,,"9001234567",,,[10]],[,,,,,,,,,[-1]],[,,,,,,,,,[-1]],[,,,,,,,,,[-1]],"MV",960,"0(?:0|19)",,,,,,"00",,[[,"(\\d{3})(\\d{4})","$1-$2",["[3467]|9[14-9]"]],[,"(\\d{3})(\\d{3})(\\d{4})","$1 $2 $3",["[89]"]]],,[,,,,,,,,,[-1]],,,[,,,,,,,,,[-1]],[,,"4[05]0\\d{4}",,,,"4001234",,,[7]],,,[,,,,,,,,,[-1]]],MW:[,[,,"1\\d{6}(?:\\d{2})?|(?:[23]1|77|88|99)\\d{7}",,,,,,,[7,9]],[,,"(?:1[2-9]|21\\d\\d)\\d{5}",,,,"1234567"],[,,"111\\d{6}|(?:77|88|99)\\d{7}",</w:t>
            </w:r>
          </w:p>
          <w:p w:rsidR="00156FB3" w:rsidRDefault="00156FB3" w:rsidP="00156FB3">
            <w:r>
              <w:t>,,,"991234567",,,[9]],[,,,,,,,,,[-1]],[,,,,,,,,,[-1]],[,,,,,,,,,[-1]],[,,,,,,,,,[-1]],[,,"31\\d{7}",,,,"310123456",,,[9]],"MW",265,"00","0",,,"0",,,,[[,"(\\d)(\\d{3})(\\d{3})","$1 $2 $3",["1[2-9]"],"0$1"],[,"(\\d{3})(\\d{3})(\\d{3})","$1 $2 $3",["2"],"0$1"],[,"(\\d{2})(\\d{3})(\\d{4})","$1 $2 $3",["3"],"0$1"],[,"(\\d{3})(\\d{2})(\\d{2})(\\d{2})","$1 $2 $3 $4",["[17-9]"],"0$1"]],,[,,,,,,,,,[-1]],,,[,,,,,,,,,[-1]],[,,,,,,,,,[-1]],,,[,,,,,,,,,[-1]]],MX:[,[,,"(?:1\\d|[2-9])\\d{9}",,,,,,,[10,11],[7,8]],</w:t>
            </w:r>
          </w:p>
          <w:p w:rsidR="00156FB3" w:rsidRDefault="00156FB3" w:rsidP="00156FB3">
            <w:r>
              <w:t>[,,"(?:2(?:0[01]|2[1-9]|3[1-35-8]|4[13-9]|7[1-689]|8[1-578]|9[467])|3(?:1[1-79]|[2458][1-9]|3\\d|7[1-8]|9[1-5])|4(?:1[1-57-9]|[24-7][1-9]|3[1-8]|8[1-35-9]|9[2-689])|5(?:[56]\\d|88|9[1-79])|6(?:1[2-68]|[2-4][1-9]|5[1-3689]|6[1-57-9]|7[1-7]|8[67]|9[4-8])|7(?:[1-467][1-9]|5[13-9]|8[1-69]|9[17])|8(?:1\\d|2[13-689]|3[1-6]|4[124-6]|6[1246-9]|7[1-378]|9[12479])|9(?:1[346-9]|2[1-4]|3[2-46-8]|5[1348]|[69][1-9]|7[12]|8[1-8]))\\d{7}",,,,"2221234567",,,[10],[7,8]],[,,"1(?:2(?:2[1-9]|3[1-35-8]|4[13-9]|7[1-689]|8[1-578]|9[467])|3(?:1[1-79]|[2458][1-9]|3\\d|7[1-8]|9[1-5])|4(?:1[1-57-9]|[24-7][1-9]|3[1-8]|8[1-35-9]|9[2-689])|5(?:[56]\\d|88|9[1-79])|6(?:1[2-68]|[2-4][1-9]|5[1-3689]|6[1-57-9]|7[1-7]|8[67]|9[4-8])|7(?:[1-467][1-9]|5[13-9]|8[1-69]|9[17])|8(?:1\\d|2[13-689]|3[1-6]|4[124-6]|6[1246-9]|7[1-378]|9[12479])|9(?:1[346-9]|2[1-4]|3[2-46-8]|5[1348]|[69][1-9]|7[12]|8[1-8]))\\d{7}",</w:t>
            </w:r>
          </w:p>
          <w:p w:rsidR="00156FB3" w:rsidRDefault="00156FB3" w:rsidP="00156FB3">
            <w:r>
              <w:t>,,,"12221234567",,,[11]],[,,"8(?:00|88)\\d{7}",,,,"8001234567",,,[10]],[,,"900\\d{7}",,,,"9001234567",,,[10]],[,,"300\\d{7}",,,,"3001234567",,,[10]],[,,"500\\d{7}",,,,"5001234567",,,[10]],[,,,,,,,,,[-1]],"MX",52,"0[09]","01",,,"0[12]|04[45]([2-9]\\d{9})$","1$1","00",,[[,"(\\d{5})","$1",["53"]],[,"(\\d{2})(\\d{4})(\\d{4})","$1 $2 $3",["33|5[56]|81"],"01 $1",,1],[,"(\\d{3})(\\d{3})(\\d{4})","$1 $2 $3",["[2-9]"],"01 $1",,1],[,"(\\d)(\\d{2})(\\d{4})(\\d{4})","$2 $3 $4",["1(?:33|5[56]|81)"],"044 $1"],</w:t>
            </w:r>
          </w:p>
          <w:p w:rsidR="00156FB3" w:rsidRDefault="00156FB3" w:rsidP="00156FB3">
            <w:r>
              <w:t>[,"(\\d)(\\d{3})(\\d{3})(\\d{4})","$2 $3 $4",["1"],"044 $1"]],[[,"(\\d{2})(\\d{4})(\\d{4})","$1 $2 $3",["33|5[56]|81"],"01 $1",,1],[,"(\\d{3})(\\d{3})(\\d{4})","$1 $2 $3",["[2-9]"],"01 $1",,1],[,"(\\d)(\\d{2})(\\d{4})(\\d{4})","$1 $2 $3 $4",["1(?:33|5[56]|81)"]],[,"(\\d)(\\d{3})(\\d{3})(\\d{4})","$1 $2 $3 $4",["1"]]],[,,,,,,,,,[-1]],,,[,,,,,,,,,[-1]],[,,,,,,,,,[-1]],,,[,,,,,,,,,[-1]]],MY:[,[,,"1\\d{8,9}|(?:3\\d|[4-9])\\d{7}",,,,,,,[8,9,10],[6,7]],[,,"(?:3(?:2[0-36-9]|3[0-368]|4[0-278]|5[0-24-8]|6[0-467]|7[1246-9]|8\\d|9[0-57])\\d|4(?:2[0-689]|[3-79]\\d|8[1-35689])|5(?:2[0-589]|[3468]\\d|5[0-489]|7[1-9]|9[23])|6(?:2[2-9]|3[1357-9]|[46]\\d|5[0-6]|7[0-35-9]|85|9[015-8])|7(?:[2579]\\d|3[03-68]|4[0-8]|6[5-9]|8[0-35-9])|8(?:[24][2-8]|3[2-5]|5[2-7]|6[2-589]|7[2-578]|[89][2-9])|9(?:0[57]|13|[25-7]\\d|[3489][0-8]))\\d{5}",</w:t>
            </w:r>
          </w:p>
          <w:p w:rsidR="00156FB3" w:rsidRDefault="00156FB3" w:rsidP="00156FB3">
            <w:r>
              <w:t>,,,"323856789",,,[8,9],[6,7]],[,,"1(?:4400|8(?:47|8[27])[0-4])\\d{4}|1(?:0(?:[23568]\\d|4[0-6]|7[016-9]|9[0-8])|1(?:[1-5]\\d\\d|6(?:0[5-9]|[1-9]\\d))|(?:[23679][2-9]|4[235-9]|59\\d)\\d|8(?:1[23]|[236]\\d|4[06]|5[7-9]|7[016-9]|8[01]|9[0-8]))\\d{5}",,,,"123456789",,,[9,10]],[,,"1[378]00\\d{6}",,,,"1300123456",,,[10]],[,,"1600\\d{6}",,,,"1600123456",,,[10]],[,,,,,,,,,[-1]],[,,,,,,,,,[-1]],[,,"154(?:6(?:0\\d|1[0-3])|8(?:[25]1|4[0189]|7[0-4679]))\\d{4}",,,,"1546012345",,,[10]],"MY",60,"00","0",,,"0",,</w:t>
            </w:r>
          </w:p>
          <w:p w:rsidR="00156FB3" w:rsidRDefault="00156FB3" w:rsidP="00156FB3">
            <w:r>
              <w:t xml:space="preserve">,,[[,"(\\d)(\\d{3})(\\d{4})","$1-$2 $3",["[4-79]"],"0$1"],[,"(\\d{2})(\\d{3})(\\d{3,4})","$1-$2 $3",["1(?:[0249]|[367][2-9]|8[1-9])|8"],"0$1"],[,"(\\d)(\\d{4})(\\d{4})","$1-$2 </w:t>
            </w:r>
            <w:r>
              <w:lastRenderedPageBreak/>
              <w:t>$3",["3"],"0$1"],[,"(\\d)(\\d{3})(\\d{2})(\\d{4})","$1-$2-$3-$4",["1[36-8]"]],[,"(\\d{3})(\\d{3})(\\d{4})","$1-$2 $3",["15"],"0$1"],[,"(\\d{2})(\\d{4})(\\d{4})","$1-$2 $3",["1"],"0$1"]],,[,,,,,,,,,[-1]],,,[,,,,,,,,,[-1]],[,,,,,,,,,[-1]],,,[,,,,,,,,,[-1]]],MZ:[,[,,"(?:2|8\\d)\\d{7}",,,,,,,[8,9]],[,,"2(?:[1346]\\d|5[0-2]|[78][12]|93)\\d{5}",</w:t>
            </w:r>
          </w:p>
          <w:p w:rsidR="00156FB3" w:rsidRDefault="00156FB3" w:rsidP="00156FB3">
            <w:r>
              <w:t>,,,"21123456",,,[8]],[,,"8[2-7]\\d{7}",,,,"821234567",,,[9]],[,,"800\\d{6}",,,,"800123456",,,[9]],[,,,,,,,,,[-1]],[,,,,,,,,,[-1]],[,,,,,,,,,[-1]],[,,,,,,,,,[-1]],"MZ",258,"00",,,,,,,,[[,"(\\d{2})(\\d{3})(\\d{3,4})","$1 $2 $3",["2|8[2-7]"]],[,"(\\d{3})(\\d{3})(\\d{3})","$1 $2 $3",["8"]]],,[,,,,,,,,,[-1]],,,[,,,,,,,,,[-1]],[,,,,,,,,,[-1]],,,[,,,,,,,,,[-1]]],NA:[,[,,"[68]\\d{7,8}",,,,,,,[8,9]],[,,"6(?:1(?:[02-4]\\d\\d|17)|2(?:17|54\\d|69|70)|3(?:17|2[0237]\\d|34|6[289]|7[01]|81)|4(?:17|(?:27|41|5[25])\\d|69|7[01])|5(?:17|2[236-8]\\d|69|7[01])|6(?:17|26\\d|38|42|69|7[01])|7(?:17|(?:2[2-4]|30)\\d|6[89]|7[01]))\\d{4}|6(?:1(?:2[2-7]|3[01378]|4[0-4]|69|7[014])|25[0-46-8]|32\\d|4(?:2[0-27]|4[016]|5[0-357])|52[02-9]|62[56]|7(?:2[2-69]|3[013]))\\d{4}",</w:t>
            </w:r>
          </w:p>
          <w:p w:rsidR="00156FB3" w:rsidRDefault="00156FB3" w:rsidP="00156FB3">
            <w:r>
              <w:t>,,,"61221234"],[,,"(?:60|8[1245])\\d{7}",,,,"811234567",,,[9]],[,,"80\\d{7}",,,,"800123456",,,[9]],[,,"8701\\d{5}",,,,"870123456",,,[9]],[,,,,,,,,,[-1]],[,,,,,,,,,[-1]],[,,"8(?:3\\d\\d|86)\\d{5}",,,,"88612345"],"NA",264,"00","0",,,"0",,,,[[,"(\\d{2})(\\d{3})(\\d{3})","$1 $2 $3",["88"],"0$1"],[,"(\\d{2})(\\d{3})(\\d{3,4})","$1 $2 $3",["6"],"0$1"],[,"(\\d{3})(\\d{3})(\\d{3})","$1 $2 $3",["87"],"0$1"],[,"(\\d{2})(\\d{3})(\\d{4})","$1 $2 $3",["8"],"0$1"]],,[,,,,,,,,,[-1]],,,[,,,,,,,,,[-1]],[,,,,,,,,,</w:t>
            </w:r>
          </w:p>
          <w:p w:rsidR="00156FB3" w:rsidRDefault="00156FB3" w:rsidP="00156FB3">
            <w:r>
              <w:t>[-1]],,,[,,,,,,,,,[-1]]],NC:[,[,,"[2-57-9]\\d{5}",,,,,,,[6]],[,,"(?:2[03-9]|3[0-5]|4[1-7]|88)\\d{4}",,,,"201234"],[,,"(?:5[0-4]|[79]\\d|8[0-79])\\d{4}",,,,"751234"],[,,,,,,,,,[-1]],[,,"36\\d{4}",,,,"366711"],[,,,,,,,,,[-1]],[,,,,,,,,,[-1]],[,,,,,,,,,[-1]],"NC",687,"00",,,,,,,,[[,"(\\d{3})","$1",["5[6-8]"]],[,"(\\d{2})(\\d{2})(\\d{2})","$1.$2.$3",["[2-57-9]"]]],[[,"(\\d{2})(\\d{2})(\\d{2})","$1.$2.$3",["[2-57-9]"]]],[,,,,,,,,,[-1]],,,[,,,,,,,,,[-1]],[,,,,,,,,,[-1]],,,[,,,,,,,,,[-1]]],NE:[,[,,"[0289]\\d{7}",</w:t>
            </w:r>
          </w:p>
          <w:p w:rsidR="00156FB3" w:rsidRDefault="00156FB3" w:rsidP="00156FB3">
            <w:r>
              <w:t>,,,,,,[8]],[,,"2(?:0(?:20|3[1-7]|4[13-5]|5[14]|6[14578]|7[1-578])|1(?:4[145]|5[14]|6[14-68]|7[169]|88))\\d{4}",,,,"20201234"],[,,"(?:8[04589]|9\\d)\\d{6}",,,,"93123456"],[,,"08\\d{6}",,,,"08123456"],[,,"09\\d{6}",,,,"09123456"],[,,,,,,,,,[-1]],[,,,,,,,,,[-1]],[,,,,,,,,,[-1]],"NE",227,"00",,,,,,,,[[,"(\\d{2})(\\d{3})(\\d{3})","$1 $2 $3",["08"]],[,"(\\d{2})(\\d{2})(\\d{2})(\\d{2})","$1 $2 $3 $4",["[089]|2[01]"]]],,[,,,,,,,,,[-1]],,,[,,,,,,,,,[-1]],[,,,,,,,,,[-1]],,,[,,,,,,,,,[-1]]],NF:[,[,,"[13]\\d{5}",</w:t>
            </w:r>
          </w:p>
          <w:p w:rsidR="00156FB3" w:rsidRDefault="00156FB3" w:rsidP="00156FB3">
            <w:r>
              <w:t>,,,,,,[6],[5]],[,,"(?:1(?:06|17|28|39)|3[0-2]\\d)\\d{3}",,,,"106609",,,,[5]],[,,"3[58]\\d{4}",,,,"381234",,,,[5]],[,,,,,,,,,[-1]],[,,,,,,,,,[-1]],[,,,,,,,,,[-1]],[,,,,,,,,,[-1]],[,,,,,,,,,[-1]],"NF",672,"00",,,,"([0-258]\\d{4})$","3$1",,,[[,"(\\d{2})(\\d{4})","$1 $2",["1"]],[,"(\\d)(\\d{5})","$1 $2",["3"]]],,[,,,,,,,,,[-1]],,,[,,,,,,,,,[-1]],[,,,,,,,,,[-1]],,,[,,,,,,,,,[-1]]],NG:[,[,,"(?:[124-7]|9\\d{3})\\d{6}|[1-9]\\d{7}|[78]\\d{9,13}",,,,,,,[7,8,10,11,12,13,14],[5,6]],[,,"(?:(?:[1-356]\\d|4[02-8]|7[0-79]|8[2-9])\\d|9(?:0[3-9]|[1-9]\\d))\\d{5}|(?:[12]\\d|4[147]|5[14579]|6[1578]|7[0-3578])\\d{5}",</w:t>
            </w:r>
          </w:p>
          <w:p w:rsidR="00156FB3" w:rsidRDefault="00156FB3" w:rsidP="00156FB3">
            <w:r>
              <w:t>,,,"18040123",,,[7,8],[5,6]],[,,"(?:707[0-3]|8(?:01|19)[01])\\d{6}|(?:70[1-689]|8(?:0[2-9]|1[0-8])|90[235-9])\\d{7}",,,,"8021234567",,,[10]],[,,"800\\d{7,11}",,,,"80017591759",,,[10,11,12,13,14]],[,,,,,,,,,[-1]],[,,,,,,,,,[-1]],[,,,,,,,,,[-1]],[,,,,,,,,,[-1]],"NG",234,"009","0",,,"0",,,,[[,"(\\d{2})(\\d{2})(\\d{3})","$1 $2 $3",["78"],"0$1"],[,"(\\d)(\\d{3})(\\d{3,4})","$1 $2 $3",["[12]|9(?:0[3-9]|[1-9])"],"0$1"],[,"(\\d{2})(\\d{3})(\\d{2,3})","$1 $2 $3",["[3-7]|8[2-9]"],"0$1"],[,"(\\d{3})(\\d{3})(\\d{3,4})",</w:t>
            </w:r>
          </w:p>
          <w:p w:rsidR="00156FB3" w:rsidRDefault="00156FB3" w:rsidP="00156FB3">
            <w:r>
              <w:t>"$1 $2 $3",["[7-9]"],"0$1"],[,"(\\d{3})(\\d{4})(\\d{4,5})","$1 $2 $3",["[78]"],"0$1"],[,"(\\d{3})(\\d{5})(\\d{5,6})","$1 $2 $3",["[78]"],"0$1"]],,[,,,,,,,,,[-1]],,,[,,,,,,,,,[-1]],[,,"700\\d{7,11}",,,,"7001234567",,,[10,11,12,13,14]],,,[,,,,,,,,,[-1]]],NI:[,[,,"(?:1800|[25-8]\\d{3})\\d{4}",,,,,,,[8]],[,,"2\\d{7}",,,,"21234567"],[,,"(?:5(?:5[0-7]|[78]\\d)|6(?:20|3[035]|4[045]|5[05]|77|8[1-9]|9[059])|(?:7[5-8]|8\\d)\\d)\\d{5}",,,,"81234567"],[,,"1800\\d{4}",,,,"18001234"],[,,,,,,,,,[-1]],[,,,,,,,,,</w:t>
            </w:r>
          </w:p>
          <w:p w:rsidR="00156FB3" w:rsidRDefault="00156FB3" w:rsidP="00156FB3">
            <w:r>
              <w:t>[-1]],[,,,,,,,,,[-1]],[,,,,,,,,,[-1]],"NI",505,"00",,,,,,,,[[,"(\\d{4})(\\d{4})","$1 $2",["[125-8]"]]],,[,,,,,,,,,[-</w:t>
            </w:r>
            <w:r>
              <w:lastRenderedPageBreak/>
              <w:t>1]],,,[,,,,,,,,,[-1]],[,,,,,,,,,[-1]],,,[,,,,,,,,,[-1]]],NL:[,[,,"(?:[124-7]\\d\\d|3(?:[02-9]\\d|1[0-8]))\\d{6}|[89]\\d{6,9}|1\\d{4,5}",,,,,,,[5,6,7,8,9,10]],[,,"(?:1(?:[035]\\d|1[13-578]|6[124-8]|7[24]|8[0-467])|2(?:[0346]\\d|2[2-46-9]|5[125]|9[479])|3(?:[03568]\\d|1[3-8]|2[01]|4[1-8])|4(?:[0356]\\d|1[1-368]|7[58]|8[15-8]|9[23579])|5(?:[0358]\\d|[19][1-9]|2[1-57-9]|4[13-8]|6[126]|7[0-3578])|7\\d\\d)\\d{6}",</w:t>
            </w:r>
          </w:p>
          <w:p w:rsidR="00156FB3" w:rsidRDefault="00156FB3" w:rsidP="00156FB3">
            <w:r>
              <w:t>,,,"101234567",,,[9]],[,,"6[1-58]\\d{7}",,,,"612345678",,,[9]],[,,"800\\d{4,7}",,,,"8001234",,,[7,8,9,10]],[,,"90[069]\\d{4,7}",,,,"9061234",,,[7,8,9,10]],[,,,,,,,,,[-1]],[,,,,,,,,,[-1]],[,,"(?:85|91)\\d{7}",,,,"851234567",,,[9]],"NL",31,"00","0",,,"0",,,,[[,"(\\d{4})","$1",["1[238]|[34]"]],[,"(\\d{2})(\\d{3,4})","$1 $2",["14"]],[,"(\\d{6})","$1",["1"]],[,"(\\d{3})(\\d{4,7})","$1 $2",["[89]0"],"0$1"],[,"(\\d{2})(\\d{7})","$1 $2",["66"],"0$1"],[,"(\\d)(\\d{8})","$1 $2",["6"],"0$1"],[,"(\\d{3})(\\d{3})(\\d{3})",</w:t>
            </w:r>
          </w:p>
          <w:p w:rsidR="00156FB3" w:rsidRDefault="00156FB3" w:rsidP="00156FB3">
            <w:r>
              <w:t>"$1 $2 $3",["1[16-8]|2[259]|3[124]|4[17-9]|5[124679]"],"0$1"],[,"(\\d{2})(\\d{3})(\\d{4})","$1 $2 $3",["[1-57-9]"],"0$1"]],[[,"(\\d{3})(\\d{4,7})","$1 $2",["[89]0"],"0$1"],[,"(\\d{2})(\\d{7})","$1 $2",["66"],"0$1"],[,"(\\d)(\\d{8})","$1 $2",["6"],"0$1"],[,"(\\d{3})(\\d{3})(\\d{3})","$1 $2 $3",["1[16-8]|2[259]|3[124]|4[17-9]|5[124679]"],"0$1"],[,"(\\d{2})(\\d{3})(\\d{4})","$1 $2 $3",["[1-57-9]"],"0$1"]],[,,"66\\d{7}",,,,"662345678",,,[9]],,,[,,"140(?:1[035]|2[0346]|3[03568]|4[0356]|5[0358]|8[458])|140(?:1[16-8]|2[259]|3[124]|4[17-9]|5[124679]|7)\\d",</w:t>
            </w:r>
          </w:p>
          <w:p w:rsidR="00156FB3" w:rsidRDefault="00156FB3" w:rsidP="00156FB3">
            <w:r>
              <w:t>,,,,,,[5,6]],[,,"140(?:1[035]|2[0346]|3[03568]|4[0356]|5[0358]|8[458])|(?:140(?:1[16-8]|2[259]|3[124]|4[17-9]|5[124679]|7)|8[478]\\d{6})\\d",,,,"14020",,,[5,6,9]],,,[,,,,,,,,,[-1]]],NO:[,[,,"(?:0|[2-9]\\d{3})\\d{4}",,,,,,,[5,8]],[,,"(?:2[1-4]|3[1-3578]|5[1-35-7]|6[1-4679]|7[0-8])\\d{6}",,,,"21234567",,,[8]],[,,"(?:4[015-8]|5[89]|9\\d)\\d{6}",,,,"40612345",,,[8]],[,,"80[01]\\d{5}",,,,"80012345",,,[8]],[,,"82[09]\\d{5}",,,,"82012345",,,[8]],[,,"810(?:0[0-6]|[2-8]\\d)\\d{3}",,,,"81021234",,,[8]],[,,</w:t>
            </w:r>
          </w:p>
          <w:p w:rsidR="00156FB3" w:rsidRDefault="00156FB3" w:rsidP="00156FB3">
            <w:r>
              <w:t>"880\\d{5}",,,,"88012345",,,[8]],[,,"85[0-5]\\d{5}",,,,"85012345",,,[8]],"NO",47,"00",,,,,,,,[[,"(\\d{3})(\\d{2})(\\d{3})","$1 $2 $3",["[489]"]],[,"(\\d{2})(\\d{2})(\\d{2})(\\d{2})","$1 $2 $3 $4",["[235-7]"]]],,[,,,,,,,,,[-1]],1,"[02-689]|7[0-8]",[,,,,,,,,,[-1]],[,,"8100[7-9]\\d{3}|(?:0|81(?:01|5\\d))\\d{4}",,,,"01234"],,,[,,"81[23]\\d{5}",,,,"81212345",,,[8]]],NP:[,[,,"9\\d{9}|[1-9]\\d{7}",,,,,,,[8,10],[6,7]],[,,"1[0-6]\\d{6}|(?:2[13-79]|3[135-8]|4[146-9]|5[135-7]|6[13-9]|7[15-9]|8[1-46-9]|9[1-79])[2-6]\\d{5}",</w:t>
            </w:r>
          </w:p>
          <w:p w:rsidR="00156FB3" w:rsidRDefault="00156FB3" w:rsidP="00156FB3">
            <w:r>
              <w:t>,,,"14567890",,,[8],[6,7]],[,,"9(?:6[0-3]|7[245]|8[0-24-68])\\d{7}",,,,"9841234567",,,[10]],[,,,,,,,,,[-1]],[,,,,,,,,,[-1]],[,,,,,,,,,[-1]],[,,,,,,,,,[-1]],[,,,,,,,,,[-1]],"NP",977,"00","0",,,"0",,,,[[,"(\\d)(\\d{7})","$1-$2",["1[2-6]"],"0$1"],[,"(\\d{2})(\\d{6})","$1-$2",["[1-8]|9(?:[1-579]|6[2-6])"],"0$1"],[,"(\\d{3})(\\d{7})","$1-$2",["9"]]],,[,,,,,,,,,[-1]],,,[,,,,,,,,,[-1]],[,,,,,,,,,[-1]],,,[,,,,,,,,,[-1]]],NR:[,[,,"(?:444|55\\d|888)\\d{4}",,,,,,,[7]],[,,"(?:444|888)\\d{4}",,,,"4441234"],[,</w:t>
            </w:r>
          </w:p>
          <w:p w:rsidR="00156FB3" w:rsidRDefault="00156FB3" w:rsidP="00156FB3">
            <w:r>
              <w:t>,"55[4-9]\\d{4}",,,,"5551234"],[,,,,,,,,,[-1]],[,,,,,,,,,[-1]],[,,,,,,,,,[-1]],[,,,,,,,,,[-1]],[,,,,,,,,,[-1]],"NR",674,"00",,,,,,,,[[,"(\\d{3})(\\d{4})","$1 $2",["[458]"]]],,[,,,,,,,,,[-1]],,,[,,,,,,,,,[-1]],[,,,,,,,,,[-1]],,,[,,,,,,,,,[-1]]],NU:[,[,,"(?:[47]|888\\d)\\d{3}",,,,,,,[4,7]],[,,"[47]\\d{3}",,,,"7012",,,[4]],[,,"888[4-9]\\d{3}",,,,"8884012",,,[7]],[,,,,,,,,,[-1]],[,,,,,,,,,[-1]],[,,,,,,,,,[-1]],[,,,,,,,,,[-1]],[,,,,,,,,,[-1]],"NU",683,"00",,,,,,,,[[,"(\\d{3})(\\d{4})","$1 $2",["8"]]],</w:t>
            </w:r>
          </w:p>
          <w:p w:rsidR="00156FB3" w:rsidRDefault="00156FB3" w:rsidP="00156FB3">
            <w:r>
              <w:t>,[,,,,,,,,,[-1]],,,[,,,,,,,,,[-1]],[,,,,,,,,,[-1]],,,[,,,,,,,,,[-1]]],NZ:[,[,,"[28]\\d{7,9}|[346]\\d{7}|(?:508|[79]\\d)\\d{6,7}",,,,,,,[8,9,10],[7]],[,,"24099\\d{3}|(?:3[2-79]|[49][2-9]|6[235-9]|7[2-57-9])\\d{6}",,,,"32345678",,,[8],[7]],[,,"2[0-28]\\d{8}|2[0-27-9]\\d{7}|21\\d{6}",,,,"211234567"],[,,"508\\d{6,7}|80\\d{6,8}",,,,"800123456"],[,,"90\\d{6,7}",,,,"900123456",,,[8,9]],[,,,,,,,,,[-1]],[,,"70\\d{7}",,,,"701234567",,,[9]],[,,,,,,,,,[-1]],"NZ",64,"0(?:0|161)","0",,,"0",,"00",,[[,"(\\d{3})(\\d{2})(\\d{3})",</w:t>
            </w:r>
          </w:p>
          <w:p w:rsidR="00156FB3" w:rsidRDefault="00156FB3" w:rsidP="00156FB3">
            <w:r>
              <w:t>"$1 $2 $3",["[89]0"],"0$1"],[,"(\\d)(\\d{3})(\\d{4})","$1-$2 $3",["24|[346]|7[2-57-9]|9[2-</w:t>
            </w:r>
            <w:r>
              <w:lastRenderedPageBreak/>
              <w:t>9]"],"0$1"],[,"(\\d{3})(\\d{3})(\\d{3,4})","$1 $2 $3",["2(?:10|74)|[59]|80"],"0$1"],[,"(\\d{2})(\\d{3,4})(\\d{4})","$1 $2 $3",["2[028]"],"0$1"],[,"(\\d{2})(\\d{3})(\\d{3,5})","$1 $2 $3",["2(?:[169]|7[0-35-9])|7|86"],"0$1"]],,[,,"[28]6\\d{6,7}",,,,"26123456",,,[8,9]],,,[,,,,,,,,,[-1]],[,,,,,,,,,[-1]],,,[,,,,,,,,,[-1]]],OM:[,[,,"(?:[279]\\d{3}|500)\\d{4}|8007\\d{4,5}",,,,,,,[7,8,9]],[,,"2[2-6]\\d{6}",,,,"23123456",</w:t>
            </w:r>
          </w:p>
          <w:p w:rsidR="00156FB3" w:rsidRDefault="00156FB3" w:rsidP="00156FB3">
            <w:r>
              <w:t>,,[8]],[,,"90[1-9]\\d{5}|(?:7[129]|9[1-9])\\d{6}",,,,"92123456",,,[8]],[,,"500\\d{4}|8007\\d{4,5}",,,,"80071234"],[,,"900\\d{5}",,,,"90012345",,,[8]],[,,,,,,,,,[-1]],[,,,,,,,,,[-1]],[,,,,,,,,,[-1]],"OM",968,"00",,,,,,,,[[,"(\\d{3})(\\d{4,6})","$1 $2",["[58]"]],[,"(\\d{2})(\\d{6})","$1 $2",["2"]],[,"(\\d{4})(\\d{4})","$1 $2",["[79]"]]],,[,,,,,,,,,[-1]],,,[,,,,,,,,,[-1]],[,,,,,,,,,[-1]],,,[,,,,,,,,,[-1]]],PA:[,[,,"(?:[1-57-9]|6\\d)\\d{6}",,,,,,,[7,8]],[,,"(?:1(?:0\\d|1[479]|2[37]|3[0137]|4[17]|5[05]|[68][58]|7[0167]|9[39])|2(?:[0235-79]\\d|1[0-7]|4[013-9]|8[026-9])|3(?:[089]\\d|1[014-7]|2[0-35]|33|4[0-579]|55|6[068]|7[06-8])|4(?:00|3[0-579]|4\\d|7[0-57-9])|5(?:[01]\\d|2[0-7]|[56]0|79)|7(?:0[09]|2[0-26-8]|3[03]|4[04]|5[05-9]|6[05]|7[0-24-9]|8[7-9]|90)|8(?:09|2[89]|3\\d|4[0-24-689]|5[014]|8[02])|9(?:0[5-9]|1[0135-8]|2[036-9]|3[35-79]|40|5[0457-9]|6[05-9]|7[04-9]|8[35-8]|9\\d))\\d{4}",</w:t>
            </w:r>
          </w:p>
          <w:p w:rsidR="00156FB3" w:rsidRDefault="00156FB3" w:rsidP="00156FB3">
            <w:r>
              <w:t>,,,"2001234",,,[7]],[,,"(?:1[16]1|21[89]|6(?:[02-9]\\d|1[0-6])\\d|8(?:1[01]|7[23]))\\d{4}",,,,"61234567"],[,,"800\\d{4}",,,,"8001234",,,[7]],[,,"(?:8(?:22|55|60|7[78]|86)|9(?:00|81))\\d{4}",,,,"8601234",,,[7]],[,,,,,,,,,[-1]],[,,,,,,,,,[-1]],[,,,,,,,,,[-1]],"PA",507,"00",,,,,,,,[[,"(\\d{3})(\\d{4})","$1-$2",["[1-57-9]"]],[,"(\\d{4})(\\d{4})","$1-$2",["6"]]],,[,,,,,,,,,[-1]],,,[,,,,,,,,,[-1]],[,,,,,,,,,[-1]],,,[,,,,,,,,,[-1]]],PE:[,[,,"(?:[14-8]|9\\d)\\d{7}",,,,,,,[8,9],[6,7]],[,,"(?:1\\d|4[1-4]|5[1-46]|6[1-7]|7[2-46]|8[2-4])\\d{6}",</w:t>
            </w:r>
          </w:p>
          <w:p w:rsidR="00156FB3" w:rsidRDefault="00156FB3" w:rsidP="00156FB3">
            <w:r>
              <w:t>,,,"11234567",,,[8],[6,7]],[,,"9\\d{8}",,,,"912345678",,,[9]],[,,"800\\d{5}",,,,"80012345",,,[8]],[,,"805\\d{5}",,,,"80512345",,,[8]],[,,"801\\d{5}",,,,"80112345",,,[8]],[,,"80[24]\\d{5}",,,,"80212345",,,[8]],[,,,,,,,,,[-1]],"PE",51,"19(?:1[124]|77|90)00","0"," Anexo ",,"0",,,,[[,"(\\d{3})(\\d{5})","$1 $2",["80"],"(0$1)"],[,"(\\d)(\\d{7})","$1 $2",["1"],"(0$1)"],[,"(\\d{2})(\\d{6})","$1 $2",["[4-8]"],"(0$1)"],[,"(\\d{3})(\\d{3})(\\d{3})","$1 $2 $3",["9"]]],,[,,,,,,,,,[-1]],,,[,,,,,,,,,[-1]],[,,,,</w:t>
            </w:r>
          </w:p>
          <w:p w:rsidR="00156FB3" w:rsidRDefault="00156FB3" w:rsidP="00156FB3">
            <w:r>
              <w:t>,,,,,[-1]],,,[,,,,,,,,,[-1]]],PF:[,[,,"[48]\\d{7}|4\\d{5}",,,,,,,[6,8]],[,,"4(?:[09][4-689]\\d|4)\\d{4}",,,,"40412345"],[,,"8[79]\\d{6}",,,,"87123456",,,[8]],[,,,,,,,,,[-1]],[,,,,,,,,,[-1]],[,,,,,,,,,[-1]],[,,,,,,,,,[-1]],[,,,,,,,,,[-1]],"PF",689,"00",,,,,,,,[[,"(\\d{2})(\\d{2})(\\d{2})","$1 $2 $3",["44"]],[,"(\\d{2})(\\d{2})(\\d{2})(\\d{2})","$1 $2 $3 $4",["[48]"]]],,[,,,,,,,,,[-1]],,,[,,"44\\d{4}",,,,,,,[6]],[,,,,,,,,,[-1]],,,[,,,,,,,,,[-1]]],PG:[,[,,"(?:180|[78]\\d{3})\\d{4}|(?:[2-589]\\d|64)\\d{5}",</w:t>
            </w:r>
          </w:p>
          <w:p w:rsidR="00156FB3" w:rsidRDefault="00156FB3" w:rsidP="00156FB3">
            <w:r>
              <w:t>,,,,,,[7,8]],[,,"(?:64[1-9]|7730|85[02-46-9])\\d{4}|(?:3[0-2]|4[257]|5[34]|77[0-24]|9[78])\\d{5}",,,,"3123456"],[,,"775\\d{5}|(?:7[0-689]|81)\\d{6}",,,,"70123456",,,[8]],[,,"180\\d{4}",,,,"1801234",,,[7]],[,,,,,,,,,[-1]],[,,,,,,,,,[-1]],[,,,,,,,,,[-1]],[,,"2(?:0[0-47]|7[568])\\d{4}",,,,"2751234",,,[7]],"PG",675,"00|140[1-3]",,,,,,"00",,[[,"(\\d{3})(\\d{4})","$1 $2",["18|[2-69]|85"]],[,"(\\d{4})(\\d{4})","$1 $2",["[78]"]]],,[,,,,,,,,,[-1]],,,[,,,,,,,,,[-1]],[,,,,,,,,,[-1]],,,[,,,,,,,,,[-1]]],PH:[,</w:t>
            </w:r>
          </w:p>
          <w:p w:rsidR="00156FB3" w:rsidRDefault="00156FB3" w:rsidP="00156FB3">
            <w:r>
              <w:t>[,,"(?:1800|8)\\d{7,9}|2\\d{5}(?:\\d{2})?|(?:[3-7]|9\\d)\\d{8}",,,,,,,[6,8,9,10,11,12,13],[4,5,7]],[,,"2\\d{5}(?:\\d{2})?|88(?:22\\d\\d|42)\\d{4}|88\\d{7}|(?:3[2-68]|4[2-9]|5[2-6]|6[2-58]|7[24578]|8[2-7])\\d{7}",,,,"21234567",,,[6,8,9,10],[4,5,7]],[,,"(?:81[37]|9(?:0[5-9]|1[024-9]|2[0-35-9]|3[02-9]|4[235-9]|5[056]|6[5-7]|7[3-79]|89|9[4-9]))\\d{7}",,,,"9051234567",,,[10]],[,,"1800\\d{7,9}",,,,"180012345678",,,[11,12,13]],[,,,,,,,,,[-1]],[,,,,,,,,,[-1]],[,,,,,,,,,[-1]],[,,,,,,,,,[-1]],"PH",63,"00",</w:t>
            </w:r>
          </w:p>
          <w:p w:rsidR="00156FB3" w:rsidRDefault="00156FB3" w:rsidP="00156FB3">
            <w:r>
              <w:t>"0",,,"0",,,,[[,"(\\d)(\\d{5})","$1 $2",["2"],"(0$1)"],[,"(\\d)(\\d{3})(\\d{4})","$1 $2 $3",["2"],"(0$1)"],[,"(\\d{4})(\\d{4,6})","$1 $2",["3(?:23|39|46)|4(?:2[3-</w:t>
            </w:r>
            <w:r>
              <w:lastRenderedPageBreak/>
              <w:t>6]|[35]9|4[26]|76)|544|88[245]|(?:52|64|86)2","3(?:230|397|461)|4(?:2(?:35|[46]4|51)|396|4(?:22|63)|59[347]|76[15])|5(?:221|446)|642[23]|8(?:622|8(?:[24]2|5[13]))"],"(0$1)"],[,"(\\d{5})(\\d{4})","$1 $2",["346|4(?:27|9[35])|883","3469|4(?:279|9(?:30|56))|8834"],"(0$1)"],[,"(\\d{2})(\\d{3})(\\d{4})","$1 $2 $3",["[3-7]|8[2-8]"],"(0$1)"],[,"(\\d{3})(\\d{3})(\\d{4})",</w:t>
            </w:r>
          </w:p>
          <w:p w:rsidR="00156FB3" w:rsidRDefault="00156FB3" w:rsidP="00156FB3">
            <w:r>
              <w:t>"$1 $2 $3",["[89]"],"0$1"],[,"(\\d{4})(\\d{3})(\\d{4})","$1 $2 $3",["1"]],[,"(\\d{4})(\\d{1,2})(\\d{3})(\\d{4})","$1 $2 $3 $4",["1"]]],,[,,,,,,,,,[-1]],,,[,,,,,,,,,[-1]],[,,,,,,,,,[-1]],,,[,,,,,,,,,[-1]]],PK:[,[,,"122\\d{6}|[24-8]\\d{10,11}|9(?:[013-9]\\d{8,10}|2(?:[01]\\d\\d|2(?:[025-8]\\d|1[01]))\\d{7})|(?:[2-8]\\d{3}|92(?:[0-7]\\d|8[1-9]))\\d{6}|[24-9]\\d{8}|[89]\\d{7}",,,,,,,[8,9,10,11,12],[5,6,7]],[,,"(?:(?:21|42)[2-9]|58[126])\\d{7}|(?:2[25]|4[0146-9]|5[1-35-7]|6[1-8]|7[14]|8[16]|91)[2-9]\\d{6}|(?:2(?:3[2358]|4[2-4]|9[2-8])|45[3479]|54[2-467]|60[468]|72[236]|8(?:2[2-689]|3[23578]|4[3478]|5[2356])|9(?:2[2-8]|3[27-9]|4[2-6]|6[3569]|9[25-8]))[2-9]\\d{5,6}",</w:t>
            </w:r>
          </w:p>
          <w:p w:rsidR="00156FB3" w:rsidRDefault="00156FB3" w:rsidP="00156FB3">
            <w:r>
              <w:t>,,,"2123456789",,,[9,10],[5,6,7,8]],[,,"3(?:[014]\\d|2[0-5]|3[0-7]|55|64)\\d{7}",,,,"3012345678",,,[10]],[,,"800\\d{5}",,,,"80012345",,,[8]],[,,"900\\d{5}",,,,"90012345",,,[8]],[,,,,,,,,,[-1]],[,,"122\\d{6}",,,,"122044444",,,[9]],[,,,,,,,,,[-1]],"PK",92,"00","0",,,"0",,,,[[,"(\\d{3})(\\d{3})(\\d{2})","$1 $2 $3",["[89]0"],"0$1"],[,"(\\d{4})(\\d{5})","$1 $2",["1"]],[,"(\\d{2})(\\d{7,8})","$1 $2",["(?:2[125]|4[0-246-9]|5[1-35-7]|6[1-8]|7[14]|8[16]|91)[2-9]"],"(0$1)"],[,"(\\d{3})(\\d{6,7})","$1 $2",["2(?:3[2358]|4[2-4]|9[2-8])|45[3479]|54[2-467]|60[468]|72[236]|8(?:2[2-689]|3[23578]|4[3478]|5[2356])|9(?:2[2-8]|3[27-9]|4[2-6]|6[3569]|9[25-8])",</w:t>
            </w:r>
          </w:p>
          <w:p w:rsidR="00156FB3" w:rsidRDefault="00156FB3" w:rsidP="00156FB3">
            <w:r>
              <w:t>"9(?:2[3-8]|98)|(?:2(?:3[2358]|4[2-4]|9[2-8])|45[3479]|54[2-467]|60[468]|72[236]|8(?:2[2-689]|3[23578]|4[3478]|5[2356])|9(?:22|3[27-9]|4[2-6]|6[3569]|9[25-7]))[2-9]"],"(0$1)"],[,"(\\d{5})(\\d{5})","$1 $2",["58"],"(0$1)"],[,"(\\d{3})(\\d{7})","$1 $2",["3"],"0$1"],[,"(\\d{2})(\\d{3})(\\d{3})(\\d{3})","$1 $2 $3 $4",["2[125]|4[0-246-9]|5[1-35-7]|6[1-8]|7[14]|8[16]|91"],"(0$1)"],[,"(\\d{3})(\\d{3})(\\d{3})(\\d{3})","$1 $2 $3 $4",["[24-9]"],"(0$1)"]],,[,,,,,,,,,[-1]],,,[,,,,,,,,,[-1]],[,,"(?:2(?:[125]|3[2358]|4[2-4]|9[2-8])|4(?:[0-246-9]|5[3479])|5(?:[1-35-7]|4[2-467])|6(?:0[468]|[1-8])|7(?:[14]|2[236])|8(?:[16]|2[2-689]|3[23578]|4[3478]|5[2356])|9(?:1|22|3[27-9]|4[2-6]|6[3569]|9[2-7]))111\\d{6}",</w:t>
            </w:r>
          </w:p>
          <w:p w:rsidR="00156FB3" w:rsidRDefault="00156FB3" w:rsidP="00156FB3">
            <w:r>
              <w:t>,,,"21111825888",,,[11,12]],,,[,,,,,,,,,[-1]]],PL:[,[,,"[1-57-9]\\d{6}(?:\\d{2})?|6\\d{5,8}",,,,,,,[6,7,8,9]],[,,"(?:1[2-8]|2[2-69]|3[2-4]|4[1-468]|5[24-689]|6[1-3578]|7[14-7]|8[1-79]|9[145])(?:[02-9]\\d{6}|1(?:[0-8]\\d{5}|9\\d{3}(?:\\d{2})?))",,,,"123456789",,,[7,9]],[,,"(?:45|5[0137]|6[069]|7[2389]|88)\\d{7}",,,,"512345678",,,[9]],[,,"800\\d{6}",,,,"800123456",,,[9]],[,,"70[01346-8]\\d{6}",,,,"701234567",,,[9]],[,,"801\\d{6}",,,,"801234567",,,[9]],[,,,,,,,,,[-1]],[,,"39\\d{7}",,,,"391234567",,,</w:t>
            </w:r>
          </w:p>
          <w:p w:rsidR="00156FB3" w:rsidRDefault="00156FB3" w:rsidP="00156FB3">
            <w:r>
              <w:t>[9]],"PL",48,"00",,,,,,,,[[,"(\\d{5})","$1",["19"]],[,"(\\d{3})(\\d{3})","$1 $2",["11|64"]],[,"(\\d{2})(\\d{2})(\\d{3})","$1 $2 $3",["(?:1[2-8]|2[2-69]|3[2-4]|4[1-468]|5[24-689]|6[1-3578]|7[14-7]|8[1-79]|9[145])1","(?:1[2-8]|2[2-69]|3[2-4]|4[1-468]|5[24-689]|6[1-3578]|7[14-7]|8[1-79]|9[145])19"]],[,"(\\d{3})(\\d{2})(\\d{2,3})","$1 $2 $3",["64"]],[,"(\\d{3})(\\d{3})(\\d{3})","$1 $2 $3",["39|45|5[0137]|6[0469]|7[02389]|8[08]"]],[,"(\\d{2})(\\d{3})(\\d{2})(\\d{2})","$1 $2 $3 $4",["1[2-8]|[2-8]|9[145]"]]],</w:t>
            </w:r>
          </w:p>
          <w:p w:rsidR="00156FB3" w:rsidRDefault="00156FB3" w:rsidP="00156FB3">
            <w:r>
              <w:t>,[,,"64\\d{4,7}",,,,"641234567"],,,[,,,,,,,,,[-1]],[,,"804\\d{6}",,,,"804123456",,,[9]],,,[,,,,,,,,,[-1]]],PM:[,[,,"[45]\\d{5}",,,,,,,[6]],[,,"(?:4[1-3]|50)\\d{4}",,,,"430123"],[,,"(?:4[02-4]|5[05])\\d{4}",,,,"551234"],[,,,,,,,,,[-1]],[,,,,,,,,,[-1]],[,,,,,,,,,[-1]],[,,,,,,,,,[-1]],[,,,,,,,,,[-1]],"PM",508,"00","0",,,"0",,,,[[,"(\\d{2})(\\d{2})(\\d{2})","$1 $2 $3",["[45]"],"0$1"]],,[,,,,,,,,,[-1]],,,[,,,,,,,,,[-1]],[,,,,,,,,,[-1]],,,[,,,,,,,,,[-1]]],PR:[,[,,"(?:[589]\\d\\d|787)\\d{7}",,,,,,,[10],</w:t>
            </w:r>
          </w:p>
          <w:p w:rsidR="00156FB3" w:rsidRDefault="00156FB3" w:rsidP="00156FB3">
            <w:r>
              <w:t>[7]],[,,"(?:787|939)[2-9]\\d{6}",,,,"7872345678",,,,[7]],[,,"(?:787|939)[2-9]\\d{6}",,,,"7872345678",,,,[7]],[,,"8(?:00|33|44|55|66|77|88)[2-9]\\d{6}",,,,"8002345678"],[,,"900[2-</w:t>
            </w:r>
            <w:r>
              <w:lastRenderedPageBreak/>
              <w:t>9]\\d{6}",,,,"9002345678"],[,,,,,,,,,[-1]],[,,"5(?:00|2[12]|33|44|66|77|88)[2-9]\\d{6}",,,,"5002345678"],[,,,,,,,,,[-1]],"PR",1,"011","1",,,"1",,,1,,,[,,,,,,,,,[-1]],,"787|939",[,,,,,,,,,[-1]],[,,,,,,,,,[-1]],,,[,,,,,,,,,[-1]]],PS:[,[,,"[2489]2\\d{6}|(?:1\\d|5)\\d{8}",,,,,,,[8,9,10],[7]],[,,"(?:22[2-47-9]|42[45]|82[01458]|92[369])\\d{5}",</w:t>
            </w:r>
          </w:p>
          <w:p w:rsidR="00156FB3" w:rsidRDefault="00156FB3" w:rsidP="00156FB3">
            <w:r>
              <w:t>,,,"22234567",,,[8],[7]],[,,"5[69]\\d{7}",,,,"599123456",,,[9]],[,,"1800\\d{6}",,,,"1800123456",,,[10]],[,,,,,,,,,[-1]],[,,"1700\\d{6}",,,,"1700123456",,,[10]],[,,,,,,,,,[-1]],[,,,,,,,,,[-1]],"PS",970,"00","0",,,"0",,,,[[,"(\\d)(\\d{3})(\\d{4})","$1 $2 $3",["[2489]"],"0$1"],[,"(\\d{3})(\\d{3})(\\d{3})","$1 $2 $3",["5"],"0$1"],[,"(\\d{4})(\\d{3})(\\d{3})","$1 $2 $3",["1"]]],,[,,,,,,,,,[-1]],,,[,,,,,,,,,[-1]],[,,,,,,,,,[-1]],,,[,,,,,,,,,[-1]]],PT:[,[,,"(?:[26-9]\\d|30)\\d{7}",,,,,,,[9]],[,,"2(?:[12]\\d|[35][1-689]|4[1-59]|6[1-35689]|7[1-9]|8[1-69]|9[1256])\\d{6}",</w:t>
            </w:r>
          </w:p>
          <w:p w:rsidR="00156FB3" w:rsidRDefault="00156FB3" w:rsidP="00156FB3">
            <w:r>
              <w:t>,,,"212345678"],[,,"9(?:[1-36]\\d\\d|480)\\d{5}",,,,"912345678"],[,,"80[02]\\d{6}",,,,"800123456"],[,,"(?:6(?:0[178]|4[68])\\d|76(?:0[1-57]|1[2-47]|2[237]))\\d{5}",,,,"760123456"],[,,"80(?:8\\d|9[1579])\\d{5}",,,,"808123456"],[,,"884[0-4689]\\d{5}",,,,"884123456"],[,,"30\\d{7}",,,,"301234567"],"PT",351,"00",,,,,,,,[[,"(\\d{2})(\\d{3})(\\d{4})","$1 $2 $3",["2[12]"]],[,"(\\d{3})(\\d{3})(\\d{3})","$1 $2 $3",["[236-9]"]]],,[,,,,,,,,,[-1]],,,[,,,,,,,,,[-1]],[,,"70(?:7\\d|8[17])\\d{5}",,,,"707123456"],</w:t>
            </w:r>
          </w:p>
          <w:p w:rsidR="00156FB3" w:rsidRDefault="00156FB3" w:rsidP="00156FB3">
            <w:r>
              <w:t>,,[,,"600\\d{6}",,,,"600110000"]],PW:[,[,,"(?:[25-8]\\d\\d|345|488|900)\\d{4}",,,,,,,[7]],[,,"(?:2(?:55|77)|345|488|5(?:35|44|87)|6(?:22|54|79)|7(?:33|47)|8(?:24|55|76)|900)\\d{4}",,,,"2771234"],[,,"(?:6[2-4689]0|77\\d|88[0-4])\\d{4}",,,,"6201234"],[,,,,,,,,,[-1]],[,,,,,,,,,[-1]],[,,,,,,,,,[-1]],[,,,,,,,,,[-1]],[,,,,,,,,,[-1]],"PW",680,"01[12]",,,,,,,,[[,"(\\d{3})(\\d{4})","$1 $2",["[2-9]"]]],,[,,,,,,,,,[-1]],,,[,,,,,,,,,[-1]],[,,,,,,,,,[-1]],,,[,,,,,,,,,[-1]]],PY:[,[,,"59\\d{4,6}|(?:[2-46-9]\\d|5[0-8])\\d{4,7}",</w:t>
            </w:r>
          </w:p>
          <w:p w:rsidR="00156FB3" w:rsidRDefault="00156FB3" w:rsidP="00156FB3">
            <w:r>
              <w:t>,,,,,,[6,7,8,9],[5]],[,,"(?:[26]1|3[289]|4[1246-8]|7[1-3]|8[1-36])\\d{5,7}|(?:2(?:2[4-68]|7[15]|9[1-5])|3(?:18|3[167]|4[2357]|51)|4(?:3[12]|5[13]|9[1-47])|5(?:[1-4]\\d|5[02-4])|6(?:3[1-3]|44|7[1-46-8])|7(?:4[0-4]|6[1-578]|75|8[0-8])|858)\\d{5,6}",,,,"212345678",,,[7,8,9],[5,6]],[,,"9(?:51|6[129]|[78][1-6]|9[1-5])\\d{6}",,,,"961456789",,,[9]],[,,,,,,,,,[-1]],[,,,,,,,,,[-1]],[,,,,,,,,,[-1]],[,,,,,,,,,[-1]],[,,"8700[0-4]\\d{4}",,,,"870012345",,,[9]],"PY",595,"00","0",,,"0",,,,[[,"(\\d{3})(\\d{3,6})",</w:t>
            </w:r>
          </w:p>
          <w:p w:rsidR="00156FB3" w:rsidRDefault="00156FB3" w:rsidP="00156FB3">
            <w:r>
              <w:t>"$1 $2",["[2-9]0"],"0$1"],[,"(\\d{2})(\\d{5})","$1 $2",["[26]1|3[289]|4[1246-8]|7[1-3]|8[1-36]"],"(0$1)"],[,"(\\d{3})(\\d{4,5})","$1 $2",["2[279]|3[13-5]|4[359]|5|6[347]|7[46-8]|85"],"(0$1)"],[,"(\\d{2})(\\d{3})(\\d{3,4})","$1 $2 $3",["[26]1|3[289]|4[1246-8]|7[1-3]|8[1-36]"],"(0$1)"],[,"(\\d{2})(\\d{3})(\\d{4})","$1 $2 $3",["87"]],[,"(\\d{3})(\\d{6})","$1 $2",["9"],"0$1"],[,"(\\d{3})(\\d{3})(\\d{3})","$1 $2 $3",["[2-8]"],"0$1"]],,[,,,,,,,,,[-1]],,,[,,,,,,,,,[-1]],[,,"[2-9]0\\d{4,7}",,,,"201234567"],</w:t>
            </w:r>
          </w:p>
          <w:p w:rsidR="00156FB3" w:rsidRDefault="00156FB3" w:rsidP="00156FB3">
            <w:r>
              <w:t>,,[,,,,,,,,,[-1]]],QA:[,[,,"800\\d{4}|(?:2|[3-7]\\d)\\d{6}",,,,,,,[7,8]],[,,"4[04]\\d{6}",,,,"44123456",,,[8]],[,,"[35-7]\\d{7}",,,,"33123456",,,[8]],[,,"800\\d{4}",,,,"8001234",,,[7]],[,,,,,,,,,[-1]],[,,,,,,,,,[-1]],[,,,,,,,,,[-1]],[,,,,,,,,,[-1]],"QA",974,"00",,,,,,,,[[,"(\\d{3})(\\d{4})","$1 $2",["2[126]|8"]],[,"(\\d{4})(\\d{4})","$1 $2",["[3-7]"]]],,[,,"2(?:[12]\\d|61)\\d{4}",,,,"2123456",,,[7]],,,[,,,,,,,,,[-1]],[,,,,,,,,,[-1]],,,[,,,,,,,,,[-1]]],RE:[,[,,"(?:26|[68]\\d)\\d{7}",,,,,,,[9]],[,,</w:t>
            </w:r>
          </w:p>
          <w:p w:rsidR="00156FB3" w:rsidRDefault="00156FB3" w:rsidP="00156FB3">
            <w:r>
              <w:t>"262\\d{6}",,,,"262161234"],[,,"69(?:2\\d\\d|3(?:0[0-46]|1[013]|2[0-2]|3[0-39]|4\\d|5[05]|6[0-26]|7[0-27]|8[0-38]|9[0-479]))\\d{4}",,,,"692123456"],[,,"80\\d{7}",,,,"801234567"],[,,"89[1-37-9]\\d{6}",,,,"891123456"],[,,"8(?:1[019]|2[0156]|84|90)\\d{6}",,,,"810123456"],[,,,,,,,,,[-1]],[,,,,,,,,,[-1]],"RE",262,"00","0",,,"0",,,,[[,"(\\d{3})(\\d{2})(\\d{2})(\\d{2})","$1 $2 $3 $4",["[268]"],"0$1"]],,[,,,,,,,,,[-1]],1,"262|69|8",[,,,,,,,,,[-1]],[,,,,,,,,,[-1]],,,[,,,,,,,,,[-1]]],RO:[,[,,"(?:[237]\\d|[89]0)\\d{7}|[23]\\d{5}",</w:t>
            </w:r>
          </w:p>
          <w:p w:rsidR="00156FB3" w:rsidRDefault="00156FB3" w:rsidP="00156FB3">
            <w:r>
              <w:t>,,,,,,[6,9]],[,,"[23][13-6]\\d{7}|(?:2(?:19\\d|[3-6]\\d9)|31\\d\\d)\\d\\d",,,,"211234567"],[,,"7120\\d{5}|7(?:[02-7]\\d|1[01]|8[03-8]|99)\\d{6}",,,,"712034567",,,[9]],[,,"800\\d{6}",,,,"800123456",,,[9]],[,,"90[036]\\d{6}",,,,"900123456",</w:t>
            </w:r>
            <w:r>
              <w:lastRenderedPageBreak/>
              <w:t>,,[9]],[,,"801\\d{6}",,,,"801123456",,,[9]],[,,,,,,,,,[-1]],[,,,,,,,,,[-1]],"RO",40,"00","0"," int ",,"0",,,,[[,"(\\d{3})(\\d{3})","$1 $2",["2[3-6]","2[3-6]\\d9"],"0$1"],[,"(\\d{2})(\\d{4})","$1 $2",["219|31"],"0$1"],[,"(\\d{2})(\\d{3})(\\d{4})","$1 $2 $3",["[23]1"],</w:t>
            </w:r>
          </w:p>
          <w:p w:rsidR="00156FB3" w:rsidRDefault="00156FB3" w:rsidP="00156FB3">
            <w:r>
              <w:t>"0$1"],[,"(\\d{3})(\\d{3})(\\d{3})","$1 $2 $3",["[237-9]"],"0$1"]],,[,,,,,,,,,[-1]],,,[,,,,,,,,,[-1]],[,,"37\\d{7}",,,,"372123456",,,[9]],,,[,,,,,,,,,[-1]]],RS:[,[,,"38[02-9]\\d{6,9}|6\\d{7,9}|90\\d{4,8}|38\\d{5,6}|(?:7\\d\\d|800)\\d{3,9}|(?:[12]\\d|3[0-79])\\d{5,10}",,,,,,,[6,7,8,9,10,11,12],[4,5]],[,,"(?:11[1-9]\\d|(?:2[389]|39)(?:0[2-9]|[2-9]\\d))\\d{3,8}|(?:1[02-9]|2[0-24-7]|3[0-8])[2-9]\\d{4,9}",,,,"10234567",,,[7,8,9,10,11,12],[4,5,6]],[,,"6(?:[0-689]|7\\d)\\d{6,7}",,,,"601234567",,,[8,9,10]],</w:t>
            </w:r>
          </w:p>
          <w:p w:rsidR="00156FB3" w:rsidRDefault="00156FB3" w:rsidP="00156FB3">
            <w:r>
              <w:t>[,,"800\\d{3,9}",,,,"80012345"],[,,"(?:78\\d|90[0169])\\d{3,7}",,,,"90012345",,,[6,7,8,9,10]],[,,,,,,,,,[-1]],[,,,,,,,,,[-1]],[,,,,,,,,,[-1]],"RS",381,"00","0",,,"0",,,,[[,"(\\d{3})(\\d{3,9})","$1 $2",["(?:2[389]|39)0|[7-9]"],"0$1"],[,"(\\d{2})(\\d{5,10})","$1 $2",["[1-36]"],"0$1"]],,[,,,,,,,,,[-1]],,,[,,,,,,,,,[-1]],[,,"7[06]\\d{4,10}",,,,"700123456"],,,[,,,,,,,,,[-1]]],RU:[,[,,"[347-9]\\d{9}",,,,,,,[10],[7]],[,,"(?:3(?:0[12]|4[1-35-79]|5[1-3]|65|8[1-58]|9[0145])|4(?:01|1[1356]|2[13467]|7[1-5]|8[1-7]|9[1-689])|8(?:1[1-8]|2[01]|3[13-6]|4[0-8]|5[15]|6[1-35-79]|7[1-37-9]))\\d{7}",</w:t>
            </w:r>
          </w:p>
          <w:p w:rsidR="00156FB3" w:rsidRDefault="00156FB3" w:rsidP="00156FB3">
            <w:r>
              <w:t>,,,"3011234567",,,,[7]],[,,"9\\d{9}",,,,"9123456789"],[,,"80[04]\\d{7}",,,,"8001234567"],[,,"80[39]\\d{7}",,,,"8091234567"],[,,,,,,,,,[-1]],[,,"808\\d{7}",,,,"8081234567"],[,,,,,,,,,[-1]],"RU",7,"810","8",,,"8",,"8~10",,[[,"(\\d{3})(\\d{2})(\\d{2})","$1-$2-$3",["[0-79]"]],[,"(\\d{4})(\\d{2})(\\d{2})(\\d{2})","$1 $2 $3 $4",["7(?:1[0-8]|2[1-9])","7(?:1(?:[0-6]2|7|8[27])|2(?:1[23]|[2-9]2))","7(?:1(?:[0-6]2|7|8[27])|2(?:13[03-69]|62[013-9]))|72[1-57-9]2"],"8 ($1)",,1],[,"(\\d{5})(\\d)(\\d{2})(\\d{2})",</w:t>
            </w:r>
          </w:p>
          <w:p w:rsidR="00156FB3" w:rsidRDefault="00156FB3" w:rsidP="00156FB3">
            <w:r>
              <w:t>"$1 $2 $3 $4",["7(?:1[0-68]|2[1-9])","7(?:1(?:[06][3-6]|[18]|2[35]|[3-5][3-5])|2(?:[13][3-5]|[24-689]|7[457]))","7(?:1(?:0(?:[356]|4[023])|[18]|2(?:3[013-9]|5)|3[45]|43[013-79]|5(?:3[1-8]|4[1-7]|5)|6(?:3[0-35-9]|[4-6]))|2(?:1(?:3[178]|[45])|[24-689]|3[35]|7[457]))|7(?:14|23)4[0-8]|71(?:33|45)[1-79]"],"8 ($1)",,1],[,"(\\d{3})(\\d{3})(\\d{4})","$1 $2 $3",["7"],"8 ($1)",,1],[,"(\\d{3})(\\d{3})(\\d{2})(\\d{2})","$1 $2-$3-$4",["[3489]"],"8 ($1)",,1]],[[,"(\\d{4})(\\d{2})(\\d{2})(\\d{2})","$1 $2 $3 $4",</w:t>
            </w:r>
          </w:p>
          <w:p w:rsidR="00156FB3" w:rsidRDefault="00156FB3" w:rsidP="00156FB3">
            <w:r>
              <w:t>["7(?:1[0-8]|2[1-9])","7(?:1(?:[0-6]2|7|8[27])|2(?:1[23]|[2-9]2))","7(?:1(?:[0-6]2|7|8[27])|2(?:13[03-69]|62[013-9]))|72[1-57-9]2"],"8 ($1)",,1],[,"(\\d{5})(\\d)(\\d{2})(\\d{2})","$1 $2 $3 $4",["7(?:1[0-68]|2[1-9])","7(?:1(?:[06][3-6]|[18]|2[35]|[3-5][3-5])|2(?:[13][3-5]|[24-689]|7[457]))","7(?:1(?:0(?:[356]|4[023])|[18]|2(?:3[013-9]|5)|3[45]|43[013-79]|5(?:3[1-8]|4[1-7]|5)|6(?:3[0-35-9]|[4-6]))|2(?:1(?:3[178]|[45])|[24-689]|3[35]|7[457]))|7(?:14|23)4[0-8]|71(?:33|45)[1-79]"],"8 ($1)",,1],[,"(\\d{3})(\\d{3})(\\d{4})",</w:t>
            </w:r>
          </w:p>
          <w:p w:rsidR="00156FB3" w:rsidRDefault="00156FB3" w:rsidP="00156FB3">
            <w:r>
              <w:t>"$1 $2 $3",["7"],"8 ($1)",,1],[,"(\\d{3})(\\d{3})(\\d{2})(\\d{2})","$1 $2-$3-$4",["[3489]"],"8 ($1)",,1]],[,,,,,,,,,[-1]],1,"3[04-689]|[489]",[,,,,,,,,,[-1]],[,,,,,,,,,[-1]],,,[,,,,,,,,,[-1]]],RW:[,[,,"(?:06|[27]\\d\\d|[89]00)\\d{6}",,,,,,,[8,9]],[,,"(?:06|2[258]\\d)\\d{6}",,,,"250123456"],[,,"7[238]\\d{7}",,,,"720123456",,,[9]],[,,"800\\d{6}",,,,"800123456",,,[9]],[,,"900\\d{6}",,,,"900123456",,,[9]],[,,,,,,,,,[-1]],[,,,,,,,,,[-1]],[,,,,,,,,,[-1]],"RW",250,"00","0",,,"0",,,,[[,"(\\d{2})(\\d{2})(\\d{2})(\\d{2})",</w:t>
            </w:r>
          </w:p>
          <w:p w:rsidR="00156FB3" w:rsidRDefault="00156FB3" w:rsidP="00156FB3">
            <w:r>
              <w:t>"$1 $2 $3 $4",["0"]],[,"(\\d{3})(\\d{3})(\\d{3})","$1 $2 $3",["2"]],[,"(\\d{3})(\\d{3})(\\d{3})","$1 $2 $3",["[7-9]"],"0$1"]],,[,,,,,,,,,[-1]],,,[,,,,,,,,,[-1]],[,,,,,,,,,[-1]],,,[,,,,,,,,,[-1]]],SA:[,[,,"92\\d{7}|(?:[15]|8\\d)\\d{8}",,,,,,,[9,10],[7]],[,,"1(?:1\\d|2[24-8]|3[35-8]|4[3-68]|6[2-5]|7[235-7])\\d{6}",,,,"112345678",,,[9],[7]],[,,"5(?:[013-689]\\d|7[0-36-8])\\d{6}",,,,"512345678",,,[9]],[,,"800\\d{7}",,,,"8001234567",,,[10]],[,,"925\\d{6}",,,,"925012345",,,[9]],[,,"920\\d{6}",,,,"920012345",</w:t>
            </w:r>
          </w:p>
          <w:p w:rsidR="00156FB3" w:rsidRDefault="00156FB3" w:rsidP="00156FB3">
            <w:r>
              <w:t xml:space="preserve">,,[9]],[,,,,,,,,,[-1]],[,,,,,,,,,[-1]],"SA",966,"00","0",,,"0",,,,[[,"(\\d{4})(\\d{5})","$1 $2",["9"]],[,"(\\d{2})(\\d{3})(\\d{4})","$1 $2 $3",["1"],"0$1"],[,"(\\d{2})(\\d{3})(\\d{4})","$1 $2 </w:t>
            </w:r>
            <w:r>
              <w:lastRenderedPageBreak/>
              <w:t>$3",["5"],"0$1"],[,"(\\d{3})(\\d{3})(\\d{3,4})","$1 $2 $3",["81"],"0$1"],[,"(\\d{3})(\\d{3})(\\d{4})","$1 $2 $3",["8"]]],,[,,,,,,,,,[-1]],,,[,,,,,,,,,[-1]],[,,"811\\d{7}",,,,"8110123456",,,[10]],,,[,,,,,,,,,[-1]]],SB:[,[,,"(?:[1-6]|[7-9]\\d\\d)\\d{4}",,,,,,,[5,7]],[,,"(?:1[4-79]|[23]\\d|4[0-2]|5[03]|6[0-37])\\d{3}",</w:t>
            </w:r>
          </w:p>
          <w:p w:rsidR="00156FB3" w:rsidRDefault="00156FB3" w:rsidP="00156FB3">
            <w:r>
              <w:t>,,,"40123",,,[5]],[,,"48\\d{3}|(?:(?:7[1-9]|8[4-9])\\d|9(?:1[2-9]|2[013-9]|3[0-2]|[46]\\d|5[0-46-9]|7[0-689]|8[0-79]|9[0-8]))\\d{4}",,,,"7421234"],[,,"1[38]\\d{3}",,,,"18123",,,[5]],[,,,,,,,,,[-1]],[,,,,,,,,,[-1]],[,,,,,,,,,[-1]],[,,"5[12]\\d{3}",,,,"51123",,,[5]],"SB",677,"0[01]",,,,,,,,[[,"(\\d{2})(\\d{5})","$1 $2",["7|8[4-9]|9(?:[1-8]|9[0-8])"]]],,[,,,,,,,,,[-1]],,,[,,,,,,,,,[-1]],[,,,,,,,,,[-1]],,,[,,,,,,,,,[-1]]],SC:[,[,,"8000\\d{3}|(?:[249]\\d|64)\\d{5}",,,,,,,[7]],[,,"4[2-46]\\d{5}",,,,"4217123"],</w:t>
            </w:r>
          </w:p>
          <w:p w:rsidR="00156FB3" w:rsidRDefault="00156FB3" w:rsidP="00156FB3">
            <w:r>
              <w:t>[,,"2[5-8]\\d{5}",,,,"2510123"],[,,"8000\\d{3}",,,,"8000000"],[,,,,,,,,,[-1]],[,,,,,,,,,[-1]],[,,,,,,,,,[-1]],[,,"971\\d{4}|(?:64|95)\\d{5}",,,,"6412345"],"SC",248,"010|0[0-2]",,,,,,"00",,[[,"(\\d)(\\d{3})(\\d{3})","$1 $2 $3",["[246]"]]],,[,,,,,,,,,[-1]],,,[,,,,,,,,,[-1]],[,,,,,,,,,[-1]],,,[,,,,,,,,,[-1]]],SD:[,[,,"[19]\\d{8}",,,,,,,[9]],[,,"1(?:5[3-7]|8[35-7])\\d{6}",,,,"153123456"],[,,"(?:1[0-2]|9[0-3569])\\d{7}",,,,"911231234"],[,,,,,,,,,[-1]],[,,,,,,,,,[-1]],[,,,,,,,,,[-1]],[,,,,,,,,,[-1]],[,</w:t>
            </w:r>
          </w:p>
          <w:p w:rsidR="00156FB3" w:rsidRDefault="00156FB3" w:rsidP="00156FB3">
            <w:r>
              <w:t>,,,,,,,,[-1]],"SD",249,"00","0",,,"0",,,,[[,"(\\d{2})(\\d{3})(\\d{4})","$1 $2 $3",["[19]"],"0$1"]],,[,,,,,,,,,[-1]],,,[,,,,,,,,,[-1]],[,,,,,,,,,[-1]],,,[,,,,,,,,,[-1]]],SE:[,[,,"(?:[26]\\d\\d|9)\\d{9}|[1-9]\\d{8}|[1-689]\\d{7}|[1-4689]\\d{6}|2\\d{5}",,,,,,,[6,7,8,9,10,12]],[,,"10[1-8]\\d{6}|90[1-9]\\d{4,6}|(?:[12][136]|3[356]|4[0246]|6[03]|8\\d)\\d{5,7}|(?:1(?:2[0-35]|4[0-4]|5[0-25-9]|7[13-6]|[89]\\d)|2(?:2[0-7]|4[0136-8]|5[0138]|7[018]|8[01]|9[0-57])|3(?:0[0-4]|1\\d|2[0-25]|4[056]|7[0-2]|8[0-3]|9[023])|4(?:1[013-8]|3[0135]|5[14-79]|7[0-246-9]|8[0156]|9[0-689])|5(?:0[0-6]|[15][0-5]|2[0-68]|3[0-4]|4\\d|6[03-5]|7[013]|8[0-79]|9[01])|6(?:1[1-3]|2[0-4]|4[02-57]|5[0-37]|6[0-3]|7[0-2]|8[0247]|9[0-356])|9(?:1[0-68]|2\\d|3[02-5]|4[0-3]|5[0-4]|[68][01]|7[0135-8]))\\d{5,6}",</w:t>
            </w:r>
          </w:p>
          <w:p w:rsidR="00156FB3" w:rsidRDefault="00156FB3" w:rsidP="00156FB3">
            <w:r>
              <w:t>,,,"8123456",,,[7,8,9]],[,,"7[02369]\\d{7}",,,,"701234567",,,[9]],[,,"20\\d{4,7}",,,,"20123456",,,[6,7,8,9]],[,,"649\\d{6}|9(?:00|39|44)[1-8]\\d{3,6}",,,,"9001234567",,,[7,8,9,10]],[,,"77[0-7]\\d{6}",,,,"771234567",,,[9]],[,,"75[1-8]\\d{6}",,,,"751234567",,,[9]],[,,,,,,,,,[-1]],"SE",46,"00","0",,,"0",,,,[[,"(\\d{2})(\\d{2,3})(\\d{2})","$1-$2 $3",["20"],"0$1"],[,"(\\d{3})(\\d{4})","$1-$2",["9(?:00|39|44)"],"0$1"],[,"(\\d{2})(\\d{3})(\\d{2})","$1-$2 $3",["[12][136]|3[356]|4[0246]|6[03]|90[1-9]"],"0$1"],</w:t>
            </w:r>
          </w:p>
          <w:p w:rsidR="00156FB3" w:rsidRDefault="00156FB3" w:rsidP="00156FB3">
            <w:r>
              <w:t>[,"(\\d)(\\d{2,3})(\\d{2})(\\d{2})","$1-$2 $3 $4",["8"],"0$1"],[,"(\\d{3})(\\d{2,3})(\\d{2})","$1-$2 $3",["1[2457]|2(?:[247-9]|5[0138])|3[0247-9]|4[1357-9]|5[0-35-9]|6(?:[125689]|4[02-57]|7[0-2])|9(?:[125-8]|3[02-5]|4[0-3])"],"0$1"],[,"(\\d{3})(\\d{2,3})(\\d{3})","$1-$2 $3",["9(?:00|39|44)"],"0$1"],[,"(\\d{2})(\\d{2,3})(\\d{2})(\\d{2})","$1-$2 $3 $4",["1[013689]|2[0136]|3[1356]|4[0246]|54|6[03]|90[1-9]"],"0$1"],[,"(\\d{2})(\\d{3})(\\d{2})(\\d{2})","$1-$2 $3 $4",["7"],"0$1"],[,"(\\d)(\\d{3})(\\d{3})(\\d{2})",</w:t>
            </w:r>
          </w:p>
          <w:p w:rsidR="00156FB3" w:rsidRDefault="00156FB3" w:rsidP="00156FB3">
            <w:r>
              <w:t>"$1-$2 $3 $4",["8"],"0$1"],[,"(\\d{3})(\\d{2})(\\d{2})(\\d{2})","$1-$2 $3 $4",["[13-5]|2(?:[247-9]|5[0138])|6(?:[124-689]|7[0-2])|9(?:[125-8]|3[02-5]|4[0-3])"],"0$1"],[,"(\\d{3})(\\d{2})(\\d{2})(\\d{3})","$1-$2 $3 $4",["9"],"0$1"],[,"(\\d{3})(\\d{2})(\\d{3})(\\d{2})(\\d{2})","$1-$2 $3 $4 $5",["[26]"],"0$1"]],[[,"(\\d{2})(\\d{2,3})(\\d{2})","$1 $2 $3",["20"]],[,"(\\d{3})(\\d{4})","$1 $2",["9(?:00|39|44)"]],[,"(\\d{2})(\\d{3})(\\d{2})","$1 $2 $3",["[12][136]|3[356]|4[0246]|6[03]|90[1-9]"]],[,"(\\d)(\\d{2,3})(\\d{2})(\\d{2})",</w:t>
            </w:r>
          </w:p>
          <w:p w:rsidR="00156FB3" w:rsidRDefault="00156FB3" w:rsidP="00156FB3">
            <w:r>
              <w:t>"$1 $2 $3 $4",["8"]],[,"(\\d{3})(\\d{2,3})(\\d{2})","$1 $2 $3",["1[2457]|2(?:[247-9]|5[0138])|3[0247-9]|4[1357-9]|5[0-35-9]|6(?:[125689]|4[02-57]|7[0-2])|9(?:[125-8]|3[02-5]|4[0-3])"]],[,"(\\d{3})(\\d{2,3})(\\d{3})","$1 $2 $3",["9(?:00|39|44)"]],[,"(\\d{2})(\\d{2,3})(\\d{2})(\\d{2})","$1 $2 $3 $4",["1[013689]|2[0136]|3[1356]|4[0246]|54|6[03]|90[1-9]"]],[,"(\\d{2})(\\d{3})(\\d{2})(\\d{2})","$1 $2 $3 $4",["7"]],[,"(\\d)(\\d{3})(\\d{3})(\\d{2})","$1 $2 $3 $4",["8"]],[,"(\\d{3})(\\d{2})(\\d{2})(\\d{2})",</w:t>
            </w:r>
          </w:p>
          <w:p w:rsidR="00156FB3" w:rsidRDefault="00156FB3" w:rsidP="00156FB3">
            <w:r>
              <w:t xml:space="preserve">"$1 $2 $3 $4",["[13-5]|2(?:[247-9]|5[0138])|6(?:[124-689]|7[0-2])|9(?:[125-8]|3[02-5]|4[0-3])"]],[,"(\\d{3})(\\d{2})(\\d{2})(\\d{3})","$1 $2 $3 </w:t>
            </w:r>
            <w:r>
              <w:lastRenderedPageBreak/>
              <w:t>$4",["9"]],[,"(\\d{3})(\\d{2})(\\d{3})(\\d{2})(\\d{2})","$1 $2 $3 $4 $5",["[26]"]]],[,,"74[02-9]\\d{6}",,,,"740123456",,,[9]],,,[,,,,,,,,,[-1]],[,,,,,,,,,[-1]],,,[,,"(?:25[245]|67[3-68])\\d{9}",,,,"254123456789",,,[12]]],SG:[,[,,"(?:(?:1\\d|8)\\d\\d|7000)\\d{7}|[3689]\\d{7}",,,,,,,[8,10,11]],[,,"6[1-9]\\d{6}",,,,"61234567",,,[8]],[,,"(?:8[1-8]|9[0-8])\\d{6}",</w:t>
            </w:r>
          </w:p>
          <w:p w:rsidR="00156FB3" w:rsidRDefault="00156FB3" w:rsidP="00156FB3">
            <w:r>
              <w:t>,,,"81234567",,,[8]],[,,"(?:18|8)00\\d{7}",,,,"18001234567",,,[10,11]],[,,"1900\\d{7}",,,,"19001234567",,,[11]],[,,,,,,,,,[-1]],[,,,,,,,,,[-1]],[,,"3[12]\\d{6}",,,,"31234567",,,[8]],"SG",65,"0[0-3]\\d",,,,,,,,[[,"(\\d{4,5})","$1",["1[0135-7]|77"]],[,"(\\d{4})(\\d{4})","$1 $2",["[369]|8[1-8]"]],[,"(\\d{3})(\\d{3})(\\d{4})","$1 $2 $3",["8"]],[,"(\\d{4})(\\d{4})(\\d{3})","$1 $2 $3",["7"]],[,"(\\d{4})(\\d{3})(\\d{4})","$1 $2 $3",["1"]]],[[,"(\\d{4})(\\d{4})","$1 $2",["[369]|8[1-8]"]],[,"(\\d{3})(\\d{3})(\\d{4})",</w:t>
            </w:r>
          </w:p>
          <w:p w:rsidR="00156FB3" w:rsidRDefault="00156FB3" w:rsidP="00156FB3">
            <w:r>
              <w:t>"$1 $2 $3",["8"]],[,"(\\d{4})(\\d{4})(\\d{3})","$1 $2 $3",["7"]],[,"(\\d{4})(\\d{3})(\\d{4})","$1 $2 $3",["1"]]],[,,,,,,,,,[-1]],,,[,,,,,,,,,[-1]],[,,"7000\\d{7}",,,,"70001234567",,,[11]],,,[,,,,,,,,,[-1]]],SH:[,[,,"(?:[256]\\d|8)\\d{3}",,,,,,,[4,5]],[,,"2(?:[0-57-9]\\d|6[4-9])\\d\\d",,,,"22158"],[,,"[56]\\d{4}",,,,"51234",,,[5]],[,,,,,,,,,[-1]],[,,,,,,,,,[-1]],[,,,,,,,,,[-1]],[,,,,,,,,,[-1]],[,,"262\\d\\d",,,,"26212",,,[5]],"SH",290,"00",,,,,,,,,,[,,,,,,,,,[-1]],1,"[256]",[,,,,,,,,,[-1]],[,,,,,,</w:t>
            </w:r>
          </w:p>
          <w:p w:rsidR="00156FB3" w:rsidRDefault="00156FB3" w:rsidP="00156FB3">
            <w:r>
              <w:t>,,,[-1]],,,[,,,,,,,,,[-1]]],SI:[,[,,"[1-7]\\d{7}|8\\d{4,7}|90\\d{4,6}",,,,,,,[5,6,7,8]],[,,"(?:[1-357][2-8]|4[24-8])\\d{6}",,,,"12345678",,,[8],[7]],[,,"6(?:5(?:1\\d|55|[67]0)|9(?:10|[69]\\d))\\d{4}|(?:[37][01]|4[0139]|51|6[48])\\d{6}",,,,"31234567",,,[8]],[,,"80\\d{4,6}",,,,"80123456",,,[6,7,8]],[,,"89[1-3]\\d{2,5}|90\\d{4,6}",,,,"90123456"],[,,,,,,,,,[-1]],[,,,,,,,,,[-1]],[,,"(?:59\\d\\d|8(?:1(?:[67]\\d|8[01389])|2(?:0\\d|2[0378]|8[0-2489])|3[389]\\d))\\d{4}",,,,"59012345",,,[8]],"SI",386,"00|10(?:22|66|88|99)",</w:t>
            </w:r>
          </w:p>
          <w:p w:rsidR="00156FB3" w:rsidRDefault="00156FB3" w:rsidP="00156FB3">
            <w:r>
              <w:t>"0",,,"0",,"00",,[[,"(\\d{2})(\\d{3,6})","$1 $2",["8[09]|9"],"0$1"],[,"(\\d{3})(\\d{5})","$1 $2",["59|8"],"0$1"],[,"(\\d{2})(\\d{3})(\\d{3})","$1 $2 $3",["[37][01]|4[0139]|51|6"],"0$1"],[,"(\\d)(\\d{3})(\\d{2})(\\d{2})","$1 $2 $3 $4",["[1-57]"],"(0$1)"]],,[,,,,,,,,,[-1]],,,[,,,,,,,,,[-1]],[,,,,,,,,,[-1]],,,[,,,,,,,,,[-1]]],SJ:[,[,,"0\\d{4}|(?:[4589]\\d|79)\\d{6}",,,,,,,[5,8]],[,,"79\\d{6}",,,,"79123456",,,[8]],[,,"(?:4[015-8]|5[89]|9\\d)\\d{6}",,,,"41234567",,,[8]],[,,"80[01]\\d{5}",,,,"80012345",</w:t>
            </w:r>
          </w:p>
          <w:p w:rsidR="00156FB3" w:rsidRDefault="00156FB3" w:rsidP="00156FB3">
            <w:r>
              <w:t>,,[8]],[,,"82[09]\\d{5}",,,,"82012345",,,[8]],[,,"810(?:0[0-6]|[2-8]\\d)\\d{3}",,,,"81021234",,,[8]],[,,"880\\d{5}",,,,"88012345",,,[8]],[,,"85[0-5]\\d{5}",,,,"85012345",,,[8]],"SJ",47,"00",,,,,,,,,,[,,,,,,,,,[-1]],,"79",[,,,,,,,,,[-1]],[,,"8100[7-9]\\d{3}|(?:0|81(?:01|5\\d))\\d{4}",,,,"01234"],,,[,,"81[23]\\d{5}",,,,"81212345",,,[8]]],SK:[,[,,"[2-689]\\d{8}|[2-59]\\d{6}|[2-5]\\d{5}",,,,,,,[6,7,9]],[,,"(?:2(?:16|[2-9]\\d{3})|[3-5][1-8]\\d{3})\\d{4}|(?:2|[3-5][1-8])1[67]\\d{3}|[3-5][1-8]16\\d\\d",</w:t>
            </w:r>
          </w:p>
          <w:p w:rsidR="00156FB3" w:rsidRDefault="00156FB3" w:rsidP="00156FB3">
            <w:r>
              <w:t>,,,"221234567"],[,,"909[1-9]\\d{5}|9(?:0[1-8]|1[0-24-9]|[45]\\d)\\d{6}",,,,"912123456",,,[9]],[,,"800\\d{6}",,,,"800123456",,,[9]],[,,"9(?:00|[78]\\d)\\d{6}",,,,"900123456",,,[9]],[,,"8[5-9]\\d{7}",,,,"850123456",,,[9]],[,,,,,,,,,[-1]],[,,"6(?:02|5[0-4]|9[0-6])\\d{6}",,,,"690123456",,,[9]],"SK",421,"00","0",,,"0",,,,[[,"(\\d)(\\d{2})(\\d{3,4})","$1 $2 $3",["21"],"0$1"],[,"(\\d{2})(\\d{2})(\\d{2,3})","$1 $2 $3",["[3-5][1-8]1","[3-5][1-8]1[67]"],"0$1"],[,"(\\d{4})(\\d{3})","$1 $2",["909","9090"],"0$1"],</w:t>
            </w:r>
          </w:p>
          <w:p w:rsidR="00156FB3" w:rsidRDefault="00156FB3" w:rsidP="00156FB3">
            <w:r>
              <w:t>[,"(\\d)(\\d{3})(\\d{3})(\\d{2})","$1/$2 $3 $4",["2"],"0$1"],[,"(\\d{3})(\\d{3})(\\d{3})","$1 $2 $3",["[689]"],"0$1"],[,"(\\d{2})(\\d{3})(\\d{2})(\\d{2})","$1/$2 $3 $4",["[3-5]"],"0$1"]],[[,"(\\d)(\\d{2})(\\d{3,4})","$1 $2 $3",["21"],"0$1"],[,"(\\d{2})(\\d{2})(\\d{2,3})","$1 $2 $3",["[3-5][1-8]1","[3-5][1-8]1[67]"],"0$1"],[,"(\\d)(\\d{3})(\\d{3})(\\d{2})","$1/$2 $3 $4",["2"],"0$1"],[,"(\\d{3})(\\d{3})(\\d{3})","$1 $2 $3",["[689]"],"0$1"],[,"(\\d{2})(\\d{3})(\\d{2})(\\d{2})","$1/$2 $3 $4",["[3-5]"],</w:t>
            </w:r>
          </w:p>
          <w:p w:rsidR="00156FB3" w:rsidRDefault="00156FB3" w:rsidP="00156FB3">
            <w:r>
              <w:t>"0$1"]],[,,"9090\\d{3}",,,,"9090123",,,[7]],,,[,,"9090\\d{3}|(?:602|8(?:00|[5-9]\\d)|9(?:00|[78]\\d))\\d{6}",,,,,,,[7,9]],[,,"96\\d{7}",,,,"961234567",,,[9]],,,[,,,,,,,,,[-1]]],SL:[,[,,"(?:[2-578]\\d|66|99)\\d{6}",,,,,,,[8],[6]],[,,"[235]2[2-4][2-9]\\d{4}",,,,"22221234",,,,[6]],[,,"(?:2[15]|3[013-</w:t>
            </w:r>
            <w:r>
              <w:lastRenderedPageBreak/>
              <w:t>5]|4[04]|5[05]|66|7[5-9]|8[08]|99)\\d{6}",,,,"25123456"],[,,,,,,,,,[-1]],[,,,,,,,,,[-1]],[,,,,,,,,,[-1]],[,,,,,,,,,[-1]],[,,,,,,,,,[-1]],"SL",232,"00","0",,,"0",,,,[[,"(\\d{2})(\\d{6})","$1 $2",["[2-9]"],</w:t>
            </w:r>
          </w:p>
          <w:p w:rsidR="00156FB3" w:rsidRDefault="00156FB3" w:rsidP="00156FB3">
            <w:r>
              <w:t>"(0$1)"]],,[,,,,,,,,,[-1]],,,[,,,,,,,,,[-1]],[,,,,,,,,,[-1]],,,[,,,,,,,,,[-1]]],SM:[,[,,"(?:0549|[5-7]\\d)\\d{6}",,,,,,,[8,10],[6]],[,,"0549(?:8[0157-9]|9\\d)\\d{4}",,,,"0549886377",,,[10],[6]],[,,"6[16]\\d{6}",,,,"66661212",,,[8]],[,,,,,,,,,[-1]],[,,"7[178]\\d{6}",,,,"71123456",,,[8]],[,,,,,,,,,[-1]],[,,,,,,,,,[-1]],[,,"5[158]\\d{6}",,,,"58001110",,,[8]],"SM",378,"00",,,,"([89]\\d{5})$","0549$1",,,[[,"(\\d{6})","$1",["[89]"]],[,"(\\d{2})(\\d{2})(\\d{2})(\\d{2})","$1 $2 $3 $4",["[5-7]"]],[,"(\\d{4})(\\d{6})",</w:t>
            </w:r>
          </w:p>
          <w:p w:rsidR="00156FB3" w:rsidRDefault="00156FB3" w:rsidP="00156FB3">
            <w:r>
              <w:t>"$1 $2",["0"]]],[[,"(\\d{2})(\\d{2})(\\d{2})(\\d{2})","$1 $2 $3 $4",["[5-7]"]],[,"(\\d{4})(\\d{6})","$1 $2",["0"]]],[,,,,,,,,,[-1]],,,[,,,,,,,,,[-1]],[,,,,,,,,,[-1]],,,[,,,,,,,,,[-1]]],SN:[,[,,"(?:[378]\\d{4}|93330)\\d{4}",,,,,,,[9]],[,,"3(?:0(?:1[0-2]|80)|282|3(?:8[1-9]|9[3-9])|611)\\d{5}",,,,"301012345"],[,,"7(?:[06-8]\\d|21|90)\\d{6}",,,,"701234567"],[,,"800\\d{6}",,,,"800123456"],[,,"88[4689]\\d{6}",,,,"884123456"],[,,"81[02468]\\d{6}",,,,"810123456"],[,,,,,,,,,[-1]],[,,"93330\\d{4}|3(?:392|9[01]\\d)\\d{5}",</w:t>
            </w:r>
          </w:p>
          <w:p w:rsidR="00156FB3" w:rsidRDefault="00156FB3" w:rsidP="00156FB3">
            <w:r>
              <w:t>,,,"933301234"],"SN",221,"00",,,,,,,,[[,"(\\d{3})(\\d{2})(\\d{2})(\\d{2})","$1 $2 $3 $4",["8"]],[,"(\\d{2})(\\d{3})(\\d{2})(\\d{2})","$1 $2 $3 $4",["[379]"]]],,[,,,,,,,,,[-1]],,,[,,,,,,,,,[-1]],[,,,,,,,,,[-1]],,,[,,,,,,,,,[-1]]],SO:[,[,,"[346-9]\\d{8}|[12679]\\d{7}|(?:[1-4]\\d|59)\\d{5}|[1348]\\d{5}",,,,,,,[6,7,8,9]],[,,"(?:1\\d|2[0-79]|3[0-46-8]|4[0-7]|59)\\d{5}|(?:[134]\\d|8[125])\\d{4}",,,,"4012345",,,[6,7]],[,,"28\\d{5}|(?:6[1-9]|79)\\d{6,7}|(?:15|24|(?:3[59]|4[89]|8[08])\\d|60|7[1-8]|9(?:0[67]|[2-9]))\\d{6}",</w:t>
            </w:r>
          </w:p>
          <w:p w:rsidR="00156FB3" w:rsidRDefault="00156FB3" w:rsidP="00156FB3">
            <w:r>
              <w:t>,,,"71123456",,,[7,8,9]],[,,,,,,,,,[-1]],[,,,,,,,,,[-1]],[,,,,,,,,,[-1]],[,,,,,,,,,[-1]],[,,,,,,,,,[-1]],"SO",252,"00","0",,,"0",,,,[[,"(\\d{2})(\\d{4})","$1 $2",["8[125]"]],[,"(\\d{6})","$1",["[134]"]],[,"(\\d)(\\d{6})","$1 $2",["1|2[0-79]|3[0-46-8]|4[0-7]|59"]],[,"(\\d)(\\d{7})","$1 $2",["24|[67]"]],[,"(\\d{3})(\\d{3})(\\d{3})","$1 $2 $3",["[348]|64|79[0-8]|90"]],[,"(\\d{2})(\\d{5,7})","$1 $2",["1|28|6[1-35-9]|799|9[2-9]"]]],,[,,,,,,,,,[-1]],,,[,,,,,,,,,[-1]],[,,,,,,,,,[-1]],,,[,,,,,,,,,[-1]]],</w:t>
            </w:r>
          </w:p>
          <w:p w:rsidR="00156FB3" w:rsidRDefault="00156FB3" w:rsidP="00156FB3">
            <w:r>
              <w:t>SR:[,[,,"(?:[2-5]|68|[78]\\d)\\d{5}",,,,,,,[6,7]],[,,"(?:2[1-3]|3[0-7]|(?:4|68)\\d|5[2-58])\\d{4}",,,,"211234"],[,,"(?:7[124-7]|8[125-9])\\d{5}",,,,"7412345",,,[7]],[,,,,,,,,,[-1]],[,,,,,,,,,[-1]],[,,,,,,,,,[-1]],[,,,,,,,,,[-1]],[,,"56\\d{4}",,,,"561234",,,[6]],"SR",597,"00",,,,,,,,[[,"(\\d{2})(\\d{2})(\\d{2})","$1-$2-$3",["56"]],[,"(\\d{3})(\\d{3})","$1-$2",["[2-5]"]],[,"(\\d{3})(\\d{4})","$1-$2",["[6-8]"]]],,[,,,,,,,,,[-1]],,,[,,,,,,,,,[-1]],[,,,,,,,,,[-1]],,,[,,,,,,,,,[-1]]],SS:[,[,,"[19]\\d{8}",</w:t>
            </w:r>
          </w:p>
          <w:p w:rsidR="00156FB3" w:rsidRDefault="00156FB3" w:rsidP="00156FB3">
            <w:r>
              <w:t>,,,,,,[9]],[,,"18\\d{7}",,,,"181234567"],[,,"(?:12|9[1257])\\d{7}",,,,"977123456"],[,,,,,,,,,[-1]],[,,,,,,,,,[-1]],[,,,,,,,,,[-1]],[,,,,,,,,,[-1]],[,,,,,,,,,[-1]],"SS",211,"00","0",,,"0",,,,[[,"(\\d{3})(\\d{3})(\\d{3})","$1 $2 $3",["[19]"],"0$1"]],,[,,,,,,,,,[-1]],,,[,,,,,,,,,[-1]],[,,,,,,,,,[-1]],,,[,,,,,,,,,[-1]]],ST:[,[,,"(?:22|9\\d)\\d{5}",,,,,,,[7]],[,,"22\\d{5}",,,,"2221234"],[,,"900[5-9]\\d{3}|9(?:0[1-9]|[89]\\d)\\d{4}",,,,"9812345"],[,,,,,,,,,[-1]],[,,,,,,,,,[-1]],[,,,,,,,,,[-1]],[,,,,,,,</w:t>
            </w:r>
          </w:p>
          <w:p w:rsidR="00156FB3" w:rsidRDefault="00156FB3" w:rsidP="00156FB3">
            <w:r>
              <w:t>,,[-1]],[,,,,,,,,,[-1]],"ST",239,"00",,,,,,,,[[,"(\\d{3})(\\d{4})","$1 $2",["[29]"]]],,[,,,,,,,,,[-1]],,,[,,,,,,,,,[-1]],[,,,,,,,,,[-1]],,,[,,,,,,,,,[-1]]],SV:[,[,,"[267]\\d{7}|[89]00\\d{4}(?:\\d{4})?",,,,,,,[7,8,11]],[,,"2[1-6]\\d{6}",,,,"21234567",,,[8]],[,,"[67]\\d{7}",,,,"70123456",,,[8]],[,,"800\\d{4}(?:\\d{4})?",,,,"8001234",,,[7,11]],[,,"900\\d{4}(?:\\d{4})?",,,,"9001234",,,[7,11]],[,,,,,,,,,[-1]],[,,,,,,,,,[-1]],[,,,,,,,,,[-1]],"SV",503,"00",,,,,,,,[[,"(\\d{3})(\\d{4})","$1 $2",["[89]"]],</w:t>
            </w:r>
          </w:p>
          <w:p w:rsidR="00156FB3" w:rsidRDefault="00156FB3" w:rsidP="00156FB3">
            <w:r>
              <w:t>[,"(\\d{4})(\\d{4})","$1 $2",["[267]"]],[,"(\\d{3})(\\d{4})(\\d{4})","$1 $2 $3",["[89]"]]],,[,,,,,,,,,[-1]],,,[,,,,,,,,,[-1]],[,,,,,,,,,[-1]],,,[,,,,,,,,,[-1]]],SX:[,[,,"7215\\d{6}|(?:[58]\\d\\d|900)\\d{7}",,,,,,,[10],[7]],[,,"7215(?:4[2-8]|8[239]|9[056])\\d{4}",,,,"7215425678",,,,[7]],[,,"7215(?:1[02]|2\\d|5[034679]|8[014-8])\\d{4}",,,,"7215205678",,,,[7]],[,,"8(?:00|33|44|55|66|77|88)[2-9]\\d{6}",,,,"8002123456"],[,,"900[2-9]\\d{6}",,,,"9002123456"],[,,,,,,,,,[-1]],[,,"5(?:00|2[12]|33|44|66|77|88)[2-9]\\d{6}",</w:t>
            </w:r>
          </w:p>
          <w:p w:rsidR="00156FB3" w:rsidRDefault="00156FB3" w:rsidP="00156FB3">
            <w:r>
              <w:lastRenderedPageBreak/>
              <w:t>,,,"5002345678"],[,,,,,,,,,[-1]],"SX",1,"011","1",,,"1|(5\\d{6})$","721$1",,,,,[,,,,,,,,,[-1]],,"721",[,,,,,,,,,[-1]],[,,,,,,,,,[-1]],,,[,,,,,,,,,[-1]]],SY:[,[,,"[1-39]\\d{8}|[1-5]\\d{7}",,,,,,,[8,9],[6,7]],[,,"[12]1\\d{6,7}|(?:1(?:[2356]|4\\d)|2[235]|3(?:[13]\\d|4)|4[13]|5[1-3])\\d{6}",,,,"112345678",,,,[6,7]],[,,"9(?:22|[3-589]\\d|6[024-9])\\d{6}",,,,"944567890",,,[9]],[,,,,,,,,,[-1]],[,,,,,,,,,[-1]],[,,,,,,,,,[-1]],[,,,,,,,,,[-1]],[,,,,,,,,,[-1]],"SY",963,"00","0",,,"0",,,,[[,"(\\d{2})(\\d{3})(\\d{3,4})",</w:t>
            </w:r>
          </w:p>
          <w:p w:rsidR="00156FB3" w:rsidRDefault="00156FB3" w:rsidP="00156FB3">
            <w:r>
              <w:t>"$1 $2 $3",["[1-5]"],"0$1",,1],[,"(\\d{3})(\\d{3})(\\d{3})","$1 $2 $3",["9"],"0$1",,1]],,[,,,,,,,,,[-1]],,,[,,,,,,,,,[-1]],[,,,,,,,,,[-1]],,,[,,,,,,,,,[-1]]],SZ:[,[,,"0800\\d{4}|(?:[237]\\d|900)\\d{6}",,,,,,,[8,9]],[,,"[23][2-5]\\d{6}",,,,"22171234",,,[8]],[,,"7[6-9]\\d{6}",,,,"76123456",,,[8]],[,,"0800\\d{4}",,,,"08001234",,,[8]],[,,"900\\d{6}",,,,"900012345",,,[9]],[,,,,,,,,,[-1]],[,,,,,,,,,[-1]],[,,"70\\d{6}",,,,"70012345",,,[8]],"SZ",268,"00",,,,,,,,[[,"(\\d{4})(\\d{4})","$1 $2",["[0237]"]],[,</w:t>
            </w:r>
          </w:p>
          <w:p w:rsidR="00156FB3" w:rsidRDefault="00156FB3" w:rsidP="00156FB3">
            <w:r>
              <w:t>"(\\d{5})(\\d{4})","$1 $2",["9"]]],,[,,,,,,,,,[-1]],,,[,,"0800\\d{4}",,,,,,,[8]],[,,,,,,,,,[-1]],,,[,,,,,,,,,[-1]]],TA:[,[,,"8\\d{3}",,,,,,,[4]],[,,"8\\d{3}",,,,"8999"],[,,,,,,,,,[-1]],[,,,,,,,,,[-1]],[,,,,,,,,,[-1]],[,,,,,,,,,[-1]],[,,,,,,,,,[-1]],[,,,,,,,,,[-1]],"TA",290,"00",,,,,,,,,,[,,,,,,,,,[-1]],,"8",[,,,,,,,,,[-1]],[,,,,,,,,,[-1]],,,[,,,,,,,,,[-1]]],TC:[,[,,"(?:[58]\\d\\d|649|900)\\d{7}",,,,,,,[10],[7]],[,,"649(?:712|9(?:4\\d|50))\\d{4}",,,,"6497121234",,,,[7]],[,,"649(?:2(?:3[129]|4[1-7])|3(?:3[1-389]|4[1-8])|4[34][1-3])\\d{4}",</w:t>
            </w:r>
          </w:p>
          <w:p w:rsidR="00156FB3" w:rsidRDefault="00156FB3" w:rsidP="00156FB3">
            <w:r>
              <w:t>,,,"6492311234",,,,[7]],[,,"8(?:00|33|44|55|66|77|88)[2-9]\\d{6}",,,,"8002345678"],[,,"900[2-9]\\d{6}",,,,"9002345678"],[,,,,,,,,,[-1]],[,,"5(?:00|2[12]|33|44|66|77|88)[2-9]\\d{6}",,,,"5002345678"],[,,"64971[01]\\d{4}",,,,"6497101234",,,,[7]],"TC",1,"011","1",,,"1|([2-479]\\d{6})$","649$1",,,,,[,,,,,,,,,[-1]],,"649",[,,,,,,,,,[-1]],[,,,,,,,,,[-1]],,,[,,,,,,,,,[-1]]],TD:[,[,,"(?:22|[69]\\d|77)\\d{6}",,,,,,,[8]],[,,"22(?:[37-9]0|5[0-5]|6[89])\\d{4}",,,,"22501234"],[,,"(?:6[023568]|77|9\\d)\\d{6}",,</w:t>
            </w:r>
          </w:p>
          <w:p w:rsidR="00156FB3" w:rsidRDefault="00156FB3" w:rsidP="00156FB3">
            <w:r>
              <w:t>,,"63012345"],[,,,,,,,,,[-1]],[,,,,,,,,,[-1]],[,,,,,,,,,[-1]],[,,,,,,,,,[-1]],[,,,,,,,,,[-1]],"TD",235,"00|16",,,,,,"00",,[[,"(\\d{2})(\\d{2})(\\d{2})(\\d{2})","$1 $2 $3 $4",["[2679]"]]],,[,,,,,,,,,[-1]],,,[,,,,,,,,,[-1]],[,,,,,,,,,[-1]],,,[,,,,,,,,,[-1]]],TG:[,[,,"[279]\\d{7}",,,,,,,[8]],[,,"2(?:2[2-7]|3[23]|4[45]|55|6[67]|77)\\d{5}",,,,"22212345"],[,,"(?:7[09]|9[0-36-9])\\d{6}",,,,"90112345"],[,,,,,,,,,[-1]],[,,,,,,,,,[-1]],[,,,,,,,,,[-1]],[,,,,,,,,,[-1]],[,,,,,,,,,[-1]],"TG",228,"00",,,,,,,,[[,</w:t>
            </w:r>
          </w:p>
          <w:p w:rsidR="00156FB3" w:rsidRDefault="00156FB3" w:rsidP="00156FB3">
            <w:r>
              <w:t>"(\\d{2})(\\d{2})(\\d{2})(\\d{2})","$1 $2 $3 $4",["[279]"]]],,[,,,,,,,,,[-1]],,,[,,,,,,,,,[-1]],[,,,,,,,,,[-1]],,,[,,,,,,,,,[-1]]],TH:[,[,,"1\\d{8,9}|(?:[2-57]|[689]\\d)\\d{7}",,,,,,,[8,9,10]],[,,"(?:2\\d|3[2-9]|4[2-5]|5[2-6]|7[3-7])\\d{6}",,,,"21234567",,,[8]],[,,"(?:14|6[1-6]|[89]\\d)\\d{7}",,,,"812345678",,,[9]],[,,"1800\\d{6}",,,,"1800123456",,,[10]],[,,"1900\\d{6}",,,,"1900123456",,,[10]],[,,,,,,,,,[-1]],[,,,,,,,,,[-1]],[,,"6[08]\\d{7}",,,,"601234567",,,[9]],"TH",66,"00[1-9]","0",,,"0",,,,[[,</w:t>
            </w:r>
          </w:p>
          <w:p w:rsidR="00156FB3" w:rsidRDefault="00156FB3" w:rsidP="00156FB3">
            <w:r>
              <w:t>"(\\d)(\\d{3})(\\d{4})","$1 $2 $3",["2"],"0$1"],[,"(\\d{2})(\\d{3})(\\d{3,4})","$1 $2 $3",["14|[3-9]"],"0$1"],[,"(\\d{4})(\\d{3})(\\d{3})","$1 $2 $3",["1"]]],,[,,,,,,,,,[-1]],,,[,,,,,,,,,[-1]],[,,,,,,,,,[-1]],,,[,,,,,,,,,[-1]]],TJ:[,[,,"(?:[3-59]\\d|77|88)\\d{7}",,,,,,,[9],[3,5,6,7]],[,,"(?:3(?:1[3-5]|2[245]|3[12]|4[24-7]|5[25]|72)|4(?:46|74|87))\\d{6}",,,,"372123456",,,,[3,5,6,7]],[,,"41[18]\\d{6}|(?:5[05]|77|88|9[0-35-9])\\d{7}",,,,"917123456"],[,,,,,,,,,[-1]],[,,,,,,,,,[-1]],[,,,,,,,,,[-1]],[,</w:t>
            </w:r>
          </w:p>
          <w:p w:rsidR="00156FB3" w:rsidRDefault="00156FB3" w:rsidP="00156FB3">
            <w:r>
              <w:t>,,,,,,,,[-1]],[,,,,,,,,,[-1]],"TJ",992,"810","8",,,"8",,"8~10",,[[,"(\\d{6})(\\d)(\\d{2})","$1 $2 $3",["331","3317"],,,1],[,"(\\d{3})(\\d{2})(\\d{4})","$1 $2 $3",["[34]7|91[78]"],,,1],[,"(\\d{4})(\\d)(\\d{4})","$1 $2 $3",["3"],,,1],[,"(\\d{2})(\\d{3})(\\d{4})","$1 $2 $3",["[457-9]"],,,1]],,[,,,,,,,,,[-1]],,,[,,,,,,,,,[-1]],[,,,,,,,,,[-1]],,,[,,,,,,,,,[-1]]],TK:[,[,,"[2-47]\\d{3,6}",,,,,,,[4,5,6,7]],[,,"(?:2[2-4]|[34]\\d)\\d{2,5}",,,,"3101"],[,,"7[2-4]\\d{2,5}",,,,"7290"],[,,,,,,,,,[-1]],[,,,,,,,,</w:t>
            </w:r>
          </w:p>
          <w:p w:rsidR="00156FB3" w:rsidRDefault="00156FB3" w:rsidP="00156FB3">
            <w:r>
              <w:t>,[-1]],[,,,,,,,,,[-1]],[,,,,,,,,,[-1]],[,,,,,,,,,[-1]],"TK",690,"00",,,,,,,,,,[,,,,,,,,,[-1]],,,[,,,,,,,,,[-1]],[,,,,,,,,,[-1]],,,[,,,,,,,,,[-1]]],TL:[,[,,"7\\d{7}|(?:[2-47]\\d|[89]0)\\d{5}",,,,,,,[7,8]],[,,"(?:2[1-5]|3[1-9]|4[1-4])\\d{5}",,,,"2112345",,,[7]],[,,"7[3-8]\\d{6}",,,,"77212345",,,[8]],[,,"80\\d{5}",,,,"8012345",,,[7]],[,,"90\\d{5}",,,,"9012345",,,[7]],[,,,,,,,,,[-1]],[,,"70\\d{5}",,,,"7012345",,,[7]],[,,,,,,,,,[-1]],"TL",670,"00",,,,,,,,[[,"(\\d{3})(\\d{4})","$1 $2",["[2-</w:t>
            </w:r>
            <w:r>
              <w:lastRenderedPageBreak/>
              <w:t>489]|70"]],[,</w:t>
            </w:r>
          </w:p>
          <w:p w:rsidR="00156FB3" w:rsidRDefault="00156FB3" w:rsidP="00156FB3">
            <w:r>
              <w:t>"(\\d{4})(\\d{4})","$1 $2",["7"]]],,[,,,,,,,,,[-1]],,,[,,,,,,,,,[-1]],[,,,,,,,,,[-1]],,,[,,,,,,,,,[-1]]],TM:[,[,,"[1-6]\\d{7}",,,,,,,[8]],[,,"(?:1(?:2\\d|3[1-9])|2(?:22|4[0-35-8])|3(?:22|4[03-9])|4(?:22|3[128]|4\\d|6[15])|5(?:22|5[7-9]|6[014-689]))\\d{5}",,,,"12345678"],[,,"6[1-9]\\d{6}",,,,"66123456"],[,,,,,,,,,[-1]],[,,,,,,,,,[-1]],[,,,,,,,,,[-1]],[,,,,,,,,,[-1]],[,,,,,,,,,[-1]],"TM",993,"810","8",,,"8",,"8~10",,[[,"(\\d{2})(\\d{2})(\\d{2})(\\d{2})","$1 $2-$3-$4",["12"],"(8 $1)"],[,"(\\d{3})(\\d)(\\d{2})(\\d{2})",</w:t>
            </w:r>
          </w:p>
          <w:p w:rsidR="00156FB3" w:rsidRDefault="00156FB3" w:rsidP="00156FB3">
            <w:r>
              <w:t>"$1 $2-$3-$4",["[1-5]"],"(8 $1)"],[,"(\\d{2})(\\d{6})","$1 $2",["6"],"8 $1"]],,[,,,,,,,,,[-1]],,,[,,,,,,,,,[-1]],[,,,,,,,,,[-1]],,,[,,,,,,,,,[-1]]],TN:[,[,,"[2-57-9]\\d{7}",,,,,,,[8]],[,,"81200\\d{3}|(?:3[0-2]|7\\d)\\d{6}",,,,"30010123"],[,,"3(?:001|[12]40)\\d{4}|(?:(?:[259]\\d|4[0-6])\\d|3(?:1[1-35]|6[0-4]|91))\\d{5}",,,,"20123456"],[,,"8010\\d{4}",,,,"80101234"],[,,"88\\d{6}",,,,"88123456"],[,,"8[12]10\\d{4}",,,,"81101234"],[,,,,,,,,,[-1]],[,,,,,,,,,[-1]],"TN",216,"00",,,,,,,,[[,"(\\d{2})(\\d{3})(\\d{3})",</w:t>
            </w:r>
          </w:p>
          <w:p w:rsidR="00156FB3" w:rsidRDefault="00156FB3" w:rsidP="00156FB3">
            <w:r>
              <w:t>"$1 $2 $3",["[2-57-9]"]]],,[,,,,,,,,,[-1]],,,[,,,,,,,,,[-1]],[,,,,,,,,,[-1]],,,[,,,,,,,,,[-1]]],TO:[,[,,"[78]\\d{6}|[2-478]\\d{4}|(?:080|[56])0\\d{3}",,,,,,,[5,7]],[,,"(?:2\\d|3[1-8]|4[1-4]|[56]0|7[0149]|8[05])\\d{3}",,,,"20123",,,[5]],[,,"(?:7[578]|8[46-9])\\d{5}",,,,"7715123",,,[7]],[,,"0800\\d{3}",,,,"0800222",,,[7]],[,,,,,,,,,[-1]],[,,,,,,,,,[-1]],[,,,,,,,,,[-1]],[,,,,,,,,,[-1]],"TO",676,"00",,,,,,,,[[,"(\\d{2})(\\d{3})","$1-$2",["[2-6]|7[014]|8[05]"]],[,"(\\d{4})(\\d{3})","$1 $2",["0"]],[,"(\\d{3})(\\d{4})",</w:t>
            </w:r>
          </w:p>
          <w:p w:rsidR="00156FB3" w:rsidRDefault="00156FB3" w:rsidP="00156FB3">
            <w:r>
              <w:t>"$1 $2",["7[578]|8"]]],,[,,,,,,,,,[-1]],,,[,,,,,,,,,[-1]],[,,,,,,,,,[-1]],,,[,,,,,,,,,[-1]]],TR:[,[,,"(?:[2-58]\\d\\d|900)\\d{7}|4\\d{6}",,,,,,,[7,10]],[,,"(?:2(?:[13][26]|[28][2468]|[45][268]|[67][246])|3(?:[13][28]|[24-6][2468]|[78][02468]|92)|4(?:[16][246]|[23578][2468]|4[26]))\\d{7}",,,,"2123456789",,,[10]],[,,"56161\\d{5}|5(?:0[15-7]|1[06]|24|[34]\\d|5[1-59]|9[46])\\d{7}",,,,"5012345678",,,[10]],[,,"800\\d{7}",,,,"8001234567",,,[10]],[,,"(?:8[89]8|900)\\d{7}",,,,"9001234567",,,[10]],[,,,,,,,</w:t>
            </w:r>
          </w:p>
          <w:p w:rsidR="00156FB3" w:rsidRDefault="00156FB3" w:rsidP="00156FB3">
            <w:r>
              <w:t>,,[-1]],[,,"592(?:21[12]|461)\\d{4}",,,,"5922121234",,,[10]],[,,,,,,,,,[-1]],"TR",90,"00","0",,,"0",,,,[[,"(\\d{3})(\\d)(\\d{3})","$1 $2 $3",["444"],,,1],[,"(\\d{3})(\\d{3})(\\d{4})","$1 $2 $3",["512|8[0589]|90"],"0$1",,1],[,"(\\d{3})(\\d{3})(\\d{2})(\\d{2})","$1 $2 $3 $4",["5(?:[0-59]|61)","5(?:[0-59]|616)","5(?:[0-59]|6161)"],"0$1",,1],[,"(\\d{3})(\\d{3})(\\d{2})(\\d{2})","$1 $2 $3 $4",["[24][1-8]|3[1-9]"],"(0$1)",,1]],[[,"(\\d{3})(\\d{3})(\\d{4})","$1 $2 $3",["512|8[0589]|90"],"0$1",,1],[,"(\\d{3})(\\d{3})(\\d{2})(\\d{2})",</w:t>
            </w:r>
          </w:p>
          <w:p w:rsidR="00156FB3" w:rsidRDefault="00156FB3" w:rsidP="00156FB3">
            <w:r>
              <w:t>"$1 $2 $3 $4",["5(?:[0-59]|61)","5(?:[0-59]|616)","5(?:[0-59]|6161)"],"0$1",,1],[,"(\\d{3})(\\d{3})(\\d{2})(\\d{2})","$1 $2 $3 $4",["[24][1-8]|3[1-9]"],"(0$1)",,1]],[,,"512\\d{7}",,,,"5123456789",,,[10]],,,[,,"444\\d{4}",,,,,,,[7]],[,,"(?:444|850\\d{3})\\d{4}",,,,"4441444"],,,[,,,,,,,,,[-1]]],TT:[,[,,"(?:[58]\\d\\d|900)\\d{7}",,,,,,,[10],[7]],[,,"868(?:2(?:01|1[89]|[23]\\d)|6(?:0[7-9]|1[02-8]|2[1-9]|[3-69]\\d|7[0-79])|82[124])\\d{4}",,,,"8682211234",,,,[7]],[,,"868(?:2(?:6[6-9]|[7-9]\\d)|[37](?:0[1-9]|1[02-9]|[2-9]\\d)|4[6-9]\\d|6(?:20|78|8\\d))\\d{4}",</w:t>
            </w:r>
          </w:p>
          <w:p w:rsidR="00156FB3" w:rsidRDefault="00156FB3" w:rsidP="00156FB3">
            <w:r>
              <w:t>,,,"8682911234",,,,[7]],[,,"8(?:00|33|44|55|66|77|88)[2-9]\\d{6}",,,,"8002345678"],[,,"900[2-9]\\d{6}",,,,"9002345678"],[,,,,,,,,,[-1]],[,,"5(?:00|2[12]|33|44|66|77|88)[2-9]\\d{6}",,,,"5002345678"],[,,,,,,,,,[-1]],"TT",1,"011","1",,,"1|([2-46-8]\\d{6})$","868$1",,,,,[,,,,,,,,,[-1]],,"868",[,,,,,,,,,[-1]],[,,,,,,,,,[-1]],,,[,,"868619\\d{4}",,,,"8686191234",,,,[7]]],TV:[,[,,"(?:2|7\\d\\d|90)\\d{4}",,,,,,,[5,6,7]],[,,"2[02-9]\\d{3}",,,,"20123",,,[5]],[,,"(?:7[01]\\d|90)\\d{4}",,,,"901234",,,[6,7]],[,</w:t>
            </w:r>
          </w:p>
          <w:p w:rsidR="00156FB3" w:rsidRDefault="00156FB3" w:rsidP="00156FB3">
            <w:r>
              <w:t>,,,,,,,,[-1]],[,,,,,,,,,[-1]],[,,,,,,,,,[-1]],[,,,,,,,,,[-1]],[,,,,,,,,,[-1]],"TV",688,"00",,,,,,,,,,[,,,,,,,,,[-1]],,,[,,,,,,,,,[-1]],[,,,,,,,,,[-1]],,,[,,,,,,,,,[-1]]],TW:[,[,,"(?:[24589]|7\\d)\\d{8}|[2-8]\\d{7}|2\\d{6}",,,,,,,[7,8,9,10]],[,,"24\\d{6,7}|82(?:3\\d|66)\\d{4}|(?:2[235-8]\\d|3[2-9]|4(?:[239]\\d|[78])|5[2-8]|6[235-79]|7[1-9]|8[7-9])\\d{6}",,,,"221234567",,,[8,9]],[,,"9[0-</w:t>
            </w:r>
            <w:r>
              <w:lastRenderedPageBreak/>
              <w:t>8]\\d{7}",,,,"912345678",,,[9]],[,,"80[0-79]\\d{6}",,,,"800123456",,,[9]],[,,"20(?:[013-9]\\d\\d|2)\\d{4}",,,,"203123456",</w:t>
            </w:r>
          </w:p>
          <w:p w:rsidR="00156FB3" w:rsidRDefault="00156FB3" w:rsidP="00156FB3">
            <w:r>
              <w:t>,,[7,9]],[,,,,,,,,,[-1]],[,,"99\\d{7}",,,,"990123456",,,[9]],[,,"70\\d{8}",,,,"7012345678",,,[10]],"TW",886,"0(?:0[25-79]|19)","0","#",,"0",,,,[[,"(\\d{2})(\\d)(\\d{4})","$1 $2 $3",["202"],"0$1"],[,"(\\d)(\\d{3,4})(\\d{4})","$1 $2 $3",["[25][2-8]|[346]|7[1-9]|8[27-9]"],"0$1"],[,"(\\d{2})(\\d{3})(\\d{4})","$1 $2 $3",["[258]"],"0$1"],[,"(\\d{3})(\\d{3})(\\d{3})","$1 $2 $3",["9"],"0$1"],[,"(\\d{2})(\\d{4})(\\d{4})","$1 $2 $3",["7"],"0$1"]],,[,,,,,,,,,[-1]],,,[,,,,,,,,,[-1]],[,,"50[0-46-9]\\d{6}",,,,</w:t>
            </w:r>
          </w:p>
          <w:p w:rsidR="00156FB3" w:rsidRDefault="00156FB3" w:rsidP="00156FB3">
            <w:r>
              <w:t>"500123456",,,[9]],,,[,,,,,,,,,[-1]]],TZ:[,[,,"(?:[26-8]\\d|41|90)\\d{7}",,,,,,,[9]],[,,"2[2-8]\\d{7}",,,,"222345678"],[,,"(?:6[2-9]|7[13-9])\\d{7}",,,,"621234567"],[,,"80[08]\\d{6}",,,,"800123456"],[,,"90\\d{7}",,,,"900123456"],[,,"8(?:40|6[01])\\d{6}",,,,"840123456"],[,,,,,,,,,[-1]],[,,"41\\d{7}",,,,"412345678"],"TZ",255,"00[056]","0",,,"0",,,,[[,"(\\d{3})(\\d{2})(\\d{4})","$1 $2 $3",["[89]"],"0$1"],[,"(\\d{2})(\\d{3})(\\d{4})","$1 $2 $3",["[24]"],"0$1"],[,"(\\d{3})(\\d{3})(\\d{3})","$1 $2 $3",</w:t>
            </w:r>
          </w:p>
          <w:p w:rsidR="00156FB3" w:rsidRDefault="00156FB3" w:rsidP="00156FB3">
            <w:r>
              <w:t>["[67]"],"0$1"]],,[,,,,,,,,,[-1]],,,[,,"(?:8(?:[04]0|6[01])|90\\d)\\d{6}"],[,,,,,,,,,[-1]],,,[,,,,,,,,,[-1]]],UA:[,[,,"[3-9]\\d{8}",,,,,,,[9],[5,6,7]],[,,"(?:3[1-8]|4[13-8]|5[1-7]|6[12459])\\d{7}",,,,"311234567",,,,[5,6,7]],[,,"(?:39|50|6[36-8]|7[1-3]|9[1-9])\\d{7}",,,,"391234567"],[,,"800\\d{6}",,,,"800123456"],[,,"900[2-49]\\d{5}",,,,"900212345"],[,,,,,,,,,[-1]],[,,,,,,,,,[-1]],[,,"89[1-579]\\d{6}",,,,"891234567"],"UA",380,"00","0",,,"0",,"0~0",,[[,"(\\d{3})(\\d{3})(\\d{3})","$1 $2 $3",["6[12][29]|[89]0|(?:3[1-8]|4[136-8]|5[12457]|6[49])2|(?:56|65)[24]",</w:t>
            </w:r>
          </w:p>
          <w:p w:rsidR="00156FB3" w:rsidRDefault="00156FB3" w:rsidP="00156FB3">
            <w:r>
              <w:t>"6[12][29]|[89]0|(?:35|4[1378]|5[12457]|6[49])2|(?:56|65)[24]|(?:3[1-46-8]|46)2[013-9]"],"0$1"],[,"(\\d{4})(\\d{5})","$1 $2",["3[1-8]|4(?:[1367]|[45][6-9]|8[4-6])|5(?:[1-5]|6[0135689]|7[4-6])|6(?:[12][3-7]|[459])","3[1-8]|4(?:[1367]|[45][6-9]|8[4-6])|5(?:[1-5]|6(?:[015689]|3[02389])|7[4-6])|6(?:[12][3-7]|[459])"],"0$1"],[,"(\\d{2})(\\d{3})(\\d{4})","$1 $2 $3",["[3-9]"],"0$1"]],,[,,,,,,,,,[-1]],,,[,,,,,,,,,[-1]],[,,,,,,,,,[-1]],,,[,,,,,,,,,[-1]]],UG:[,[,,"800\\d{6}|(?:[29]0|[347]\\d)\\d{7}",,,,,,,</w:t>
            </w:r>
          </w:p>
          <w:p w:rsidR="00156FB3" w:rsidRDefault="00156FB3" w:rsidP="00156FB3">
            <w:r>
              <w:t>[9],[5,6,7]],[,,"20(?:(?:240|30[0-4])\\d|6(?:00[0-2]|30[0-4]))\\d{3}|(?:20(?:[0147]\\d|[26][5-9]|3[2367]|5[0-4]|8[0-2])|[34]\\d{3})\\d{5}",,,,"312345678",,,,[5,6,7]],[,,"7260\\d{5}|7(?:[0157-9]\\d|2[03]|30|4[0-4])\\d{6}",,,,"712345678"],[,,"800[1-3]\\d{5}",,,,"800123456"],[,,"90[1-3]\\d{6}",,,,"901123456"],[,,,,,,,,,[-1]],[,,,,,,,,,[-1]],[,,,,,,,,,[-1]],"UG",256,"00[057]","0",,,"0",,,,[[,"(\\d{4})(\\d{5})","$1 $2",["202","2024"],"0$1"],[,"(\\d{3})(\\d{6})","$1 $2",["[27-9]|4(?:6[45]|[7-9])"],"0$1"],</w:t>
            </w:r>
          </w:p>
          <w:p w:rsidR="00156FB3" w:rsidRDefault="00156FB3" w:rsidP="00156FB3">
            <w:r>
              <w:t>[,"(\\d{2})(\\d{7})","$1 $2",["[34]"],"0$1"]],,[,,,,,,,,,[-1]],,,[,,,,,,,,,[-1]],[,,,,,,,,,[-1]],,,[,,,,,,,,,[-1]]],US:[,[,,"[2-9]\\d{9}",,,,,,,[10],[7]],[,,"(?:2(?:0[1-35-9]|1[02-9]|2[03-589]|3[149]|4[08]|5[1-46]|6[0279]|7[0269]|8[13])|3(?:0[1-57-9]|1[02-9]|2[0135]|3[0-24679]|4[67]|5[12]|6[014]|8[056])|4(?:0[124-9]|1[02-579]|2[3-5]|3[0245]|4[0235]|58|6[39]|7[0589]|8[04])|5(?:0[1-57-9]|1[0235-8]|20|3[0149]|4[01]|5[19]|6[1-47]|7[013-5]|8[056])|6(?:0[1-35-9]|1[024-9]|2[03689]|[34][016]|5[017]|6[0-279]|78|8[0-2])|7(?:0[1-46-8]|1[2-9]|2[04-7]|3[1247]|4[037]|5[47]|6[02359]|7[02-59]|8[156])|8(?:0[1-68]|1[02-8]|2[08]|3[0-28]|4[3578]|5[046-9]|6[02-5]|7[028])|9(?:0[1346-9]|1[02-9]|2[0589]|3[0146-8]|4[0179]|5[12469]|7[0-389]|8[04-69]))[2-9]\\d{6}",</w:t>
            </w:r>
          </w:p>
          <w:p w:rsidR="00156FB3" w:rsidRDefault="00156FB3" w:rsidP="00156FB3">
            <w:r>
              <w:t>,,,"2015550123",,,,[7]],[,,"(?:2(?:0[1-35-9]|1[02-9]|2[03-589]|3[149]|4[08]|5[1-46]|6[0279]|7[0269]|8[13])|3(?:0[1-57-9]|1[02-9]|2[0135]|3[0-24679]|4[67]|5[12]|6[014]|8[056])|4(?:0[124-9]|1[02-579]|2[3-5]|3[0245]|4[0235]|58|6[39]|7[0589]|8[04])|5(?:0[1-57-9]|1[0235-8]|20|3[0149]|4[01]|5[19]|6[1-47]|7[013-5]|8[056])|6(?:0[1-35-9]|1[024-9]|2[03689]|[34][016]|5[017]|6[0-279]|78|8[0-2])|7(?:0[1-46-8]|1[2-9]|2[04-7]|3[1247]|4[037]|5[47]|6[02359]|7[02-59]|8[156])|8(?:0[1-68]|1[02-8]|2[08]|3[0-</w:t>
            </w:r>
            <w:r>
              <w:lastRenderedPageBreak/>
              <w:t>28]|4[3578]|5[046-9]|6[02-5]|7[028])|9(?:0[1346-9]|1[02-9]|2[0589]|3[0146-8]|4[0179]|5[12469]|7[0-389]|8[04-69]))[2-9]\\d{6}",</w:t>
            </w:r>
          </w:p>
          <w:p w:rsidR="00156FB3" w:rsidRDefault="00156FB3" w:rsidP="00156FB3">
            <w:r>
              <w:t>,,,"2015550123",,,,[7]],[,,"8(?:00|33|44|55|66|77|88)[2-9]\\d{6}",,,,"8002345678"],[,,"900[2-9]\\d{6}",,,,"9002345678"],[,,,,,,,,,[-1]],[,,"5(?:00|2[12]|33|44|66|77|88)[2-9]\\d{6}",,,,"5002345678"],[,,,,,,,,,[-1]],"US",1,"011","1",,,"1",,,1,[[,"(\\d{3})(\\d{4})","$1-$2",["[2-9]"]],[,"(\\d{3})(\\d{3})(\\d{4})","($1) $2-$3",["[2-9]"],,,1]],[[,"(\\d{3})(\\d{3})(\\d{4})","$1-$2-$3",["[2-9]"]]],[,,,,,,,,,[-1]],1,,[,,,,,,,,,[-1]],[,,"710[2-9]\\d{6}",,,,"7102123456"],,,[,,,,,,,,,[-1]]],UY:[,[,,"(?:[249]\\d\\d|80)\\d{5}|9\\d{6}",</w:t>
            </w:r>
          </w:p>
          <w:p w:rsidR="00156FB3" w:rsidRDefault="00156FB3" w:rsidP="00156FB3">
            <w:r>
              <w:t>,,,,,,[7,8]],[,,"(?:2\\d|4[2-7])\\d{6}",,,,"21231234",,,[8],[7]],[,,"9[1-9]\\d{6}",,,,"94231234",,,[8]],[,,"80[05]\\d{4}",,,,"8001234",,,[7]],[,,"90[0-8]\\d{4}",,,,"9001234",,,[7]],[,,,,,,,,,[-1]],[,,,,,,,,,[-1]],[,,,,,,,,,[-1]],"UY",598,"0(?:0|1[3-9]\\d)","0"," int. ",,"0",,"00",,[[,"(\\d{3})(\\d{4})","$1 $2",["8|90"],"0$1"],[,"(\\d{2})(\\d{3})(\\d{3})","$1 $2 $3",["9"],"0$1"],[,"(\\d{4})(\\d{4})","$1 $2",["[24]"]]],,[,,,,,,,,,[-1]],,,[,,,,,,,,,[-1]],[,,,,,,,,,[-1]],,,[,,,,,,,,,[-1]]],UZ:[,[,,"[679]\\d{8}",</w:t>
            </w:r>
          </w:p>
          <w:p w:rsidR="00156FB3" w:rsidRDefault="00156FB3" w:rsidP="00156FB3">
            <w:r>
              <w:t>,,,,,,[9]],[,,"(?:6(?:1(?:22|3[124]|4[1-4]|5[1-3578]|64)|2(?:22|3[0-57-9]|41)|5(?:22|3[3-7]|5[024-8])|6\\d\\d|7(?:[23]\\d|7[69])|9(?:22|4[1-8]|6[135]))|7(?:0(?:5[4-9]|6[0146]|7[124-6]|9[135-8])|1[12]\\d|2(?:22|3[13-57-9]|4[1-3579]|5[14])|3(?:2\\d|3[1578]|4[1-35-7]|5[1-57]|61)|4(?:2\\d|3[1-579]|7[1-79])|5(?:22|5[1-9]|6[1457])|6(?:22|3[12457]|4[13-8])|9(?:22|5[1-9])))\\d{5}",,,,"669050123"],[,,"(?:6(?:1(?:2(?:2[01]|98)|35[0-4]|50\\d|61[23]|7(?:[01][017]|4\\d|55|9[5-9]))|2(?:(?:11|7\\d)\\d|2(?:[12]1|9[01379])|5(?:[126]\\d|3[0-4]))|5(?:19[01]|2(?:27|9[26])|(?:30|59|7\\d)\\d)|6(?:2(?:1[5-9]|2[0367]|38|41|52|60)|(?:3[79]|9[0-3])\\d|4(?:56|83)|7(?:[07]\\d|1[017]|3[07]|4[047]|5[057]|67|8[0178]|9[79]))|7(?:2(?:24|3[237]|4[5-9]|7[15-8])|5(?:7[12]|8[0589])|7(?:0\\d|[39][07])|9(?:0\\d|7[079]))|9(?:2(?:1[1267]|3[01]|5\\d|7[0-4])|(?:5[67]|7\\d)\\d|6(?:2[0-26]|8\\d)))|7(?:0\\d{3}|1(?:13[01]|6(?:0[47]|1[67]|66)|71[3-69]|98\\d)|2(?:2(?:2[79]|95)|3(?:2[5-9]|6[0-6])|57\\d|7(?:0\\d|1[17]|2[27]|3[37]|44|5[057]|66|88))|3(?:2(?:1[0-6]|21|3[469]|7[159])|(?:33|9[4-6])\\d|5(?:0[0-4]|5[579]|9\\d)|7(?:[0-3579]\\d|4[0467]|6[67]|8[078]))|4(?:2(?:29|5[0257]|6[0-7]|7[1-57])|5(?:1[0-4]|8\\d|9[5-9])|7(?:0\\d|1[024589]|2[0-27]|3[0137]|[46][07]|5[01]|7[5-9]|9[079])|9(?:7[015-9]|[89]\\d))|5(?:112|2(?:0\\d|2[29]|[49]4)|3[1568]\\d|52[6-9]|7(?:0[01578]|1[017]|[23]7|4[047]|[5-7]\\d|8[78]|9[079]))|6(?:2(?:2[1245]|4[2-4])|39\\d|41[179]|5(?:[349]\\d|5[0-2])|7(?:0[017]|[13]\\d|22|44|55|67|88))|9(?:22[128]|3(?:2[0-4]|7\\d)|57[02569]|7(?:2[05-9]|3[37]|4\\d|60|7[2579]|87|9[07])))|9[0-57-9]\\d{3})\\d{4}",</w:t>
            </w:r>
          </w:p>
          <w:p w:rsidR="00156FB3" w:rsidRDefault="00156FB3" w:rsidP="00156FB3">
            <w:r>
              <w:t>,,,"912345678"],[,,,,,,,,,[-1]],[,,,,,,,,,[-1]],[,,,,,,,,,[-1]],[,,,,,,,,,[-1]],[,,,,,,,,,[-1]],"UZ",998,"810","8",,,"8",,"8~10",,[[,"(\\d{2})(\\d{3})(\\d{2})(\\d{2})","$1 $2 $3 $4",["[679]"],"8 $1"]],,[,,,,,,,,,[-1]],,,[,,,,,,,,,[-1]],[,,,,,,,,,[-1]],,,[,,,,,,,,,[-1]]],VA:[,[,,"0\\d{6,10}|55\\d{8}|[08]\\d{5}|(?:3[0-8]|8)\\d{7,9}|(?:1\\d|39)\\d{7,8}",,,,,,,[6,7,8,9,10,11]],[,,"06698\\d{1,6}",,,,"0669812345"],[,,"33\\d{9}|3[1-9]\\d{8}|3[2-9]\\d{7}",,,,"3123456789",,,[9,10,11]],[,,"80(?:0\\d{3}|3)\\d{3}",</w:t>
            </w:r>
          </w:p>
          <w:p w:rsidR="00156FB3" w:rsidRDefault="00156FB3" w:rsidP="00156FB3">
            <w:r>
              <w:t>,,,"800123456",,,[6,9]],[,,"(?:0878\\d\\d|89(?:2|4[5-9]\\d))\\d{3}|89[45][0-4]\\d\\d|(?:1(?:44|6[346])|89(?:5[5-9]|9))\\d{6}",,,,"899123456",,,[6,8,9,10]],[,,"84(?:[08]\\d{3}|[17])\\d{3}",,,,"848123456",,,[6,9]],[,,"1(?:78\\d|99)\\d{6}",,,,"1781234567",,,[9,10]],[,,"55\\d{8}",,,,"5512345678",,,[10]],"VA",39,"00",,,,,,,,,,[,,,,,,,,,[-1]],,"06698",[,,,,,,,,,[-1]],[,,,,,,,,,[-1]],,,[,,,,,,,,,[-1]]],VC:[,[,,"(?:[58]\\d\\d|784|900)\\d{7}",,,,,,,[10],[7]],[,,"784(?:266|3(?:6[6-9]|7\\d|8[0-24-6])|4(?:38|5[0-36-8]|8[0-8])|5(?:55|7[0-2]|93)|638|784)\\d{4}",</w:t>
            </w:r>
          </w:p>
          <w:p w:rsidR="00156FB3" w:rsidRDefault="00156FB3" w:rsidP="00156FB3">
            <w:r>
              <w:t>,,,"7842661234",,,,[7]],[,,"784(?:4(?:3[0-5]|5[45]|89|9[0-8])|5(?:2[6-9]|3[0-4]))\\d{4}",,,,"7844301234",,,,[7]],[,,"8(?:00|33|44|55|66|77|88)[2-9]\\d{6}",,,,"8002345678"],[,,"900[2-9]\\d{6}",,,,"9002345678"],[,,,,,,,,,[-</w:t>
            </w:r>
            <w:r>
              <w:lastRenderedPageBreak/>
              <w:t>1]],[,,"5(?:00|2[12]|33|44|66|77|88)[2-9]\\d{6}",,,,"5002345678"],[,,,,,,,,,[-1]],"VC",1,"011","1",,,"1|([2-7]\\d{6})$","784$1",,,,,[,,,,,,,,,[-1]],,"784",[,,,,,,,,,[-1]],[,,,,,,,,,[-1]],,,[,,,,,,,,,[-1]]],VE:[,[,,"[89]00\\d{7}|(?:[24]\\d|50)\\d{8}",,,,,,,[10],[7]],[,,"(?:2(?:12|3[457-9]|[467]\\d|[58][1-9]|9[1-6])|50[01])\\d{7}",</w:t>
            </w:r>
          </w:p>
          <w:p w:rsidR="00156FB3" w:rsidRDefault="00156FB3" w:rsidP="00156FB3">
            <w:r>
              <w:t>,,,"2121234567",,,,[7]],[,,"4(?:1[24-8]|2[46])\\d{7}",,,,"4121234567"],[,,"800\\d{7}",,,,"8001234567"],[,,"900\\d{7}",,,,"9001234567"],[,,,,,,,,,[-1]],[,,,,,,,,,[-1]],[,,,,,,,,,[-1]],"VE",58,"00","0",,,"0",,,,[[,"(\\d{3})(\\d{7})","$1-$2",["[24589]"],"0$1","$CC $1"]],,[,,,,,,,,,[-1]],,,[,,,,,,,,,[-1]],[,,,,,,,,,[-1]],,,[,,,,,,,,,[-1]]],VG:[,[,,"(?:284|[58]\\d\\d|900)\\d{7}",,,,,,,[10],[7]],[,,"284496[0-5]\\d{3}|284(?:229|4(?:22|9[45])|774|8(?:52|6[459]))\\d{4}",,,,"2842291234",,,,[7]],[,,"284496[6-9]\\d{3}|284(?:3(?:0[0-3]|4[0-7]|68|9[34])|4(?:4[0-6]|68|99)|54[0-57])\\d{4}",</w:t>
            </w:r>
          </w:p>
          <w:p w:rsidR="00156FB3" w:rsidRDefault="00156FB3" w:rsidP="00156FB3">
            <w:r>
              <w:t>,,,"2843001234",,,,[7]],[,,"8(?:00|33|44|55|66|77|88)[2-9]\\d{6}",,,,"8002345678"],[,,"900[2-9]\\d{6}",,,,"9002345678"],[,,,,,,,,,[-1]],[,,"5(?:00|2[12]|33|44|66|77|88)[2-9]\\d{6}",,,,"5002345678"],[,,,,,,,,,[-1]],"VG",1,"011","1",,,"1|([2-578]\\d{6})$","284$1",,,,,[,,,,,,,,,[-1]],,"284",[,,,,,,,,,[-1]],[,,,,,,,,,[-1]],,,[,,,,,,,,,[-1]]],VI:[,[,,"[58]\\d{9}|(?:34|90)0\\d{7}",,,,,,,[10],[7]],[,,"340(?:2(?:01|2[06-8]|44|77)|3(?:32|44)|4(?:22|7[34])|5(?:1[34]|55)|6(?:26|4[23]|77|9[023])|7(?:1[2-57-9]|27|7\\d)|884|998)\\d{4}",</w:t>
            </w:r>
          </w:p>
          <w:p w:rsidR="00156FB3" w:rsidRDefault="00156FB3" w:rsidP="00156FB3">
            <w:r>
              <w:t>,,,"3406421234",,,,[7]],[,,"340(?:2(?:01|2[06-8]|44|77)|3(?:32|44)|4(?:22|7[34])|5(?:1[34]|55)|6(?:26|4[23]|77|9[023])|7(?:1[2-57-9]|27|7\\d)|884|998)\\d{4}",,,,"3406421234",,,,[7]],[,,"8(?:00|33|44|55|66|77|88)[2-9]\\d{6}",,,,"8002345678"],[,,"900[2-9]\\d{6}",,,,"9002345678"],[,,,,,,,,,[-1]],[,,"5(?:00|2[12]|33|44|66|77|88)[2-9]\\d{6}",,,,"5002345678"],[,,,,,,,,,[-1]],"VI",1,"011","1",,,"1|([2-9]\\d{6})$","340$1",,1,,,[,,,,,,,,,[-1]],,"340",[,,,,,,,,,[-1]],[,,,,,,,,,[-1]],,,[,,,,,,,,,[-1]]],VN:[,</w:t>
            </w:r>
          </w:p>
          <w:p w:rsidR="00156FB3" w:rsidRDefault="00156FB3" w:rsidP="00156FB3">
            <w:r>
              <w:t>[,,"[12]\\d{9}|[135-9]\\d{8}|[16]\\d{7}|[16-8]\\d{6}",,,,,,,[7,8,9,10]],[,,"2(?:0[3-9]|1[0-689]|2[0-25-9]|3[2-9]|4[2-8]|5[124-9]|6[0-39]|7[0-7]|8[2-7]|9[0-4679])\\d{7}",,,,"2101234567",,,[10]],[,,"(?:(?:3\\d|7[06-9])\\d|5(?:2[238]|[689]\\d)|8(?:[1-58]\\d|6[5-9]|79|9[689])|9(?:[0-8]\\d|9[013-9]))\\d{6}",,,,"912345678",,,[9]],[,,"1800\\d{4,6}",,,,"1800123456",,,[8,9,10]],[,,"1900\\d{4,6}",,,,"1900123456",,,[8,9,10]],[,,,,,,,,,[-1]],[,,,,,,,,,[-1]],[,,"672\\d{6}",,,,"672012345",,,[9]],"VN",84,"00","0",</w:t>
            </w:r>
          </w:p>
          <w:p w:rsidR="00156FB3" w:rsidRDefault="00156FB3" w:rsidP="00156FB3">
            <w:r>
              <w:t>,,"0",,,,[[,"(\\d{3})(\\d{4})","$1 $2",["[17]99"],"0$1",,1],[,"(\\d{2})(\\d{5})","$1 $2",["80"],"0$1",,1],[,"(\\d{3})(\\d{4,5})","$1 $2",["69"],"0$1",,1],[,"(\\d{4})(\\d{4,6})","$1 $2",["1"],,,1],[,"(\\d{2})(\\d{3})(\\d{2})(\\d{2})","$1 $2 $3 $4",["[69]"],"0$1",,1],[,"(\\d{3})(\\d{3})(\\d{3})","$1 $2 $3",["[3578]"],"0$1",,1],[,"(\\d{2})(\\d{4})(\\d{4})","$1 $2 $3",["2[48]"],"0$1",,1],[,"(\\d{3})(\\d{4})(\\d{3})","$1 $2 $3",["2"],"0$1",,1]],[[,"(\\d{2})(\\d{5})","$1 $2",["80"],"0$1",,1],[,"(\\d{4})(\\d{4,6})",</w:t>
            </w:r>
          </w:p>
          <w:p w:rsidR="00156FB3" w:rsidRDefault="00156FB3" w:rsidP="00156FB3">
            <w:r>
              <w:t>"$1 $2",["1"],,,1],[,"(\\d{2})(\\d{3})(\\d{2})(\\d{2})","$1 $2 $3 $4",["[69]"],"0$1",,1],[,"(\\d{3})(\\d{3})(\\d{3})","$1 $2 $3",["[3578]"],"0$1",,1],[,"(\\d{2})(\\d{4})(\\d{4})","$1 $2 $3",["2[48]"],"0$1",,1],[,"(\\d{3})(\\d{4})(\\d{3})","$1 $2 $3",["2"],"0$1",,1]],[,,,,,,,,,[-1]],,,[,,"[17]99\\d{4}|69\\d{5,6}",,,,,,,[7,8]],[,,"(?:[17]99|80\\d)\\d{4}|69\\d{5,6}",,,,"1992000",,,[7,8]],,,[,,,,,,,,,[-1]]],VU:[,[,,"(?:[23]\\d|[48]8)\\d{3}|(?:[57]\\d|90)\\d{5}",,,,,,,[5,7]],[,,"(?:38[0-8]|48[4-9])\\d\\d|(?:2[02-9]|3[4-7]|88)\\d{3}",</w:t>
            </w:r>
          </w:p>
          <w:p w:rsidR="00156FB3" w:rsidRDefault="00156FB3" w:rsidP="00156FB3">
            <w:r>
              <w:t>,,,"22123",,,[5]],[,,"57[2-5]\\d{4}|(?:5[0-689]|7[013-7])\\d{5}",,,,"5912345",,,[7]],[,,,,,,,,,[-1]],[,,,,,,,,,[-1]],[,,,,,,,,,[-1]],[,,,,,,,,,[-1]],[,,"90[1-9]\\d{4}",,,,"9010123",,,[7]],"VU",678,"00",,,,,,,,[[,"(\\d{3})(\\d{4})","$1 $2",["[579]"]]],,[,,,,,,,,,[-1]],,,[,,,,,,,,,[-1]],[,,"(?:3[03]|900\\d)\\d{3}",,,,"30123"],,,[,,,,,,,,,[-1]]],WF:[,[,,"(?:[45]0|68|72|8\\d)\\d{4}",,,,,,,[6]],[,,"(?:50|68|72)\\d{4}",,,,"501234"],[,,"(?:50|68|72|8[</w:t>
            </w:r>
            <w:r>
              <w:lastRenderedPageBreak/>
              <w:t>23])\\d{4}",,,,"501234"],[,,,,,,,,,[-1]],[,,,,,,,,,[-1]],</w:t>
            </w:r>
          </w:p>
          <w:p w:rsidR="00156FB3" w:rsidRDefault="00156FB3" w:rsidP="00156FB3">
            <w:r>
              <w:t>[,,,,,,,,,[-1]],[,,,,,,,,,[-1]],[,,,,,,,,,[-1]],"WF",681,"00",,,,,,,,[[,"(\\d{2})(\\d{2})(\\d{2})","$1 $2 $3",["[4-8]"]]],,[,,,,,,,,,[-1]],,,[,,,,,,,,,[-1]],[,,,,,,,,,[-1]],,,[,,"[48]0\\d{4}",,,,"401234"]],WS:[,[,,"[2-6]\\d{4}|8\\d{5}(?:\\d{4})?|[78]\\d{6}",,,,,,,[5,6,7,10]],[,,"(?:[2-5]\\d|6[1-9])\\d{3}",,,,"22123",,,[5]],[,,"(?:7[25-7]|8(?:[3-7]|9\\d{3}))\\d{5}",,,,"7212345",,,[7,10]],[,,"800\\d{3}",,,,"800123",,,[6]],[,,,,,,,,,[-1]],[,,,,,,,,,[-1]],[,,,,,,,,,[-1]],[,,,,,,,,,[-1]],"WS",685,"0",</w:t>
            </w:r>
          </w:p>
          <w:p w:rsidR="00156FB3" w:rsidRDefault="00156FB3" w:rsidP="00156FB3">
            <w:r>
              <w:t>,,,,,,,[[,"(\\d{5})","$1",["[2-6]"]],[,"(\\d{3})(\\d{3,7})","$1 $2",["8"]],[,"(\\d{2})(\\d{5})","$1 $2",["7"]]],,[,,,,,,,,,[-1]],,,[,,,,,,,,,[-1]],[,,,,,,,,,[-1]],,,[,,,,,,,,,[-1]]],XK:[,[,,"[23]\\d{7,8}|(?:4\\d\\d|[89]00)\\d{5}",,,,,,,[8,9]],[,,"(?:2[89]|39)0\\d{6}|[23][89]\\d{6}",,,,"28012345"],[,,"4[3-79]\\d{6}",,,,"43201234",,,[8]],[,,"800\\d{5}",,,,"80001234",,,[8]],[,,"900\\d{5}",,,,"90001234",,,[8]],[,,,,,,,,,[-1]],[,,,,,,,,,[-1]],[,,,,,,,,,[-1]],"XK",383,"00","0",,,"0",,,,[[,"(\\d{3})(\\d{5})",</w:t>
            </w:r>
          </w:p>
          <w:p w:rsidR="00156FB3" w:rsidRDefault="00156FB3" w:rsidP="00156FB3">
            <w:r>
              <w:t>"$1 $2",["[89]"],"0$1"],[,"(\\d{2})(\\d{3})(\\d{3})","$1 $2 $3",["[2-4]"],"0$1"],[,"(\\d{3})(\\d{3})(\\d{3})","$1 $2 $3",["[23]"],"0$1"]],,[,,,,,,,,,[-1]],,,[,,,,,,,,,[-1]],[,,,,,,,,,[-1]],,,[,,,,,,,,,[-1]]],YE:[,[,,"(?:1|7\\d)\\d{7}|[1-7]\\d{6}",,,,,,,[7,8,9],[6]],[,,"17\\d{6}|(?:[12][2-68]|3[2358]|4[2-58]|5[2-6]|6[3-58]|7[24-68])\\d{5}",,,,"1234567",,,[7,8],[6]],[,,"7[0137]\\d{7}",,,,"712345678",,,[9]],[,,,,,,,,,[-1]],[,,,,,,,,,[-1]],[,,,,,,,,,[-1]],[,,,,,,,,,[-1]],[,,,,,,,,,[-1]],"YE",967,"00",</w:t>
            </w:r>
          </w:p>
          <w:p w:rsidR="00156FB3" w:rsidRDefault="00156FB3" w:rsidP="00156FB3">
            <w:r>
              <w:t>"0",,,"0",,,,[[,"(\\d)(\\d{3})(\\d{3,4})","$1 $2 $3",["[1-6]|7[24-68]"],"0$1"],[,"(\\d{3})(\\d{3})(\\d{3})","$1 $2 $3",["7"],"0$1"]],,[,,,,,,,,,[-1]],,,[,,,,,,,,,[-1]],[,,,,,,,,,[-1]],,,[,,,,,,,,,[-1]]],YT:[,[,,"80\\d{7}|(?:26|63)9\\d{6}",,,,,,,[9]],[,,"269(?:0[67]|5[01]|6\\d|[78]0)\\d{4}",,,,"269601234"],[,,"639(?:0[0-79]|1[019]|[267]\\d|3[09]|[45]0|9[04-79])\\d{4}",,,,"639012345"],[,,"80\\d{7}",,,,"801234567"],[,,,,,,,,,[-1]],[,,,,,,,,,[-1]],[,,,,,,,,,[-1]],[,,,,,,,,,[-1]],"YT",262,"00","0",,,"0",</w:t>
            </w:r>
          </w:p>
          <w:p w:rsidR="00156FB3" w:rsidRDefault="00156FB3" w:rsidP="00156FB3">
            <w:r>
              <w:t>,,,,,[,,,,,,,,,[-1]],,"269|63",[,,,,,,,,,[-1]],[,,,,,,,,,[-1]],,,[,,,,,,,,,[-1]]],ZA:[,[,,"[1-9]\\d{8}|8\\d{4,7}",,,,,,,[5,6,7,8,9]],[,,"(?:1[0-8]|2[1-378]|3[1-69]|4\\d|5[1346-8])\\d{7}",,,,"101234567",,,[9]],[,,"8[1-4]\\d{3,7}|(?:6\\d|7[0-46-9]|85)\\d{7}",,,,"711234567"],[,,"80\\d{7}",,,,"801234567",,,[9]],[,,"(?:86[2-9]|9[0-2]\\d)\\d{6}",,,,"862345678",,,[9]],[,,"860\\d{6}",,,,"860123456",,,[9]],[,,,,,,,,,[-1]],[,,"87\\d{7}",,,,"871234567",,,[9]],"ZA",27,"00","0",,,"0",,,,[[,"(\\d{2})(\\d{3,4})",</w:t>
            </w:r>
          </w:p>
          <w:p w:rsidR="00156FB3" w:rsidRDefault="00156FB3" w:rsidP="00156FB3">
            <w:r>
              <w:t>"$1 $2",["8[1-4]"],"0$1"],[,"(\\d{2})(\\d{3})(\\d{2,3})","$1 $2 $3",["8[1-4]"],"0$1"],[,"(\\d{3})(\\d{3})(\\d{3})","$1 $2 $3",["860"],"0$1"],[,"(\\d{2})(\\d{3})(\\d{4})","$1 $2 $3",["[1-9]"],"0$1"]],,[,,,,,,,,,[-1]],,,[,,,,,,,,,[-1]],[,,"861\\d{6}",,,,"861123456",,,[9]],,,[,,,,,,,,,[-1]]],ZM:[,[,,"800\\d{6}|(?:21|76|9\\d)\\d{7}",,,,,,,[9],[6]],[,,"21[1-8]\\d{6}",,,,"211234567",,,,[6]],[,,"(?:76|9[5-8])\\d{7}",,,,"955123456"],[,,"800\\d{6}",,,,"800123456"],[,,,,,,,,,[-1]],[,,,,,,,,,[-1]],[,,,,,,,,</w:t>
            </w:r>
          </w:p>
          <w:p w:rsidR="00156FB3" w:rsidRDefault="00156FB3" w:rsidP="00156FB3">
            <w:r>
              <w:t>,[-1]],[,,,,,,,,,[-1]],"ZM",260,"00","0",,,"0",,,,[[,"(\\d{3})(\\d{3})","$1 $2",["[1-9]"]],[,"(\\d{3})(\\d{3})(\\d{3})","$1 $2 $3",["[28]"],"0$1"],[,"(\\d{2})(\\d{7})","$1 $2",["[79]"],"0$1"]],[[,"(\\d{3})(\\d{3})(\\d{3})","$1 $2 $3",["[28]"],"0$1"],[,"(\\d{2})(\\d{7})","$1 $2",["[79]"],"0$1"]],[,,,,,,,,,[-1]],,,[,,,,,,,,,[-1]],[,,,,,,,,,[-1]],,,[,,,,,,,,,[-1]]],ZW:[,[,,"2(?:[0-57-9]\\d{6,8}|6[0-24-9]\\d{6,7})|[38]\\d{9}|[35-8]\\d{8}|[3-6]\\d{7}|[1-689]\\d{6}|[1-3569]\\d{5}|[1356]\\d{4}",,,,,,,[5,</w:t>
            </w:r>
          </w:p>
          <w:p w:rsidR="00156FB3" w:rsidRDefault="00156FB3" w:rsidP="00156FB3">
            <w:r>
              <w:t>6,7,8,9,10],[3,4]],[,,"(?:1(?:(?:3\\d|9)\\d|[4-8])|2(?:(?:(?:0(?:2[014]|5)|(?:2[0157]|31|84|9)\\d\\d|[56](?:[14]\\d\\d|20)|7(?:[089]|2[03]|[35]\\d\\d))\\d|4(?:2\\d\\d|8))\\d|1(?:2|[39]\\d{4}))|3(?:(?:123|(?:29\\d|92)\\d)\\d\\d|7(?:[19]|[56]\\d))|5(?:0|1[2-478]|26|[37]2|4(?:2\\d{3}|83)|5(?:25\\d\\d|[78])|[689]\\d)|6(?:(?:[16-8]21|28|52[013])\\d\\d|[39])|8(?:[1349]28|523)\\d\\d)\\d{3}|(?:4\\d\\d|9[2-9])\\d{4,5}|(?:(?:2(?:(?:(?:0|8[146])\\d|7[1-</w:t>
            </w:r>
            <w:r>
              <w:lastRenderedPageBreak/>
              <w:t>7])\\d|2(?:[278]\\d|92)|58(?:2\\d|3))|3(?:[26]|9\\d{3})|5(?:4\\d|5)\\d\\d)\\d|6(?:(?:(?:[0-246]|[78]\\d)\\d|37)\\d|5[2-8]))\\d\\d|(?:2(?:[569]\\d|8[2-57-9])|3(?:[013-59]\\d|8[37])|6[89]8)\\d{3}",</w:t>
            </w:r>
          </w:p>
          <w:p w:rsidR="00156FB3" w:rsidRDefault="00156FB3" w:rsidP="00156FB3">
            <w:r>
              <w:t>,,,"1312345",,,,[3,4]],[,,"(?:7(?:1\\d|3[2-9]|7[1-9]|8[2-5])|8644)\\d{6}",,,,"712345678",,,[9,10]],[,,"80(?:[01]\\d|20|8[0-8])\\d{3}",,,,"8001234",,,[7]],[,,,,,,,,,[-1]],[,,,,,,,,,[-1]],[,,,,,,,,,[-1]],[,,"86(?:1[12]|30|55|77|8[368])\\d{6}",,,,"8686123456",,,[10]],"ZW",263,"00","0",,,"0",,,,[[,"(\\d{3})(\\d{3,5})","$1 $2",["2(?:0[45]|2[278]|[49]8)|3(?:[09]8|17)|6(?:[29]8|37|75)|[23][78]|(?:33|5[15]|6[68])[78]"],"0$1"],[,"(\\d)(\\d{3})(\\d{2,4})","$1 $2 $3",["[49]"],"0$1"],[,"(\\d{3})(\\d{4})","$1 $2",</w:t>
            </w:r>
          </w:p>
          <w:p w:rsidR="00156FB3" w:rsidRDefault="00156FB3" w:rsidP="00156FB3">
            <w:r>
              <w:t>["80"],"0$1"],[,"(\\d{2})(\\d{7})","$1 $2",["24|8[13-59]|(?:2[05-79]|39|5[45]|6[15-8])2","2(?:02[014]|4|[56]20|[79]2)|392|5(?:42|525)|6(?:[16-8]21|52[013])|8[13-59]"],"(0$1)"],[,"(\\d{2})(\\d{3})(\\d{4})","$1 $2 $3",["7"],"0$1"],[,"(\\d{3})(\\d{3})(\\d{3,4})","$1 $2 $3",["2(?:1[39]|2[0157]|[378]|[56][14])|3(?:12|29)","2(?:1[39]|2[0157]|[378]|[56][14])|3(?:123|29)"],"0$1"],[,"(\\d{4})(\\d{6})","$1 $2",["8"],"0$1"],[,"(\\d{2})(\\d{3,5})","$1 $2",["1|2(?:0[0-36-9]|12|29|[56])|3(?:1[0-689]|[24-6])|5(?:[0236-9]|1[2-4])|6(?:[013-59]|7[0-46-9])|(?:33|55|6[68])[0-69]|(?:29|3[09]|62)[0-79]"],</w:t>
            </w:r>
          </w:p>
          <w:p w:rsidR="00156FB3" w:rsidRDefault="00156FB3" w:rsidP="00156FB3">
            <w:r>
              <w:t>"0$1"],[,"(\\d{2})(\\d{3})(\\d{3,4})","$1 $2 $3",["29[013-9]|39|54"],"0$1"],[,"(\\d{4})(\\d{3,5})","$1 $2",["(?:25|54)8","258|5483"],"0$1"]],,[,,,,,,,,,[-1]],,,[,,,,,,,,,[-1]],[,,,,,,,,,[-1]],,,[,,,,,,,,,[-1]]],800:[,[,,"\\d{8}",,,,,,,[8]],[,,,,,,,,,[-1]],[,,,,,,,,,[-1]],[,,"\\d{8}",,,,"12345678"],[,,,,,,,,,[-1]],[,,,,,,,,,[-1]],[,,,,,,,,,[-1]],[,,,,,,,,,[-1]],"001",800,,,,,,,,1,[[,"(\\d{4})(\\d{4})","$1 $2"]],,[,,,,,,,,,[-1]],,,[,,,,,,,,,[-1]],[,,,,,,,,,[-1]],,,[,,,,,,,,,[-1]]],808:[,[,,"\\d{8}",</w:t>
            </w:r>
          </w:p>
          <w:p w:rsidR="00156FB3" w:rsidRDefault="00156FB3" w:rsidP="00156FB3">
            <w:r>
              <w:t>,,,,,,[8]],[,,,,,,,,,[-1]],[,,,,,,,,,[-1]],[,,,,,,,,,[-1]],[,,,,,,,,,[-1]],[,,"\\d{8}",,,,"12345678"],[,,,,,,,,,[-1]],[,,,,,,,,,[-1]],"001",808,,,,,,,,1,[[,"(\\d{4})(\\d{4})","$1 $2"]],,[,,,,,,,,,[-1]],,,[,,,,,,,,,[-1]],[,,,,,,,,,[-1]],,,[,,,,,,,,,[-1]]],870:[,[,,"[35-7]\\d{8}",,,,,,,[9]],[,,,,,,,,,[-1]],[,,"(?:[356]\\d|7[6-8])\\d{7}",,,,"301234567"],[,,,,,,,,,[-1]],[,,,,,,,,,[-1]],[,,,,,,,,,[-1]],[,,,,,,,,,[-1]],[,,,,,,,,,[-1]],"001",870,,,,,,,,,[[,"(\\d{3})(\\d{3})(\\d{3})","$1 $2 $3",["[35-7]"]]],</w:t>
            </w:r>
          </w:p>
          <w:p w:rsidR="00156FB3" w:rsidRDefault="00156FB3" w:rsidP="00156FB3">
            <w:r>
              <w:t>,[,,,,,,,,,[-1]],,,[,,,,,,,,,[-1]],[,,,,,,,,,[-1]],,,[,,,,,,,,,[-1]]],878:[,[,,"10\\d{10}",,,,,,,[12]],[,,,,,,,,,[-1]],[,,,,,,,,,[-1]],[,,,,,,,,,[-1]],[,,,,,,,,,[-1]],[,,,,,,,,,[-1]],[,,,,,,,,,[-1]],[,,"10\\d{10}",,,,"101234567890"],"001",878,,,,,,,,1,[[,"(\\d{2})(\\d{5})(\\d{5})","$1 $2 $3",["1"]]],,[,,,,,,,,,[-1]],,,[,,,,,,,,,[-1]],[,,,,,,,,,[-1]],,,[,,,,,,,,,[-1]]],881:[,[,,"[67]\\d{8}",,,,,,,[9]],[,,,,,,,,,[-1]],[,,"[67]\\d{8}",,,,"612345678"],[,,,,,,,,,[-1]],[,,,,,,,,,[-1]],[,,,,,,,,,[-1]],[,</w:t>
            </w:r>
          </w:p>
          <w:p w:rsidR="00156FB3" w:rsidRDefault="00156FB3" w:rsidP="00156FB3">
            <w:r>
              <w:t>,,,,,,,,[-1]],[,,,,,,,,,[-1]],"001",881,,,,,,,,,[[,"(\\d)(\\d{3})(\\d{5})","$1 $2 $3",["[67]"]]],,[,,,,,,,,,[-1]],,,[,,,,,,,,,[-1]],[,,,,,,,,,[-1]],,,[,,,,,,,,,[-1]]],882:[,[,,"1\\d{6,11}|3\\d{6}(?:\\d{2,5})?",,,,,,,[7,8,9,10,11,12]],[,,,,,,,,,[-1]],[,,"3(?:37\\d\\d|42)\\d{4}|3(?:2|47|7\\d{3})\\d{7}",,,,"3421234",,,[7,9,10,12]],[,,,,,,,,,[-1]],[,,,,,,,,,[-1]],[,,,,,,,,,[-1]],[,,,,,,,,,[-1]],[,,"1(?:3(?:0[0347]|[13][0139]|2[035]|4[013568]|6[0459]|7[06]|8[15-8]|9[0689])\\d{4}|6\\d{5,10})|3(?:45|9\\d{3})\\d{7}",</w:t>
            </w:r>
          </w:p>
          <w:p w:rsidR="00156FB3" w:rsidRDefault="00156FB3" w:rsidP="00156FB3">
            <w:r>
              <w:t>,,,"390123456789"],"001",882,,,,,,,,,[[,"(\\d{2})(\\d{5})","$1 $2",["16|342"]],[,"(\\d{2})(\\d{2})(\\d{4})","$1 $2 $3",["1"]],[,"(\\d{2})(\\d{4})(\\d{3})","$1 $2 $3",["3[23]"]],[,"(\\d{2})(\\d{3,4})(\\d{4})","$1 $2 $3",["1"]],[,"(\\d{2})(\\d{4})(\\d{4})","$1 $2 $3",["34[57]"]],[,"(\\d{3})(\\d{4})(\\d{4})","$1 $2 $3",["34"]],[,"(\\d{2})(\\d{4,5})(\\d{5})","$1 $2 $3",["[13]"]]],,[,,,,,,,,,[-1]],,,[,,,,,,,,,[-1]],[,,,,,,,,,[-1]],,,[,,"348[57]\\d{7}",,,,"34851234567",,,[11]]],883:[,[,,"51\\d{7}(?:\\d{3})?",</w:t>
            </w:r>
          </w:p>
          <w:p w:rsidR="00156FB3" w:rsidRDefault="00156FB3" w:rsidP="00156FB3">
            <w:r>
              <w:t>,,,,,,[9,12]],[,,,,,,,,,[-1]],[,,,,,,,,,[-1]],[,,,,,,,,,[-1]],[,,,,,,,,,[-1]],[,,,,,,,,,[-1]],[,,,,,,,,,[-1]],[,,"51[013]0\\d{8}|5100\\d{5}",,,,"510012345"],"001",883,,,,,,,,1,[[,"(\\d{3})(\\d{3})(\\d{3})","$1 $2 $3",["510"]],[,"(\\d{3})(\\d{3})(\\d{3})(\\d{3})","$1 $2 $3 $4",["510"]],[,"(\\d{4})(\\d{4})(\\d{4})","$1 $2 $3",["5"]]],,[,,,,,,,,,[-1]],,,[,,,,,,,,,[-1]],[,,,,,,,,,[-1]],,,[,,,,,,,,,[-1]]],888:[,[,,"\\d{11}",,,,,,,[11]],[,,,,,,,,,[-1]],[,,,,,,,,,[-1]],[,,,,,,,,,[-1]],[,,,,,,,,,[-1]],[,</w:t>
            </w:r>
          </w:p>
          <w:p w:rsidR="00156FB3" w:rsidRDefault="00156FB3" w:rsidP="00156FB3">
            <w:r>
              <w:lastRenderedPageBreak/>
              <w:t>,,,,,,,,[-1]],[,,,,,,,,,[-1]],[,,,,,,,,,[-1]],"001",888,,,,,,,,1,[[,"(\\d{3})(\\d{3})(\\d{5})","$1 $2 $3"]],,[,,,,,,,,,[-1]],,,[,,,,,,,,,[-1]],[,,"\\d{11}",,,,"12345678901"],,,[,,,,,,,,,[-1]]],979:[,[,,"\\d{9}",,,,,,,[9]],[,,,,,,,,,[-1]],[,,,,,,,,,[-1]],[,,,,,,,,,[-1]],[,,"\\d{9}",,,,"123456789"],[,,,,,,,,,[-1]],[,,,,,,,,,[-1]],[,,,,,,,,,[-1]],"001",979,,,,,,,,1,[[,"(\\d)(\\d{4})(\\d{4})","$1 $2 $3"]],,[,,,,,,,,,[-1]],,,[,,,,,,,,,[-1]],[,,,,,,,,,[-1]],,,[,,,,,,,,,[-1]]]};/*</w:t>
            </w:r>
          </w:p>
          <w:p w:rsidR="00156FB3" w:rsidRDefault="00156FB3" w:rsidP="00156FB3"/>
          <w:p w:rsidR="00156FB3" w:rsidRDefault="00156FB3" w:rsidP="00156FB3">
            <w:r>
              <w:t xml:space="preserve"> Copyright (C) 2010 The Libphonenumber Authors.</w:t>
            </w:r>
          </w:p>
          <w:p w:rsidR="00156FB3" w:rsidRDefault="00156FB3" w:rsidP="00156FB3"/>
          <w:p w:rsidR="00156FB3" w:rsidRDefault="00156FB3" w:rsidP="00156FB3">
            <w:r>
              <w:t xml:space="preserve"> Licensed under the Apache License, Version 2.0 (the "License");</w:t>
            </w:r>
          </w:p>
          <w:p w:rsidR="00156FB3" w:rsidRDefault="00156FB3" w:rsidP="00156FB3">
            <w:r>
              <w:t xml:space="preserve"> you may not use this file except in compliance with the License.</w:t>
            </w:r>
          </w:p>
          <w:p w:rsidR="00156FB3" w:rsidRDefault="00156FB3" w:rsidP="00156FB3">
            <w:r>
              <w:t xml:space="preserve"> You may obtain a copy of the License at</w:t>
            </w:r>
          </w:p>
          <w:p w:rsidR="00156FB3" w:rsidRDefault="00156FB3" w:rsidP="00156FB3"/>
          <w:p w:rsidR="00156FB3" w:rsidRDefault="00156FB3" w:rsidP="00156FB3">
            <w:r>
              <w:t xml:space="preserve"> http://www.apache.org/licenses/LICENSE-2.0</w:t>
            </w:r>
          </w:p>
          <w:p w:rsidR="00156FB3" w:rsidRDefault="00156FB3" w:rsidP="00156FB3"/>
          <w:p w:rsidR="00156FB3" w:rsidRDefault="00156FB3" w:rsidP="00156FB3">
            <w:r>
              <w:t xml:space="preserve"> Unless required by applicable law or agreed to in writing, software</w:t>
            </w:r>
          </w:p>
          <w:p w:rsidR="00156FB3" w:rsidRDefault="00156FB3" w:rsidP="00156FB3">
            <w:r>
              <w:t xml:space="preserve"> distributed under the License is distributed on an "AS IS" BASIS,</w:t>
            </w:r>
          </w:p>
          <w:p w:rsidR="00156FB3" w:rsidRDefault="00156FB3" w:rsidP="00156FB3">
            <w:r>
              <w:t xml:space="preserve"> WITHOUT WARRANTIES OR CONDITIONS OF ANY KIND, either express or implied.</w:t>
            </w:r>
          </w:p>
          <w:p w:rsidR="00156FB3" w:rsidRDefault="00156FB3" w:rsidP="00156FB3">
            <w:r>
              <w:t xml:space="preserve"> See the License for the specific language governing permissions and</w:t>
            </w:r>
          </w:p>
          <w:p w:rsidR="00156FB3" w:rsidRDefault="00156FB3" w:rsidP="00156FB3">
            <w:r>
              <w:t xml:space="preserve"> limitations under the License.</w:t>
            </w:r>
          </w:p>
          <w:p w:rsidR="00156FB3" w:rsidRDefault="00156FB3" w:rsidP="00156FB3">
            <w:r>
              <w:t>*/</w:t>
            </w:r>
          </w:p>
          <w:p w:rsidR="00156FB3" w:rsidRDefault="00156FB3" w:rsidP="00156FB3">
            <w:r>
              <w:t>function M(){this.a={}}M.c=void 0;M.a=function(){return M.c?M.c:M.c=new M};</w:t>
            </w:r>
          </w:p>
          <w:p w:rsidR="00156FB3" w:rsidRDefault="00156FB3" w:rsidP="00156FB3">
            <w:r>
              <w:t>var xa={0:"0",1:"1",2:"2",3:"3",4:"4",5:"5",6:"6",7:"7",8:"8",9:"9","\uff10":"0","\uff11":"1","\uff12":"2","\uff13":"3","\uff14":"4","\uff15":"5","\uff16":"6","\uff17":"7","\uff18":"8","\uff19":"9","\u0660":"0","\u0661":"1","\u0662":"2","\u0663":"3","\u0664":"4","\u0665":"5","\u0666":"6","\u0667":"7","\u0668":"8","\u0669":"9","\u06f0":"0","\u06f1":"1","\u06f2":"2","\u06f3":"3","\u06f4":"4","\u06f5":"5","\u06f6":"6","\u06f7":"7","\u06f8":"8","\u06f9":"9"},ya={0:"0",1:"1",2:"2",3:"3",4:"4",5:"5",6:"6",</w:t>
            </w:r>
          </w:p>
          <w:p w:rsidR="00156FB3" w:rsidRDefault="00156FB3" w:rsidP="00156FB3">
            <w:r>
              <w:t>7:"7",8:"8",9:"9","\uff10":"0","\uff11":"1","\uff12":"2","\uff13":"3","\uff14":"4","\uff15":"5","\uff16":"6","\uff17":"7","\uff18":"8","\uff19":"9","\u0660":"0","\u0661":"1","\u0662":"2","\u0663":"3","\u0664":"4","\u0665":"5","\u0666":"6","\u0667":"7","\u0668":"8","\u0669":"9","\u06f0":"0","\u06f1":"1","\u06f2":"2","\u06f3":"3","\u06f4":"4","\u06f5":"5","\u06f6":"6","\u06f7":"7","\u06f8":"8","\u06f9":"9",A:"2",B:"2",C:"2",D:"3",E:"3",F:"3",G:"4",H:"4",I:"4",J:"5",K:"5",L:"5",M:"6",N:"6",O:"6",P:"7",</w:t>
            </w:r>
          </w:p>
          <w:p w:rsidR="00156FB3" w:rsidRDefault="00156FB3" w:rsidP="00156FB3">
            <w:r>
              <w:t>Q:"7",R:"7",S:"7",T:"8",U:"8",V:"8",W:"9",X:"9",Y:"9",Z:"9"},N=/^[+\uff0b]+/,za=/([0-9\uff10-\uff19\u0660-\u0669\u06f0-\u06f9])/,Aa=/[+\uff0b0-9\uff10-\uff19\u0660-\u0669\u06f0-\u06f9]/,Ba=/[\\\/] *x/,Ca=/[^0-9\uff10-\uff19\u0660-\u0669\u06f0-\u06f9A-Za-z#]+$/,Da=/(?:.*?[A-Za-z]){3}.*/,Ea=/(?:;ext=([0-9\uff10-\uff19\u0660-\u0669\u06f0-\u06f9]{1,7})|[ \u00a0\t,]*(?:e?xt(?:ensi(?:o\u0301?|\u00f3))?n?|\uff45?\uff58\uff54\uff4e?|\u0434\u043e\u0431|[;,x\uff58#\uff03~\uff5e]|int|anexo|\uff49\uff4e\uff54)[:\.\uff0e]?[ \u00a0\t,-]*([0-9\uff10-\uff19\u0660-\u0669\u06f0-\u06f9]{1,7})#?|[- ]+([0-9\uff10-\uff19\u0660-\u0669\u06f0-\u06f9]{1,5})#)$/i,</w:t>
            </w:r>
          </w:p>
          <w:p w:rsidR="00156FB3" w:rsidRDefault="00156FB3" w:rsidP="00156FB3">
            <w:r>
              <w:t>Fa=/^[0-9\uff10-\uff19\u0660-\u0669\u06f0-\u06f9]{2}$|^[+\uff0b]*(?:[-x\u2010-\u2015\u2212\u30fc\uff0d-\uff0f \u00a0\u00ad\u200b\u2060\u3000()\uff08\uff09\uff3b\uff3d.\[\]/~\u2053\u223c\uff5e*]*[0-9\uff10-\uff19\u0660-\u0669\u06f0-\u06f9]){3,}[-x\u2010-\u2015\u2212\u30fc\uff0d-\uff0f \u00a0\u00ad\u200b\u2060\u3000()\uff08\uff09\uff3b\uff3d.\[\]/~\u2053\u223c\uff5e*A-Za-z0-9\uff10-\uff19\u0660-\u0669\u06f0-\u06f9]*(?:;ext=([0-9\uff10-\uff19\u0660-\u0669\u06f0-\u06f9]{1,7})|[ \u00a0\t,]*(?:e?xt(?:ensi(?:o\u0301?|\u00f3))?n?|\uff45?\uff58\uff54\uff4e?|\u0434\u043e\u0431|[;,</w:t>
            </w:r>
            <w:r>
              <w:lastRenderedPageBreak/>
              <w:t>x\uff58#\uff03~\uff5e]|int|anexo|\uff49\uff4e\uff54)[:\.\uff0e]?[ \u00a0\t,-]*([0-9\uff10-\uff19\u0660-\u0669\u06f0-\u06f9]{1,7})#?|[- ]+([0-9\uff10-\uff19\u0660-\u0669\u06f0-\u06f9]{1,5})#)?$/i,</w:t>
            </w:r>
          </w:p>
          <w:p w:rsidR="00156FB3" w:rsidRDefault="00156FB3" w:rsidP="00156FB3">
            <w:r>
              <w:t>Ga=/(\$\d)/;function Ha(a){var b=a.search(Aa);0&lt;=b?(a=a.substring(b),a=a.replace(Ca,""),b=a.search(Ba),0&lt;=b&amp;&amp;(a=a.substring(0,b))):a="";return a}function Ia(a){return 2&gt;a.length?!1:O(Fa,a)}function Ja(a){return O(Da,a)?P(a,ya):P(a,xa)}function Ka(a){var b=Ja(a.toString());a.c="";a.a(b)}function La(a){return null!=a&amp;&amp;(1!=A(a,9)||-1!=w(a,9)[0])}function P(a,b){for(var c=new F,d,e=a.length,f=0;f&lt;e;++f)d=a.charAt(f),d=b[d.toUpperCase()],null!=d&amp;&amp;c.a(d);return c.toString()}</w:t>
            </w:r>
          </w:p>
          <w:p w:rsidR="00156FB3" w:rsidRDefault="00156FB3" w:rsidP="00156FB3">
            <w:r>
              <w:t>function Q(a){return null!=a&amp;&amp;isNaN(a)&amp;&amp;a.toUpperCase()in wa}</w:t>
            </w:r>
          </w:p>
          <w:p w:rsidR="00156FB3" w:rsidRDefault="00156FB3" w:rsidP="00156FB3">
            <w:r>
              <w:t>function Ma(a,b,c){if(0==t(b,2)&amp;&amp;null!=b.a[5]){var d=y(b,5);if(0&lt;d.length)return d}d=y(b,1);var e=R(b);if(0==c)return Na(d,0,e,"");if(!(d in K))return e;a=S(a,d,T(d));b=null!=b.a[3]&amp;&amp;0!=t(b,3).length?3==c?";ext="+t(b,3):null!=a.a[13]?t(a,13)+y(b,3):" ext. "+y(b,3):"";a:{a=0==w(a,20).length||2==c?w(a,19):w(a,20);for(var f,g=a.length,h=0;h&lt;g;++h){f=a[h];var l=A(f,3);if(0==l||0==e.search(t(f,3,l-1)))if(l=new RegExp(t(f,1)),O(l,e)){a=f;break a}}a=null}null!=a&amp;&amp;(g=a,a=y(g,2),f=new RegExp(t(g,1)),y(g,5),</w:t>
            </w:r>
          </w:p>
          <w:p w:rsidR="00156FB3" w:rsidRDefault="00156FB3" w:rsidP="00156FB3">
            <w:r>
              <w:t>g=y(g,4),e=2==c&amp;&amp;null!=g&amp;&amp;0&lt;g.length?e.replace(f,a.replace(Ga,g)):e.replace(f,a),3==c&amp;&amp;(e=e.replace(/^[-x\u2010-\u2015\u2212\u30fc\uff0d-\uff0f \u00a0\u00ad\u200b\u2060\u3000()\uff08\uff09\uff3b\uff3d.\[\]/~\u2053\u223c\uff5e]+/,""),e=e.replace(/[-x\u2010-\u2015\u2212\u30fc\uff0d-\uff0f \u00a0\u00ad\u200b\u2060\u3000()\uff08\uff09\uff3b\uff3d.\[\]/~\u2053\u223c\uff5e]+/g,"-")));return Na(d,c,e,b)}function S(a,b,c){return"001"==c?U(a,""+b):U(a,c)}</w:t>
            </w:r>
          </w:p>
          <w:p w:rsidR="00156FB3" w:rsidRDefault="00156FB3" w:rsidP="00156FB3">
            <w:r>
              <w:t>function R(a){if(null==a.a[2])return"";var b=""+t(a,2);return null!=a.a[4]&amp;&amp;t(a,4)&amp;&amp;0&lt;y(a,8)?Array(y(a,8)+1).join("0")+b:b}function Na(a,b,c,d){switch(b){case 0:return"+"+a+c+d;case 1:return"+"+a+" "+c+d;case 3:return"tel:+"+a+"-"+c+d;default:return c+d}}</w:t>
            </w:r>
          </w:p>
          <w:p w:rsidR="00156FB3" w:rsidRDefault="00156FB3" w:rsidP="00156FB3">
            <w:r>
              <w:t>function V(a,b){switch(b){case 4:return t(a,5);case 3:return t(a,4);case 1:return t(a,3);case 0:case 2:return t(a,2);case 5:return t(a,6);case 6:return t(a,8);case 7:return t(a,7);case 8:return t(a,21);case 9:return t(a,25);case 10:return t(a,28);default:return t(a,1)}}function W(a,b){return X(a,t(b,1))?X(a,t(b,5))?4:X(a,t(b,4))?3:X(a,t(b,6))?5:X(a,t(b,8))?6:X(a,t(b,7))?7:X(a,t(b,21))?8:X(a,t(b,25))?9:X(a,t(b,28))?10:X(a,t(b,2))?t(b,18)||X(a,t(b,3))?2:0:!t(b,18)&amp;&amp;X(a,t(b,3))?1:-1:-1}</w:t>
            </w:r>
          </w:p>
          <w:p w:rsidR="00156FB3" w:rsidRDefault="00156FB3" w:rsidP="00156FB3">
            <w:r>
              <w:t>function U(a,b){if(null==b)return null;b=b.toUpperCase();var c=a.a[b];if(null==c){c=wa[b];if(null==c)return null;c=(new E).a(I.f(),c);a.a[b]=c}return c}function X(a,b){var c=a.length;return 0&lt;A(b,9)&amp;&amp;-1==p(w(b,9),c)?!1:O(y(b,2),a)}</w:t>
            </w:r>
          </w:p>
          <w:p w:rsidR="00156FB3" w:rsidRDefault="00156FB3" w:rsidP="00156FB3">
            <w:r>
              <w:t>function Oa(a,b){if(null==b)return null;var c=y(b,1);c=K[c];if(null==c)a=null;else if(1==c.length)a=c[0];else a:{b=R(b);for(var d,e=c.length,f=0;f&lt;e;f++){d=c[f];var g=U(a,d);if(null!=g.a[23]){if(0==b.search(t(g,23))){a=d;break a}}else if(-1!=W(b,g)){a=d;break a}}a=null}return a}function T(a){a=K[a];return null==a?"ZZ":a[0]}</w:t>
            </w:r>
          </w:p>
          <w:p w:rsidR="00156FB3" w:rsidRDefault="00156FB3" w:rsidP="00156FB3">
            <w:r>
              <w:t>function Y(a,b,c,d){var e=V(c,d),f=0==A(e,9)?w(t(c,1),9):w(e,9);e=w(e,10);if(2==d)if(La(V(c,0)))a=V(c,1),La(a)&amp;&amp;(f=f.concat(0==A(a,9)?w(t(c,1),9):w(a,9)),q(f),0==e.length?e=w(a,10):(e=e.concat(w(a,10)),q(e)));else return Y(a,b,c,1);if(-1==f[0])return 5;b=b.length;if(-1&lt;p(e,b))return 4;c=f[0];return c==b?0:c&gt;b?2:f[f.length-1]&lt;b?3:-1&lt;p(f,b,1)?0:5}function Pa(a,b){var c=R(b);b=y(b,1);if(!(b in K))return 1;b=S(a,b,T(b));return Y(a,c,b,-1)}</w:t>
            </w:r>
          </w:p>
          <w:p w:rsidR="00156FB3" w:rsidRDefault="00156FB3" w:rsidP="00156FB3">
            <w:r>
              <w:t xml:space="preserve">function Qa(a,b,c,d,e,f){if(0==b.length)return 0;b=new F(b);var g;null!=c&amp;&amp;(g=t(c,11));null==g&amp;&amp;(g="NonMatch");var h=b.toString();if(0==h.length)g=20;else if(N.test(h))h=h.replace(N,""),b.c="",b.a(Ja(h)),g=1;else{h=new RegExp(g);Ka(b);g=b.toString();if(0==g.search(h)){h=g.match(h)[0].length;var l=g.substring(h).match(za);l&amp;&amp;null!=l[1]&amp;&amp;0&lt;l[1].length&amp;&amp;"0"==P(l[1],xa)?g=!1:(b.c="",b.a(g.substring(h)),g=!0)}else g=!1;g=g?5:20}e&amp;&amp;u(f,6,g);if(20!=g){if(2&gt;=b.c.length)throw Error("Phone number too short </w:t>
            </w:r>
            <w:r>
              <w:lastRenderedPageBreak/>
              <w:t>after IDD");</w:t>
            </w:r>
          </w:p>
          <w:p w:rsidR="00156FB3" w:rsidRDefault="00156FB3" w:rsidP="00156FB3">
            <w:r>
              <w:t>a:{a=b.toString();if(0!=a.length&amp;&amp;"0"!=a.charAt(0))for(e=a.length,b=1;3&gt;=b&amp;&amp;b&lt;=e;++b)if(c=parseInt(a.substring(0,b),10),c in K){d.a(a.substring(b));d=c;break a}d=0}if(0!=d)return u(f,1,d),d;throw Error("Invalid country calling code");}if(null!=c&amp;&amp;(g=y(c,10),h=""+g,l=b.toString(),0==l.lastIndexOf(h,0)&amp;&amp;(h=new F(l.substring(h.length)),l=t(c,1),l=new RegExp(y(l,2)),Ra(h,c,null),h=h.toString(),!O(l,b.toString())&amp;&amp;O(l,h)||3==Y(a,b.toString(),c,-1))))return d.a(h),e&amp;&amp;u(f,6,10),u(f,1,g),g;u(f,1,0);return 0}</w:t>
            </w:r>
          </w:p>
          <w:p w:rsidR="00156FB3" w:rsidRDefault="00156FB3" w:rsidP="00156FB3">
            <w:r>
              <w:t>function Ra(a,b,c){var d=a.toString(),e=d.length,f=t(b,15);if(0!=e&amp;&amp;null!=f&amp;&amp;0!=f.length){var g=new RegExp("^(?:"+f+")");if(e=g.exec(d)){f=new RegExp(y(t(b,1),2));var h=O(f,d),l=e.length-1;b=t(b,16);if(null==b||0==b.length||null==e[l]||0==e[l].length){if(!h||O(f,d.substring(e[0].length)))null!=c&amp;&amp;0&lt;l&amp;&amp;null!=e[l]&amp;&amp;c.a(e[1]),a.set(d.substring(e[0].length))}else if(d=d.replace(g,b),!h||O(f,d))null!=c&amp;&amp;0&lt;l&amp;&amp;c.a(e[1]),a.set(d)}}}</w:t>
            </w:r>
          </w:p>
          <w:p w:rsidR="00156FB3" w:rsidRDefault="00156FB3" w:rsidP="00156FB3">
            <w:r>
              <w:t>function Z(a,b,c){if(!Q(c)&amp;&amp;0&lt;b.length&amp;&amp;"+"!=b.charAt(0))throw Error("Invalid country calling code");return Sa(a,b,c,!0)}</w:t>
            </w:r>
          </w:p>
          <w:p w:rsidR="00156FB3" w:rsidRDefault="00156FB3" w:rsidP="00156FB3">
            <w:r>
              <w:t>function Sa(a,b,c,d){if(null==b)throw Error("The string supplied did not seem to be a phone number");if(250&lt;b.length)throw Error("The string supplied is too long to be a phone number");var e=new F,f=b.indexOf(";phone-context=");if(0&lt;=f){var g=f+15;if("+"==b.charAt(g)){var h=b.indexOf(";",g);0&lt;h?e.a(b.substring(g,h)):e.a(b.substring(g))}g=b.indexOf("tel:");e.a(b.substring(0&lt;=g?g+4:0,f))}else e.a(Ha(b));f=e.toString();g=f.indexOf(";isub=");0&lt;g&amp;&amp;(e.c="",e.a(f.substring(0,g)));if(!Ia(e.toString()))throw Error("The string supplied did not seem to be a phone number");</w:t>
            </w:r>
          </w:p>
          <w:p w:rsidR="00156FB3" w:rsidRDefault="00156FB3" w:rsidP="00156FB3">
            <w:r>
              <w:t>f=e.toString();if(!(Q(c)||null!=f&amp;&amp;0&lt;f.length&amp;&amp;N.test(f)))throw Error("Invalid country calling code");f=new J;d&amp;&amp;u(f,5,b);a:{b=e.toString();g=b.search(Ea);if(0&lt;=g&amp;&amp;Ia(b.substring(0,g))){h=b.match(Ea);for(var l=h.length,z=1;z&lt;l;++z)if(null!=h[z]&amp;&amp;0&lt;h[z].length){e.c="";e.a(b.substring(0,g));b=h[z];break a}}b=""}0&lt;b.length&amp;&amp;u(f,3,b);g=U(a,c);b=new F;h=0;l=e.toString();try{h=Qa(a,l,g,b,d,f)}catch(L){if("Invalid country calling code"==L.message&amp;&amp;N.test(l)){if(l=l.replace(N,""),h=Qa(a,l,g,b,d,f),0==h)throw L;</w:t>
            </w:r>
          </w:p>
          <w:p w:rsidR="00156FB3" w:rsidRDefault="00156FB3" w:rsidP="00156FB3">
            <w:r>
              <w:t>}else throw L;}0!=h?(e=T(h),e!=c&amp;&amp;(g=S(a,h,e))):(Ka(e),b.a(e.toString()),null!=c?(h=y(g,10),u(f,1,h)):d&amp;&amp;(delete f.a[6],f.c&amp;&amp;delete f.c[6]));if(2&gt;b.c.length)throw Error("The string supplied is too short to be a phone number");null!=g&amp;&amp;(c=new F,e=new F(b.toString()),Ra(e,g,c),a=Y(a,e.toString(),g,-1),2!=a&amp;&amp;4!=a&amp;&amp;5!=a&amp;&amp;(b=e,d&amp;&amp;0&lt;c.toString().length&amp;&amp;u(f,7,c.toString())));d=b.toString();a=d.length;if(2&gt;a)throw Error("The string supplied is too short to be a phone number");if(17&lt;a)throw Error("The string supplied is too long to be a phone number");</w:t>
            </w:r>
          </w:p>
          <w:p w:rsidR="00156FB3" w:rsidRDefault="00156FB3" w:rsidP="00156FB3">
            <w:r>
              <w:t>if(1&lt;d.length&amp;&amp;"0"==d.charAt(0)){u(f,4,!0);for(a=1;a&lt;d.length-1&amp;&amp;"0"==d.charAt(a);)a++;1!=a&amp;&amp;u(f,8,a)}u(f,2,parseInt(d,10));return f}function O(a,b){return(a="string"==typeof a?b.match("^(?:"+a+")$"):b.match(a))&amp;&amp;a[0].length==b.length?!0:!1};m("intlTelInputUtils",{});m("intlTelInputUtils.formatNumber",function(a,b,c){try{var d=M.a(),e=Z(d,a,b),f=Pa(d,e);return 0==f||4==f?Ma(d,e,"undefined"==typeof c?0:c):a}catch(g){return a}});m("intlTelInputUtils.getExampleNumber",function(a,b,c){try{var d=M.a();a:{if(Q(a)){var e=V(U(d,a),c);try{if(null!=e.a[6]){var f=t(e,6);var g=Sa(d,f,a,!1);break a}}catch(h){}}g=null}return Ma(d,g,b?2:1)}catch(h){return""}});m("intlTelInputUtils.getExtension",function(a,b){try{return t(Z(M.a(),a,b),3)}catch(c){return""}});</w:t>
            </w:r>
          </w:p>
          <w:p w:rsidR="00156FB3" w:rsidRDefault="00156FB3" w:rsidP="00156FB3">
            <w:r>
              <w:t>m("intlTelInputUtils.getNumberType",function(a,b){try{var c=M.a();var d=Z(c,a,b),e=Oa(c,d),f=S(c,y(d,1),e);if(null==f)var g=-1;else{var h=R(d);g=W(h,f)}return g}catch(l){return-</w:t>
            </w:r>
            <w:r>
              <w:lastRenderedPageBreak/>
              <w:t>99}});</w:t>
            </w:r>
          </w:p>
          <w:p w:rsidR="00156FB3" w:rsidRDefault="00156FB3" w:rsidP="00156FB3">
            <w:r>
              <w:t>m("intlTelInputUtils.getValidationError",function(a,b){try{var c=M.a(),d=Z(c,a,b);return Pa(c,d)}catch(e){return"Invalid country calling code"==e.message?1:"The string supplied did not seem to be a phone number"==e.message?4:"Phone number too short after IDD"==e.message||"The string supplied is too short to be a phone number"==e?2:"The string supplied is too long to be a phone number"==e.message?3:-99}});</w:t>
            </w:r>
          </w:p>
          <w:p w:rsidR="00156FB3" w:rsidRDefault="00156FB3" w:rsidP="00156FB3">
            <w:r>
              <w:t>m("intlTelInputUtils.isValidNumber",function(a,b){try{var c=M.a(),d=Z(c,a,b);var e=Oa(c,d),f=y(d,1),g=S(c,f,e),h;if(!(h=null==g)){var l;if(l="001"!=e){var z=U(c,e);if(null==z)throw Error("Invalid region code: "+e);var L=y(z,10);l=f!=L}h=l}if(h)var va=!1;else{var Ta=R(d);va=-1!=W(Ta,g)}return va}catch(Ua){return!1}});m("intlTelInputUtils.numberFormat",{E164:0,INTERNATIONAL:1,NATIONAL:2,RFC3966:3});</w:t>
            </w:r>
          </w:p>
          <w:p w:rsidR="0048012D" w:rsidRDefault="00156FB3" w:rsidP="00156FB3">
            <w:r>
              <w:t>m("intlTelInputUtils.numberType",{FIXED_LINE:0,MOBILE:1,FIXED_LINE_OR_MOBILE:2,TOLL_FREE:3,PREMIUM_RATE:4,SHARED_COST:5,VOIP:6,PERSONAL_NUMBER:7,PAGER:8,UAN:9,VOICEMAIL:10,UNKNOWN:-1});m("intlTelInputUtils.validationError",{IS_POSSIBLE:0,INVALID_COUNTRY_CODE:1,TOO_SHORT:2,TOO_LONG:3,NOT_A_NUMBER:4});})();</w:t>
            </w:r>
          </w:p>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Validator.js</w:t>
            </w:r>
          </w:p>
        </w:tc>
      </w:tr>
      <w:tr w:rsidR="0048012D" w:rsidTr="0048012D">
        <w:tc>
          <w:tcPr>
            <w:tcW w:w="9576" w:type="dxa"/>
          </w:tcPr>
          <w:p w:rsidR="00156FB3" w:rsidRDefault="00156FB3" w:rsidP="00156FB3">
            <w:r>
              <w:t>/* ========================================================================</w:t>
            </w:r>
          </w:p>
          <w:p w:rsidR="00156FB3" w:rsidRDefault="00156FB3" w:rsidP="00156FB3">
            <w:r>
              <w:t xml:space="preserve"> * Bootstrap (plugin): validator.js v0.9.0</w:t>
            </w:r>
          </w:p>
          <w:p w:rsidR="00156FB3" w:rsidRDefault="00156FB3" w:rsidP="00156FB3">
            <w:r>
              <w:t xml:space="preserve"> * ========================================================================</w:t>
            </w:r>
          </w:p>
          <w:p w:rsidR="00156FB3" w:rsidRDefault="00156FB3" w:rsidP="00156FB3">
            <w:r>
              <w:t xml:space="preserve"> */</w:t>
            </w:r>
          </w:p>
          <w:p w:rsidR="00156FB3" w:rsidRDefault="00156FB3" w:rsidP="00156FB3"/>
          <w:p w:rsidR="00156FB3" w:rsidRDefault="00156FB3" w:rsidP="00156FB3"/>
          <w:p w:rsidR="00156FB3" w:rsidRDefault="00156FB3" w:rsidP="00156FB3">
            <w:r>
              <w:t>+function ($) {</w:t>
            </w:r>
          </w:p>
          <w:p w:rsidR="00156FB3" w:rsidRDefault="00156FB3" w:rsidP="00156FB3">
            <w:r>
              <w:t xml:space="preserve">    'use strict';</w:t>
            </w:r>
          </w:p>
          <w:p w:rsidR="00156FB3" w:rsidRDefault="00156FB3" w:rsidP="00156FB3"/>
          <w:p w:rsidR="00156FB3" w:rsidRDefault="00156FB3" w:rsidP="00156FB3">
            <w:r>
              <w:t xml:space="preserve">    // VALIDATOR CLASS DEFINITION</w:t>
            </w:r>
          </w:p>
          <w:p w:rsidR="00156FB3" w:rsidRDefault="00156FB3" w:rsidP="00156FB3">
            <w:r>
              <w:t xml:space="preserve">    // ==========================</w:t>
            </w:r>
          </w:p>
          <w:p w:rsidR="00156FB3" w:rsidRDefault="00156FB3" w:rsidP="00156FB3"/>
          <w:p w:rsidR="00156FB3" w:rsidRDefault="00156FB3" w:rsidP="00156FB3">
            <w:r>
              <w:t xml:space="preserve">    var Validator = function (element, options) {</w:t>
            </w:r>
          </w:p>
          <w:p w:rsidR="00156FB3" w:rsidRDefault="00156FB3" w:rsidP="00156FB3">
            <w:r>
              <w:t xml:space="preserve">        this.$element = $(element);</w:t>
            </w:r>
          </w:p>
          <w:p w:rsidR="00156FB3" w:rsidRDefault="00156FB3" w:rsidP="00156FB3">
            <w:r>
              <w:t xml:space="preserve">        this.options = options;</w:t>
            </w:r>
          </w:p>
          <w:p w:rsidR="00156FB3" w:rsidRDefault="00156FB3" w:rsidP="00156FB3"/>
          <w:p w:rsidR="00156FB3" w:rsidRDefault="00156FB3" w:rsidP="00156FB3">
            <w:r>
              <w:t xml:space="preserve">        options.errors = $.extend({}, Validator.DEFAULTS.errors, options.errors);</w:t>
            </w:r>
          </w:p>
          <w:p w:rsidR="00156FB3" w:rsidRDefault="00156FB3" w:rsidP="00156FB3"/>
          <w:p w:rsidR="00156FB3" w:rsidRDefault="00156FB3" w:rsidP="00156FB3">
            <w:r>
              <w:t xml:space="preserve">        for (var custom in options.custom) {</w:t>
            </w:r>
          </w:p>
          <w:p w:rsidR="00156FB3" w:rsidRDefault="00156FB3" w:rsidP="00156FB3">
            <w:r>
              <w:t xml:space="preserve">            if (!options.errors[custom])</w:t>
            </w:r>
          </w:p>
          <w:p w:rsidR="00156FB3" w:rsidRDefault="00156FB3" w:rsidP="00156FB3">
            <w:r>
              <w:t xml:space="preserve">                throw new Error('Missing default error message for custom validator: ' + custom)</w:t>
            </w:r>
          </w:p>
          <w:p w:rsidR="00156FB3" w:rsidRDefault="00156FB3" w:rsidP="00156FB3">
            <w:r>
              <w:t xml:space="preserve">        }</w:t>
            </w:r>
          </w:p>
          <w:p w:rsidR="00156FB3" w:rsidRDefault="00156FB3" w:rsidP="00156FB3"/>
          <w:p w:rsidR="00156FB3" w:rsidRDefault="00156FB3" w:rsidP="00156FB3">
            <w:r>
              <w:t xml:space="preserve">        $.extend(Validator.VALIDATORS, options.custom);</w:t>
            </w:r>
          </w:p>
          <w:p w:rsidR="00156FB3" w:rsidRDefault="00156FB3" w:rsidP="00156FB3"/>
          <w:p w:rsidR="00156FB3" w:rsidRDefault="00156FB3" w:rsidP="00156FB3">
            <w:r>
              <w:lastRenderedPageBreak/>
              <w:t xml:space="preserve">        this.$element.attr('novalidate', true); // disable automatic native validation</w:t>
            </w:r>
          </w:p>
          <w:p w:rsidR="00156FB3" w:rsidRDefault="00156FB3" w:rsidP="00156FB3">
            <w:r>
              <w:t xml:space="preserve">        this.toggleSubmit();</w:t>
            </w:r>
          </w:p>
          <w:p w:rsidR="00156FB3" w:rsidRDefault="00156FB3" w:rsidP="00156FB3"/>
          <w:p w:rsidR="00156FB3" w:rsidRDefault="00156FB3" w:rsidP="00156FB3">
            <w:r>
              <w:t xml:space="preserve">        this.$element.on('input.bs.validator change.bs.validator focusout.bs.validator', $.proxy(this.validateInput, this));</w:t>
            </w:r>
          </w:p>
          <w:p w:rsidR="00156FB3" w:rsidRDefault="00156FB3" w:rsidP="00156FB3">
            <w:r>
              <w:t xml:space="preserve">        this.$element.on('submit.bs.validator', $.proxy(this.onSubmit, this));</w:t>
            </w:r>
          </w:p>
          <w:p w:rsidR="00156FB3" w:rsidRDefault="00156FB3" w:rsidP="00156FB3"/>
          <w:p w:rsidR="00156FB3" w:rsidRDefault="00156FB3" w:rsidP="00156FB3">
            <w:r>
              <w:t xml:space="preserve">        this.$element.find('[data-match]').each(function () {</w:t>
            </w:r>
          </w:p>
          <w:p w:rsidR="00156FB3" w:rsidRDefault="00156FB3" w:rsidP="00156FB3">
            <w:r>
              <w:t xml:space="preserve">            var $this = $(this);</w:t>
            </w:r>
          </w:p>
          <w:p w:rsidR="00156FB3" w:rsidRDefault="00156FB3" w:rsidP="00156FB3">
            <w:r>
              <w:t xml:space="preserve">            var target = $this.data('match');</w:t>
            </w:r>
          </w:p>
          <w:p w:rsidR="00156FB3" w:rsidRDefault="00156FB3" w:rsidP="00156FB3"/>
          <w:p w:rsidR="00156FB3" w:rsidRDefault="00156FB3" w:rsidP="00156FB3">
            <w:r>
              <w:t xml:space="preserve">            $(target).on('input.bs.validator', function (e) {</w:t>
            </w:r>
          </w:p>
          <w:p w:rsidR="00156FB3" w:rsidRDefault="00156FB3" w:rsidP="00156FB3">
            <w:r>
              <w:t xml:space="preserve">                $this.val() &amp;&amp; $this.trigger('input.bs.validator')</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lidator.INPUT_SELECTOR = ':input:not([type="submit"], button, .novalidate):enabled:visible, select, :input[data-toggle="validator"], textarea[data-toggle="validator"]';</w:t>
            </w:r>
          </w:p>
          <w:p w:rsidR="00156FB3" w:rsidRDefault="00156FB3" w:rsidP="00156FB3"/>
          <w:p w:rsidR="00156FB3" w:rsidRDefault="00156FB3" w:rsidP="00156FB3">
            <w:r>
              <w:t xml:space="preserve">    Validator.EMPTY_STRING_REGEXP = '/^\s*$/';</w:t>
            </w:r>
          </w:p>
          <w:p w:rsidR="00156FB3" w:rsidRDefault="00156FB3" w:rsidP="00156FB3"/>
          <w:p w:rsidR="00156FB3" w:rsidRDefault="00156FB3" w:rsidP="00156FB3">
            <w:r>
              <w:t xml:space="preserve">    Validator.DEFAULTS = {</w:t>
            </w:r>
          </w:p>
          <w:p w:rsidR="00156FB3" w:rsidRDefault="00156FB3" w:rsidP="00156FB3">
            <w:r>
              <w:t xml:space="preserve">        delay: 500,</w:t>
            </w:r>
          </w:p>
          <w:p w:rsidR="00156FB3" w:rsidRDefault="00156FB3" w:rsidP="00156FB3">
            <w:r>
              <w:t xml:space="preserve">        html: false,</w:t>
            </w:r>
          </w:p>
          <w:p w:rsidR="00156FB3" w:rsidRDefault="00156FB3" w:rsidP="00156FB3">
            <w:r>
              <w:t xml:space="preserve">        disable: true,</w:t>
            </w:r>
          </w:p>
          <w:p w:rsidR="00156FB3" w:rsidRDefault="00156FB3" w:rsidP="00156FB3">
            <w:r>
              <w:t xml:space="preserve">        custom: {},</w:t>
            </w:r>
          </w:p>
          <w:p w:rsidR="00156FB3" w:rsidRDefault="00156FB3" w:rsidP="00156FB3">
            <w:r>
              <w:t xml:space="preserve">        errors: {</w:t>
            </w:r>
          </w:p>
          <w:p w:rsidR="00156FB3" w:rsidRDefault="00156FB3" w:rsidP="00156FB3">
            <w:r>
              <w:t xml:space="preserve">            match: 'Does not match',</w:t>
            </w:r>
          </w:p>
          <w:p w:rsidR="00156FB3" w:rsidRDefault="00156FB3" w:rsidP="00156FB3">
            <w:r>
              <w:t xml:space="preserve">            minlength: 'Not long enough'</w:t>
            </w:r>
          </w:p>
          <w:p w:rsidR="00156FB3" w:rsidRDefault="00156FB3" w:rsidP="00156FB3">
            <w:r>
              <w:t xml:space="preserve">        },</w:t>
            </w:r>
          </w:p>
          <w:p w:rsidR="00156FB3" w:rsidRDefault="00156FB3" w:rsidP="00156FB3">
            <w:r>
              <w:t xml:space="preserve">        feedback: {</w:t>
            </w:r>
          </w:p>
          <w:p w:rsidR="00156FB3" w:rsidRDefault="00156FB3" w:rsidP="00156FB3">
            <w:r>
              <w:t xml:space="preserve">            success: 'glyphicon-ok',</w:t>
            </w:r>
          </w:p>
          <w:p w:rsidR="00156FB3" w:rsidRDefault="00156FB3" w:rsidP="00156FB3">
            <w:r>
              <w:t xml:space="preserve">            error: 'glyphicon-remov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lidator.VALIDATORS = {</w:t>
            </w:r>
          </w:p>
          <w:p w:rsidR="00156FB3" w:rsidRDefault="00156FB3" w:rsidP="00156FB3">
            <w:r>
              <w:t xml:space="preserve">        'native': function ($el) {</w:t>
            </w:r>
          </w:p>
          <w:p w:rsidR="00156FB3" w:rsidRDefault="00156FB3" w:rsidP="00156FB3">
            <w:r>
              <w:t xml:space="preserve">            var el = $el[0];</w:t>
            </w:r>
          </w:p>
          <w:p w:rsidR="00156FB3" w:rsidRDefault="00156FB3" w:rsidP="00156FB3">
            <w:r>
              <w:t xml:space="preserve">            return el.checkValidity ? el.checkValidity() : true;</w:t>
            </w:r>
          </w:p>
          <w:p w:rsidR="00156FB3" w:rsidRDefault="00156FB3" w:rsidP="00156FB3">
            <w:r>
              <w:t xml:space="preserve">        },</w:t>
            </w:r>
          </w:p>
          <w:p w:rsidR="00156FB3" w:rsidRDefault="00156FB3" w:rsidP="00156FB3">
            <w:r>
              <w:t xml:space="preserve">        'match': function ($el) {</w:t>
            </w:r>
          </w:p>
          <w:p w:rsidR="00156FB3" w:rsidRDefault="00156FB3" w:rsidP="00156FB3">
            <w:r>
              <w:t xml:space="preserve">            var target = $el.data('match');</w:t>
            </w:r>
          </w:p>
          <w:p w:rsidR="00156FB3" w:rsidRDefault="00156FB3" w:rsidP="00156FB3">
            <w:r>
              <w:t xml:space="preserve">            return !$el.val() || $el.val() === $(target).val();</w:t>
            </w:r>
          </w:p>
          <w:p w:rsidR="00156FB3" w:rsidRDefault="00156FB3" w:rsidP="00156FB3">
            <w:r>
              <w:t xml:space="preserve">        },</w:t>
            </w:r>
          </w:p>
          <w:p w:rsidR="00156FB3" w:rsidRDefault="00156FB3" w:rsidP="00156FB3">
            <w:r>
              <w:t xml:space="preserve">        'minlength': function ($el) {</w:t>
            </w:r>
          </w:p>
          <w:p w:rsidR="00156FB3" w:rsidRDefault="00156FB3" w:rsidP="00156FB3">
            <w:r>
              <w:t xml:space="preserve">            var minlength = $el.data('minlength');</w:t>
            </w:r>
          </w:p>
          <w:p w:rsidR="00156FB3" w:rsidRDefault="00156FB3" w:rsidP="00156FB3">
            <w:r>
              <w:lastRenderedPageBreak/>
              <w:t xml:space="preserve">            return !$el.val() || $el.val().length &gt;= minlength;</w:t>
            </w:r>
          </w:p>
          <w:p w:rsidR="00156FB3" w:rsidRDefault="00156FB3" w:rsidP="00156FB3">
            <w:r>
              <w:t xml:space="preserve">        },</w:t>
            </w:r>
          </w:p>
          <w:p w:rsidR="00156FB3" w:rsidRDefault="00156FB3" w:rsidP="00156FB3">
            <w:r>
              <w:t xml:space="preserve">        'maxlength': function ($el) {</w:t>
            </w:r>
          </w:p>
          <w:p w:rsidR="00156FB3" w:rsidRDefault="00156FB3" w:rsidP="00156FB3">
            <w:r>
              <w:t xml:space="preserve">            var maxlength = $el.data('maxlength');</w:t>
            </w:r>
          </w:p>
          <w:p w:rsidR="00156FB3" w:rsidRDefault="00156FB3" w:rsidP="00156FB3">
            <w:r>
              <w:t xml:space="preserve">            return !$el.val() || $el.val().length &lt;= maxlength;</w:t>
            </w:r>
          </w:p>
          <w:p w:rsidR="00156FB3" w:rsidRDefault="00156FB3" w:rsidP="00156FB3">
            <w:r>
              <w:t xml:space="preserve">        },</w:t>
            </w:r>
          </w:p>
          <w:p w:rsidR="00156FB3" w:rsidRDefault="00156FB3" w:rsidP="00156FB3">
            <w:r>
              <w:t xml:space="preserve">        'atleast': function ($el) {</w:t>
            </w:r>
          </w:p>
          <w:p w:rsidR="00156FB3" w:rsidRDefault="00156FB3" w:rsidP="00156FB3">
            <w:r>
              <w:t xml:space="preserve">            var atleast = $el.data('atleast');</w:t>
            </w:r>
          </w:p>
          <w:p w:rsidR="00156FB3" w:rsidRDefault="00156FB3" w:rsidP="00156FB3">
            <w:r>
              <w:t xml:space="preserve">            var name = $el.attr('name');</w:t>
            </w:r>
          </w:p>
          <w:p w:rsidR="00156FB3" w:rsidRDefault="00156FB3" w:rsidP="00156FB3">
            <w:r>
              <w:t xml:space="preserve">            if ($('input[name="' + name + '"]:checked').length &gt;= atleast) {</w:t>
            </w:r>
          </w:p>
          <w:p w:rsidR="00156FB3" w:rsidRDefault="00156FB3" w:rsidP="00156FB3">
            <w:r>
              <w:t xml:space="preserve">                $('input[name="' + name + '"]').off('.bs.validator')</w:t>
            </w:r>
          </w:p>
          <w:p w:rsidR="00156FB3" w:rsidRDefault="00156FB3" w:rsidP="00156FB3">
            <w:r>
              <w:t xml:space="preserve">                    .removeData(['bs.validator.errors', 'bs.validator.deferred', 'bs.validator.previous']);</w:t>
            </w:r>
          </w:p>
          <w:p w:rsidR="00156FB3" w:rsidRDefault="00156FB3" w:rsidP="00156FB3">
            <w:r>
              <w:t xml:space="preserve">                return true;</w:t>
            </w:r>
          </w:p>
          <w:p w:rsidR="00156FB3" w:rsidRDefault="00156FB3" w:rsidP="00156FB3">
            <w:r>
              <w:t xml:space="preserve">            } else {</w:t>
            </w:r>
          </w:p>
          <w:p w:rsidR="00156FB3" w:rsidRDefault="00156FB3" w:rsidP="00156FB3">
            <w:r>
              <w:t xml:space="preserve">                return false;</w:t>
            </w:r>
          </w:p>
          <w:p w:rsidR="00156FB3" w:rsidRDefault="00156FB3" w:rsidP="00156FB3">
            <w:r>
              <w:t xml:space="preserve">            }</w:t>
            </w:r>
          </w:p>
          <w:p w:rsidR="00156FB3" w:rsidRDefault="00156FB3" w:rsidP="00156FB3">
            <w:r>
              <w:t xml:space="preserve">        },</w:t>
            </w:r>
          </w:p>
          <w:p w:rsidR="00156FB3" w:rsidRDefault="00156FB3" w:rsidP="00156FB3">
            <w:r>
              <w:t xml:space="preserve">        'type': function ($el) {</w:t>
            </w:r>
          </w:p>
          <w:p w:rsidR="00156FB3" w:rsidRDefault="00156FB3" w:rsidP="00156FB3">
            <w:r>
              <w:t xml:space="preserve">            var type = $el.data('type');</w:t>
            </w:r>
          </w:p>
          <w:p w:rsidR="00156FB3" w:rsidRDefault="00156FB3" w:rsidP="00156FB3">
            <w:r>
              <w:t xml:space="preserve">            if (type === "intl") {</w:t>
            </w:r>
          </w:p>
          <w:p w:rsidR="00156FB3" w:rsidRDefault="00156FB3" w:rsidP="00156FB3">
            <w:r>
              <w:t xml:space="preserve">                return !$el.val() || this.isIntl($el)</w:t>
            </w:r>
          </w:p>
          <w:p w:rsidR="00156FB3" w:rsidRDefault="00156FB3" w:rsidP="00156FB3">
            <w:r>
              <w:t xml:space="preserve">            } else if (type === "number") {</w:t>
            </w:r>
          </w:p>
          <w:p w:rsidR="00156FB3" w:rsidRDefault="00156FB3" w:rsidP="00156FB3">
            <w:r>
              <w:t xml:space="preserve">                return !$el.val() || this.isNumber($el.val());</w:t>
            </w:r>
          </w:p>
          <w:p w:rsidR="00156FB3" w:rsidRDefault="00156FB3" w:rsidP="00156FB3">
            <w:r>
              <w:t xml:space="preserve">            } else if (type === "integer") {</w:t>
            </w:r>
          </w:p>
          <w:p w:rsidR="00156FB3" w:rsidRDefault="00156FB3" w:rsidP="00156FB3">
            <w:r>
              <w:t xml:space="preserve">                return !$el.val() || this.isInteger($el.val());</w:t>
            </w:r>
          </w:p>
          <w:p w:rsidR="00156FB3" w:rsidRDefault="00156FB3" w:rsidP="00156FB3">
            <w:r>
              <w:t xml:space="preserve">            } else if (type === "date") {</w:t>
            </w:r>
          </w:p>
          <w:p w:rsidR="00156FB3" w:rsidRDefault="00156FB3" w:rsidP="00156FB3">
            <w:r>
              <w:t xml:space="preserve">                return !$el.val() || this.isDate($el.val());</w:t>
            </w:r>
          </w:p>
          <w:p w:rsidR="00156FB3" w:rsidRDefault="00156FB3" w:rsidP="00156FB3">
            <w:r>
              <w:t xml:space="preserve">            } else {</w:t>
            </w:r>
          </w:p>
          <w:p w:rsidR="00156FB3" w:rsidRDefault="00156FB3" w:rsidP="00156FB3">
            <w:r>
              <w:t xml:space="preserve">                return !$el.val();</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Checks if the value is a valid Intl number.</w:t>
            </w:r>
          </w:p>
          <w:p w:rsidR="00156FB3" w:rsidRDefault="00156FB3" w:rsidP="00156FB3">
            <w:r>
              <w:t xml:space="preserve">    Validator.prototype.isIntl = function (element) {</w:t>
            </w:r>
          </w:p>
          <w:p w:rsidR="00156FB3" w:rsidRDefault="00156FB3" w:rsidP="00156FB3">
            <w:r>
              <w:t xml:space="preserve">        return intlTelInputGlobals.getInstance(element[0]).isValidNumber();</w:t>
            </w:r>
          </w:p>
          <w:p w:rsidR="00156FB3" w:rsidRDefault="00156FB3" w:rsidP="00156FB3">
            <w:r>
              <w:t xml:space="preserve">    };</w:t>
            </w:r>
          </w:p>
          <w:p w:rsidR="00156FB3" w:rsidRDefault="00156FB3" w:rsidP="00156FB3"/>
          <w:p w:rsidR="00156FB3" w:rsidRDefault="00156FB3" w:rsidP="00156FB3">
            <w:r>
              <w:t xml:space="preserve">    // Checks if the value is a number. This function does not consider NaN a</w:t>
            </w:r>
          </w:p>
          <w:p w:rsidR="00156FB3" w:rsidRDefault="00156FB3" w:rsidP="00156FB3">
            <w:r>
              <w:t xml:space="preserve">    // number like many other `isNumber` functions do.</w:t>
            </w:r>
          </w:p>
          <w:p w:rsidR="00156FB3" w:rsidRDefault="00156FB3" w:rsidP="00156FB3">
            <w:r>
              <w:t xml:space="preserve">    Validator.prototype.isNumber = function (value) {</w:t>
            </w:r>
          </w:p>
          <w:p w:rsidR="00156FB3" w:rsidRDefault="00156FB3" w:rsidP="00156FB3">
            <w:r>
              <w:t xml:space="preserve">        return !isNaN(value);</w:t>
            </w:r>
          </w:p>
          <w:p w:rsidR="00156FB3" w:rsidRDefault="00156FB3" w:rsidP="00156FB3">
            <w:r>
              <w:t xml:space="preserve">    };</w:t>
            </w:r>
          </w:p>
          <w:p w:rsidR="00156FB3" w:rsidRDefault="00156FB3" w:rsidP="00156FB3"/>
          <w:p w:rsidR="00156FB3" w:rsidRDefault="00156FB3" w:rsidP="00156FB3">
            <w:r>
              <w:t xml:space="preserve">    // Returns false if the object is not a function</w:t>
            </w:r>
          </w:p>
          <w:p w:rsidR="00156FB3" w:rsidRDefault="00156FB3" w:rsidP="00156FB3">
            <w:r>
              <w:t xml:space="preserve">    Validator.prototype.isFunction = function (value) {</w:t>
            </w:r>
          </w:p>
          <w:p w:rsidR="00156FB3" w:rsidRDefault="00156FB3" w:rsidP="00156FB3">
            <w:r>
              <w:t xml:space="preserve">        return typeof value === 'function';</w:t>
            </w:r>
          </w:p>
          <w:p w:rsidR="00156FB3" w:rsidRDefault="00156FB3" w:rsidP="00156FB3">
            <w:r>
              <w:t xml:space="preserve">    };</w:t>
            </w:r>
          </w:p>
          <w:p w:rsidR="00156FB3" w:rsidRDefault="00156FB3" w:rsidP="00156FB3"/>
          <w:p w:rsidR="00156FB3" w:rsidRDefault="00156FB3" w:rsidP="00156FB3">
            <w:r>
              <w:t xml:space="preserve">    // A simple check to verify that the value is an integer. Uses `isNumber`</w:t>
            </w:r>
          </w:p>
          <w:p w:rsidR="00156FB3" w:rsidRDefault="00156FB3" w:rsidP="00156FB3">
            <w:r>
              <w:t xml:space="preserve">    // and a simple modulo check.</w:t>
            </w:r>
          </w:p>
          <w:p w:rsidR="00156FB3" w:rsidRDefault="00156FB3" w:rsidP="00156FB3">
            <w:r>
              <w:t xml:space="preserve">    Validator.prototype.isInteger = function (value) {</w:t>
            </w:r>
          </w:p>
          <w:p w:rsidR="00156FB3" w:rsidRDefault="00156FB3" w:rsidP="00156FB3">
            <w:r>
              <w:t xml:space="preserve">        return this.isNumber(value) &amp;&amp; value % 1 === 0;</w:t>
            </w:r>
          </w:p>
          <w:p w:rsidR="00156FB3" w:rsidRDefault="00156FB3" w:rsidP="00156FB3">
            <w:r>
              <w:t xml:space="preserve">    };</w:t>
            </w:r>
          </w:p>
          <w:p w:rsidR="00156FB3" w:rsidRDefault="00156FB3" w:rsidP="00156FB3"/>
          <w:p w:rsidR="00156FB3" w:rsidRDefault="00156FB3" w:rsidP="00156FB3">
            <w:r>
              <w:t xml:space="preserve">    // Checks if the value is a boolean</w:t>
            </w:r>
          </w:p>
          <w:p w:rsidR="00156FB3" w:rsidRDefault="00156FB3" w:rsidP="00156FB3">
            <w:r>
              <w:t xml:space="preserve">    Validator.prototype.isBoolean = function (value) {</w:t>
            </w:r>
          </w:p>
          <w:p w:rsidR="00156FB3" w:rsidRDefault="00156FB3" w:rsidP="00156FB3">
            <w:r>
              <w:t xml:space="preserve">        return typeof value === 'boolean';</w:t>
            </w:r>
          </w:p>
          <w:p w:rsidR="00156FB3" w:rsidRDefault="00156FB3" w:rsidP="00156FB3">
            <w:r>
              <w:t xml:space="preserve">    };</w:t>
            </w:r>
          </w:p>
          <w:p w:rsidR="00156FB3" w:rsidRDefault="00156FB3" w:rsidP="00156FB3"/>
          <w:p w:rsidR="00156FB3" w:rsidRDefault="00156FB3" w:rsidP="00156FB3">
            <w:r>
              <w:t xml:space="preserve">    // Uses the `Object` function to check if the given argument is an object.</w:t>
            </w:r>
          </w:p>
          <w:p w:rsidR="00156FB3" w:rsidRDefault="00156FB3" w:rsidP="00156FB3">
            <w:r>
              <w:t xml:space="preserve">    Validator.prototype.isObject = function (obj) {</w:t>
            </w:r>
          </w:p>
          <w:p w:rsidR="00156FB3" w:rsidRDefault="00156FB3" w:rsidP="00156FB3">
            <w:r>
              <w:t xml:space="preserve">        return obj === Object(obj);</w:t>
            </w:r>
          </w:p>
          <w:p w:rsidR="00156FB3" w:rsidRDefault="00156FB3" w:rsidP="00156FB3">
            <w:r>
              <w:t xml:space="preserve">    };</w:t>
            </w:r>
          </w:p>
          <w:p w:rsidR="00156FB3" w:rsidRDefault="00156FB3" w:rsidP="00156FB3"/>
          <w:p w:rsidR="00156FB3" w:rsidRDefault="00156FB3" w:rsidP="00156FB3">
            <w:r>
              <w:t xml:space="preserve">    // Simply checks if the object is an instance of a date</w:t>
            </w:r>
          </w:p>
          <w:p w:rsidR="00156FB3" w:rsidRDefault="00156FB3" w:rsidP="00156FB3">
            <w:r>
              <w:t xml:space="preserve">    Validator.prototype.isDate = function (obj) {</w:t>
            </w:r>
          </w:p>
          <w:p w:rsidR="00156FB3" w:rsidRDefault="00156FB3" w:rsidP="00156FB3">
            <w:r>
              <w:t xml:space="preserve">        return obj instanceof Date;</w:t>
            </w:r>
          </w:p>
          <w:p w:rsidR="00156FB3" w:rsidRDefault="00156FB3" w:rsidP="00156FB3">
            <w:r>
              <w:t xml:space="preserve">    };</w:t>
            </w:r>
          </w:p>
          <w:p w:rsidR="00156FB3" w:rsidRDefault="00156FB3" w:rsidP="00156FB3"/>
          <w:p w:rsidR="00156FB3" w:rsidRDefault="00156FB3" w:rsidP="00156FB3">
            <w:r>
              <w:t xml:space="preserve">    // Returns false if the object is `null` of `undefined`</w:t>
            </w:r>
          </w:p>
          <w:p w:rsidR="00156FB3" w:rsidRDefault="00156FB3" w:rsidP="00156FB3">
            <w:r>
              <w:t xml:space="preserve">    Validator.prototype.isDefined = function (obj) {</w:t>
            </w:r>
          </w:p>
          <w:p w:rsidR="00156FB3" w:rsidRDefault="00156FB3" w:rsidP="00156FB3">
            <w:r>
              <w:t xml:space="preserve">        return obj !== null &amp;&amp; obj !== undefined;</w:t>
            </w:r>
          </w:p>
          <w:p w:rsidR="00156FB3" w:rsidRDefault="00156FB3" w:rsidP="00156FB3">
            <w:r>
              <w:t xml:space="preserve">    };</w:t>
            </w:r>
          </w:p>
          <w:p w:rsidR="00156FB3" w:rsidRDefault="00156FB3" w:rsidP="00156FB3"/>
          <w:p w:rsidR="00156FB3" w:rsidRDefault="00156FB3" w:rsidP="00156FB3">
            <w:r>
              <w:t xml:space="preserve">    // Checks if the given argument is a promise. Anything with a `then`</w:t>
            </w:r>
          </w:p>
          <w:p w:rsidR="00156FB3" w:rsidRDefault="00156FB3" w:rsidP="00156FB3">
            <w:r>
              <w:t xml:space="preserve">    // function is considered a promise.</w:t>
            </w:r>
          </w:p>
          <w:p w:rsidR="00156FB3" w:rsidRDefault="00156FB3" w:rsidP="00156FB3">
            <w:r>
              <w:t xml:space="preserve">    Validator.prototype.isPromise = function (p) {</w:t>
            </w:r>
          </w:p>
          <w:p w:rsidR="00156FB3" w:rsidRDefault="00156FB3" w:rsidP="00156FB3">
            <w:r>
              <w:t xml:space="preserve">        return !!p &amp;&amp; this.isFunction(p.then);</w:t>
            </w:r>
          </w:p>
          <w:p w:rsidR="00156FB3" w:rsidRDefault="00156FB3" w:rsidP="00156FB3">
            <w:r>
              <w:t xml:space="preserve">    };</w:t>
            </w:r>
          </w:p>
          <w:p w:rsidR="00156FB3" w:rsidRDefault="00156FB3" w:rsidP="00156FB3"/>
          <w:p w:rsidR="00156FB3" w:rsidRDefault="00156FB3" w:rsidP="00156FB3">
            <w:r>
              <w:t xml:space="preserve">    Validator.prototype.isJqueryElement = function (o) {</w:t>
            </w:r>
          </w:p>
          <w:p w:rsidR="00156FB3" w:rsidRDefault="00156FB3" w:rsidP="00156FB3">
            <w:r>
              <w:t xml:space="preserve">        return o &amp;&amp; this.isString(o.jquery);</w:t>
            </w:r>
          </w:p>
          <w:p w:rsidR="00156FB3" w:rsidRDefault="00156FB3" w:rsidP="00156FB3">
            <w:r>
              <w:t xml:space="preserve">    };</w:t>
            </w:r>
          </w:p>
          <w:p w:rsidR="00156FB3" w:rsidRDefault="00156FB3" w:rsidP="00156FB3"/>
          <w:p w:rsidR="00156FB3" w:rsidRDefault="00156FB3" w:rsidP="00156FB3">
            <w:r>
              <w:t xml:space="preserve">    Validator.prototype.isDomElement = function (o) {</w:t>
            </w:r>
          </w:p>
          <w:p w:rsidR="00156FB3" w:rsidRDefault="00156FB3" w:rsidP="00156FB3">
            <w:r>
              <w:t xml:space="preserve">        if (!o)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if (!o.querySelectorAll || !o.querySelector)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if (this.isObject(document) &amp;&amp; o === document) {</w:t>
            </w:r>
          </w:p>
          <w:p w:rsidR="00156FB3" w:rsidRDefault="00156FB3" w:rsidP="00156FB3">
            <w:r>
              <w:t xml:space="preserve">            return true;</w:t>
            </w:r>
          </w:p>
          <w:p w:rsidR="00156FB3" w:rsidRDefault="00156FB3" w:rsidP="00156FB3">
            <w:r>
              <w:lastRenderedPageBreak/>
              <w:t xml:space="preserve">        }</w:t>
            </w:r>
          </w:p>
          <w:p w:rsidR="00156FB3" w:rsidRDefault="00156FB3" w:rsidP="00156FB3"/>
          <w:p w:rsidR="00156FB3" w:rsidRDefault="00156FB3" w:rsidP="00156FB3">
            <w:r>
              <w:t xml:space="preserve">        // http://stackoverflow.com/a/384380/699304</w:t>
            </w:r>
          </w:p>
          <w:p w:rsidR="00156FB3" w:rsidRDefault="00156FB3" w:rsidP="00156FB3">
            <w:r>
              <w:t xml:space="preserve">        /* istanbul ignore else */</w:t>
            </w:r>
          </w:p>
          <w:p w:rsidR="00156FB3" w:rsidRDefault="00156FB3" w:rsidP="00156FB3">
            <w:r>
              <w:t xml:space="preserve">        if (typeof HTMLElement === "object") {</w:t>
            </w:r>
          </w:p>
          <w:p w:rsidR="00156FB3" w:rsidRDefault="00156FB3" w:rsidP="00156FB3">
            <w:r>
              <w:t xml:space="preserve">            return o instanceof HTMLElement;</w:t>
            </w:r>
          </w:p>
          <w:p w:rsidR="00156FB3" w:rsidRDefault="00156FB3" w:rsidP="00156FB3">
            <w:r>
              <w:t xml:space="preserve">        } else {</w:t>
            </w:r>
          </w:p>
          <w:p w:rsidR="00156FB3" w:rsidRDefault="00156FB3" w:rsidP="00156FB3">
            <w:r>
              <w:t xml:space="preserve">            return o &amp;&amp;</w:t>
            </w:r>
          </w:p>
          <w:p w:rsidR="00156FB3" w:rsidRDefault="00156FB3" w:rsidP="00156FB3">
            <w:r>
              <w:t xml:space="preserve">                    typeof o === "object" &amp;&amp;</w:t>
            </w:r>
          </w:p>
          <w:p w:rsidR="00156FB3" w:rsidRDefault="00156FB3" w:rsidP="00156FB3">
            <w:r>
              <w:t xml:space="preserve">                    o !== null &amp;&amp;</w:t>
            </w:r>
          </w:p>
          <w:p w:rsidR="00156FB3" w:rsidRDefault="00156FB3" w:rsidP="00156FB3">
            <w:r>
              <w:t xml:space="preserve">                    o.nodeType === 1 &amp;&amp;</w:t>
            </w:r>
          </w:p>
          <w:p w:rsidR="00156FB3" w:rsidRDefault="00156FB3" w:rsidP="00156FB3">
            <w:r>
              <w:t xml:space="preserve">                    typeof o.nodeName === "string";</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lidator.prototype.isEmpty = function (value) {</w:t>
            </w:r>
          </w:p>
          <w:p w:rsidR="00156FB3" w:rsidRDefault="00156FB3" w:rsidP="00156FB3">
            <w:r>
              <w:t xml:space="preserve">        var attr;</w:t>
            </w:r>
          </w:p>
          <w:p w:rsidR="00156FB3" w:rsidRDefault="00156FB3" w:rsidP="00156FB3"/>
          <w:p w:rsidR="00156FB3" w:rsidRDefault="00156FB3" w:rsidP="00156FB3">
            <w:r>
              <w:t xml:space="preserve">        // Null and undefined are empty</w:t>
            </w:r>
          </w:p>
          <w:p w:rsidR="00156FB3" w:rsidRDefault="00156FB3" w:rsidP="00156FB3">
            <w:r>
              <w:t xml:space="preserve">        if (!this.isDefined(value)) {</w:t>
            </w:r>
          </w:p>
          <w:p w:rsidR="00156FB3" w:rsidRDefault="00156FB3" w:rsidP="00156FB3">
            <w:r>
              <w:t xml:space="preserve">            return true;</w:t>
            </w:r>
          </w:p>
          <w:p w:rsidR="00156FB3" w:rsidRDefault="00156FB3" w:rsidP="00156FB3">
            <w:r>
              <w:t xml:space="preserve">        }</w:t>
            </w:r>
          </w:p>
          <w:p w:rsidR="00156FB3" w:rsidRDefault="00156FB3" w:rsidP="00156FB3"/>
          <w:p w:rsidR="00156FB3" w:rsidRDefault="00156FB3" w:rsidP="00156FB3">
            <w:r>
              <w:t xml:space="preserve">        // functions are non empty</w:t>
            </w:r>
          </w:p>
          <w:p w:rsidR="00156FB3" w:rsidRDefault="00156FB3" w:rsidP="00156FB3">
            <w:r>
              <w:t xml:space="preserve">        if (this.isFunction(value))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 Whitespace only strings are empty</w:t>
            </w:r>
          </w:p>
          <w:p w:rsidR="00156FB3" w:rsidRDefault="00156FB3" w:rsidP="00156FB3">
            <w:r>
              <w:t xml:space="preserve">        if (this.isString(value)) {</w:t>
            </w:r>
          </w:p>
          <w:p w:rsidR="00156FB3" w:rsidRDefault="00156FB3" w:rsidP="00156FB3">
            <w:r>
              <w:t xml:space="preserve">            return Validator.EMPTY_STRING_REGEXP.test(value);</w:t>
            </w:r>
          </w:p>
          <w:p w:rsidR="00156FB3" w:rsidRDefault="00156FB3" w:rsidP="00156FB3">
            <w:r>
              <w:t xml:space="preserve">        }</w:t>
            </w:r>
          </w:p>
          <w:p w:rsidR="00156FB3" w:rsidRDefault="00156FB3" w:rsidP="00156FB3"/>
          <w:p w:rsidR="00156FB3" w:rsidRDefault="00156FB3" w:rsidP="00156FB3">
            <w:r>
              <w:t xml:space="preserve">        // For arrays we use the length property</w:t>
            </w:r>
          </w:p>
          <w:p w:rsidR="00156FB3" w:rsidRDefault="00156FB3" w:rsidP="00156FB3">
            <w:r>
              <w:t xml:space="preserve">        if (this.isArray(value)) {</w:t>
            </w:r>
          </w:p>
          <w:p w:rsidR="00156FB3" w:rsidRDefault="00156FB3" w:rsidP="00156FB3">
            <w:r>
              <w:t xml:space="preserve">            return value.length === 0;</w:t>
            </w:r>
          </w:p>
          <w:p w:rsidR="00156FB3" w:rsidRDefault="00156FB3" w:rsidP="00156FB3">
            <w:r>
              <w:t xml:space="preserve">        }</w:t>
            </w:r>
          </w:p>
          <w:p w:rsidR="00156FB3" w:rsidRDefault="00156FB3" w:rsidP="00156FB3"/>
          <w:p w:rsidR="00156FB3" w:rsidRDefault="00156FB3" w:rsidP="00156FB3">
            <w:r>
              <w:t xml:space="preserve">        // Dates have no attributes but aren't empty</w:t>
            </w:r>
          </w:p>
          <w:p w:rsidR="00156FB3" w:rsidRDefault="00156FB3" w:rsidP="00156FB3">
            <w:r>
              <w:t xml:space="preserve">        if (this.isDate(value))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 If we find at least one property we consider it non empty</w:t>
            </w:r>
          </w:p>
          <w:p w:rsidR="00156FB3" w:rsidRDefault="00156FB3" w:rsidP="00156FB3">
            <w:r>
              <w:t xml:space="preserve">        if (this.isObject(value)) {</w:t>
            </w:r>
          </w:p>
          <w:p w:rsidR="00156FB3" w:rsidRDefault="00156FB3" w:rsidP="00156FB3">
            <w:r>
              <w:t xml:space="preserve">            for (attr in value) {</w:t>
            </w:r>
          </w:p>
          <w:p w:rsidR="00156FB3" w:rsidRDefault="00156FB3" w:rsidP="00156FB3">
            <w:r>
              <w:t xml:space="preserve">                return false;</w:t>
            </w:r>
          </w:p>
          <w:p w:rsidR="00156FB3" w:rsidRDefault="00156FB3" w:rsidP="00156FB3">
            <w:r>
              <w:t xml:space="preserve">            }</w:t>
            </w:r>
          </w:p>
          <w:p w:rsidR="00156FB3" w:rsidRDefault="00156FB3" w:rsidP="00156FB3">
            <w:r>
              <w:lastRenderedPageBreak/>
              <w:t xml:space="preserve">            return true;</w:t>
            </w:r>
          </w:p>
          <w:p w:rsidR="00156FB3" w:rsidRDefault="00156FB3" w:rsidP="00156FB3">
            <w:r>
              <w:t xml:space="preserve">        }</w:t>
            </w:r>
          </w:p>
          <w:p w:rsidR="00156FB3" w:rsidRDefault="00156FB3" w:rsidP="00156FB3"/>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Validator.prototype.isString = function (value) {</w:t>
            </w:r>
          </w:p>
          <w:p w:rsidR="00156FB3" w:rsidRDefault="00156FB3" w:rsidP="00156FB3">
            <w:r>
              <w:t xml:space="preserve">        return typeof value === 'string';</w:t>
            </w:r>
          </w:p>
          <w:p w:rsidR="00156FB3" w:rsidRDefault="00156FB3" w:rsidP="00156FB3">
            <w:r>
              <w:t xml:space="preserve">    };</w:t>
            </w:r>
          </w:p>
          <w:p w:rsidR="00156FB3" w:rsidRDefault="00156FB3" w:rsidP="00156FB3"/>
          <w:p w:rsidR="00156FB3" w:rsidRDefault="00156FB3" w:rsidP="00156FB3">
            <w:r>
              <w:t xml:space="preserve">    Validator.prototype.isArray = function (value) {</w:t>
            </w:r>
          </w:p>
          <w:p w:rsidR="00156FB3" w:rsidRDefault="00156FB3" w:rsidP="00156FB3">
            <w:r>
              <w:t xml:space="preserve">        return {}.toString.call(value) === '[object Array]';</w:t>
            </w:r>
          </w:p>
          <w:p w:rsidR="00156FB3" w:rsidRDefault="00156FB3" w:rsidP="00156FB3">
            <w:r>
              <w:t xml:space="preserve">    };</w:t>
            </w:r>
          </w:p>
          <w:p w:rsidR="00156FB3" w:rsidRDefault="00156FB3" w:rsidP="00156FB3"/>
          <w:p w:rsidR="00156FB3" w:rsidRDefault="00156FB3" w:rsidP="00156FB3">
            <w:r>
              <w:t xml:space="preserve">    // Checks if the object is a hash, which is equivalent to an object that</w:t>
            </w:r>
          </w:p>
          <w:p w:rsidR="00156FB3" w:rsidRDefault="00156FB3" w:rsidP="00156FB3">
            <w:r>
              <w:t xml:space="preserve">    // is neither an array nor a function.</w:t>
            </w:r>
          </w:p>
          <w:p w:rsidR="00156FB3" w:rsidRDefault="00156FB3" w:rsidP="00156FB3">
            <w:r>
              <w:t xml:space="preserve">    Validator.prototype.isHash = function (value) {</w:t>
            </w:r>
          </w:p>
          <w:p w:rsidR="00156FB3" w:rsidRDefault="00156FB3" w:rsidP="00156FB3">
            <w:r>
              <w:t xml:space="preserve">        return this.isObject(value) &amp;&amp; !this.isArray(value) &amp;&amp; !this.isFunction(value);</w:t>
            </w:r>
          </w:p>
          <w:p w:rsidR="00156FB3" w:rsidRDefault="00156FB3" w:rsidP="00156FB3">
            <w:r>
              <w:t xml:space="preserve">    };</w:t>
            </w:r>
          </w:p>
          <w:p w:rsidR="00156FB3" w:rsidRDefault="00156FB3" w:rsidP="00156FB3"/>
          <w:p w:rsidR="00156FB3" w:rsidRDefault="00156FB3" w:rsidP="00156FB3">
            <w:r>
              <w:t xml:space="preserve">    Validator.prototype.contains = function (obj, value) {</w:t>
            </w:r>
          </w:p>
          <w:p w:rsidR="00156FB3" w:rsidRDefault="00156FB3" w:rsidP="00156FB3">
            <w:r>
              <w:t xml:space="preserve">        if (!this.isDefined(obj)) {</w:t>
            </w:r>
          </w:p>
          <w:p w:rsidR="00156FB3" w:rsidRDefault="00156FB3" w:rsidP="00156FB3">
            <w:r>
              <w:t xml:space="preserve">            return false;</w:t>
            </w:r>
          </w:p>
          <w:p w:rsidR="00156FB3" w:rsidRDefault="00156FB3" w:rsidP="00156FB3">
            <w:r>
              <w:t xml:space="preserve">        }</w:t>
            </w:r>
          </w:p>
          <w:p w:rsidR="00156FB3" w:rsidRDefault="00156FB3" w:rsidP="00156FB3">
            <w:r>
              <w:t xml:space="preserve">        if (this.isArray(obj)) {</w:t>
            </w:r>
          </w:p>
          <w:p w:rsidR="00156FB3" w:rsidRDefault="00156FB3" w:rsidP="00156FB3">
            <w:r>
              <w:t xml:space="preserve">            return obj.indexOf(value) !== -1;</w:t>
            </w:r>
          </w:p>
          <w:p w:rsidR="00156FB3" w:rsidRDefault="00156FB3" w:rsidP="00156FB3">
            <w:r>
              <w:t xml:space="preserve">        }</w:t>
            </w:r>
          </w:p>
          <w:p w:rsidR="00156FB3" w:rsidRDefault="00156FB3" w:rsidP="00156FB3">
            <w:r>
              <w:t xml:space="preserve">        return value in obj;</w:t>
            </w:r>
          </w:p>
          <w:p w:rsidR="00156FB3" w:rsidRDefault="00156FB3" w:rsidP="00156FB3">
            <w:r>
              <w:t xml:space="preserve">    };</w:t>
            </w:r>
          </w:p>
          <w:p w:rsidR="00156FB3" w:rsidRDefault="00156FB3" w:rsidP="00156FB3"/>
          <w:p w:rsidR="00156FB3" w:rsidRDefault="00156FB3" w:rsidP="00156FB3">
            <w:r>
              <w:t xml:space="preserve">    Validator.prototype.unique = function (array) {</w:t>
            </w:r>
          </w:p>
          <w:p w:rsidR="00156FB3" w:rsidRDefault="00156FB3" w:rsidP="00156FB3">
            <w:r>
              <w:t xml:space="preserve">        if (!this.isArray(array)) {</w:t>
            </w:r>
          </w:p>
          <w:p w:rsidR="00156FB3" w:rsidRDefault="00156FB3" w:rsidP="00156FB3">
            <w:r>
              <w:t xml:space="preserve">            return array;</w:t>
            </w:r>
          </w:p>
          <w:p w:rsidR="00156FB3" w:rsidRDefault="00156FB3" w:rsidP="00156FB3">
            <w:r>
              <w:t xml:space="preserve">        }</w:t>
            </w:r>
          </w:p>
          <w:p w:rsidR="00156FB3" w:rsidRDefault="00156FB3" w:rsidP="00156FB3">
            <w:r>
              <w:t xml:space="preserve">        return array.filter(function (el, index, array) {</w:t>
            </w:r>
          </w:p>
          <w:p w:rsidR="00156FB3" w:rsidRDefault="00156FB3" w:rsidP="00156FB3">
            <w:r>
              <w:t xml:space="preserve">            return array.indexOf(el) == index;</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lidator.prototype.validateInput = function (e) {</w:t>
            </w:r>
          </w:p>
          <w:p w:rsidR="00156FB3" w:rsidRDefault="00156FB3" w:rsidP="00156FB3">
            <w:r>
              <w:t xml:space="preserve">        var $el = $(e.target);</w:t>
            </w:r>
          </w:p>
          <w:p w:rsidR="00156FB3" w:rsidRDefault="00156FB3" w:rsidP="00156FB3">
            <w:r>
              <w:t xml:space="preserve">        var prevErrors = $el.data('bs.validator.errors');</w:t>
            </w:r>
          </w:p>
          <w:p w:rsidR="00156FB3" w:rsidRDefault="00156FB3" w:rsidP="00156FB3">
            <w:r>
              <w:t xml:space="preserve">        var errors;</w:t>
            </w:r>
          </w:p>
          <w:p w:rsidR="00156FB3" w:rsidRDefault="00156FB3" w:rsidP="00156FB3"/>
          <w:p w:rsidR="00156FB3" w:rsidRDefault="00156FB3" w:rsidP="00156FB3">
            <w:r>
              <w:t xml:space="preserve">        if ($el.is('[type="radio"]'))</w:t>
            </w:r>
          </w:p>
          <w:p w:rsidR="00156FB3" w:rsidRDefault="00156FB3" w:rsidP="00156FB3">
            <w:r>
              <w:t xml:space="preserve">            $el = this.$element.find('input[name="' + $el.attr('name') + '"]');</w:t>
            </w:r>
          </w:p>
          <w:p w:rsidR="00156FB3" w:rsidRDefault="00156FB3" w:rsidP="00156FB3"/>
          <w:p w:rsidR="00156FB3" w:rsidRDefault="00156FB3" w:rsidP="00156FB3">
            <w:r>
              <w:t xml:space="preserve">        this.$element.trigger(e = $.Event('validate.bs.validator', {relatedTarget: $el[0]}));</w:t>
            </w:r>
          </w:p>
          <w:p w:rsidR="00156FB3" w:rsidRDefault="00156FB3" w:rsidP="00156FB3"/>
          <w:p w:rsidR="00156FB3" w:rsidRDefault="00156FB3" w:rsidP="00156FB3">
            <w:r>
              <w:t xml:space="preserve">        if (e.isDefaultPrevented())</w:t>
            </w:r>
          </w:p>
          <w:p w:rsidR="00156FB3" w:rsidRDefault="00156FB3" w:rsidP="00156FB3">
            <w:r>
              <w:t xml:space="preserve">            return;</w:t>
            </w:r>
          </w:p>
          <w:p w:rsidR="00156FB3" w:rsidRDefault="00156FB3" w:rsidP="00156FB3"/>
          <w:p w:rsidR="00156FB3" w:rsidRDefault="00156FB3" w:rsidP="00156FB3">
            <w:r>
              <w:t xml:space="preserve">        var self = this;</w:t>
            </w:r>
          </w:p>
          <w:p w:rsidR="00156FB3" w:rsidRDefault="00156FB3" w:rsidP="00156FB3"/>
          <w:p w:rsidR="00156FB3" w:rsidRDefault="00156FB3" w:rsidP="00156FB3">
            <w:r>
              <w:t xml:space="preserve">        this.runValidators($el).done(function (errors) {</w:t>
            </w:r>
          </w:p>
          <w:p w:rsidR="00156FB3" w:rsidRDefault="00156FB3" w:rsidP="00156FB3">
            <w:r>
              <w:t xml:space="preserve">            $el.data('bs.validator.errors', errors);</w:t>
            </w:r>
          </w:p>
          <w:p w:rsidR="00156FB3" w:rsidRDefault="00156FB3" w:rsidP="00156FB3"/>
          <w:p w:rsidR="00156FB3" w:rsidRDefault="00156FB3" w:rsidP="00156FB3">
            <w:r>
              <w:t xml:space="preserve">            errors.length ? self.showErrors($el) : self.clearErrors($el);</w:t>
            </w:r>
          </w:p>
          <w:p w:rsidR="00156FB3" w:rsidRDefault="00156FB3" w:rsidP="00156FB3"/>
          <w:p w:rsidR="00156FB3" w:rsidRDefault="00156FB3" w:rsidP="00156FB3">
            <w:r>
              <w:t xml:space="preserve">            if (!prevErrors || errors.toString() !== prevErrors.toString()) {</w:t>
            </w:r>
          </w:p>
          <w:p w:rsidR="00156FB3" w:rsidRDefault="00156FB3" w:rsidP="00156FB3">
            <w:r>
              <w:t xml:space="preserve">                e = errors.length</w:t>
            </w:r>
          </w:p>
          <w:p w:rsidR="00156FB3" w:rsidRDefault="00156FB3" w:rsidP="00156FB3">
            <w:r>
              <w:t xml:space="preserve">                        ? $.Event('invalid.bs.validator', {relatedTarget: $el[0], detail: errors})</w:t>
            </w:r>
          </w:p>
          <w:p w:rsidR="00156FB3" w:rsidRDefault="00156FB3" w:rsidP="00156FB3">
            <w:r>
              <w:t xml:space="preserve">                        : $.Event('valid.bs.validator', {relatedTarget: $el[0], detail: prevErrors});</w:t>
            </w:r>
          </w:p>
          <w:p w:rsidR="00156FB3" w:rsidRDefault="00156FB3" w:rsidP="00156FB3"/>
          <w:p w:rsidR="00156FB3" w:rsidRDefault="00156FB3" w:rsidP="00156FB3">
            <w:r>
              <w:t xml:space="preserve">                self.$element.trigger(e)</w:t>
            </w:r>
          </w:p>
          <w:p w:rsidR="00156FB3" w:rsidRDefault="00156FB3" w:rsidP="00156FB3">
            <w:r>
              <w:t xml:space="preserve">            }</w:t>
            </w:r>
          </w:p>
          <w:p w:rsidR="00156FB3" w:rsidRDefault="00156FB3" w:rsidP="00156FB3"/>
          <w:p w:rsidR="00156FB3" w:rsidRDefault="00156FB3" w:rsidP="00156FB3">
            <w:r>
              <w:t xml:space="preserve">            self.toggleSubmit();</w:t>
            </w:r>
          </w:p>
          <w:p w:rsidR="00156FB3" w:rsidRDefault="00156FB3" w:rsidP="00156FB3"/>
          <w:p w:rsidR="00156FB3" w:rsidRDefault="00156FB3" w:rsidP="00156FB3">
            <w:r>
              <w:t xml:space="preserve">            self.$element.trigger($.Event('validated.bs.validator', {relatedTarget: $el[0]}))</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p w:rsidR="00156FB3" w:rsidRDefault="00156FB3" w:rsidP="00156FB3">
            <w:r>
              <w:t xml:space="preserve">    Validator.prototype.runValidators = function ($el) {</w:t>
            </w:r>
          </w:p>
          <w:p w:rsidR="00156FB3" w:rsidRDefault="00156FB3" w:rsidP="00156FB3">
            <w:r>
              <w:t xml:space="preserve">        var errors = [];</w:t>
            </w:r>
          </w:p>
          <w:p w:rsidR="00156FB3" w:rsidRDefault="00156FB3" w:rsidP="00156FB3">
            <w:r>
              <w:t xml:space="preserve">        var deferred = $.Deferred();</w:t>
            </w:r>
          </w:p>
          <w:p w:rsidR="00156FB3" w:rsidRDefault="00156FB3" w:rsidP="00156FB3">
            <w:r>
              <w:t xml:space="preserve">        var options = this.options;</w:t>
            </w:r>
          </w:p>
          <w:p w:rsidR="00156FB3" w:rsidRDefault="00156FB3" w:rsidP="00156FB3"/>
          <w:p w:rsidR="00156FB3" w:rsidRDefault="00156FB3" w:rsidP="00156FB3">
            <w:r>
              <w:t xml:space="preserve">        $el.data('bs.validator.deferred') &amp;&amp; $el.data('bs.validator.deferred').reject();</w:t>
            </w:r>
          </w:p>
          <w:p w:rsidR="00156FB3" w:rsidRDefault="00156FB3" w:rsidP="00156FB3">
            <w:r>
              <w:t xml:space="preserve">        $el.data('bs.validator.deferred', deferred);</w:t>
            </w:r>
          </w:p>
          <w:p w:rsidR="00156FB3" w:rsidRDefault="00156FB3" w:rsidP="00156FB3"/>
          <w:p w:rsidR="00156FB3" w:rsidRDefault="00156FB3" w:rsidP="00156FB3">
            <w:r>
              <w:t xml:space="preserve">        function getErrorMessage(key) {</w:t>
            </w:r>
          </w:p>
          <w:p w:rsidR="00156FB3" w:rsidRDefault="00156FB3" w:rsidP="00156FB3">
            <w:r>
              <w:t xml:space="preserve">            if (key === "type" &amp;&amp; $el.data(key) === "intl") {</w:t>
            </w:r>
          </w:p>
          <w:p w:rsidR="00156FB3" w:rsidRDefault="00156FB3" w:rsidP="00156FB3">
            <w:r>
              <w:t xml:space="preserve">                var iti = intlTelInputGlobals.getInstance($el[0]);</w:t>
            </w:r>
          </w:p>
          <w:p w:rsidR="00156FB3" w:rsidRDefault="00156FB3" w:rsidP="00156FB3">
            <w:r>
              <w:t xml:space="preserve">                return intlTelInputGlobals.defaults.errorMsg[iti.getValidationError()];</w:t>
            </w:r>
          </w:p>
          <w:p w:rsidR="00156FB3" w:rsidRDefault="00156FB3" w:rsidP="00156FB3">
            <w:r>
              <w:t xml:space="preserve">            } else {</w:t>
            </w:r>
          </w:p>
          <w:p w:rsidR="00156FB3" w:rsidRDefault="00156FB3" w:rsidP="00156FB3">
            <w:r>
              <w:t xml:space="preserve">                return $el.data(key + '-error')</w:t>
            </w:r>
          </w:p>
          <w:p w:rsidR="00156FB3" w:rsidRDefault="00156FB3" w:rsidP="00156FB3">
            <w:r>
              <w:t xml:space="preserve">                    || $el.data('error')</w:t>
            </w:r>
          </w:p>
          <w:p w:rsidR="00156FB3" w:rsidRDefault="00156FB3" w:rsidP="00156FB3">
            <w:r>
              <w:t xml:space="preserve">                    || key == 'native' &amp;&amp; $el[0].validationMessage</w:t>
            </w:r>
          </w:p>
          <w:p w:rsidR="00156FB3" w:rsidRDefault="00156FB3" w:rsidP="00156FB3">
            <w:r>
              <w:t xml:space="preserve">                    || options.errors[key]</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each(Validator.VALIDATORS, $.proxy(function (key, validator) {</w:t>
            </w:r>
          </w:p>
          <w:p w:rsidR="00156FB3" w:rsidRDefault="00156FB3" w:rsidP="00156FB3">
            <w:r>
              <w:t xml:space="preserve">            if (($el.data(key) || key == 'native') &amp;&amp; !validator.call(this, $el)) {</w:t>
            </w:r>
          </w:p>
          <w:p w:rsidR="00156FB3" w:rsidRDefault="00156FB3" w:rsidP="00156FB3">
            <w:r>
              <w:lastRenderedPageBreak/>
              <w:t xml:space="preserve">                var error = getErrorMessage(key);</w:t>
            </w:r>
          </w:p>
          <w:p w:rsidR="00156FB3" w:rsidRDefault="00156FB3" w:rsidP="00156FB3">
            <w:r>
              <w:t xml:space="preserve">                !~errors.indexOf(error) &amp;&amp; errors.push(error)</w:t>
            </w:r>
          </w:p>
          <w:p w:rsidR="00156FB3" w:rsidRDefault="00156FB3" w:rsidP="00156FB3">
            <w:r>
              <w:t xml:space="preserve">            }</w:t>
            </w:r>
          </w:p>
          <w:p w:rsidR="00156FB3" w:rsidRDefault="00156FB3" w:rsidP="00156FB3">
            <w:r>
              <w:t xml:space="preserve">        }, this));</w:t>
            </w:r>
          </w:p>
          <w:p w:rsidR="00156FB3" w:rsidRDefault="00156FB3" w:rsidP="00156FB3"/>
          <w:p w:rsidR="00156FB3" w:rsidRDefault="00156FB3" w:rsidP="00156FB3">
            <w:r>
              <w:t xml:space="preserve">        if (!errors.length &amp;&amp; $el.val() &amp;&amp; $el.data('remote')) {</w:t>
            </w:r>
          </w:p>
          <w:p w:rsidR="00156FB3" w:rsidRDefault="00156FB3" w:rsidP="00156FB3">
            <w:r>
              <w:t xml:space="preserve">            this.defer($el, function () {</w:t>
            </w:r>
          </w:p>
          <w:p w:rsidR="00156FB3" w:rsidRDefault="00156FB3" w:rsidP="00156FB3">
            <w:r>
              <w:t xml:space="preserve">                var data = {};</w:t>
            </w:r>
          </w:p>
          <w:p w:rsidR="00156FB3" w:rsidRDefault="00156FB3" w:rsidP="00156FB3">
            <w:r>
              <w:t xml:space="preserve">                data[$el.attr('name')] = $el.val();</w:t>
            </w:r>
          </w:p>
          <w:p w:rsidR="00156FB3" w:rsidRDefault="00156FB3" w:rsidP="00156FB3">
            <w:r>
              <w:t xml:space="preserve">                $.get($el.data('remote'), data)</w:t>
            </w:r>
          </w:p>
          <w:p w:rsidR="00156FB3" w:rsidRDefault="00156FB3" w:rsidP="00156FB3">
            <w:r>
              <w:t xml:space="preserve">                        .fail(function (jqXHR, textStatus, error) {</w:t>
            </w:r>
          </w:p>
          <w:p w:rsidR="00156FB3" w:rsidRDefault="00156FB3" w:rsidP="00156FB3">
            <w:r>
              <w:t xml:space="preserve">                            errors.push(getErrorMessage('remote') || error)</w:t>
            </w:r>
          </w:p>
          <w:p w:rsidR="00156FB3" w:rsidRDefault="00156FB3" w:rsidP="00156FB3">
            <w:r>
              <w:t xml:space="preserve">                        })</w:t>
            </w:r>
          </w:p>
          <w:p w:rsidR="00156FB3" w:rsidRDefault="00156FB3" w:rsidP="00156FB3">
            <w:r>
              <w:t xml:space="preserve">                        .always(function () {</w:t>
            </w:r>
          </w:p>
          <w:p w:rsidR="00156FB3" w:rsidRDefault="00156FB3" w:rsidP="00156FB3">
            <w:r>
              <w:t xml:space="preserve">                            deferred.resolve(errors)</w:t>
            </w:r>
          </w:p>
          <w:p w:rsidR="00156FB3" w:rsidRDefault="00156FB3" w:rsidP="00156FB3">
            <w:r>
              <w:t xml:space="preserve">                        })</w:t>
            </w:r>
          </w:p>
          <w:p w:rsidR="00156FB3" w:rsidRDefault="00156FB3" w:rsidP="00156FB3">
            <w:r>
              <w:t xml:space="preserve">            })</w:t>
            </w:r>
          </w:p>
          <w:p w:rsidR="00156FB3" w:rsidRDefault="00156FB3" w:rsidP="00156FB3">
            <w:r>
              <w:t xml:space="preserve">        } else</w:t>
            </w:r>
          </w:p>
          <w:p w:rsidR="00156FB3" w:rsidRDefault="00156FB3" w:rsidP="00156FB3">
            <w:r>
              <w:t xml:space="preserve">            deferred.resolve(errors);</w:t>
            </w:r>
          </w:p>
          <w:p w:rsidR="00156FB3" w:rsidRDefault="00156FB3" w:rsidP="00156FB3"/>
          <w:p w:rsidR="00156FB3" w:rsidRDefault="00156FB3" w:rsidP="00156FB3">
            <w:r>
              <w:t xml:space="preserve">        return deferred.promise()</w:t>
            </w:r>
          </w:p>
          <w:p w:rsidR="00156FB3" w:rsidRDefault="00156FB3" w:rsidP="00156FB3">
            <w:r>
              <w:t xml:space="preserve">    };</w:t>
            </w:r>
          </w:p>
          <w:p w:rsidR="00156FB3" w:rsidRDefault="00156FB3" w:rsidP="00156FB3"/>
          <w:p w:rsidR="00156FB3" w:rsidRDefault="00156FB3" w:rsidP="00156FB3">
            <w:r>
              <w:t xml:space="preserve">    Validator.prototype.validate = function () {</w:t>
            </w:r>
          </w:p>
          <w:p w:rsidR="00156FB3" w:rsidRDefault="00156FB3" w:rsidP="00156FB3">
            <w:r>
              <w:t xml:space="preserve">        var delay = this.options.delay;</w:t>
            </w:r>
          </w:p>
          <w:p w:rsidR="00156FB3" w:rsidRDefault="00156FB3" w:rsidP="00156FB3"/>
          <w:p w:rsidR="00156FB3" w:rsidRDefault="00156FB3" w:rsidP="00156FB3">
            <w:r>
              <w:t xml:space="preserve">        this.options.delay = 0;</w:t>
            </w:r>
          </w:p>
          <w:p w:rsidR="00156FB3" w:rsidRDefault="00156FB3" w:rsidP="00156FB3">
            <w:r>
              <w:t xml:space="preserve">        this.$element.find(Validator.INPUT_SELECTOR).trigger('input.bs.validator');</w:t>
            </w:r>
          </w:p>
          <w:p w:rsidR="00156FB3" w:rsidRDefault="00156FB3" w:rsidP="00156FB3">
            <w:r>
              <w:t xml:space="preserve">        this.options.delay = delay;</w:t>
            </w:r>
          </w:p>
          <w:p w:rsidR="00156FB3" w:rsidRDefault="00156FB3" w:rsidP="00156FB3"/>
          <w:p w:rsidR="00156FB3" w:rsidRDefault="00156FB3" w:rsidP="00156FB3">
            <w:r>
              <w:t xml:space="preserve">        return this</w:t>
            </w:r>
          </w:p>
          <w:p w:rsidR="00156FB3" w:rsidRDefault="00156FB3" w:rsidP="00156FB3">
            <w:r>
              <w:t xml:space="preserve">    };</w:t>
            </w:r>
          </w:p>
          <w:p w:rsidR="00156FB3" w:rsidRDefault="00156FB3" w:rsidP="00156FB3"/>
          <w:p w:rsidR="00156FB3" w:rsidRDefault="00156FB3" w:rsidP="00156FB3">
            <w:r>
              <w:t xml:space="preserve">    Validator.prototype.showErrors = function ($el) {</w:t>
            </w:r>
          </w:p>
          <w:p w:rsidR="00156FB3" w:rsidRDefault="00156FB3" w:rsidP="00156FB3">
            <w:r>
              <w:t xml:space="preserve">        var method = this.options.html ? 'html' : 'text';</w:t>
            </w:r>
          </w:p>
          <w:p w:rsidR="00156FB3" w:rsidRDefault="00156FB3" w:rsidP="00156FB3"/>
          <w:p w:rsidR="00156FB3" w:rsidRDefault="00156FB3" w:rsidP="00156FB3">
            <w:r>
              <w:t xml:space="preserve">        this.defer($el, function () {</w:t>
            </w:r>
          </w:p>
          <w:p w:rsidR="00156FB3" w:rsidRDefault="00156FB3" w:rsidP="00156FB3">
            <w:r>
              <w:t xml:space="preserve">            var $group = $el.closest('.form-group');</w:t>
            </w:r>
          </w:p>
          <w:p w:rsidR="00156FB3" w:rsidRDefault="00156FB3" w:rsidP="00156FB3">
            <w:r>
              <w:t xml:space="preserve">            var $block = $group.find('.help-block');</w:t>
            </w:r>
          </w:p>
          <w:p w:rsidR="00156FB3" w:rsidRDefault="00156FB3" w:rsidP="00156FB3">
            <w:r>
              <w:t xml:space="preserve">            var $feedback = $group.find('.form-control-feedback');</w:t>
            </w:r>
          </w:p>
          <w:p w:rsidR="00156FB3" w:rsidRDefault="00156FB3" w:rsidP="00156FB3">
            <w:r>
              <w:t xml:space="preserve">            var errors = $el.data('bs.validator.errors');</w:t>
            </w:r>
          </w:p>
          <w:p w:rsidR="00156FB3" w:rsidRDefault="00156FB3" w:rsidP="00156FB3"/>
          <w:p w:rsidR="00156FB3" w:rsidRDefault="00156FB3" w:rsidP="00156FB3">
            <w:r>
              <w:t xml:space="preserve">            if (!errors.length)</w:t>
            </w:r>
          </w:p>
          <w:p w:rsidR="00156FB3" w:rsidRDefault="00156FB3" w:rsidP="00156FB3">
            <w:r>
              <w:t xml:space="preserve">                return;</w:t>
            </w:r>
          </w:p>
          <w:p w:rsidR="00156FB3" w:rsidRDefault="00156FB3" w:rsidP="00156FB3"/>
          <w:p w:rsidR="00156FB3" w:rsidRDefault="00156FB3" w:rsidP="00156FB3">
            <w:r>
              <w:t xml:space="preserve">            errors = $('&lt;ul/&gt;')</w:t>
            </w:r>
          </w:p>
          <w:p w:rsidR="00156FB3" w:rsidRDefault="00156FB3" w:rsidP="00156FB3">
            <w:r>
              <w:t xml:space="preserve">                    .addClass('list-unstyled')</w:t>
            </w:r>
          </w:p>
          <w:p w:rsidR="00156FB3" w:rsidRDefault="00156FB3" w:rsidP="00156FB3">
            <w:r>
              <w:t xml:space="preserve">                    .append($.map(errors, function (error) {</w:t>
            </w:r>
          </w:p>
          <w:p w:rsidR="00156FB3" w:rsidRDefault="00156FB3" w:rsidP="00156FB3">
            <w:r>
              <w:lastRenderedPageBreak/>
              <w:t xml:space="preserve">                        return $('&lt;li/&gt;')[method](error)</w:t>
            </w:r>
          </w:p>
          <w:p w:rsidR="00156FB3" w:rsidRDefault="00156FB3" w:rsidP="00156FB3">
            <w:r>
              <w:t xml:space="preserve">                    }));</w:t>
            </w:r>
          </w:p>
          <w:p w:rsidR="00156FB3" w:rsidRDefault="00156FB3" w:rsidP="00156FB3"/>
          <w:p w:rsidR="00156FB3" w:rsidRDefault="00156FB3" w:rsidP="00156FB3">
            <w:r>
              <w:t xml:space="preserve">            $block.data('bs.validator.originalContent') === undefined &amp;&amp; $block.data('bs.validator.originalContent', $block.html());</w:t>
            </w:r>
          </w:p>
          <w:p w:rsidR="00156FB3" w:rsidRDefault="00156FB3" w:rsidP="00156FB3">
            <w:r>
              <w:t xml:space="preserve">            $block.empty().append(errors);</w:t>
            </w:r>
          </w:p>
          <w:p w:rsidR="00156FB3" w:rsidRDefault="00156FB3" w:rsidP="00156FB3">
            <w:r>
              <w:t xml:space="preserve">            $group.addClass('error');</w:t>
            </w:r>
          </w:p>
          <w:p w:rsidR="00156FB3" w:rsidRDefault="00156FB3" w:rsidP="00156FB3"/>
          <w:p w:rsidR="00156FB3" w:rsidRDefault="00156FB3" w:rsidP="00156FB3">
            <w:r>
              <w:t xml:space="preserve">            $feedback.length</w:t>
            </w:r>
          </w:p>
          <w:p w:rsidR="00156FB3" w:rsidRDefault="00156FB3" w:rsidP="00156FB3">
            <w:r>
              <w:t xml:space="preserve">                    &amp;&amp; $feedback.removeClass(this.options.feedback.success)</w:t>
            </w:r>
          </w:p>
          <w:p w:rsidR="00156FB3" w:rsidRDefault="00156FB3" w:rsidP="00156FB3">
            <w:r>
              <w:t xml:space="preserve">                    &amp;&amp; $feedback.addClass(this.options.feedback.error)</w:t>
            </w:r>
          </w:p>
          <w:p w:rsidR="00156FB3" w:rsidRDefault="00156FB3" w:rsidP="00156FB3">
            <w:r>
              <w:t xml:space="preserve">                    &amp;&amp; $group.removeClass('has-succes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lidator.prototype.clearErrors = function ($el) {</w:t>
            </w:r>
          </w:p>
          <w:p w:rsidR="00156FB3" w:rsidRDefault="00156FB3" w:rsidP="00156FB3">
            <w:r>
              <w:t xml:space="preserve">        var $group = $el.closest('.form-group');</w:t>
            </w:r>
          </w:p>
          <w:p w:rsidR="00156FB3" w:rsidRDefault="00156FB3" w:rsidP="00156FB3">
            <w:r>
              <w:t xml:space="preserve">        var $block = $group.find('.help-block');</w:t>
            </w:r>
          </w:p>
          <w:p w:rsidR="00156FB3" w:rsidRDefault="00156FB3" w:rsidP="00156FB3">
            <w:r>
              <w:t xml:space="preserve">        var $feedback = $group.find('.form-control-feedback');</w:t>
            </w:r>
          </w:p>
          <w:p w:rsidR="00156FB3" w:rsidRDefault="00156FB3" w:rsidP="00156FB3"/>
          <w:p w:rsidR="00156FB3" w:rsidRDefault="00156FB3" w:rsidP="00156FB3">
            <w:r>
              <w:t xml:space="preserve">        $block.html($block.data('bs.validator.originalContent'));</w:t>
            </w:r>
          </w:p>
          <w:p w:rsidR="00156FB3" w:rsidRDefault="00156FB3" w:rsidP="00156FB3">
            <w:r>
              <w:t xml:space="preserve">        $group.removeClass('error');</w:t>
            </w:r>
          </w:p>
          <w:p w:rsidR="00156FB3" w:rsidRDefault="00156FB3" w:rsidP="00156FB3"/>
          <w:p w:rsidR="00156FB3" w:rsidRDefault="00156FB3" w:rsidP="00156FB3">
            <w:r>
              <w:t xml:space="preserve">        $feedback.length</w:t>
            </w:r>
          </w:p>
          <w:p w:rsidR="00156FB3" w:rsidRDefault="00156FB3" w:rsidP="00156FB3">
            <w:r>
              <w:t xml:space="preserve">                &amp;&amp; $feedback.removeClass(this.options.feedback.error)</w:t>
            </w:r>
          </w:p>
          <w:p w:rsidR="00156FB3" w:rsidRDefault="00156FB3" w:rsidP="00156FB3">
            <w:r>
              <w:t xml:space="preserve">                &amp;&amp; $feedback.addClass(this.options.feedback.success)</w:t>
            </w:r>
          </w:p>
          <w:p w:rsidR="00156FB3" w:rsidRDefault="00156FB3" w:rsidP="00156FB3">
            <w:r>
              <w:t xml:space="preserve">                &amp;&amp; $group.addClass('has-success')</w:t>
            </w:r>
          </w:p>
          <w:p w:rsidR="00156FB3" w:rsidRDefault="00156FB3" w:rsidP="00156FB3">
            <w:r>
              <w:t xml:space="preserve">    };</w:t>
            </w:r>
          </w:p>
          <w:p w:rsidR="00156FB3" w:rsidRDefault="00156FB3" w:rsidP="00156FB3"/>
          <w:p w:rsidR="00156FB3" w:rsidRDefault="00156FB3" w:rsidP="00156FB3">
            <w:r>
              <w:t xml:space="preserve">    Validator.prototype.hasErrors = function () {</w:t>
            </w:r>
          </w:p>
          <w:p w:rsidR="00156FB3" w:rsidRDefault="00156FB3" w:rsidP="00156FB3">
            <w:r>
              <w:t xml:space="preserve">        function fieldErrors() {</w:t>
            </w:r>
          </w:p>
          <w:p w:rsidR="00156FB3" w:rsidRDefault="00156FB3" w:rsidP="00156FB3">
            <w:r>
              <w:t xml:space="preserve">            return !!($(this).data('bs.validator.errors') || []).length</w:t>
            </w:r>
          </w:p>
          <w:p w:rsidR="00156FB3" w:rsidRDefault="00156FB3" w:rsidP="00156FB3">
            <w:r>
              <w:t xml:space="preserve">        }</w:t>
            </w:r>
          </w:p>
          <w:p w:rsidR="00156FB3" w:rsidRDefault="00156FB3" w:rsidP="00156FB3"/>
          <w:p w:rsidR="00156FB3" w:rsidRDefault="00156FB3" w:rsidP="00156FB3">
            <w:r>
              <w:t xml:space="preserve">        return !!this.$element.find(Validator.INPUT_SELECTOR).filter(fieldErrors).length</w:t>
            </w:r>
          </w:p>
          <w:p w:rsidR="00156FB3" w:rsidRDefault="00156FB3" w:rsidP="00156FB3">
            <w:r>
              <w:t xml:space="preserve">    };</w:t>
            </w:r>
          </w:p>
          <w:p w:rsidR="00156FB3" w:rsidRDefault="00156FB3" w:rsidP="00156FB3"/>
          <w:p w:rsidR="00156FB3" w:rsidRDefault="00156FB3" w:rsidP="00156FB3">
            <w:r>
              <w:t xml:space="preserve">    Validator.prototype.isIncomplete = function () {</w:t>
            </w:r>
          </w:p>
          <w:p w:rsidR="00156FB3" w:rsidRDefault="00156FB3" w:rsidP="00156FB3">
            <w:r>
              <w:t xml:space="preserve">        function fieldIncomplete() {</w:t>
            </w:r>
          </w:p>
          <w:p w:rsidR="00156FB3" w:rsidRDefault="00156FB3" w:rsidP="00156FB3">
            <w:r>
              <w:t xml:space="preserve">            return this.type === 'checkbox' ? !this.checked :</w:t>
            </w:r>
          </w:p>
          <w:p w:rsidR="00156FB3" w:rsidRDefault="00156FB3" w:rsidP="00156FB3">
            <w:r>
              <w:t xml:space="preserve">                    this.type === 'radio' ? !$('[name="' + this.name + '"]:checked').length :</w:t>
            </w:r>
          </w:p>
          <w:p w:rsidR="00156FB3" w:rsidRDefault="00156FB3" w:rsidP="00156FB3">
            <w:r>
              <w:t xml:space="preserve">                    $.trim(this.value) === ''</w:t>
            </w:r>
          </w:p>
          <w:p w:rsidR="00156FB3" w:rsidRDefault="00156FB3" w:rsidP="00156FB3">
            <w:r>
              <w:t xml:space="preserve">        }</w:t>
            </w:r>
          </w:p>
          <w:p w:rsidR="00156FB3" w:rsidRDefault="00156FB3" w:rsidP="00156FB3"/>
          <w:p w:rsidR="00156FB3" w:rsidRDefault="00156FB3" w:rsidP="00156FB3">
            <w:r>
              <w:t xml:space="preserve">        return !!this.$element.find(Validator.INPUT_SELECTOR).filter('[required]').filter(fieldIncomplete).length</w:t>
            </w:r>
          </w:p>
          <w:p w:rsidR="00156FB3" w:rsidRDefault="00156FB3" w:rsidP="00156FB3">
            <w:r>
              <w:t xml:space="preserve">    };</w:t>
            </w:r>
          </w:p>
          <w:p w:rsidR="00156FB3" w:rsidRDefault="00156FB3" w:rsidP="00156FB3"/>
          <w:p w:rsidR="00156FB3" w:rsidRDefault="00156FB3" w:rsidP="00156FB3">
            <w:r>
              <w:lastRenderedPageBreak/>
              <w:t xml:space="preserve">    Validator.prototype.onSubmit = function (e) {</w:t>
            </w:r>
          </w:p>
          <w:p w:rsidR="00156FB3" w:rsidRDefault="00156FB3" w:rsidP="00156FB3">
            <w:r>
              <w:t xml:space="preserve">        this.validate();</w:t>
            </w:r>
          </w:p>
          <w:p w:rsidR="00156FB3" w:rsidRDefault="00156FB3" w:rsidP="00156FB3">
            <w:r>
              <w:t xml:space="preserve">        if (this.isIncomplete() || this.hasErrors())</w:t>
            </w:r>
          </w:p>
          <w:p w:rsidR="00156FB3" w:rsidRDefault="00156FB3" w:rsidP="00156FB3">
            <w:r>
              <w:t xml:space="preserve">            e.preventDefault()</w:t>
            </w:r>
          </w:p>
          <w:p w:rsidR="00156FB3" w:rsidRDefault="00156FB3" w:rsidP="00156FB3">
            <w:r>
              <w:t xml:space="preserve">    };</w:t>
            </w:r>
          </w:p>
          <w:p w:rsidR="00156FB3" w:rsidRDefault="00156FB3" w:rsidP="00156FB3"/>
          <w:p w:rsidR="00156FB3" w:rsidRDefault="00156FB3" w:rsidP="00156FB3">
            <w:r>
              <w:t xml:space="preserve">    Validator.prototype.toggleSubmit = function () {</w:t>
            </w:r>
          </w:p>
          <w:p w:rsidR="00156FB3" w:rsidRDefault="00156FB3" w:rsidP="00156FB3">
            <w:r>
              <w:t xml:space="preserve">        if (!this.options.disable)</w:t>
            </w:r>
          </w:p>
          <w:p w:rsidR="00156FB3" w:rsidRDefault="00156FB3" w:rsidP="00156FB3">
            <w:r>
              <w:t xml:space="preserve">            return;</w:t>
            </w:r>
          </w:p>
          <w:p w:rsidR="00156FB3" w:rsidRDefault="00156FB3" w:rsidP="00156FB3"/>
          <w:p w:rsidR="00156FB3" w:rsidRDefault="00156FB3" w:rsidP="00156FB3">
            <w:r>
              <w:t xml:space="preserve">        var $btn = $('button[type="submit"], input[type="submit"]')</w:t>
            </w:r>
          </w:p>
          <w:p w:rsidR="00156FB3" w:rsidRDefault="00156FB3" w:rsidP="00156FB3">
            <w:r>
              <w:t xml:space="preserve">                .filter('[form="' + this.$element.attr('id') + '"]')</w:t>
            </w:r>
          </w:p>
          <w:p w:rsidR="00156FB3" w:rsidRDefault="00156FB3" w:rsidP="00156FB3">
            <w:r>
              <w:t xml:space="preserve">                .add(this.$element.find('input[type="submit"], button[type="submit"]'));</w:t>
            </w:r>
          </w:p>
          <w:p w:rsidR="00156FB3" w:rsidRDefault="00156FB3" w:rsidP="00156FB3"/>
          <w:p w:rsidR="00156FB3" w:rsidRDefault="00156FB3" w:rsidP="00156FB3">
            <w:r>
              <w:t xml:space="preserve">        $btn.toggleClass('disabled', this.isIncomplete() || this.hasErrors())</w:t>
            </w:r>
          </w:p>
          <w:p w:rsidR="00156FB3" w:rsidRDefault="00156FB3" w:rsidP="00156FB3">
            <w:r>
              <w:t xml:space="preserve">    };</w:t>
            </w:r>
          </w:p>
          <w:p w:rsidR="00156FB3" w:rsidRDefault="00156FB3" w:rsidP="00156FB3"/>
          <w:p w:rsidR="00156FB3" w:rsidRDefault="00156FB3" w:rsidP="00156FB3">
            <w:r>
              <w:t xml:space="preserve">    Validator.prototype.defer = function ($el, callback) {</w:t>
            </w:r>
          </w:p>
          <w:p w:rsidR="00156FB3" w:rsidRDefault="00156FB3" w:rsidP="00156FB3">
            <w:r>
              <w:t xml:space="preserve">        callback = $.proxy(callback, this);</w:t>
            </w:r>
          </w:p>
          <w:p w:rsidR="00156FB3" w:rsidRDefault="00156FB3" w:rsidP="00156FB3">
            <w:r>
              <w:t xml:space="preserve">        if (!this.options.delay)</w:t>
            </w:r>
          </w:p>
          <w:p w:rsidR="00156FB3" w:rsidRDefault="00156FB3" w:rsidP="00156FB3">
            <w:r>
              <w:t xml:space="preserve">            return callback();</w:t>
            </w:r>
          </w:p>
          <w:p w:rsidR="00156FB3" w:rsidRDefault="00156FB3" w:rsidP="00156FB3">
            <w:r>
              <w:t xml:space="preserve">        window.clearTimeout($el.data('bs.validator.timeout'));</w:t>
            </w:r>
          </w:p>
          <w:p w:rsidR="00156FB3" w:rsidRDefault="00156FB3" w:rsidP="00156FB3">
            <w:r>
              <w:t xml:space="preserve">        $el.data('bs.validator.timeout', window.setTimeout(callback, this.options.delay))</w:t>
            </w:r>
          </w:p>
          <w:p w:rsidR="00156FB3" w:rsidRDefault="00156FB3" w:rsidP="00156FB3">
            <w:r>
              <w:t xml:space="preserve">    };</w:t>
            </w:r>
          </w:p>
          <w:p w:rsidR="00156FB3" w:rsidRDefault="00156FB3" w:rsidP="00156FB3"/>
          <w:p w:rsidR="00156FB3" w:rsidRDefault="00156FB3" w:rsidP="00156FB3">
            <w:r>
              <w:t xml:space="preserve">    Validator.prototype.destroy = function () {</w:t>
            </w:r>
          </w:p>
          <w:p w:rsidR="00156FB3" w:rsidRDefault="00156FB3" w:rsidP="00156FB3">
            <w:r>
              <w:t xml:space="preserve">        this.$element</w:t>
            </w:r>
          </w:p>
          <w:p w:rsidR="00156FB3" w:rsidRDefault="00156FB3" w:rsidP="00156FB3">
            <w:r>
              <w:t xml:space="preserve">                .removeAttr('novalidate')</w:t>
            </w:r>
          </w:p>
          <w:p w:rsidR="00156FB3" w:rsidRDefault="00156FB3" w:rsidP="00156FB3">
            <w:r>
              <w:t xml:space="preserve">                .removeData('bs.validator')</w:t>
            </w:r>
          </w:p>
          <w:p w:rsidR="00156FB3" w:rsidRDefault="00156FB3" w:rsidP="00156FB3">
            <w:r>
              <w:t xml:space="preserve">                .off('.bs.validator');</w:t>
            </w:r>
          </w:p>
          <w:p w:rsidR="00156FB3" w:rsidRDefault="00156FB3" w:rsidP="00156FB3"/>
          <w:p w:rsidR="00156FB3" w:rsidRDefault="00156FB3" w:rsidP="00156FB3">
            <w:r>
              <w:t xml:space="preserve">        this.$element.find(Validator.INPUT_SELECTOR)</w:t>
            </w:r>
          </w:p>
          <w:p w:rsidR="00156FB3" w:rsidRDefault="00156FB3" w:rsidP="00156FB3">
            <w:r>
              <w:t xml:space="preserve">                .off('.bs.validator')</w:t>
            </w:r>
          </w:p>
          <w:p w:rsidR="00156FB3" w:rsidRDefault="00156FB3" w:rsidP="00156FB3">
            <w:r>
              <w:t xml:space="preserve">                .removeData(['bs.validator.errors', 'bs.validator.deferred'])</w:t>
            </w:r>
          </w:p>
          <w:p w:rsidR="00156FB3" w:rsidRDefault="00156FB3" w:rsidP="00156FB3">
            <w:r>
              <w:t xml:space="preserve">                .each(function () {</w:t>
            </w:r>
          </w:p>
          <w:p w:rsidR="00156FB3" w:rsidRDefault="00156FB3" w:rsidP="00156FB3">
            <w:r>
              <w:t xml:space="preserve">                    var $this = $(this);</w:t>
            </w:r>
          </w:p>
          <w:p w:rsidR="00156FB3" w:rsidRDefault="00156FB3" w:rsidP="00156FB3">
            <w:r>
              <w:t xml:space="preserve">                    var timeout = $this.data('bs.validator.timeout');</w:t>
            </w:r>
          </w:p>
          <w:p w:rsidR="00156FB3" w:rsidRDefault="00156FB3" w:rsidP="00156FB3">
            <w:r>
              <w:t xml:space="preserve">                    window.clearTimeout(timeout) &amp;&amp; $this.removeData('bs.validator.timeout')</w:t>
            </w:r>
          </w:p>
          <w:p w:rsidR="00156FB3" w:rsidRDefault="00156FB3" w:rsidP="00156FB3">
            <w:r>
              <w:t xml:space="preserve">                });</w:t>
            </w:r>
          </w:p>
          <w:p w:rsidR="00156FB3" w:rsidRDefault="00156FB3" w:rsidP="00156FB3"/>
          <w:p w:rsidR="00156FB3" w:rsidRDefault="00156FB3" w:rsidP="00156FB3">
            <w:r>
              <w:t xml:space="preserve">        this.$element.find('.help-block').each(function () {</w:t>
            </w:r>
          </w:p>
          <w:p w:rsidR="00156FB3" w:rsidRDefault="00156FB3" w:rsidP="00156FB3">
            <w:r>
              <w:t xml:space="preserve">            var $this = $(this);</w:t>
            </w:r>
          </w:p>
          <w:p w:rsidR="00156FB3" w:rsidRDefault="00156FB3" w:rsidP="00156FB3">
            <w:r>
              <w:t xml:space="preserve">            var originalContent = $this.data('bs.validator.originalContent');</w:t>
            </w:r>
          </w:p>
          <w:p w:rsidR="00156FB3" w:rsidRDefault="00156FB3" w:rsidP="00156FB3"/>
          <w:p w:rsidR="00156FB3" w:rsidRDefault="00156FB3" w:rsidP="00156FB3">
            <w:r>
              <w:t xml:space="preserve">            $this</w:t>
            </w:r>
          </w:p>
          <w:p w:rsidR="00156FB3" w:rsidRDefault="00156FB3" w:rsidP="00156FB3">
            <w:r>
              <w:t xml:space="preserve">                    .removeData('bs.validator.originalContent')</w:t>
            </w:r>
          </w:p>
          <w:p w:rsidR="00156FB3" w:rsidRDefault="00156FB3" w:rsidP="00156FB3">
            <w:r>
              <w:t xml:space="preserve">                    .html(originalContent)</w:t>
            </w:r>
          </w:p>
          <w:p w:rsidR="00156FB3" w:rsidRDefault="00156FB3" w:rsidP="00156FB3">
            <w:r>
              <w:t xml:space="preserve">        });</w:t>
            </w:r>
          </w:p>
          <w:p w:rsidR="00156FB3" w:rsidRDefault="00156FB3" w:rsidP="00156FB3"/>
          <w:p w:rsidR="00156FB3" w:rsidRDefault="00156FB3" w:rsidP="00156FB3">
            <w:r>
              <w:t xml:space="preserve">        this.$element.find('input[type="submit"], button[type="submit"]').removeClass('disabled');</w:t>
            </w:r>
          </w:p>
          <w:p w:rsidR="00156FB3" w:rsidRDefault="00156FB3" w:rsidP="00156FB3"/>
          <w:p w:rsidR="00156FB3" w:rsidRDefault="00156FB3" w:rsidP="00156FB3">
            <w:r>
              <w:t xml:space="preserve">        this.$element.find('.error').removeClass('error');</w:t>
            </w:r>
          </w:p>
          <w:p w:rsidR="00156FB3" w:rsidRDefault="00156FB3" w:rsidP="00156FB3"/>
          <w:p w:rsidR="00156FB3" w:rsidRDefault="00156FB3" w:rsidP="00156FB3">
            <w:r>
              <w:t xml:space="preserve">        return this</w:t>
            </w:r>
          </w:p>
          <w:p w:rsidR="00156FB3" w:rsidRDefault="00156FB3" w:rsidP="00156FB3">
            <w:r>
              <w:t xml:space="preserve">    };</w:t>
            </w:r>
          </w:p>
          <w:p w:rsidR="00156FB3" w:rsidRDefault="00156FB3" w:rsidP="00156FB3"/>
          <w:p w:rsidR="00156FB3" w:rsidRDefault="00156FB3" w:rsidP="00156FB3">
            <w:r>
              <w:t xml:space="preserve">    // VALIDATOR PLUGIN DEFINITION</w:t>
            </w:r>
          </w:p>
          <w:p w:rsidR="00156FB3" w:rsidRDefault="00156FB3" w:rsidP="00156FB3">
            <w:r>
              <w:t xml:space="preserve">    // ===========================</w:t>
            </w:r>
          </w:p>
          <w:p w:rsidR="00156FB3" w:rsidRDefault="00156FB3" w:rsidP="00156FB3"/>
          <w:p w:rsidR="00156FB3" w:rsidRDefault="00156FB3" w:rsidP="00156FB3"/>
          <w:p w:rsidR="00156FB3" w:rsidRDefault="00156FB3" w:rsidP="00156FB3">
            <w:r>
              <w:t xml:space="preserve">    function Plugin(option) {</w:t>
            </w:r>
          </w:p>
          <w:p w:rsidR="00156FB3" w:rsidRDefault="00156FB3" w:rsidP="00156FB3">
            <w:r>
              <w:t xml:space="preserve">        return this.each(function () {</w:t>
            </w:r>
          </w:p>
          <w:p w:rsidR="00156FB3" w:rsidRDefault="00156FB3" w:rsidP="00156FB3">
            <w:r>
              <w:t xml:space="preserve">            var $this = $(this);</w:t>
            </w:r>
          </w:p>
          <w:p w:rsidR="00156FB3" w:rsidRDefault="00156FB3" w:rsidP="00156FB3">
            <w:r>
              <w:t xml:space="preserve">            var options = $.extend({}, Validator.DEFAULTS, $this.data(), typeof option == 'object' &amp;&amp; option);</w:t>
            </w:r>
          </w:p>
          <w:p w:rsidR="00156FB3" w:rsidRDefault="00156FB3" w:rsidP="00156FB3">
            <w:r>
              <w:t xml:space="preserve">            var data = $this.data('bs.validator');</w:t>
            </w:r>
          </w:p>
          <w:p w:rsidR="00156FB3" w:rsidRDefault="00156FB3" w:rsidP="00156FB3"/>
          <w:p w:rsidR="00156FB3" w:rsidRDefault="00156FB3" w:rsidP="00156FB3">
            <w:r>
              <w:t xml:space="preserve">            if (!data &amp;&amp; option == 'destroy')</w:t>
            </w:r>
          </w:p>
          <w:p w:rsidR="00156FB3" w:rsidRDefault="00156FB3" w:rsidP="00156FB3">
            <w:r>
              <w:t xml:space="preserve">                return;</w:t>
            </w:r>
          </w:p>
          <w:p w:rsidR="00156FB3" w:rsidRDefault="00156FB3" w:rsidP="00156FB3">
            <w:r>
              <w:t xml:space="preserve">            if (!data)</w:t>
            </w:r>
          </w:p>
          <w:p w:rsidR="00156FB3" w:rsidRDefault="00156FB3" w:rsidP="00156FB3">
            <w:r>
              <w:t xml:space="preserve">                $this.data('bs.validator', (data = new Validator(this, options)));</w:t>
            </w:r>
          </w:p>
          <w:p w:rsidR="00156FB3" w:rsidRDefault="00156FB3" w:rsidP="00156FB3">
            <w:r>
              <w:t xml:space="preserve">            if (typeof option == 'string')</w:t>
            </w:r>
          </w:p>
          <w:p w:rsidR="00156FB3" w:rsidRDefault="00156FB3" w:rsidP="00156FB3">
            <w:r>
              <w:t xml:space="preserve">                data[option]()</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old = $.fn.validator;</w:t>
            </w:r>
          </w:p>
          <w:p w:rsidR="00156FB3" w:rsidRDefault="00156FB3" w:rsidP="00156FB3"/>
          <w:p w:rsidR="00156FB3" w:rsidRDefault="00156FB3" w:rsidP="00156FB3">
            <w:r>
              <w:t xml:space="preserve">    $.fn.validator = Plugin;</w:t>
            </w:r>
          </w:p>
          <w:p w:rsidR="00156FB3" w:rsidRDefault="00156FB3" w:rsidP="00156FB3">
            <w:r>
              <w:t xml:space="preserve">    $.fn.validator.Constructor = Validator;</w:t>
            </w:r>
          </w:p>
          <w:p w:rsidR="00156FB3" w:rsidRDefault="00156FB3" w:rsidP="00156FB3"/>
          <w:p w:rsidR="00156FB3" w:rsidRDefault="00156FB3" w:rsidP="00156FB3"/>
          <w:p w:rsidR="00156FB3" w:rsidRDefault="00156FB3" w:rsidP="00156FB3">
            <w:r>
              <w:t xml:space="preserve">    // VALIDATOR NO CONFLICT</w:t>
            </w:r>
          </w:p>
          <w:p w:rsidR="00156FB3" w:rsidRDefault="00156FB3" w:rsidP="00156FB3">
            <w:r>
              <w:t xml:space="preserve">    // =====================</w:t>
            </w:r>
          </w:p>
          <w:p w:rsidR="00156FB3" w:rsidRDefault="00156FB3" w:rsidP="00156FB3"/>
          <w:p w:rsidR="00156FB3" w:rsidRDefault="00156FB3" w:rsidP="00156FB3">
            <w:r>
              <w:t xml:space="preserve">    $.fn.validator.noConflict = function () {</w:t>
            </w:r>
          </w:p>
          <w:p w:rsidR="00156FB3" w:rsidRDefault="00156FB3" w:rsidP="00156FB3">
            <w:r>
              <w:t xml:space="preserve">        $.fn.validator = old;</w:t>
            </w:r>
          </w:p>
          <w:p w:rsidR="00156FB3" w:rsidRDefault="00156FB3" w:rsidP="00156FB3">
            <w:r>
              <w:t xml:space="preserve">        return this</w:t>
            </w:r>
          </w:p>
          <w:p w:rsidR="00156FB3" w:rsidRDefault="00156FB3" w:rsidP="00156FB3">
            <w:r>
              <w:t xml:space="preserve">    };</w:t>
            </w:r>
          </w:p>
          <w:p w:rsidR="00156FB3" w:rsidRDefault="00156FB3" w:rsidP="00156FB3"/>
          <w:p w:rsidR="00156FB3" w:rsidRDefault="00156FB3" w:rsidP="00156FB3"/>
          <w:p w:rsidR="00156FB3" w:rsidRDefault="00156FB3" w:rsidP="00156FB3">
            <w:r>
              <w:t xml:space="preserve">    // VALIDATOR DATA-API</w:t>
            </w:r>
          </w:p>
          <w:p w:rsidR="00156FB3" w:rsidRDefault="00156FB3" w:rsidP="00156FB3">
            <w:r>
              <w:t xml:space="preserve">    // ==================</w:t>
            </w:r>
          </w:p>
          <w:p w:rsidR="00156FB3" w:rsidRDefault="00156FB3" w:rsidP="00156FB3"/>
          <w:p w:rsidR="00156FB3" w:rsidRDefault="00156FB3" w:rsidP="00156FB3">
            <w:r>
              <w:t xml:space="preserve">    $(window).on('load', function () {</w:t>
            </w:r>
          </w:p>
          <w:p w:rsidR="00156FB3" w:rsidRDefault="00156FB3" w:rsidP="00156FB3">
            <w:r>
              <w:t xml:space="preserve">        $('form[data-toggle="validator"]').each(function () {</w:t>
            </w:r>
          </w:p>
          <w:p w:rsidR="00156FB3" w:rsidRDefault="00156FB3" w:rsidP="00156FB3">
            <w:r>
              <w:t xml:space="preserve">            var $form = $(this);</w:t>
            </w:r>
          </w:p>
          <w:p w:rsidR="00156FB3" w:rsidRDefault="00156FB3" w:rsidP="00156FB3">
            <w:r>
              <w:lastRenderedPageBreak/>
              <w:t xml:space="preserve">            Plugin.call($form, $form.data())</w:t>
            </w:r>
          </w:p>
          <w:p w:rsidR="00156FB3" w:rsidRDefault="00156FB3" w:rsidP="00156FB3">
            <w:r>
              <w:t xml:space="preserve">        })</w:t>
            </w:r>
          </w:p>
          <w:p w:rsidR="00156FB3" w:rsidRDefault="00156FB3" w:rsidP="00156FB3">
            <w:r>
              <w:t xml:space="preserve">    })</w:t>
            </w:r>
          </w:p>
          <w:p w:rsidR="00156FB3" w:rsidRDefault="00156FB3" w:rsidP="00156FB3"/>
          <w:p w:rsidR="0048012D" w:rsidRDefault="00156FB3" w:rsidP="00156FB3">
            <w:r>
              <w:t>}(jQuery);</w:t>
            </w:r>
          </w:p>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156FB3" w:rsidP="0048012D">
            <w:r>
              <w:t>Velocity.js</w:t>
            </w:r>
          </w:p>
        </w:tc>
      </w:tr>
      <w:tr w:rsidR="0048012D" w:rsidTr="0048012D">
        <w:tc>
          <w:tcPr>
            <w:tcW w:w="9576" w:type="dxa"/>
          </w:tcPr>
          <w:p w:rsidR="00156FB3" w:rsidRDefault="00156FB3" w:rsidP="00156FB3">
            <w:r>
              <w:t>/*! VelocityJS.org (1.2.3). (C) 2014 Julian Shapiro. MIT @license: en.wikipedia.org/wiki/MIT_License */</w:t>
            </w:r>
          </w:p>
          <w:p w:rsidR="00156FB3" w:rsidRDefault="00156FB3" w:rsidP="00156FB3"/>
          <w:p w:rsidR="00156FB3" w:rsidRDefault="00156FB3" w:rsidP="00156FB3">
            <w:r>
              <w:t>/*************************</w:t>
            </w:r>
          </w:p>
          <w:p w:rsidR="00156FB3" w:rsidRDefault="00156FB3" w:rsidP="00156FB3">
            <w:r>
              <w:t xml:space="preserve">   Velocity jQuery Shim</w:t>
            </w:r>
          </w:p>
          <w:p w:rsidR="00156FB3" w:rsidRDefault="00156FB3" w:rsidP="00156FB3">
            <w:r>
              <w:t>*************************/</w:t>
            </w:r>
          </w:p>
          <w:p w:rsidR="00156FB3" w:rsidRDefault="00156FB3" w:rsidP="00156FB3"/>
          <w:p w:rsidR="00156FB3" w:rsidRDefault="00156FB3" w:rsidP="00156FB3">
            <w:r>
              <w:t>/*! VelocityJS.org jQuery Shim (1.0.1). (C) 2014 The jQuery Foundation. MIT @license: en.wikipedia.org/wiki/MIT_License. */</w:t>
            </w:r>
          </w:p>
          <w:p w:rsidR="00156FB3" w:rsidRDefault="00156FB3" w:rsidP="00156FB3"/>
          <w:p w:rsidR="00156FB3" w:rsidRDefault="00156FB3" w:rsidP="00156FB3">
            <w:r>
              <w:t>/* This file contains the jQuery functions that Velocity relies on, thereby removing Velocity's dependency on a full copy of jQuery, and allowing it to work in any environment. */</w:t>
            </w:r>
          </w:p>
          <w:p w:rsidR="00156FB3" w:rsidRDefault="00156FB3" w:rsidP="00156FB3">
            <w:r>
              <w:t>/* These shimmed functions are only used if jQuery isn't present. If both this shim and jQuery are loaded, Velocity defaults to jQuery proper. */</w:t>
            </w:r>
          </w:p>
          <w:p w:rsidR="00156FB3" w:rsidRDefault="00156FB3" w:rsidP="00156FB3">
            <w:r>
              <w:t>/* Browser support: Using this shim instead of jQuery proper removes support for IE8. */</w:t>
            </w:r>
          </w:p>
          <w:p w:rsidR="00156FB3" w:rsidRDefault="00156FB3" w:rsidP="00156FB3"/>
          <w:p w:rsidR="00156FB3" w:rsidRDefault="00156FB3" w:rsidP="00156FB3">
            <w:r>
              <w:t>;(function (window) {</w:t>
            </w:r>
          </w:p>
          <w:p w:rsidR="00156FB3" w:rsidRDefault="00156FB3" w:rsidP="00156FB3">
            <w:r>
              <w:t xml:space="preserve">    /***************</w:t>
            </w:r>
          </w:p>
          <w:p w:rsidR="00156FB3" w:rsidRDefault="00156FB3" w:rsidP="00156FB3">
            <w:r>
              <w:t xml:space="preserve">         Setup</w:t>
            </w:r>
          </w:p>
          <w:p w:rsidR="00156FB3" w:rsidRDefault="00156FB3" w:rsidP="00156FB3">
            <w:r>
              <w:t xml:space="preserve">    ***************/</w:t>
            </w:r>
          </w:p>
          <w:p w:rsidR="00156FB3" w:rsidRDefault="00156FB3" w:rsidP="00156FB3"/>
          <w:p w:rsidR="00156FB3" w:rsidRDefault="00156FB3" w:rsidP="00156FB3">
            <w:r>
              <w:t xml:space="preserve">    /* If jQuery is already loaded, there's no point in loading this shim. */</w:t>
            </w:r>
          </w:p>
          <w:p w:rsidR="00156FB3" w:rsidRDefault="00156FB3" w:rsidP="00156FB3">
            <w:r>
              <w:t xml:space="preserve">    if (window.jQuery)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 jQuery base. */</w:t>
            </w:r>
          </w:p>
          <w:p w:rsidR="00156FB3" w:rsidRDefault="00156FB3" w:rsidP="00156FB3">
            <w:r>
              <w:t xml:space="preserve">    var $ = function (selector, context) {</w:t>
            </w:r>
          </w:p>
          <w:p w:rsidR="00156FB3" w:rsidRDefault="00156FB3" w:rsidP="00156FB3">
            <w:r>
              <w:t xml:space="preserve">        return new $.fn.init(selector, contex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Private Methods</w:t>
            </w:r>
          </w:p>
          <w:p w:rsidR="00156FB3" w:rsidRDefault="00156FB3" w:rsidP="00156FB3">
            <w:r>
              <w:t xml:space="preserve">    ********************/</w:t>
            </w:r>
          </w:p>
          <w:p w:rsidR="00156FB3" w:rsidRDefault="00156FB3" w:rsidP="00156FB3"/>
          <w:p w:rsidR="00156FB3" w:rsidRDefault="00156FB3" w:rsidP="00156FB3">
            <w:r>
              <w:t xml:space="preserve">    /* jQuery */</w:t>
            </w:r>
          </w:p>
          <w:p w:rsidR="00156FB3" w:rsidRDefault="00156FB3" w:rsidP="00156FB3">
            <w:r>
              <w:t xml:space="preserve">    $.isWindow = function (obj) {</w:t>
            </w:r>
          </w:p>
          <w:p w:rsidR="00156FB3" w:rsidRDefault="00156FB3" w:rsidP="00156FB3">
            <w:r>
              <w:t xml:space="preserve">        /* jshint eqeqeq: false */</w:t>
            </w:r>
          </w:p>
          <w:p w:rsidR="00156FB3" w:rsidRDefault="00156FB3" w:rsidP="00156FB3">
            <w:r>
              <w:lastRenderedPageBreak/>
              <w:t xml:space="preserve">        return obj != null &amp;&amp; obj == obj.window;</w:t>
            </w:r>
          </w:p>
          <w:p w:rsidR="00156FB3" w:rsidRDefault="00156FB3" w:rsidP="00156FB3">
            <w:r>
              <w:t xml:space="preserve">    };</w:t>
            </w:r>
          </w:p>
          <w:p w:rsidR="00156FB3" w:rsidRDefault="00156FB3" w:rsidP="00156FB3"/>
          <w:p w:rsidR="00156FB3" w:rsidRDefault="00156FB3" w:rsidP="00156FB3">
            <w:r>
              <w:t xml:space="preserve">    /* jQuery */</w:t>
            </w:r>
          </w:p>
          <w:p w:rsidR="00156FB3" w:rsidRDefault="00156FB3" w:rsidP="00156FB3">
            <w:r>
              <w:t xml:space="preserve">    $.type = function (obj) {</w:t>
            </w:r>
          </w:p>
          <w:p w:rsidR="00156FB3" w:rsidRDefault="00156FB3" w:rsidP="00156FB3">
            <w:r>
              <w:t xml:space="preserve">        if (obj == null) {</w:t>
            </w:r>
          </w:p>
          <w:p w:rsidR="00156FB3" w:rsidRDefault="00156FB3" w:rsidP="00156FB3">
            <w:r>
              <w:t xml:space="preserve">            return obj + "";</w:t>
            </w:r>
          </w:p>
          <w:p w:rsidR="00156FB3" w:rsidRDefault="00156FB3" w:rsidP="00156FB3">
            <w:r>
              <w:t xml:space="preserve">        }</w:t>
            </w:r>
          </w:p>
          <w:p w:rsidR="00156FB3" w:rsidRDefault="00156FB3" w:rsidP="00156FB3"/>
          <w:p w:rsidR="00156FB3" w:rsidRDefault="00156FB3" w:rsidP="00156FB3">
            <w:r>
              <w:t xml:space="preserve">        return typeof obj === "object" || typeof obj === "function" ?</w:t>
            </w:r>
          </w:p>
          <w:p w:rsidR="00156FB3" w:rsidRDefault="00156FB3" w:rsidP="00156FB3">
            <w:r>
              <w:t xml:space="preserve">            class2type[toString.call(obj)] || "object" :</w:t>
            </w:r>
          </w:p>
          <w:p w:rsidR="00156FB3" w:rsidRDefault="00156FB3" w:rsidP="00156FB3">
            <w:r>
              <w:t xml:space="preserve">            typeof obj;</w:t>
            </w:r>
          </w:p>
          <w:p w:rsidR="00156FB3" w:rsidRDefault="00156FB3" w:rsidP="00156FB3">
            <w:r>
              <w:t xml:space="preserve">    };</w:t>
            </w:r>
          </w:p>
          <w:p w:rsidR="00156FB3" w:rsidRDefault="00156FB3" w:rsidP="00156FB3"/>
          <w:p w:rsidR="00156FB3" w:rsidRDefault="00156FB3" w:rsidP="00156FB3">
            <w:r>
              <w:t xml:space="preserve">    /* jQuery */</w:t>
            </w:r>
          </w:p>
          <w:p w:rsidR="00156FB3" w:rsidRDefault="00156FB3" w:rsidP="00156FB3">
            <w:r>
              <w:t xml:space="preserve">    $.isArray = Array.isArray || function (obj) {</w:t>
            </w:r>
          </w:p>
          <w:p w:rsidR="00156FB3" w:rsidRDefault="00156FB3" w:rsidP="00156FB3">
            <w:r>
              <w:t xml:space="preserve">        return $.type(obj) === "array";</w:t>
            </w:r>
          </w:p>
          <w:p w:rsidR="00156FB3" w:rsidRDefault="00156FB3" w:rsidP="00156FB3">
            <w:r>
              <w:t xml:space="preserve">    };</w:t>
            </w:r>
          </w:p>
          <w:p w:rsidR="00156FB3" w:rsidRDefault="00156FB3" w:rsidP="00156FB3"/>
          <w:p w:rsidR="00156FB3" w:rsidRDefault="00156FB3" w:rsidP="00156FB3">
            <w:r>
              <w:t xml:space="preserve">    /* jQuery */</w:t>
            </w:r>
          </w:p>
          <w:p w:rsidR="00156FB3" w:rsidRDefault="00156FB3" w:rsidP="00156FB3">
            <w:r>
              <w:t xml:space="preserve">    function isArraylike (obj) {</w:t>
            </w:r>
          </w:p>
          <w:p w:rsidR="00156FB3" w:rsidRDefault="00156FB3" w:rsidP="00156FB3">
            <w:r>
              <w:t xml:space="preserve">        var length = obj.length,</w:t>
            </w:r>
          </w:p>
          <w:p w:rsidR="00156FB3" w:rsidRDefault="00156FB3" w:rsidP="00156FB3">
            <w:r>
              <w:t xml:space="preserve">            type = $.type(obj);</w:t>
            </w:r>
          </w:p>
          <w:p w:rsidR="00156FB3" w:rsidRDefault="00156FB3" w:rsidP="00156FB3"/>
          <w:p w:rsidR="00156FB3" w:rsidRDefault="00156FB3" w:rsidP="00156FB3">
            <w:r>
              <w:t xml:space="preserve">        if (type === "function" || $.isWindow(obj))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if (obj.nodeType === 1 &amp;&amp; length) {</w:t>
            </w:r>
          </w:p>
          <w:p w:rsidR="00156FB3" w:rsidRDefault="00156FB3" w:rsidP="00156FB3">
            <w:r>
              <w:t xml:space="preserve">            return true;</w:t>
            </w:r>
          </w:p>
          <w:p w:rsidR="00156FB3" w:rsidRDefault="00156FB3" w:rsidP="00156FB3">
            <w:r>
              <w:t xml:space="preserve">        }</w:t>
            </w:r>
          </w:p>
          <w:p w:rsidR="00156FB3" w:rsidRDefault="00156FB3" w:rsidP="00156FB3"/>
          <w:p w:rsidR="00156FB3" w:rsidRDefault="00156FB3" w:rsidP="00156FB3">
            <w:r>
              <w:t xml:space="preserve">        return type === "array" || length === 0 || typeof length === "number" &amp;&amp; length &gt; 0 &amp;&amp; (length - 1) in obj;</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Methods</w:t>
            </w:r>
          </w:p>
          <w:p w:rsidR="00156FB3" w:rsidRDefault="00156FB3" w:rsidP="00156FB3">
            <w:r>
              <w:t xml:space="preserve">    ***************/</w:t>
            </w:r>
          </w:p>
          <w:p w:rsidR="00156FB3" w:rsidRDefault="00156FB3" w:rsidP="00156FB3"/>
          <w:p w:rsidR="00156FB3" w:rsidRDefault="00156FB3" w:rsidP="00156FB3">
            <w:r>
              <w:t xml:space="preserve">    /* jQuery: Support removed for IE&lt;9. */</w:t>
            </w:r>
          </w:p>
          <w:p w:rsidR="00156FB3" w:rsidRDefault="00156FB3" w:rsidP="00156FB3">
            <w:r>
              <w:t xml:space="preserve">    $.isPlainObject = function (obj) {</w:t>
            </w:r>
          </w:p>
          <w:p w:rsidR="00156FB3" w:rsidRDefault="00156FB3" w:rsidP="00156FB3">
            <w:r>
              <w:t xml:space="preserve">        var key;</w:t>
            </w:r>
          </w:p>
          <w:p w:rsidR="00156FB3" w:rsidRDefault="00156FB3" w:rsidP="00156FB3"/>
          <w:p w:rsidR="00156FB3" w:rsidRDefault="00156FB3" w:rsidP="00156FB3">
            <w:r>
              <w:t xml:space="preserve">        if (!obj || $.type(obj) !== "object" || obj.nodeType || $.isWindow(obj))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lastRenderedPageBreak/>
              <w:t xml:space="preserve">        try {</w:t>
            </w:r>
          </w:p>
          <w:p w:rsidR="00156FB3" w:rsidRDefault="00156FB3" w:rsidP="00156FB3">
            <w:r>
              <w:t xml:space="preserve">            if (obj.constructor &amp;&amp;</w:t>
            </w:r>
          </w:p>
          <w:p w:rsidR="00156FB3" w:rsidRDefault="00156FB3" w:rsidP="00156FB3">
            <w:r>
              <w:t xml:space="preserve">                !hasOwn.call(obj, "constructor") &amp;&amp;</w:t>
            </w:r>
          </w:p>
          <w:p w:rsidR="00156FB3" w:rsidRDefault="00156FB3" w:rsidP="00156FB3">
            <w:r>
              <w:t xml:space="preserve">                !hasOwn.call(obj.constructor.prototype, "isPrototypeOf")) {</w:t>
            </w:r>
          </w:p>
          <w:p w:rsidR="00156FB3" w:rsidRDefault="00156FB3" w:rsidP="00156FB3">
            <w:r>
              <w:t xml:space="preserve">                return false;</w:t>
            </w:r>
          </w:p>
          <w:p w:rsidR="00156FB3" w:rsidRDefault="00156FB3" w:rsidP="00156FB3">
            <w:r>
              <w:t xml:space="preserve">            }</w:t>
            </w:r>
          </w:p>
          <w:p w:rsidR="00156FB3" w:rsidRDefault="00156FB3" w:rsidP="00156FB3">
            <w:r>
              <w:t xml:space="preserve">        } catch (e)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for (key in obj) {}</w:t>
            </w:r>
          </w:p>
          <w:p w:rsidR="00156FB3" w:rsidRDefault="00156FB3" w:rsidP="00156FB3"/>
          <w:p w:rsidR="00156FB3" w:rsidRDefault="00156FB3" w:rsidP="00156FB3">
            <w:r>
              <w:t xml:space="preserve">        return key === undefined || hasOwn.call(obj, key);</w:t>
            </w:r>
          </w:p>
          <w:p w:rsidR="00156FB3" w:rsidRDefault="00156FB3" w:rsidP="00156FB3">
            <w:r>
              <w:t xml:space="preserve">    };</w:t>
            </w:r>
          </w:p>
          <w:p w:rsidR="00156FB3" w:rsidRDefault="00156FB3" w:rsidP="00156FB3"/>
          <w:p w:rsidR="00156FB3" w:rsidRDefault="00156FB3" w:rsidP="00156FB3">
            <w:r>
              <w:t xml:space="preserve">    /* jQuery */</w:t>
            </w:r>
          </w:p>
          <w:p w:rsidR="00156FB3" w:rsidRDefault="00156FB3" w:rsidP="00156FB3">
            <w:r>
              <w:t xml:space="preserve">    $.each = function(obj, callback, args) {</w:t>
            </w:r>
          </w:p>
          <w:p w:rsidR="00156FB3" w:rsidRDefault="00156FB3" w:rsidP="00156FB3">
            <w:r>
              <w:t xml:space="preserve">        var value,</w:t>
            </w:r>
          </w:p>
          <w:p w:rsidR="00156FB3" w:rsidRDefault="00156FB3" w:rsidP="00156FB3">
            <w:r>
              <w:t xml:space="preserve">            i = 0,</w:t>
            </w:r>
          </w:p>
          <w:p w:rsidR="00156FB3" w:rsidRDefault="00156FB3" w:rsidP="00156FB3">
            <w:r>
              <w:t xml:space="preserve">            length = obj.length,</w:t>
            </w:r>
          </w:p>
          <w:p w:rsidR="00156FB3" w:rsidRDefault="00156FB3" w:rsidP="00156FB3">
            <w:r>
              <w:t xml:space="preserve">            isArray = isArraylike(obj);</w:t>
            </w:r>
          </w:p>
          <w:p w:rsidR="00156FB3" w:rsidRDefault="00156FB3" w:rsidP="00156FB3"/>
          <w:p w:rsidR="00156FB3" w:rsidRDefault="00156FB3" w:rsidP="00156FB3">
            <w:r>
              <w:t xml:space="preserve">        if (args) {</w:t>
            </w:r>
          </w:p>
          <w:p w:rsidR="00156FB3" w:rsidRDefault="00156FB3" w:rsidP="00156FB3">
            <w:r>
              <w:t xml:space="preserve">            if (isArray) {</w:t>
            </w:r>
          </w:p>
          <w:p w:rsidR="00156FB3" w:rsidRDefault="00156FB3" w:rsidP="00156FB3">
            <w:r>
              <w:t xml:space="preserve">                for (; i &lt; length; i++) {</w:t>
            </w:r>
          </w:p>
          <w:p w:rsidR="00156FB3" w:rsidRDefault="00156FB3" w:rsidP="00156FB3">
            <w:r>
              <w:t xml:space="preserve">                    value = callback.apply(obj[i], args);</w:t>
            </w:r>
          </w:p>
          <w:p w:rsidR="00156FB3" w:rsidRDefault="00156FB3" w:rsidP="00156FB3"/>
          <w:p w:rsidR="00156FB3" w:rsidRDefault="00156FB3" w:rsidP="00156FB3">
            <w:r>
              <w:t xml:space="preserve">                    if (value === false) {</w:t>
            </w:r>
          </w:p>
          <w:p w:rsidR="00156FB3" w:rsidRDefault="00156FB3" w:rsidP="00156FB3">
            <w:r>
              <w:t xml:space="preserve">                        break;</w:t>
            </w:r>
          </w:p>
          <w:p w:rsidR="00156FB3" w:rsidRDefault="00156FB3" w:rsidP="00156FB3">
            <w:r>
              <w:t xml:space="preserve">                    }</w:t>
            </w:r>
          </w:p>
          <w:p w:rsidR="00156FB3" w:rsidRDefault="00156FB3" w:rsidP="00156FB3">
            <w:r>
              <w:t xml:space="preserve">                }</w:t>
            </w:r>
          </w:p>
          <w:p w:rsidR="00156FB3" w:rsidRDefault="00156FB3" w:rsidP="00156FB3">
            <w:r>
              <w:t xml:space="preserve">            } else {</w:t>
            </w:r>
          </w:p>
          <w:p w:rsidR="00156FB3" w:rsidRDefault="00156FB3" w:rsidP="00156FB3">
            <w:r>
              <w:t xml:space="preserve">                for (i in obj) {</w:t>
            </w:r>
          </w:p>
          <w:p w:rsidR="00156FB3" w:rsidRDefault="00156FB3" w:rsidP="00156FB3">
            <w:r>
              <w:t xml:space="preserve">                    value = callback.apply(obj[i], args);</w:t>
            </w:r>
          </w:p>
          <w:p w:rsidR="00156FB3" w:rsidRDefault="00156FB3" w:rsidP="00156FB3"/>
          <w:p w:rsidR="00156FB3" w:rsidRDefault="00156FB3" w:rsidP="00156FB3">
            <w:r>
              <w:t xml:space="preserve">                    if (value === false) {</w:t>
            </w:r>
          </w:p>
          <w:p w:rsidR="00156FB3" w:rsidRDefault="00156FB3" w:rsidP="00156FB3">
            <w:r>
              <w:t xml:space="preserve">                        break;</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else {</w:t>
            </w:r>
          </w:p>
          <w:p w:rsidR="00156FB3" w:rsidRDefault="00156FB3" w:rsidP="00156FB3">
            <w:r>
              <w:t xml:space="preserve">            if (isArray) {</w:t>
            </w:r>
          </w:p>
          <w:p w:rsidR="00156FB3" w:rsidRDefault="00156FB3" w:rsidP="00156FB3">
            <w:r>
              <w:t xml:space="preserve">                for (; i &lt; length; i++) {</w:t>
            </w:r>
          </w:p>
          <w:p w:rsidR="00156FB3" w:rsidRDefault="00156FB3" w:rsidP="00156FB3">
            <w:r>
              <w:t xml:space="preserve">                    value = callback.call(obj[i], i, obj[i]);</w:t>
            </w:r>
          </w:p>
          <w:p w:rsidR="00156FB3" w:rsidRDefault="00156FB3" w:rsidP="00156FB3"/>
          <w:p w:rsidR="00156FB3" w:rsidRDefault="00156FB3" w:rsidP="00156FB3">
            <w:r>
              <w:t xml:space="preserve">                    if (value === false) {</w:t>
            </w:r>
          </w:p>
          <w:p w:rsidR="00156FB3" w:rsidRDefault="00156FB3" w:rsidP="00156FB3">
            <w:r>
              <w:t xml:space="preserve">                        break;</w:t>
            </w:r>
          </w:p>
          <w:p w:rsidR="00156FB3" w:rsidRDefault="00156FB3" w:rsidP="00156FB3">
            <w:r>
              <w:lastRenderedPageBreak/>
              <w:t xml:space="preserve">                    }</w:t>
            </w:r>
          </w:p>
          <w:p w:rsidR="00156FB3" w:rsidRDefault="00156FB3" w:rsidP="00156FB3">
            <w:r>
              <w:t xml:space="preserve">                }</w:t>
            </w:r>
          </w:p>
          <w:p w:rsidR="00156FB3" w:rsidRDefault="00156FB3" w:rsidP="00156FB3">
            <w:r>
              <w:t xml:space="preserve">            } else {</w:t>
            </w:r>
          </w:p>
          <w:p w:rsidR="00156FB3" w:rsidRDefault="00156FB3" w:rsidP="00156FB3">
            <w:r>
              <w:t xml:space="preserve">                for (i in obj) {</w:t>
            </w:r>
          </w:p>
          <w:p w:rsidR="00156FB3" w:rsidRDefault="00156FB3" w:rsidP="00156FB3">
            <w:r>
              <w:t xml:space="preserve">                    value = callback.call(obj[i], i, obj[i]);</w:t>
            </w:r>
          </w:p>
          <w:p w:rsidR="00156FB3" w:rsidRDefault="00156FB3" w:rsidP="00156FB3"/>
          <w:p w:rsidR="00156FB3" w:rsidRDefault="00156FB3" w:rsidP="00156FB3">
            <w:r>
              <w:t xml:space="preserve">                    if (value === false) {</w:t>
            </w:r>
          </w:p>
          <w:p w:rsidR="00156FB3" w:rsidRDefault="00156FB3" w:rsidP="00156FB3">
            <w:r>
              <w:t xml:space="preserve">                        break;</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obj;</w:t>
            </w:r>
          </w:p>
          <w:p w:rsidR="00156FB3" w:rsidRDefault="00156FB3" w:rsidP="00156FB3">
            <w:r>
              <w:t xml:space="preserve">    };</w:t>
            </w:r>
          </w:p>
          <w:p w:rsidR="00156FB3" w:rsidRDefault="00156FB3" w:rsidP="00156FB3"/>
          <w:p w:rsidR="00156FB3" w:rsidRDefault="00156FB3" w:rsidP="00156FB3">
            <w:r>
              <w:t xml:space="preserve">    /* Custom */</w:t>
            </w:r>
          </w:p>
          <w:p w:rsidR="00156FB3" w:rsidRDefault="00156FB3" w:rsidP="00156FB3">
            <w:r>
              <w:t xml:space="preserve">    $.data = function (node, key, value) {</w:t>
            </w:r>
          </w:p>
          <w:p w:rsidR="00156FB3" w:rsidRDefault="00156FB3" w:rsidP="00156FB3">
            <w:r>
              <w:t xml:space="preserve">        /* $.getData() */</w:t>
            </w:r>
          </w:p>
          <w:p w:rsidR="00156FB3" w:rsidRDefault="00156FB3" w:rsidP="00156FB3">
            <w:r>
              <w:t xml:space="preserve">        if (value === undefined) {</w:t>
            </w:r>
          </w:p>
          <w:p w:rsidR="00156FB3" w:rsidRDefault="00156FB3" w:rsidP="00156FB3">
            <w:r>
              <w:t xml:space="preserve">            var id = node[$.expando],</w:t>
            </w:r>
          </w:p>
          <w:p w:rsidR="00156FB3" w:rsidRDefault="00156FB3" w:rsidP="00156FB3">
            <w:r>
              <w:t xml:space="preserve">                store = id &amp;&amp; cache[id];</w:t>
            </w:r>
          </w:p>
          <w:p w:rsidR="00156FB3" w:rsidRDefault="00156FB3" w:rsidP="00156FB3"/>
          <w:p w:rsidR="00156FB3" w:rsidRDefault="00156FB3" w:rsidP="00156FB3">
            <w:r>
              <w:t xml:space="preserve">            if (key === undefined) {</w:t>
            </w:r>
          </w:p>
          <w:p w:rsidR="00156FB3" w:rsidRDefault="00156FB3" w:rsidP="00156FB3">
            <w:r>
              <w:t xml:space="preserve">                return store;</w:t>
            </w:r>
          </w:p>
          <w:p w:rsidR="00156FB3" w:rsidRDefault="00156FB3" w:rsidP="00156FB3">
            <w:r>
              <w:t xml:space="preserve">            } else if (store) {</w:t>
            </w:r>
          </w:p>
          <w:p w:rsidR="00156FB3" w:rsidRDefault="00156FB3" w:rsidP="00156FB3">
            <w:r>
              <w:t xml:space="preserve">                if (key in store) {</w:t>
            </w:r>
          </w:p>
          <w:p w:rsidR="00156FB3" w:rsidRDefault="00156FB3" w:rsidP="00156FB3">
            <w:r>
              <w:t xml:space="preserve">                    return store[key];</w:t>
            </w:r>
          </w:p>
          <w:p w:rsidR="00156FB3" w:rsidRDefault="00156FB3" w:rsidP="00156FB3">
            <w:r>
              <w:t xml:space="preserve">                }</w:t>
            </w:r>
          </w:p>
          <w:p w:rsidR="00156FB3" w:rsidRDefault="00156FB3" w:rsidP="00156FB3">
            <w:r>
              <w:t xml:space="preserve">            }</w:t>
            </w:r>
          </w:p>
          <w:p w:rsidR="00156FB3" w:rsidRDefault="00156FB3" w:rsidP="00156FB3">
            <w:r>
              <w:t xml:space="preserve">        /* $.setData() */</w:t>
            </w:r>
          </w:p>
          <w:p w:rsidR="00156FB3" w:rsidRDefault="00156FB3" w:rsidP="00156FB3">
            <w:r>
              <w:t xml:space="preserve">        } else if (key !== undefined) {</w:t>
            </w:r>
          </w:p>
          <w:p w:rsidR="00156FB3" w:rsidRDefault="00156FB3" w:rsidP="00156FB3">
            <w:r>
              <w:t xml:space="preserve">            var id = node[$.expando] || (node[$.expando] = ++$.uuid);</w:t>
            </w:r>
          </w:p>
          <w:p w:rsidR="00156FB3" w:rsidRDefault="00156FB3" w:rsidP="00156FB3"/>
          <w:p w:rsidR="00156FB3" w:rsidRDefault="00156FB3" w:rsidP="00156FB3">
            <w:r>
              <w:t xml:space="preserve">            cache[id] = cache[id] || {};</w:t>
            </w:r>
          </w:p>
          <w:p w:rsidR="00156FB3" w:rsidRDefault="00156FB3" w:rsidP="00156FB3">
            <w:r>
              <w:t xml:space="preserve">            cache[id][key] = value;</w:t>
            </w:r>
          </w:p>
          <w:p w:rsidR="00156FB3" w:rsidRDefault="00156FB3" w:rsidP="00156FB3"/>
          <w:p w:rsidR="00156FB3" w:rsidRDefault="00156FB3" w:rsidP="00156FB3">
            <w:r>
              <w:t xml:space="preserve">            return val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Custom */</w:t>
            </w:r>
          </w:p>
          <w:p w:rsidR="00156FB3" w:rsidRDefault="00156FB3" w:rsidP="00156FB3">
            <w:r>
              <w:t xml:space="preserve">    $.removeData = function (node, keys) {</w:t>
            </w:r>
          </w:p>
          <w:p w:rsidR="00156FB3" w:rsidRDefault="00156FB3" w:rsidP="00156FB3">
            <w:r>
              <w:t xml:space="preserve">        var id = node[$.expando],</w:t>
            </w:r>
          </w:p>
          <w:p w:rsidR="00156FB3" w:rsidRDefault="00156FB3" w:rsidP="00156FB3">
            <w:r>
              <w:t xml:space="preserve">            store = id &amp;&amp; cache[id];</w:t>
            </w:r>
          </w:p>
          <w:p w:rsidR="00156FB3" w:rsidRDefault="00156FB3" w:rsidP="00156FB3"/>
          <w:p w:rsidR="00156FB3" w:rsidRDefault="00156FB3" w:rsidP="00156FB3">
            <w:r>
              <w:t xml:space="preserve">        if (store) {</w:t>
            </w:r>
          </w:p>
          <w:p w:rsidR="00156FB3" w:rsidRDefault="00156FB3" w:rsidP="00156FB3">
            <w:r>
              <w:t xml:space="preserve">            $.each(keys, function(_, key) {</w:t>
            </w:r>
          </w:p>
          <w:p w:rsidR="00156FB3" w:rsidRDefault="00156FB3" w:rsidP="00156FB3">
            <w:r>
              <w:lastRenderedPageBreak/>
              <w:t xml:space="preserve">                delete store[key];</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jQuery */</w:t>
            </w:r>
          </w:p>
          <w:p w:rsidR="00156FB3" w:rsidRDefault="00156FB3" w:rsidP="00156FB3">
            <w:r>
              <w:t xml:space="preserve">    $.extend = function () {</w:t>
            </w:r>
          </w:p>
          <w:p w:rsidR="00156FB3" w:rsidRDefault="00156FB3" w:rsidP="00156FB3">
            <w:r>
              <w:t xml:space="preserve">        var src, copyIsArray, copy, name, options, clone,</w:t>
            </w:r>
          </w:p>
          <w:p w:rsidR="00156FB3" w:rsidRDefault="00156FB3" w:rsidP="00156FB3">
            <w:r>
              <w:t xml:space="preserve">            target = arguments[0] || {},</w:t>
            </w:r>
          </w:p>
          <w:p w:rsidR="00156FB3" w:rsidRDefault="00156FB3" w:rsidP="00156FB3">
            <w:r>
              <w:t xml:space="preserve">            i = 1,</w:t>
            </w:r>
          </w:p>
          <w:p w:rsidR="00156FB3" w:rsidRDefault="00156FB3" w:rsidP="00156FB3">
            <w:r>
              <w:t xml:space="preserve">            length = arguments.length,</w:t>
            </w:r>
          </w:p>
          <w:p w:rsidR="00156FB3" w:rsidRDefault="00156FB3" w:rsidP="00156FB3">
            <w:r>
              <w:t xml:space="preserve">            deep = false;</w:t>
            </w:r>
          </w:p>
          <w:p w:rsidR="00156FB3" w:rsidRDefault="00156FB3" w:rsidP="00156FB3"/>
          <w:p w:rsidR="00156FB3" w:rsidRDefault="00156FB3" w:rsidP="00156FB3">
            <w:r>
              <w:t xml:space="preserve">        if (typeof target === "boolean") {</w:t>
            </w:r>
          </w:p>
          <w:p w:rsidR="00156FB3" w:rsidRDefault="00156FB3" w:rsidP="00156FB3">
            <w:r>
              <w:t xml:space="preserve">            deep = target;</w:t>
            </w:r>
          </w:p>
          <w:p w:rsidR="00156FB3" w:rsidRDefault="00156FB3" w:rsidP="00156FB3"/>
          <w:p w:rsidR="00156FB3" w:rsidRDefault="00156FB3" w:rsidP="00156FB3">
            <w:r>
              <w:t xml:space="preserve">            target = arguments[i] || {};</w:t>
            </w:r>
          </w:p>
          <w:p w:rsidR="00156FB3" w:rsidRDefault="00156FB3" w:rsidP="00156FB3">
            <w:r>
              <w:t xml:space="preserve">            i++;</w:t>
            </w:r>
          </w:p>
          <w:p w:rsidR="00156FB3" w:rsidRDefault="00156FB3" w:rsidP="00156FB3">
            <w:r>
              <w:t xml:space="preserve">        }</w:t>
            </w:r>
          </w:p>
          <w:p w:rsidR="00156FB3" w:rsidRDefault="00156FB3" w:rsidP="00156FB3"/>
          <w:p w:rsidR="00156FB3" w:rsidRDefault="00156FB3" w:rsidP="00156FB3">
            <w:r>
              <w:t xml:space="preserve">        if (typeof target !== "object" &amp;&amp; $.type(target) !== "function") {</w:t>
            </w:r>
          </w:p>
          <w:p w:rsidR="00156FB3" w:rsidRDefault="00156FB3" w:rsidP="00156FB3">
            <w:r>
              <w:t xml:space="preserve">            target = {};</w:t>
            </w:r>
          </w:p>
          <w:p w:rsidR="00156FB3" w:rsidRDefault="00156FB3" w:rsidP="00156FB3">
            <w:r>
              <w:t xml:space="preserve">        }</w:t>
            </w:r>
          </w:p>
          <w:p w:rsidR="00156FB3" w:rsidRDefault="00156FB3" w:rsidP="00156FB3"/>
          <w:p w:rsidR="00156FB3" w:rsidRDefault="00156FB3" w:rsidP="00156FB3">
            <w:r>
              <w:t xml:space="preserve">        if (i === length) {</w:t>
            </w:r>
          </w:p>
          <w:p w:rsidR="00156FB3" w:rsidRDefault="00156FB3" w:rsidP="00156FB3">
            <w:r>
              <w:t xml:space="preserve">            target = this;</w:t>
            </w:r>
          </w:p>
          <w:p w:rsidR="00156FB3" w:rsidRDefault="00156FB3" w:rsidP="00156FB3">
            <w:r>
              <w:t xml:space="preserve">            i--;</w:t>
            </w:r>
          </w:p>
          <w:p w:rsidR="00156FB3" w:rsidRDefault="00156FB3" w:rsidP="00156FB3">
            <w:r>
              <w:t xml:space="preserve">        }</w:t>
            </w:r>
          </w:p>
          <w:p w:rsidR="00156FB3" w:rsidRDefault="00156FB3" w:rsidP="00156FB3"/>
          <w:p w:rsidR="00156FB3" w:rsidRDefault="00156FB3" w:rsidP="00156FB3">
            <w:r>
              <w:t xml:space="preserve">        for (; i &lt; length; i++) {</w:t>
            </w:r>
          </w:p>
          <w:p w:rsidR="00156FB3" w:rsidRDefault="00156FB3" w:rsidP="00156FB3">
            <w:r>
              <w:t xml:space="preserve">            if ((options = arguments[i]) != null) {</w:t>
            </w:r>
          </w:p>
          <w:p w:rsidR="00156FB3" w:rsidRDefault="00156FB3" w:rsidP="00156FB3">
            <w:r>
              <w:t xml:space="preserve">                for (name in options) {</w:t>
            </w:r>
          </w:p>
          <w:p w:rsidR="00156FB3" w:rsidRDefault="00156FB3" w:rsidP="00156FB3">
            <w:r>
              <w:t xml:space="preserve">                    src = target[name];</w:t>
            </w:r>
          </w:p>
          <w:p w:rsidR="00156FB3" w:rsidRDefault="00156FB3" w:rsidP="00156FB3">
            <w:r>
              <w:t xml:space="preserve">                    copy = options[name];</w:t>
            </w:r>
          </w:p>
          <w:p w:rsidR="00156FB3" w:rsidRDefault="00156FB3" w:rsidP="00156FB3"/>
          <w:p w:rsidR="00156FB3" w:rsidRDefault="00156FB3" w:rsidP="00156FB3">
            <w:r>
              <w:t xml:space="preserve">                    if (target === copy) {</w:t>
            </w:r>
          </w:p>
          <w:p w:rsidR="00156FB3" w:rsidRDefault="00156FB3" w:rsidP="00156FB3">
            <w:r>
              <w:t xml:space="preserve">                        continue;</w:t>
            </w:r>
          </w:p>
          <w:p w:rsidR="00156FB3" w:rsidRDefault="00156FB3" w:rsidP="00156FB3">
            <w:r>
              <w:t xml:space="preserve">                    }</w:t>
            </w:r>
          </w:p>
          <w:p w:rsidR="00156FB3" w:rsidRDefault="00156FB3" w:rsidP="00156FB3"/>
          <w:p w:rsidR="00156FB3" w:rsidRDefault="00156FB3" w:rsidP="00156FB3">
            <w:r>
              <w:t xml:space="preserve">                    if (deep &amp;&amp; copy &amp;&amp; ($.isPlainObject(copy) || (copyIsArray = $.isArray(copy)))) {</w:t>
            </w:r>
          </w:p>
          <w:p w:rsidR="00156FB3" w:rsidRDefault="00156FB3" w:rsidP="00156FB3">
            <w:r>
              <w:t xml:space="preserve">                        if (copyIsArray) {</w:t>
            </w:r>
          </w:p>
          <w:p w:rsidR="00156FB3" w:rsidRDefault="00156FB3" w:rsidP="00156FB3">
            <w:r>
              <w:t xml:space="preserve">                            copyIsArray = false;</w:t>
            </w:r>
          </w:p>
          <w:p w:rsidR="00156FB3" w:rsidRDefault="00156FB3" w:rsidP="00156FB3">
            <w:r>
              <w:t xml:space="preserve">                            clone = src &amp;&amp; $.isArray(src) ? src : [];</w:t>
            </w:r>
          </w:p>
          <w:p w:rsidR="00156FB3" w:rsidRDefault="00156FB3" w:rsidP="00156FB3"/>
          <w:p w:rsidR="00156FB3" w:rsidRDefault="00156FB3" w:rsidP="00156FB3">
            <w:r>
              <w:t xml:space="preserve">                        } else {</w:t>
            </w:r>
          </w:p>
          <w:p w:rsidR="00156FB3" w:rsidRDefault="00156FB3" w:rsidP="00156FB3">
            <w:r>
              <w:t xml:space="preserve">                            clone = src &amp;&amp; $.isPlainObject(src) ? src : {};</w:t>
            </w:r>
          </w:p>
          <w:p w:rsidR="00156FB3" w:rsidRDefault="00156FB3" w:rsidP="00156FB3">
            <w:r>
              <w:t xml:space="preserve">                        }</w:t>
            </w:r>
          </w:p>
          <w:p w:rsidR="00156FB3" w:rsidRDefault="00156FB3" w:rsidP="00156FB3"/>
          <w:p w:rsidR="00156FB3" w:rsidRDefault="00156FB3" w:rsidP="00156FB3">
            <w:r>
              <w:lastRenderedPageBreak/>
              <w:t xml:space="preserve">                        target[name] = $.extend(deep, clone, copy);</w:t>
            </w:r>
          </w:p>
          <w:p w:rsidR="00156FB3" w:rsidRDefault="00156FB3" w:rsidP="00156FB3"/>
          <w:p w:rsidR="00156FB3" w:rsidRDefault="00156FB3" w:rsidP="00156FB3">
            <w:r>
              <w:t xml:space="preserve">                    } else if (copy !== undefined) {</w:t>
            </w:r>
          </w:p>
          <w:p w:rsidR="00156FB3" w:rsidRDefault="00156FB3" w:rsidP="00156FB3">
            <w:r>
              <w:t xml:space="preserve">                        target[name] = copy;</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target;</w:t>
            </w:r>
          </w:p>
          <w:p w:rsidR="00156FB3" w:rsidRDefault="00156FB3" w:rsidP="00156FB3">
            <w:r>
              <w:t xml:space="preserve">    };</w:t>
            </w:r>
          </w:p>
          <w:p w:rsidR="00156FB3" w:rsidRDefault="00156FB3" w:rsidP="00156FB3"/>
          <w:p w:rsidR="00156FB3" w:rsidRDefault="00156FB3" w:rsidP="00156FB3">
            <w:r>
              <w:t xml:space="preserve">    /* jQuery 1.4.3 */</w:t>
            </w:r>
          </w:p>
          <w:p w:rsidR="00156FB3" w:rsidRDefault="00156FB3" w:rsidP="00156FB3">
            <w:r>
              <w:t xml:space="preserve">    $.queue = function (elem, type, data) {</w:t>
            </w:r>
          </w:p>
          <w:p w:rsidR="00156FB3" w:rsidRDefault="00156FB3" w:rsidP="00156FB3">
            <w:r>
              <w:t xml:space="preserve">        function $makeArray (arr, results) {</w:t>
            </w:r>
          </w:p>
          <w:p w:rsidR="00156FB3" w:rsidRDefault="00156FB3" w:rsidP="00156FB3">
            <w:r>
              <w:t xml:space="preserve">            var ret = results || [];</w:t>
            </w:r>
          </w:p>
          <w:p w:rsidR="00156FB3" w:rsidRDefault="00156FB3" w:rsidP="00156FB3"/>
          <w:p w:rsidR="00156FB3" w:rsidRDefault="00156FB3" w:rsidP="00156FB3">
            <w:r>
              <w:t xml:space="preserve">            if (arr != null) {</w:t>
            </w:r>
          </w:p>
          <w:p w:rsidR="00156FB3" w:rsidRDefault="00156FB3" w:rsidP="00156FB3">
            <w:r>
              <w:t xml:space="preserve">                if (isArraylike(Object(arr))) {</w:t>
            </w:r>
          </w:p>
          <w:p w:rsidR="00156FB3" w:rsidRDefault="00156FB3" w:rsidP="00156FB3">
            <w:r>
              <w:t xml:space="preserve">                    /* $.merge */</w:t>
            </w:r>
          </w:p>
          <w:p w:rsidR="00156FB3" w:rsidRDefault="00156FB3" w:rsidP="00156FB3">
            <w:r>
              <w:t xml:space="preserve">                    (function(first, second) {</w:t>
            </w:r>
          </w:p>
          <w:p w:rsidR="00156FB3" w:rsidRDefault="00156FB3" w:rsidP="00156FB3">
            <w:r>
              <w:t xml:space="preserve">                        var len = +second.length,</w:t>
            </w:r>
          </w:p>
          <w:p w:rsidR="00156FB3" w:rsidRDefault="00156FB3" w:rsidP="00156FB3">
            <w:r>
              <w:t xml:space="preserve">                            j = 0,</w:t>
            </w:r>
          </w:p>
          <w:p w:rsidR="00156FB3" w:rsidRDefault="00156FB3" w:rsidP="00156FB3">
            <w:r>
              <w:t xml:space="preserve">                            i = first.length;</w:t>
            </w:r>
          </w:p>
          <w:p w:rsidR="00156FB3" w:rsidRDefault="00156FB3" w:rsidP="00156FB3"/>
          <w:p w:rsidR="00156FB3" w:rsidRDefault="00156FB3" w:rsidP="00156FB3">
            <w:r>
              <w:t xml:space="preserve">                        while (j &lt; len) {</w:t>
            </w:r>
          </w:p>
          <w:p w:rsidR="00156FB3" w:rsidRDefault="00156FB3" w:rsidP="00156FB3">
            <w:r>
              <w:t xml:space="preserve">                            first[i++] = second[j++];</w:t>
            </w:r>
          </w:p>
          <w:p w:rsidR="00156FB3" w:rsidRDefault="00156FB3" w:rsidP="00156FB3">
            <w:r>
              <w:t xml:space="preserve">                        }</w:t>
            </w:r>
          </w:p>
          <w:p w:rsidR="00156FB3" w:rsidRDefault="00156FB3" w:rsidP="00156FB3"/>
          <w:p w:rsidR="00156FB3" w:rsidRDefault="00156FB3" w:rsidP="00156FB3">
            <w:r>
              <w:t xml:space="preserve">                        if (len !== len) {</w:t>
            </w:r>
          </w:p>
          <w:p w:rsidR="00156FB3" w:rsidRDefault="00156FB3" w:rsidP="00156FB3">
            <w:r>
              <w:t xml:space="preserve">                            while (second[j] !== undefined) {</w:t>
            </w:r>
          </w:p>
          <w:p w:rsidR="00156FB3" w:rsidRDefault="00156FB3" w:rsidP="00156FB3">
            <w:r>
              <w:t xml:space="preserve">                                first[i++] = second[j++];</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irst.length = i;</w:t>
            </w:r>
          </w:p>
          <w:p w:rsidR="00156FB3" w:rsidRDefault="00156FB3" w:rsidP="00156FB3"/>
          <w:p w:rsidR="00156FB3" w:rsidRDefault="00156FB3" w:rsidP="00156FB3">
            <w:r>
              <w:t xml:space="preserve">                        return first;</w:t>
            </w:r>
          </w:p>
          <w:p w:rsidR="00156FB3" w:rsidRDefault="00156FB3" w:rsidP="00156FB3">
            <w:r>
              <w:t xml:space="preserve">                    })(ret, typeof arr === "string" ? [arr] : arr);</w:t>
            </w:r>
          </w:p>
          <w:p w:rsidR="00156FB3" w:rsidRDefault="00156FB3" w:rsidP="00156FB3">
            <w:r>
              <w:t xml:space="preserve">                } else {</w:t>
            </w:r>
          </w:p>
          <w:p w:rsidR="00156FB3" w:rsidRDefault="00156FB3" w:rsidP="00156FB3">
            <w:r>
              <w:t xml:space="preserve">                    [].push.call(ret, arr);</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ret;</w:t>
            </w:r>
          </w:p>
          <w:p w:rsidR="00156FB3" w:rsidRDefault="00156FB3" w:rsidP="00156FB3">
            <w:r>
              <w:t xml:space="preserve">        }</w:t>
            </w:r>
          </w:p>
          <w:p w:rsidR="00156FB3" w:rsidRDefault="00156FB3" w:rsidP="00156FB3"/>
          <w:p w:rsidR="00156FB3" w:rsidRDefault="00156FB3" w:rsidP="00156FB3">
            <w:r>
              <w:t xml:space="preserve">        if (!elem) {</w:t>
            </w:r>
          </w:p>
          <w:p w:rsidR="00156FB3" w:rsidRDefault="00156FB3" w:rsidP="00156FB3">
            <w:r>
              <w:lastRenderedPageBreak/>
              <w:t xml:space="preserve">            return;</w:t>
            </w:r>
          </w:p>
          <w:p w:rsidR="00156FB3" w:rsidRDefault="00156FB3" w:rsidP="00156FB3">
            <w:r>
              <w:t xml:space="preserve">        }</w:t>
            </w:r>
          </w:p>
          <w:p w:rsidR="00156FB3" w:rsidRDefault="00156FB3" w:rsidP="00156FB3"/>
          <w:p w:rsidR="00156FB3" w:rsidRDefault="00156FB3" w:rsidP="00156FB3">
            <w:r>
              <w:t xml:space="preserve">        type = (type || "fx") + "queue";</w:t>
            </w:r>
          </w:p>
          <w:p w:rsidR="00156FB3" w:rsidRDefault="00156FB3" w:rsidP="00156FB3"/>
          <w:p w:rsidR="00156FB3" w:rsidRDefault="00156FB3" w:rsidP="00156FB3">
            <w:r>
              <w:t xml:space="preserve">        var q = $.data(elem, type);</w:t>
            </w:r>
          </w:p>
          <w:p w:rsidR="00156FB3" w:rsidRDefault="00156FB3" w:rsidP="00156FB3"/>
          <w:p w:rsidR="00156FB3" w:rsidRDefault="00156FB3" w:rsidP="00156FB3">
            <w:r>
              <w:t xml:space="preserve">        if (!data) {</w:t>
            </w:r>
          </w:p>
          <w:p w:rsidR="00156FB3" w:rsidRDefault="00156FB3" w:rsidP="00156FB3">
            <w:r>
              <w:t xml:space="preserve">            return q || [];</w:t>
            </w:r>
          </w:p>
          <w:p w:rsidR="00156FB3" w:rsidRDefault="00156FB3" w:rsidP="00156FB3">
            <w:r>
              <w:t xml:space="preserve">        }</w:t>
            </w:r>
          </w:p>
          <w:p w:rsidR="00156FB3" w:rsidRDefault="00156FB3" w:rsidP="00156FB3"/>
          <w:p w:rsidR="00156FB3" w:rsidRDefault="00156FB3" w:rsidP="00156FB3">
            <w:r>
              <w:t xml:space="preserve">        if (!q || $.isArray(data)) {</w:t>
            </w:r>
          </w:p>
          <w:p w:rsidR="00156FB3" w:rsidRDefault="00156FB3" w:rsidP="00156FB3">
            <w:r>
              <w:t xml:space="preserve">            q = $.data(elem, type, $makeArray(data));</w:t>
            </w:r>
          </w:p>
          <w:p w:rsidR="00156FB3" w:rsidRDefault="00156FB3" w:rsidP="00156FB3">
            <w:r>
              <w:t xml:space="preserve">        } else {</w:t>
            </w:r>
          </w:p>
          <w:p w:rsidR="00156FB3" w:rsidRDefault="00156FB3" w:rsidP="00156FB3">
            <w:r>
              <w:t xml:space="preserve">            q.push(data);</w:t>
            </w:r>
          </w:p>
          <w:p w:rsidR="00156FB3" w:rsidRDefault="00156FB3" w:rsidP="00156FB3">
            <w:r>
              <w:t xml:space="preserve">        }</w:t>
            </w:r>
          </w:p>
          <w:p w:rsidR="00156FB3" w:rsidRDefault="00156FB3" w:rsidP="00156FB3"/>
          <w:p w:rsidR="00156FB3" w:rsidRDefault="00156FB3" w:rsidP="00156FB3">
            <w:r>
              <w:t xml:space="preserve">        return q;</w:t>
            </w:r>
          </w:p>
          <w:p w:rsidR="00156FB3" w:rsidRDefault="00156FB3" w:rsidP="00156FB3">
            <w:r>
              <w:t xml:space="preserve">    };</w:t>
            </w:r>
          </w:p>
          <w:p w:rsidR="00156FB3" w:rsidRDefault="00156FB3" w:rsidP="00156FB3"/>
          <w:p w:rsidR="00156FB3" w:rsidRDefault="00156FB3" w:rsidP="00156FB3">
            <w:r>
              <w:t xml:space="preserve">    /* jQuery 1.4.3 */</w:t>
            </w:r>
          </w:p>
          <w:p w:rsidR="00156FB3" w:rsidRDefault="00156FB3" w:rsidP="00156FB3">
            <w:r>
              <w:t xml:space="preserve">    $.dequeue = function (elems, type) {</w:t>
            </w:r>
          </w:p>
          <w:p w:rsidR="00156FB3" w:rsidRDefault="00156FB3" w:rsidP="00156FB3">
            <w:r>
              <w:t xml:space="preserve">        /* Custom: Embed element iteration. */</w:t>
            </w:r>
          </w:p>
          <w:p w:rsidR="00156FB3" w:rsidRDefault="00156FB3" w:rsidP="00156FB3">
            <w:r>
              <w:t xml:space="preserve">        $.each(elems.nodeType ? [ elems ] : elems, function(i, elem) {</w:t>
            </w:r>
          </w:p>
          <w:p w:rsidR="00156FB3" w:rsidRDefault="00156FB3" w:rsidP="00156FB3">
            <w:r>
              <w:t xml:space="preserve">            type = type || "fx";</w:t>
            </w:r>
          </w:p>
          <w:p w:rsidR="00156FB3" w:rsidRDefault="00156FB3" w:rsidP="00156FB3"/>
          <w:p w:rsidR="00156FB3" w:rsidRDefault="00156FB3" w:rsidP="00156FB3">
            <w:r>
              <w:t xml:space="preserve">            var queue = $.queue(elem, type),</w:t>
            </w:r>
          </w:p>
          <w:p w:rsidR="00156FB3" w:rsidRDefault="00156FB3" w:rsidP="00156FB3">
            <w:r>
              <w:t xml:space="preserve">                fn = queue.shift();</w:t>
            </w:r>
          </w:p>
          <w:p w:rsidR="00156FB3" w:rsidRDefault="00156FB3" w:rsidP="00156FB3"/>
          <w:p w:rsidR="00156FB3" w:rsidRDefault="00156FB3" w:rsidP="00156FB3">
            <w:r>
              <w:t xml:space="preserve">            if (fn === "inprogress") {</w:t>
            </w:r>
          </w:p>
          <w:p w:rsidR="00156FB3" w:rsidRDefault="00156FB3" w:rsidP="00156FB3">
            <w:r>
              <w:t xml:space="preserve">                fn = queue.shift();</w:t>
            </w:r>
          </w:p>
          <w:p w:rsidR="00156FB3" w:rsidRDefault="00156FB3" w:rsidP="00156FB3">
            <w:r>
              <w:t xml:space="preserve">            }</w:t>
            </w:r>
          </w:p>
          <w:p w:rsidR="00156FB3" w:rsidRDefault="00156FB3" w:rsidP="00156FB3"/>
          <w:p w:rsidR="00156FB3" w:rsidRDefault="00156FB3" w:rsidP="00156FB3">
            <w:r>
              <w:t xml:space="preserve">            if (fn) {</w:t>
            </w:r>
          </w:p>
          <w:p w:rsidR="00156FB3" w:rsidRDefault="00156FB3" w:rsidP="00156FB3">
            <w:r>
              <w:t xml:space="preserve">                if (type === "fx") {</w:t>
            </w:r>
          </w:p>
          <w:p w:rsidR="00156FB3" w:rsidRDefault="00156FB3" w:rsidP="00156FB3">
            <w:r>
              <w:t xml:space="preserve">                    queue.unshift("inprogress");</w:t>
            </w:r>
          </w:p>
          <w:p w:rsidR="00156FB3" w:rsidRDefault="00156FB3" w:rsidP="00156FB3">
            <w:r>
              <w:t xml:space="preserve">                }</w:t>
            </w:r>
          </w:p>
          <w:p w:rsidR="00156FB3" w:rsidRDefault="00156FB3" w:rsidP="00156FB3"/>
          <w:p w:rsidR="00156FB3" w:rsidRDefault="00156FB3" w:rsidP="00156FB3">
            <w:r>
              <w:t xml:space="preserve">                fn.call(elem, function() {</w:t>
            </w:r>
          </w:p>
          <w:p w:rsidR="00156FB3" w:rsidRDefault="00156FB3" w:rsidP="00156FB3">
            <w:r>
              <w:t xml:space="preserve">                    $.dequeue(elem, type);</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fn Methods</w:t>
            </w:r>
          </w:p>
          <w:p w:rsidR="00156FB3" w:rsidRDefault="00156FB3" w:rsidP="00156FB3">
            <w:r>
              <w:t xml:space="preserve">    ******************/</w:t>
            </w:r>
          </w:p>
          <w:p w:rsidR="00156FB3" w:rsidRDefault="00156FB3" w:rsidP="00156FB3"/>
          <w:p w:rsidR="00156FB3" w:rsidRDefault="00156FB3" w:rsidP="00156FB3">
            <w:r>
              <w:t xml:space="preserve">    /* jQuery */</w:t>
            </w:r>
          </w:p>
          <w:p w:rsidR="00156FB3" w:rsidRDefault="00156FB3" w:rsidP="00156FB3">
            <w:r>
              <w:t xml:space="preserve">    $.fn = $.prototype = {</w:t>
            </w:r>
          </w:p>
          <w:p w:rsidR="00156FB3" w:rsidRDefault="00156FB3" w:rsidP="00156FB3">
            <w:r>
              <w:t xml:space="preserve">        init: function (selector) {</w:t>
            </w:r>
          </w:p>
          <w:p w:rsidR="00156FB3" w:rsidRDefault="00156FB3" w:rsidP="00156FB3">
            <w:r>
              <w:t xml:space="preserve">            /* Just return the element wrapped inside an array; don't proceed with the actual jQuery node wrapping process. */</w:t>
            </w:r>
          </w:p>
          <w:p w:rsidR="00156FB3" w:rsidRDefault="00156FB3" w:rsidP="00156FB3">
            <w:r>
              <w:t xml:space="preserve">            if (selector.nodeType) {</w:t>
            </w:r>
          </w:p>
          <w:p w:rsidR="00156FB3" w:rsidRDefault="00156FB3" w:rsidP="00156FB3">
            <w:r>
              <w:t xml:space="preserve">                this[0] = selector;</w:t>
            </w:r>
          </w:p>
          <w:p w:rsidR="00156FB3" w:rsidRDefault="00156FB3" w:rsidP="00156FB3"/>
          <w:p w:rsidR="00156FB3" w:rsidRDefault="00156FB3" w:rsidP="00156FB3">
            <w:r>
              <w:t xml:space="preserve">                return this;</w:t>
            </w:r>
          </w:p>
          <w:p w:rsidR="00156FB3" w:rsidRDefault="00156FB3" w:rsidP="00156FB3">
            <w:r>
              <w:t xml:space="preserve">            } else {</w:t>
            </w:r>
          </w:p>
          <w:p w:rsidR="00156FB3" w:rsidRDefault="00156FB3" w:rsidP="00156FB3">
            <w:r>
              <w:t xml:space="preserve">                throw new Error("Not a DOM nod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offset: function () {</w:t>
            </w:r>
          </w:p>
          <w:p w:rsidR="00156FB3" w:rsidRDefault="00156FB3" w:rsidP="00156FB3">
            <w:r>
              <w:t xml:space="preserve">            /* jQuery altered code: Dropped disconnected DOM node checking. */</w:t>
            </w:r>
          </w:p>
          <w:p w:rsidR="00156FB3" w:rsidRDefault="00156FB3" w:rsidP="00156FB3">
            <w:r>
              <w:t xml:space="preserve">            var box = this[0].getBoundingClientRect ? this[0].getBoundingClientRect() : { top: 0, left: 0 };</w:t>
            </w:r>
          </w:p>
          <w:p w:rsidR="00156FB3" w:rsidRDefault="00156FB3" w:rsidP="00156FB3"/>
          <w:p w:rsidR="00156FB3" w:rsidRDefault="00156FB3" w:rsidP="00156FB3">
            <w:r>
              <w:t xml:space="preserve">            return {</w:t>
            </w:r>
          </w:p>
          <w:p w:rsidR="00156FB3" w:rsidRDefault="00156FB3" w:rsidP="00156FB3">
            <w:r>
              <w:t xml:space="preserve">                top: box.top + (window.pageYOffset || document.scrollTop  || 0)  - (document.clientTop  || 0),</w:t>
            </w:r>
          </w:p>
          <w:p w:rsidR="00156FB3" w:rsidRDefault="00156FB3" w:rsidP="00156FB3">
            <w:r>
              <w:t xml:space="preserve">                left: box.left + (window.pageXOffset || document.scrollLeft  || 0) - (document.clientLeft || 0)</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position: function () {</w:t>
            </w:r>
          </w:p>
          <w:p w:rsidR="00156FB3" w:rsidRDefault="00156FB3" w:rsidP="00156FB3">
            <w:r>
              <w:t xml:space="preserve">            /* jQuery */</w:t>
            </w:r>
          </w:p>
          <w:p w:rsidR="00156FB3" w:rsidRDefault="00156FB3" w:rsidP="00156FB3">
            <w:r>
              <w:t xml:space="preserve">            function offsetParent() {</w:t>
            </w:r>
          </w:p>
          <w:p w:rsidR="00156FB3" w:rsidRDefault="00156FB3" w:rsidP="00156FB3">
            <w:r>
              <w:t xml:space="preserve">                var offsetParent = this.offsetParent || document;</w:t>
            </w:r>
          </w:p>
          <w:p w:rsidR="00156FB3" w:rsidRDefault="00156FB3" w:rsidP="00156FB3"/>
          <w:p w:rsidR="00156FB3" w:rsidRDefault="00156FB3" w:rsidP="00156FB3">
            <w:r>
              <w:t xml:space="preserve">                while (offsetParent &amp;&amp; (!offsetParent.nodeType.toLowerCase === "html" &amp;&amp; offsetParent.style.position === "static")) {</w:t>
            </w:r>
          </w:p>
          <w:p w:rsidR="00156FB3" w:rsidRDefault="00156FB3" w:rsidP="00156FB3">
            <w:r>
              <w:t xml:space="preserve">                    offsetParent = offsetParent.offsetParent;</w:t>
            </w:r>
          </w:p>
          <w:p w:rsidR="00156FB3" w:rsidRDefault="00156FB3" w:rsidP="00156FB3">
            <w:r>
              <w:t xml:space="preserve">                }</w:t>
            </w:r>
          </w:p>
          <w:p w:rsidR="00156FB3" w:rsidRDefault="00156FB3" w:rsidP="00156FB3"/>
          <w:p w:rsidR="00156FB3" w:rsidRDefault="00156FB3" w:rsidP="00156FB3">
            <w:r>
              <w:t xml:space="preserve">                return offsetParent || document;</w:t>
            </w:r>
          </w:p>
          <w:p w:rsidR="00156FB3" w:rsidRDefault="00156FB3" w:rsidP="00156FB3">
            <w:r>
              <w:t xml:space="preserve">            }</w:t>
            </w:r>
          </w:p>
          <w:p w:rsidR="00156FB3" w:rsidRDefault="00156FB3" w:rsidP="00156FB3"/>
          <w:p w:rsidR="00156FB3" w:rsidRDefault="00156FB3" w:rsidP="00156FB3">
            <w:r>
              <w:t xml:space="preserve">            /* Zepto */</w:t>
            </w:r>
          </w:p>
          <w:p w:rsidR="00156FB3" w:rsidRDefault="00156FB3" w:rsidP="00156FB3">
            <w:r>
              <w:t xml:space="preserve">            var elem = this[0],</w:t>
            </w:r>
          </w:p>
          <w:p w:rsidR="00156FB3" w:rsidRDefault="00156FB3" w:rsidP="00156FB3">
            <w:r>
              <w:t xml:space="preserve">                offsetParent = offsetParent.apply(elem),</w:t>
            </w:r>
          </w:p>
          <w:p w:rsidR="00156FB3" w:rsidRDefault="00156FB3" w:rsidP="00156FB3">
            <w:r>
              <w:t xml:space="preserve">                offset = this.offset(),</w:t>
            </w:r>
          </w:p>
          <w:p w:rsidR="00156FB3" w:rsidRDefault="00156FB3" w:rsidP="00156FB3">
            <w:r>
              <w:t xml:space="preserve">                parentOffset = /^(?:body|html)$/i.test(offsetParent.nodeName) ? { top: 0, left: 0 } : $(offsetParent).offset()</w:t>
            </w:r>
          </w:p>
          <w:p w:rsidR="00156FB3" w:rsidRDefault="00156FB3" w:rsidP="00156FB3"/>
          <w:p w:rsidR="00156FB3" w:rsidRDefault="00156FB3" w:rsidP="00156FB3">
            <w:r>
              <w:t xml:space="preserve">            offset.top -= parseFloat(elem.style.marginTop) || 0;</w:t>
            </w:r>
          </w:p>
          <w:p w:rsidR="00156FB3" w:rsidRDefault="00156FB3" w:rsidP="00156FB3">
            <w:r>
              <w:t xml:space="preserve">            offset.left -= parseFloat(elem.style.marginLeft) || 0;</w:t>
            </w:r>
          </w:p>
          <w:p w:rsidR="00156FB3" w:rsidRDefault="00156FB3" w:rsidP="00156FB3"/>
          <w:p w:rsidR="00156FB3" w:rsidRDefault="00156FB3" w:rsidP="00156FB3">
            <w:r>
              <w:lastRenderedPageBreak/>
              <w:t xml:space="preserve">            if (offsetParent.style) {</w:t>
            </w:r>
          </w:p>
          <w:p w:rsidR="00156FB3" w:rsidRDefault="00156FB3" w:rsidP="00156FB3">
            <w:r>
              <w:t xml:space="preserve">                parentOffset.top += parseFloat(offsetParent.style.borderTopWidth) || 0</w:t>
            </w:r>
          </w:p>
          <w:p w:rsidR="00156FB3" w:rsidRDefault="00156FB3" w:rsidP="00156FB3">
            <w:r>
              <w:t xml:space="preserve">                parentOffset.left += parseFloat(offsetParent.style.borderLeftWidth) || 0</w:t>
            </w:r>
          </w:p>
          <w:p w:rsidR="00156FB3" w:rsidRDefault="00156FB3" w:rsidP="00156FB3">
            <w:r>
              <w:t xml:space="preserve">            }</w:t>
            </w:r>
          </w:p>
          <w:p w:rsidR="00156FB3" w:rsidRDefault="00156FB3" w:rsidP="00156FB3"/>
          <w:p w:rsidR="00156FB3" w:rsidRDefault="00156FB3" w:rsidP="00156FB3">
            <w:r>
              <w:t xml:space="preserve">            return {</w:t>
            </w:r>
          </w:p>
          <w:p w:rsidR="00156FB3" w:rsidRDefault="00156FB3" w:rsidP="00156FB3">
            <w:r>
              <w:t xml:space="preserve">                top: offset.top - parentOffset.top,</w:t>
            </w:r>
          </w:p>
          <w:p w:rsidR="00156FB3" w:rsidRDefault="00156FB3" w:rsidP="00156FB3">
            <w:r>
              <w:t xml:space="preserve">                left: offset.left - parentOffset.left</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Private Variables</w:t>
            </w:r>
          </w:p>
          <w:p w:rsidR="00156FB3" w:rsidRDefault="00156FB3" w:rsidP="00156FB3">
            <w:r>
              <w:t xml:space="preserve">    **********************/</w:t>
            </w:r>
          </w:p>
          <w:p w:rsidR="00156FB3" w:rsidRDefault="00156FB3" w:rsidP="00156FB3"/>
          <w:p w:rsidR="00156FB3" w:rsidRDefault="00156FB3" w:rsidP="00156FB3">
            <w:r>
              <w:t xml:space="preserve">    /* For $.data() */</w:t>
            </w:r>
          </w:p>
          <w:p w:rsidR="00156FB3" w:rsidRDefault="00156FB3" w:rsidP="00156FB3">
            <w:r>
              <w:t xml:space="preserve">    var cache = {};</w:t>
            </w:r>
          </w:p>
          <w:p w:rsidR="00156FB3" w:rsidRDefault="00156FB3" w:rsidP="00156FB3">
            <w:r>
              <w:t xml:space="preserve">    $.expando = "velocity" + (new Date().getTime());</w:t>
            </w:r>
          </w:p>
          <w:p w:rsidR="00156FB3" w:rsidRDefault="00156FB3" w:rsidP="00156FB3">
            <w:r>
              <w:t xml:space="preserve">    $.uuid = 0;</w:t>
            </w:r>
          </w:p>
          <w:p w:rsidR="00156FB3" w:rsidRDefault="00156FB3" w:rsidP="00156FB3"/>
          <w:p w:rsidR="00156FB3" w:rsidRDefault="00156FB3" w:rsidP="00156FB3">
            <w:r>
              <w:t xml:space="preserve">    /* For $.queue() */</w:t>
            </w:r>
          </w:p>
          <w:p w:rsidR="00156FB3" w:rsidRDefault="00156FB3" w:rsidP="00156FB3">
            <w:r>
              <w:t xml:space="preserve">    var class2type = {},</w:t>
            </w:r>
          </w:p>
          <w:p w:rsidR="00156FB3" w:rsidRDefault="00156FB3" w:rsidP="00156FB3">
            <w:r>
              <w:t xml:space="preserve">        hasOwn = class2type.hasOwnProperty,</w:t>
            </w:r>
          </w:p>
          <w:p w:rsidR="00156FB3" w:rsidRDefault="00156FB3" w:rsidP="00156FB3">
            <w:r>
              <w:t xml:space="preserve">        toString = class2type.toString;</w:t>
            </w:r>
          </w:p>
          <w:p w:rsidR="00156FB3" w:rsidRDefault="00156FB3" w:rsidP="00156FB3"/>
          <w:p w:rsidR="00156FB3" w:rsidRDefault="00156FB3" w:rsidP="00156FB3">
            <w:r>
              <w:t xml:space="preserve">    var types = "Boolean Number String Function Array Date RegExp Object Error".split(" ");</w:t>
            </w:r>
          </w:p>
          <w:p w:rsidR="00156FB3" w:rsidRDefault="00156FB3" w:rsidP="00156FB3">
            <w:r>
              <w:t xml:space="preserve">    for (var i = 0; i &lt; types.length; i++) {</w:t>
            </w:r>
          </w:p>
          <w:p w:rsidR="00156FB3" w:rsidRDefault="00156FB3" w:rsidP="00156FB3">
            <w:r>
              <w:t xml:space="preserve">        class2type["[object " + types[i] + "]"] = types[i].toLowerCase();</w:t>
            </w:r>
          </w:p>
          <w:p w:rsidR="00156FB3" w:rsidRDefault="00156FB3" w:rsidP="00156FB3">
            <w:r>
              <w:t xml:space="preserve">    }</w:t>
            </w:r>
          </w:p>
          <w:p w:rsidR="00156FB3" w:rsidRDefault="00156FB3" w:rsidP="00156FB3"/>
          <w:p w:rsidR="00156FB3" w:rsidRDefault="00156FB3" w:rsidP="00156FB3">
            <w:r>
              <w:t xml:space="preserve">    /* Makes $(node) possible, without having to call init. */</w:t>
            </w:r>
          </w:p>
          <w:p w:rsidR="00156FB3" w:rsidRDefault="00156FB3" w:rsidP="00156FB3">
            <w:r>
              <w:t xml:space="preserve">    $.fn.init.prototype = $.fn;</w:t>
            </w:r>
          </w:p>
          <w:p w:rsidR="00156FB3" w:rsidRDefault="00156FB3" w:rsidP="00156FB3"/>
          <w:p w:rsidR="00156FB3" w:rsidRDefault="00156FB3" w:rsidP="00156FB3">
            <w:r>
              <w:t xml:space="preserve">    /* Globalize Velocity onto the window, and assign its Utilities property. */</w:t>
            </w:r>
          </w:p>
          <w:p w:rsidR="00156FB3" w:rsidRDefault="00156FB3" w:rsidP="00156FB3">
            <w:r>
              <w:t xml:space="preserve">    window.Velocity = { Utilities: $ };</w:t>
            </w:r>
          </w:p>
          <w:p w:rsidR="00156FB3" w:rsidRDefault="00156FB3" w:rsidP="00156FB3">
            <w:r>
              <w:t>})(window);</w:t>
            </w:r>
          </w:p>
          <w:p w:rsidR="00156FB3" w:rsidRDefault="00156FB3" w:rsidP="00156FB3"/>
          <w:p w:rsidR="00156FB3" w:rsidRDefault="00156FB3" w:rsidP="00156FB3">
            <w:r>
              <w:t>/******************</w:t>
            </w:r>
          </w:p>
          <w:p w:rsidR="00156FB3" w:rsidRDefault="00156FB3" w:rsidP="00156FB3">
            <w:r>
              <w:t xml:space="preserve">    Velocity.js</w:t>
            </w:r>
          </w:p>
          <w:p w:rsidR="00156FB3" w:rsidRDefault="00156FB3" w:rsidP="00156FB3">
            <w:r>
              <w:t>******************/</w:t>
            </w:r>
          </w:p>
          <w:p w:rsidR="00156FB3" w:rsidRDefault="00156FB3" w:rsidP="00156FB3"/>
          <w:p w:rsidR="00156FB3" w:rsidRDefault="00156FB3" w:rsidP="00156FB3">
            <w:r>
              <w:t>;(function (factory) {</w:t>
            </w:r>
          </w:p>
          <w:p w:rsidR="00156FB3" w:rsidRDefault="00156FB3" w:rsidP="00156FB3">
            <w:r>
              <w:t xml:space="preserve">    /* CommonJS module. */</w:t>
            </w:r>
          </w:p>
          <w:p w:rsidR="00156FB3" w:rsidRDefault="00156FB3" w:rsidP="00156FB3">
            <w:r>
              <w:t xml:space="preserve">    if (typeof module === "object" &amp;&amp; typeof module.exports === "object") {</w:t>
            </w:r>
          </w:p>
          <w:p w:rsidR="00156FB3" w:rsidRDefault="00156FB3" w:rsidP="00156FB3">
            <w:r>
              <w:t xml:space="preserve">        module.exports = factory();</w:t>
            </w:r>
          </w:p>
          <w:p w:rsidR="00156FB3" w:rsidRDefault="00156FB3" w:rsidP="00156FB3">
            <w:r>
              <w:t xml:space="preserve">    /* AMD module. */</w:t>
            </w:r>
          </w:p>
          <w:p w:rsidR="00156FB3" w:rsidRDefault="00156FB3" w:rsidP="00156FB3">
            <w:r>
              <w:t xml:space="preserve">    } else if (typeof define === "function" &amp;&amp; define.amd) {</w:t>
            </w:r>
          </w:p>
          <w:p w:rsidR="00156FB3" w:rsidRDefault="00156FB3" w:rsidP="00156FB3">
            <w:r>
              <w:lastRenderedPageBreak/>
              <w:t xml:space="preserve">        define(factory);</w:t>
            </w:r>
          </w:p>
          <w:p w:rsidR="00156FB3" w:rsidRDefault="00156FB3" w:rsidP="00156FB3">
            <w:r>
              <w:t xml:space="preserve">    /* Browser globals. */</w:t>
            </w:r>
          </w:p>
          <w:p w:rsidR="00156FB3" w:rsidRDefault="00156FB3" w:rsidP="00156FB3">
            <w:r>
              <w:t xml:space="preserve">    } else {</w:t>
            </w:r>
          </w:p>
          <w:p w:rsidR="00156FB3" w:rsidRDefault="00156FB3" w:rsidP="00156FB3">
            <w:r>
              <w:t xml:space="preserve">        factory();</w:t>
            </w:r>
          </w:p>
          <w:p w:rsidR="00156FB3" w:rsidRDefault="00156FB3" w:rsidP="00156FB3">
            <w:r>
              <w:t xml:space="preserve">    }</w:t>
            </w:r>
          </w:p>
          <w:p w:rsidR="00156FB3" w:rsidRDefault="00156FB3" w:rsidP="00156FB3">
            <w:r>
              <w:t>}(function() {</w:t>
            </w:r>
          </w:p>
          <w:p w:rsidR="00156FB3" w:rsidRDefault="00156FB3" w:rsidP="00156FB3">
            <w:r>
              <w:t>return function (global, window, document, undefined) {</w:t>
            </w:r>
          </w:p>
          <w:p w:rsidR="00156FB3" w:rsidRDefault="00156FB3" w:rsidP="00156FB3"/>
          <w:p w:rsidR="00156FB3" w:rsidRDefault="00156FB3" w:rsidP="00156FB3">
            <w:r>
              <w:t xml:space="preserve">    /***************</w:t>
            </w:r>
          </w:p>
          <w:p w:rsidR="00156FB3" w:rsidRDefault="00156FB3" w:rsidP="00156FB3">
            <w:r>
              <w:t xml:space="preserve">        Summar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 CSS: CSS stack that works independently from the rest of Velocity.</w:t>
            </w:r>
          </w:p>
          <w:p w:rsidR="00156FB3" w:rsidRDefault="00156FB3" w:rsidP="00156FB3">
            <w:r>
              <w:t xml:space="preserve">    - animate(): Core animation method that iterates over the targeted elements and queues the incoming call onto each element individually.</w:t>
            </w:r>
          </w:p>
          <w:p w:rsidR="00156FB3" w:rsidRDefault="00156FB3" w:rsidP="00156FB3">
            <w:r>
              <w:t xml:space="preserve">      - Pre-Queueing: Prepare the element for animation by instantiating its data cache and processing the call's options.</w:t>
            </w:r>
          </w:p>
          <w:p w:rsidR="00156FB3" w:rsidRDefault="00156FB3" w:rsidP="00156FB3">
            <w:r>
              <w:t xml:space="preserve">      - Queueing: The logic that runs once the call has reached its point of execution in the element's $.queue() stack.</w:t>
            </w:r>
          </w:p>
          <w:p w:rsidR="00156FB3" w:rsidRDefault="00156FB3" w:rsidP="00156FB3">
            <w:r>
              <w:t xml:space="preserve">                  Most logic is placed here to avoid risking it becoming stale (if the element's properties have changed).</w:t>
            </w:r>
          </w:p>
          <w:p w:rsidR="00156FB3" w:rsidRDefault="00156FB3" w:rsidP="00156FB3">
            <w:r>
              <w:t xml:space="preserve">      - Pushing: Consolidation of the tween data followed by its push onto the global in-progress calls container.</w:t>
            </w:r>
          </w:p>
          <w:p w:rsidR="00156FB3" w:rsidRDefault="00156FB3" w:rsidP="00156FB3">
            <w:r>
              <w:t xml:space="preserve">    - tick(): The single requestAnimationFrame loop responsible for tweening all in-progress calls.</w:t>
            </w:r>
          </w:p>
          <w:p w:rsidR="00156FB3" w:rsidRDefault="00156FB3" w:rsidP="00156FB3">
            <w:r>
              <w:t xml:space="preserve">    - completeCall(): Handles the cleanup process for each Velocity call.</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Helper Functions</w:t>
            </w:r>
          </w:p>
          <w:p w:rsidR="00156FB3" w:rsidRDefault="00156FB3" w:rsidP="00156FB3">
            <w:r>
              <w:t xml:space="preserve">    *********************/</w:t>
            </w:r>
          </w:p>
          <w:p w:rsidR="00156FB3" w:rsidRDefault="00156FB3" w:rsidP="00156FB3"/>
          <w:p w:rsidR="00156FB3" w:rsidRDefault="00156FB3" w:rsidP="00156FB3">
            <w:r>
              <w:t xml:space="preserve">    /* IE detection. Gist: https://gist.github.com/julianshapiro/9098609 */</w:t>
            </w:r>
          </w:p>
          <w:p w:rsidR="00156FB3" w:rsidRDefault="00156FB3" w:rsidP="00156FB3">
            <w:r>
              <w:t xml:space="preserve">    var IE = (function() {</w:t>
            </w:r>
          </w:p>
          <w:p w:rsidR="00156FB3" w:rsidRDefault="00156FB3" w:rsidP="00156FB3">
            <w:r>
              <w:t xml:space="preserve">        if (document.documentMode) {</w:t>
            </w:r>
          </w:p>
          <w:p w:rsidR="00156FB3" w:rsidRDefault="00156FB3" w:rsidP="00156FB3">
            <w:r>
              <w:t xml:space="preserve">            return document.documentMode;</w:t>
            </w:r>
          </w:p>
          <w:p w:rsidR="00156FB3" w:rsidRDefault="00156FB3" w:rsidP="00156FB3">
            <w:r>
              <w:t xml:space="preserve">        } else {</w:t>
            </w:r>
          </w:p>
          <w:p w:rsidR="00156FB3" w:rsidRDefault="00156FB3" w:rsidP="00156FB3">
            <w:r>
              <w:t xml:space="preserve">            for (var i = 7; i &gt; 4; i--) {</w:t>
            </w:r>
          </w:p>
          <w:p w:rsidR="00156FB3" w:rsidRDefault="00156FB3" w:rsidP="00156FB3">
            <w:r>
              <w:t xml:space="preserve">                var div = document.createElement("div");</w:t>
            </w:r>
          </w:p>
          <w:p w:rsidR="00156FB3" w:rsidRDefault="00156FB3" w:rsidP="00156FB3"/>
          <w:p w:rsidR="00156FB3" w:rsidRDefault="00156FB3" w:rsidP="00156FB3">
            <w:r>
              <w:t xml:space="preserve">                div.innerHTML = "&lt;!--[if IE " + i + "]&gt;&lt;span&gt;&lt;/span&gt;&lt;![endif]--&gt;";</w:t>
            </w:r>
          </w:p>
          <w:p w:rsidR="00156FB3" w:rsidRDefault="00156FB3" w:rsidP="00156FB3"/>
          <w:p w:rsidR="00156FB3" w:rsidRDefault="00156FB3" w:rsidP="00156FB3">
            <w:r>
              <w:t xml:space="preserve">                if (div.getElementsByTagName("span").length) {</w:t>
            </w:r>
          </w:p>
          <w:p w:rsidR="00156FB3" w:rsidRDefault="00156FB3" w:rsidP="00156FB3">
            <w:r>
              <w:t xml:space="preserve">                    div = null;</w:t>
            </w:r>
          </w:p>
          <w:p w:rsidR="00156FB3" w:rsidRDefault="00156FB3" w:rsidP="00156FB3"/>
          <w:p w:rsidR="00156FB3" w:rsidRDefault="00156FB3" w:rsidP="00156FB3">
            <w:r>
              <w:t xml:space="preserve">                    return i;</w:t>
            </w:r>
          </w:p>
          <w:p w:rsidR="00156FB3" w:rsidRDefault="00156FB3" w:rsidP="00156FB3">
            <w:r>
              <w:t xml:space="preserve">                }</w:t>
            </w:r>
          </w:p>
          <w:p w:rsidR="00156FB3" w:rsidRDefault="00156FB3" w:rsidP="00156FB3">
            <w:r>
              <w:t xml:space="preserve">            }</w:t>
            </w:r>
          </w:p>
          <w:p w:rsidR="00156FB3" w:rsidRDefault="00156FB3" w:rsidP="00156FB3">
            <w:r>
              <w:lastRenderedPageBreak/>
              <w:t xml:space="preserve">        }</w:t>
            </w:r>
          </w:p>
          <w:p w:rsidR="00156FB3" w:rsidRDefault="00156FB3" w:rsidP="00156FB3"/>
          <w:p w:rsidR="00156FB3" w:rsidRDefault="00156FB3" w:rsidP="00156FB3">
            <w:r>
              <w:t xml:space="preserve">        return undefined;</w:t>
            </w:r>
          </w:p>
          <w:p w:rsidR="00156FB3" w:rsidRDefault="00156FB3" w:rsidP="00156FB3">
            <w:r>
              <w:t xml:space="preserve">    })();</w:t>
            </w:r>
          </w:p>
          <w:p w:rsidR="00156FB3" w:rsidRDefault="00156FB3" w:rsidP="00156FB3"/>
          <w:p w:rsidR="00156FB3" w:rsidRDefault="00156FB3" w:rsidP="00156FB3">
            <w:r>
              <w:t xml:space="preserve">    /* rAF shim. Gist: https://gist.github.com/julianshapiro/9497513 */</w:t>
            </w:r>
          </w:p>
          <w:p w:rsidR="00156FB3" w:rsidRDefault="00156FB3" w:rsidP="00156FB3">
            <w:r>
              <w:t xml:space="preserve">    var rAFShim = (function() {</w:t>
            </w:r>
          </w:p>
          <w:p w:rsidR="00156FB3" w:rsidRDefault="00156FB3" w:rsidP="00156FB3">
            <w:r>
              <w:t xml:space="preserve">        var timeLast = 0;</w:t>
            </w:r>
          </w:p>
          <w:p w:rsidR="00156FB3" w:rsidRDefault="00156FB3" w:rsidP="00156FB3"/>
          <w:p w:rsidR="00156FB3" w:rsidRDefault="00156FB3" w:rsidP="00156FB3">
            <w:r>
              <w:t xml:space="preserve">        return window.webkitRequestAnimationFrame || window.mozRequestAnimationFrame || function(callback) {</w:t>
            </w:r>
          </w:p>
          <w:p w:rsidR="00156FB3" w:rsidRDefault="00156FB3" w:rsidP="00156FB3">
            <w:r>
              <w:t xml:space="preserve">            var timeCurrent = (new Date()).getTime(),</w:t>
            </w:r>
          </w:p>
          <w:p w:rsidR="00156FB3" w:rsidRDefault="00156FB3" w:rsidP="00156FB3">
            <w:r>
              <w:t xml:space="preserve">                timeDelta;</w:t>
            </w:r>
          </w:p>
          <w:p w:rsidR="00156FB3" w:rsidRDefault="00156FB3" w:rsidP="00156FB3"/>
          <w:p w:rsidR="00156FB3" w:rsidRDefault="00156FB3" w:rsidP="00156FB3">
            <w:r>
              <w:t xml:space="preserve">            /* Dynamically set delay on a per-tick basis to match 60fps. */</w:t>
            </w:r>
          </w:p>
          <w:p w:rsidR="00156FB3" w:rsidRDefault="00156FB3" w:rsidP="00156FB3">
            <w:r>
              <w:t xml:space="preserve">            /* Technique by Erik Moller. MIT license: https://gist.github.com/paulirish/1579671 */</w:t>
            </w:r>
          </w:p>
          <w:p w:rsidR="00156FB3" w:rsidRDefault="00156FB3" w:rsidP="00156FB3">
            <w:r>
              <w:t xml:space="preserve">            timeDelta = Math.max(0, 16 - (timeCurrent - timeLast));</w:t>
            </w:r>
          </w:p>
          <w:p w:rsidR="00156FB3" w:rsidRDefault="00156FB3" w:rsidP="00156FB3">
            <w:r>
              <w:t xml:space="preserve">            timeLast = timeCurrent + timeDelta;</w:t>
            </w:r>
          </w:p>
          <w:p w:rsidR="00156FB3" w:rsidRDefault="00156FB3" w:rsidP="00156FB3"/>
          <w:p w:rsidR="00156FB3" w:rsidRDefault="00156FB3" w:rsidP="00156FB3">
            <w:r>
              <w:t xml:space="preserve">            return setTimeout(function() { callback(timeCurrent + timeDelta); }, timeDelta);</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Array compacting. Copyright Lo-Dash. MIT License: https://github.com/lodash/lodash/blob/master/LICENSE.txt */</w:t>
            </w:r>
          </w:p>
          <w:p w:rsidR="00156FB3" w:rsidRDefault="00156FB3" w:rsidP="00156FB3">
            <w:r>
              <w:t xml:space="preserve">    function compactSparseArray (array) {</w:t>
            </w:r>
          </w:p>
          <w:p w:rsidR="00156FB3" w:rsidRDefault="00156FB3" w:rsidP="00156FB3">
            <w:r>
              <w:t xml:space="preserve">        var index = -1,</w:t>
            </w:r>
          </w:p>
          <w:p w:rsidR="00156FB3" w:rsidRDefault="00156FB3" w:rsidP="00156FB3">
            <w:r>
              <w:t xml:space="preserve">            length = array ? array.length : 0,</w:t>
            </w:r>
          </w:p>
          <w:p w:rsidR="00156FB3" w:rsidRDefault="00156FB3" w:rsidP="00156FB3">
            <w:r>
              <w:t xml:space="preserve">            result = [];</w:t>
            </w:r>
          </w:p>
          <w:p w:rsidR="00156FB3" w:rsidRDefault="00156FB3" w:rsidP="00156FB3"/>
          <w:p w:rsidR="00156FB3" w:rsidRDefault="00156FB3" w:rsidP="00156FB3">
            <w:r>
              <w:t xml:space="preserve">        while (++index &lt; length) {</w:t>
            </w:r>
          </w:p>
          <w:p w:rsidR="00156FB3" w:rsidRDefault="00156FB3" w:rsidP="00156FB3">
            <w:r>
              <w:t xml:space="preserve">            var value = array[index];</w:t>
            </w:r>
          </w:p>
          <w:p w:rsidR="00156FB3" w:rsidRDefault="00156FB3" w:rsidP="00156FB3"/>
          <w:p w:rsidR="00156FB3" w:rsidRDefault="00156FB3" w:rsidP="00156FB3">
            <w:r>
              <w:t xml:space="preserve">            if (value) {</w:t>
            </w:r>
          </w:p>
          <w:p w:rsidR="00156FB3" w:rsidRDefault="00156FB3" w:rsidP="00156FB3">
            <w:r>
              <w:t xml:space="preserve">                result.push(val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result;</w:t>
            </w:r>
          </w:p>
          <w:p w:rsidR="00156FB3" w:rsidRDefault="00156FB3" w:rsidP="00156FB3">
            <w:r>
              <w:t xml:space="preserve">    }</w:t>
            </w:r>
          </w:p>
          <w:p w:rsidR="00156FB3" w:rsidRDefault="00156FB3" w:rsidP="00156FB3"/>
          <w:p w:rsidR="00156FB3" w:rsidRDefault="00156FB3" w:rsidP="00156FB3">
            <w:r>
              <w:t xml:space="preserve">    function sanitizeElements (elements) {</w:t>
            </w:r>
          </w:p>
          <w:p w:rsidR="00156FB3" w:rsidRDefault="00156FB3" w:rsidP="00156FB3">
            <w:r>
              <w:t xml:space="preserve">        /* Unwrap jQuery/Zepto objects. */</w:t>
            </w:r>
          </w:p>
          <w:p w:rsidR="00156FB3" w:rsidRDefault="00156FB3" w:rsidP="00156FB3">
            <w:r>
              <w:t xml:space="preserve">        if (Type.isWrapped(elements)) {</w:t>
            </w:r>
          </w:p>
          <w:p w:rsidR="00156FB3" w:rsidRDefault="00156FB3" w:rsidP="00156FB3">
            <w:r>
              <w:t xml:space="preserve">            elements = [].slice.call(elements);</w:t>
            </w:r>
          </w:p>
          <w:p w:rsidR="00156FB3" w:rsidRDefault="00156FB3" w:rsidP="00156FB3">
            <w:r>
              <w:t xml:space="preserve">        /* Wrap a single element in an array so that $.each() can iterate with the element instead of its node's children. */</w:t>
            </w:r>
          </w:p>
          <w:p w:rsidR="00156FB3" w:rsidRDefault="00156FB3" w:rsidP="00156FB3">
            <w:r>
              <w:t xml:space="preserve">        } else if (Type.isNode(elements)) {</w:t>
            </w:r>
          </w:p>
          <w:p w:rsidR="00156FB3" w:rsidRDefault="00156FB3" w:rsidP="00156FB3">
            <w:r>
              <w:lastRenderedPageBreak/>
              <w:t xml:space="preserve">            elements = [ elements ];</w:t>
            </w:r>
          </w:p>
          <w:p w:rsidR="00156FB3" w:rsidRDefault="00156FB3" w:rsidP="00156FB3">
            <w:r>
              <w:t xml:space="preserve">        }</w:t>
            </w:r>
          </w:p>
          <w:p w:rsidR="00156FB3" w:rsidRDefault="00156FB3" w:rsidP="00156FB3"/>
          <w:p w:rsidR="00156FB3" w:rsidRDefault="00156FB3" w:rsidP="00156FB3">
            <w:r>
              <w:t xml:space="preserve">        return elements;</w:t>
            </w:r>
          </w:p>
          <w:p w:rsidR="00156FB3" w:rsidRDefault="00156FB3" w:rsidP="00156FB3">
            <w:r>
              <w:t xml:space="preserve">    }</w:t>
            </w:r>
          </w:p>
          <w:p w:rsidR="00156FB3" w:rsidRDefault="00156FB3" w:rsidP="00156FB3"/>
          <w:p w:rsidR="00156FB3" w:rsidRDefault="00156FB3" w:rsidP="00156FB3">
            <w:r>
              <w:t xml:space="preserve">    var Type = {</w:t>
            </w:r>
          </w:p>
          <w:p w:rsidR="00156FB3" w:rsidRDefault="00156FB3" w:rsidP="00156FB3">
            <w:r>
              <w:t xml:space="preserve">        isString: function (variable) {</w:t>
            </w:r>
          </w:p>
          <w:p w:rsidR="00156FB3" w:rsidRDefault="00156FB3" w:rsidP="00156FB3">
            <w:r>
              <w:t xml:space="preserve">            return (typeof variable === "string");</w:t>
            </w:r>
          </w:p>
          <w:p w:rsidR="00156FB3" w:rsidRDefault="00156FB3" w:rsidP="00156FB3">
            <w:r>
              <w:t xml:space="preserve">        },</w:t>
            </w:r>
          </w:p>
          <w:p w:rsidR="00156FB3" w:rsidRDefault="00156FB3" w:rsidP="00156FB3">
            <w:r>
              <w:t xml:space="preserve">        isArray: Array.isArray || function (variable) {</w:t>
            </w:r>
          </w:p>
          <w:p w:rsidR="00156FB3" w:rsidRDefault="00156FB3" w:rsidP="00156FB3">
            <w:r>
              <w:t xml:space="preserve">            return Object.prototype.toString.call(variable) === "[object Array]";</w:t>
            </w:r>
          </w:p>
          <w:p w:rsidR="00156FB3" w:rsidRDefault="00156FB3" w:rsidP="00156FB3">
            <w:r>
              <w:t xml:space="preserve">        },</w:t>
            </w:r>
          </w:p>
          <w:p w:rsidR="00156FB3" w:rsidRDefault="00156FB3" w:rsidP="00156FB3">
            <w:r>
              <w:t xml:space="preserve">        isFunction: function (variable) {</w:t>
            </w:r>
          </w:p>
          <w:p w:rsidR="00156FB3" w:rsidRDefault="00156FB3" w:rsidP="00156FB3">
            <w:r>
              <w:t xml:space="preserve">            return Object.prototype.toString.call(variable) === "[object Function]";</w:t>
            </w:r>
          </w:p>
          <w:p w:rsidR="00156FB3" w:rsidRDefault="00156FB3" w:rsidP="00156FB3">
            <w:r>
              <w:t xml:space="preserve">        },</w:t>
            </w:r>
          </w:p>
          <w:p w:rsidR="00156FB3" w:rsidRDefault="00156FB3" w:rsidP="00156FB3">
            <w:r>
              <w:t xml:space="preserve">        isNode: function (variable) {</w:t>
            </w:r>
          </w:p>
          <w:p w:rsidR="00156FB3" w:rsidRDefault="00156FB3" w:rsidP="00156FB3">
            <w:r>
              <w:t xml:space="preserve">            return variable &amp;&amp; variable.nodeType;</w:t>
            </w:r>
          </w:p>
          <w:p w:rsidR="00156FB3" w:rsidRDefault="00156FB3" w:rsidP="00156FB3">
            <w:r>
              <w:t xml:space="preserve">        },</w:t>
            </w:r>
          </w:p>
          <w:p w:rsidR="00156FB3" w:rsidRDefault="00156FB3" w:rsidP="00156FB3">
            <w:r>
              <w:t xml:space="preserve">        /* Copyright Martin Bohm. MIT License: https://gist.github.com/Tomalak/818a78a226a0738eaade */</w:t>
            </w:r>
          </w:p>
          <w:p w:rsidR="00156FB3" w:rsidRDefault="00156FB3" w:rsidP="00156FB3">
            <w:r>
              <w:t xml:space="preserve">        isNodeList: function (variable) {</w:t>
            </w:r>
          </w:p>
          <w:p w:rsidR="00156FB3" w:rsidRDefault="00156FB3" w:rsidP="00156FB3">
            <w:r>
              <w:t xml:space="preserve">            return typeof variable === "object" &amp;&amp;</w:t>
            </w:r>
          </w:p>
          <w:p w:rsidR="00156FB3" w:rsidRDefault="00156FB3" w:rsidP="00156FB3">
            <w:r>
              <w:t xml:space="preserve">                /^\[object (HTMLCollection|NodeList|Object)\]$/.test(Object.prototype.toString.call(variable)) &amp;&amp;</w:t>
            </w:r>
          </w:p>
          <w:p w:rsidR="00156FB3" w:rsidRDefault="00156FB3" w:rsidP="00156FB3">
            <w:r>
              <w:t xml:space="preserve">                variable.length !== undefined &amp;&amp;</w:t>
            </w:r>
          </w:p>
          <w:p w:rsidR="00156FB3" w:rsidRDefault="00156FB3" w:rsidP="00156FB3">
            <w:r>
              <w:t xml:space="preserve">                (variable.length === 0 || (typeof variable[0] === "object" &amp;&amp; variable[0].nodeType &gt; 0));</w:t>
            </w:r>
          </w:p>
          <w:p w:rsidR="00156FB3" w:rsidRDefault="00156FB3" w:rsidP="00156FB3">
            <w:r>
              <w:t xml:space="preserve">        },</w:t>
            </w:r>
          </w:p>
          <w:p w:rsidR="00156FB3" w:rsidRDefault="00156FB3" w:rsidP="00156FB3">
            <w:r>
              <w:t xml:space="preserve">        /* Determine if variable is a wrapped jQuery or Zepto element. */</w:t>
            </w:r>
          </w:p>
          <w:p w:rsidR="00156FB3" w:rsidRDefault="00156FB3" w:rsidP="00156FB3">
            <w:r>
              <w:t xml:space="preserve">        isWrapped: function (variable) {</w:t>
            </w:r>
          </w:p>
          <w:p w:rsidR="00156FB3" w:rsidRDefault="00156FB3" w:rsidP="00156FB3">
            <w:r>
              <w:t xml:space="preserve">            return variable &amp;&amp; (variable.jquery || (window.Zepto &amp;&amp; window.Zepto.zepto.isZ(variable)));</w:t>
            </w:r>
          </w:p>
          <w:p w:rsidR="00156FB3" w:rsidRDefault="00156FB3" w:rsidP="00156FB3">
            <w:r>
              <w:t xml:space="preserve">        },</w:t>
            </w:r>
          </w:p>
          <w:p w:rsidR="00156FB3" w:rsidRDefault="00156FB3" w:rsidP="00156FB3">
            <w:r>
              <w:t xml:space="preserve">        isSVG: function (variable) {</w:t>
            </w:r>
          </w:p>
          <w:p w:rsidR="00156FB3" w:rsidRDefault="00156FB3" w:rsidP="00156FB3">
            <w:r>
              <w:t xml:space="preserve">            return window.SVGElement &amp;&amp; (variable instanceof window.SVGElement);</w:t>
            </w:r>
          </w:p>
          <w:p w:rsidR="00156FB3" w:rsidRDefault="00156FB3" w:rsidP="00156FB3">
            <w:r>
              <w:t xml:space="preserve">        },</w:t>
            </w:r>
          </w:p>
          <w:p w:rsidR="00156FB3" w:rsidRDefault="00156FB3" w:rsidP="00156FB3">
            <w:r>
              <w:t xml:space="preserve">        isEmptyObject: function (variable) {</w:t>
            </w:r>
          </w:p>
          <w:p w:rsidR="00156FB3" w:rsidRDefault="00156FB3" w:rsidP="00156FB3">
            <w:r>
              <w:t xml:space="preserve">            for (var name in variable)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return tr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Dependencies</w:t>
            </w:r>
          </w:p>
          <w:p w:rsidR="00156FB3" w:rsidRDefault="00156FB3" w:rsidP="00156FB3">
            <w:r>
              <w:t xml:space="preserve">    *****************/</w:t>
            </w:r>
          </w:p>
          <w:p w:rsidR="00156FB3" w:rsidRDefault="00156FB3" w:rsidP="00156FB3"/>
          <w:p w:rsidR="00156FB3" w:rsidRDefault="00156FB3" w:rsidP="00156FB3">
            <w:r>
              <w:lastRenderedPageBreak/>
              <w:t xml:space="preserve">    var $,</w:t>
            </w:r>
          </w:p>
          <w:p w:rsidR="00156FB3" w:rsidRDefault="00156FB3" w:rsidP="00156FB3">
            <w:r>
              <w:t xml:space="preserve">        isJQuery = false;</w:t>
            </w:r>
          </w:p>
          <w:p w:rsidR="00156FB3" w:rsidRDefault="00156FB3" w:rsidP="00156FB3"/>
          <w:p w:rsidR="00156FB3" w:rsidRDefault="00156FB3" w:rsidP="00156FB3">
            <w:r>
              <w:t xml:space="preserve">    if (global.fn &amp;&amp; global.fn.jquery) {</w:t>
            </w:r>
          </w:p>
          <w:p w:rsidR="00156FB3" w:rsidRDefault="00156FB3" w:rsidP="00156FB3">
            <w:r>
              <w:t xml:space="preserve">        $ = global;</w:t>
            </w:r>
          </w:p>
          <w:p w:rsidR="00156FB3" w:rsidRDefault="00156FB3" w:rsidP="00156FB3">
            <w:r>
              <w:t xml:space="preserve">        isJQuery = true;</w:t>
            </w:r>
          </w:p>
          <w:p w:rsidR="00156FB3" w:rsidRDefault="00156FB3" w:rsidP="00156FB3">
            <w:r>
              <w:t xml:space="preserve">    } else {</w:t>
            </w:r>
          </w:p>
          <w:p w:rsidR="00156FB3" w:rsidRDefault="00156FB3" w:rsidP="00156FB3">
            <w:r>
              <w:t xml:space="preserve">        $ = window.Velocity.Utilities;</w:t>
            </w:r>
          </w:p>
          <w:p w:rsidR="00156FB3" w:rsidRDefault="00156FB3" w:rsidP="00156FB3">
            <w:r>
              <w:t xml:space="preserve">    }</w:t>
            </w:r>
          </w:p>
          <w:p w:rsidR="00156FB3" w:rsidRDefault="00156FB3" w:rsidP="00156FB3"/>
          <w:p w:rsidR="00156FB3" w:rsidRDefault="00156FB3" w:rsidP="00156FB3">
            <w:r>
              <w:t xml:space="preserve">    if (IE &lt;= 8 &amp;&amp; !isJQuery) {</w:t>
            </w:r>
          </w:p>
          <w:p w:rsidR="00156FB3" w:rsidRDefault="00156FB3" w:rsidP="00156FB3">
            <w:r>
              <w:t xml:space="preserve">        throw new Error("Velocity: IE8 and below require jQuery to be loaded before Velocity.");</w:t>
            </w:r>
          </w:p>
          <w:p w:rsidR="00156FB3" w:rsidRDefault="00156FB3" w:rsidP="00156FB3">
            <w:r>
              <w:t xml:space="preserve">    } else if (IE &lt;= 7) {</w:t>
            </w:r>
          </w:p>
          <w:p w:rsidR="00156FB3" w:rsidRDefault="00156FB3" w:rsidP="00156FB3">
            <w:r>
              <w:t xml:space="preserve">        /* Revert to jQuery's $.animate(), and lose Velocity's extra features. */</w:t>
            </w:r>
          </w:p>
          <w:p w:rsidR="00156FB3" w:rsidRDefault="00156FB3" w:rsidP="00156FB3">
            <w:r>
              <w:t xml:space="preserve">        jQuery.fn.velocity = jQuery.fn.animate;</w:t>
            </w:r>
          </w:p>
          <w:p w:rsidR="00156FB3" w:rsidRDefault="00156FB3" w:rsidP="00156FB3"/>
          <w:p w:rsidR="00156FB3" w:rsidRDefault="00156FB3" w:rsidP="00156FB3">
            <w:r>
              <w:t xml:space="preserve">        /* Now that $.fn.velocity is aliased, abort this Velocity declaration.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Constants</w:t>
            </w:r>
          </w:p>
          <w:p w:rsidR="00156FB3" w:rsidRDefault="00156FB3" w:rsidP="00156FB3">
            <w:r>
              <w:t xml:space="preserve">    *****************/</w:t>
            </w:r>
          </w:p>
          <w:p w:rsidR="00156FB3" w:rsidRDefault="00156FB3" w:rsidP="00156FB3"/>
          <w:p w:rsidR="00156FB3" w:rsidRDefault="00156FB3" w:rsidP="00156FB3">
            <w:r>
              <w:t xml:space="preserve">    var DURATION_DEFAULT = 400,</w:t>
            </w:r>
          </w:p>
          <w:p w:rsidR="00156FB3" w:rsidRDefault="00156FB3" w:rsidP="00156FB3">
            <w:r>
              <w:t xml:space="preserve">        EASING_DEFAULT = "swing";</w:t>
            </w:r>
          </w:p>
          <w:p w:rsidR="00156FB3" w:rsidRDefault="00156FB3" w:rsidP="00156FB3"/>
          <w:p w:rsidR="00156FB3" w:rsidRDefault="00156FB3" w:rsidP="00156FB3">
            <w:r>
              <w:t xml:space="preserve">    /*************</w:t>
            </w:r>
          </w:p>
          <w:p w:rsidR="00156FB3" w:rsidRDefault="00156FB3" w:rsidP="00156FB3">
            <w:r>
              <w:t xml:space="preserve">        State</w:t>
            </w:r>
          </w:p>
          <w:p w:rsidR="00156FB3" w:rsidRDefault="00156FB3" w:rsidP="00156FB3">
            <w:r>
              <w:t xml:space="preserve">    *************/</w:t>
            </w:r>
          </w:p>
          <w:p w:rsidR="00156FB3" w:rsidRDefault="00156FB3" w:rsidP="00156FB3"/>
          <w:p w:rsidR="00156FB3" w:rsidRDefault="00156FB3" w:rsidP="00156FB3">
            <w:r>
              <w:t xml:space="preserve">    var Velocity = {</w:t>
            </w:r>
          </w:p>
          <w:p w:rsidR="00156FB3" w:rsidRDefault="00156FB3" w:rsidP="00156FB3">
            <w:r>
              <w:t xml:space="preserve">        /* Container for page-wide Velocity state data. */</w:t>
            </w:r>
          </w:p>
          <w:p w:rsidR="00156FB3" w:rsidRDefault="00156FB3" w:rsidP="00156FB3">
            <w:r>
              <w:t xml:space="preserve">        State: {</w:t>
            </w:r>
          </w:p>
          <w:p w:rsidR="00156FB3" w:rsidRDefault="00156FB3" w:rsidP="00156FB3">
            <w:r>
              <w:t xml:space="preserve">            /* Detect mobile devices to determine if mobileHA should be turned on. */</w:t>
            </w:r>
          </w:p>
          <w:p w:rsidR="00156FB3" w:rsidRDefault="00156FB3" w:rsidP="00156FB3">
            <w:r>
              <w:t xml:space="preserve">            isMobile: /Android|webOS|iPhone|iPad|iPod|BlackBerry|IEMobile|Opera Mini/i.test(navigator.userAgent),</w:t>
            </w:r>
          </w:p>
          <w:p w:rsidR="00156FB3" w:rsidRDefault="00156FB3" w:rsidP="00156FB3">
            <w:r>
              <w:t xml:space="preserve">            /* The mobileHA option's behavior changes on older Android devices (Gingerbread, versions 2.3.3-2.3.7). */</w:t>
            </w:r>
          </w:p>
          <w:p w:rsidR="00156FB3" w:rsidRDefault="00156FB3" w:rsidP="00156FB3">
            <w:r>
              <w:t xml:space="preserve">            isAndroid: /Android/i.test(navigator.userAgent),</w:t>
            </w:r>
          </w:p>
          <w:p w:rsidR="00156FB3" w:rsidRDefault="00156FB3" w:rsidP="00156FB3">
            <w:r>
              <w:t xml:space="preserve">            isGingerbread: /Android 2\.3\.[3-7]/i.test(navigator.userAgent),</w:t>
            </w:r>
          </w:p>
          <w:p w:rsidR="00156FB3" w:rsidRDefault="00156FB3" w:rsidP="00156FB3">
            <w:r>
              <w:t xml:space="preserve">            isChrome: window.chrome,</w:t>
            </w:r>
          </w:p>
          <w:p w:rsidR="00156FB3" w:rsidRDefault="00156FB3" w:rsidP="00156FB3">
            <w:r>
              <w:t xml:space="preserve">            isFirefox: /Firefox/i.test(navigator.userAgent),</w:t>
            </w:r>
          </w:p>
          <w:p w:rsidR="00156FB3" w:rsidRDefault="00156FB3" w:rsidP="00156FB3">
            <w:r>
              <w:t xml:space="preserve">            /* Create a cached element for re-use when checking for CSS property prefixes. */</w:t>
            </w:r>
          </w:p>
          <w:p w:rsidR="00156FB3" w:rsidRDefault="00156FB3" w:rsidP="00156FB3">
            <w:r>
              <w:t xml:space="preserve">            prefixElement: document.createElement("div"),</w:t>
            </w:r>
          </w:p>
          <w:p w:rsidR="00156FB3" w:rsidRDefault="00156FB3" w:rsidP="00156FB3">
            <w:r>
              <w:t xml:space="preserve">            /* Cache every prefix match to avoid repeating lookups. */</w:t>
            </w:r>
          </w:p>
          <w:p w:rsidR="00156FB3" w:rsidRDefault="00156FB3" w:rsidP="00156FB3">
            <w:r>
              <w:t xml:space="preserve">            prefixMatches: {},</w:t>
            </w:r>
          </w:p>
          <w:p w:rsidR="00156FB3" w:rsidRDefault="00156FB3" w:rsidP="00156FB3">
            <w:r>
              <w:t xml:space="preserve">            /* Cache the anchor used for animating window scrolling. */</w:t>
            </w:r>
          </w:p>
          <w:p w:rsidR="00156FB3" w:rsidRDefault="00156FB3" w:rsidP="00156FB3">
            <w:r>
              <w:lastRenderedPageBreak/>
              <w:t xml:space="preserve">            scrollAnchor: null,</w:t>
            </w:r>
          </w:p>
          <w:p w:rsidR="00156FB3" w:rsidRDefault="00156FB3" w:rsidP="00156FB3">
            <w:r>
              <w:t xml:space="preserve">            /* Cache the browser-specific property names associated with the scroll anchor. */</w:t>
            </w:r>
          </w:p>
          <w:p w:rsidR="00156FB3" w:rsidRDefault="00156FB3" w:rsidP="00156FB3">
            <w:r>
              <w:t xml:space="preserve">            scrollPropertyLeft: null,</w:t>
            </w:r>
          </w:p>
          <w:p w:rsidR="00156FB3" w:rsidRDefault="00156FB3" w:rsidP="00156FB3">
            <w:r>
              <w:t xml:space="preserve">            scrollPropertyTop: null,</w:t>
            </w:r>
          </w:p>
          <w:p w:rsidR="00156FB3" w:rsidRDefault="00156FB3" w:rsidP="00156FB3">
            <w:r>
              <w:t xml:space="preserve">            /* Keep track of whether our RAF tick is running. */</w:t>
            </w:r>
          </w:p>
          <w:p w:rsidR="00156FB3" w:rsidRDefault="00156FB3" w:rsidP="00156FB3">
            <w:r>
              <w:t xml:space="preserve">            isTicking: false,</w:t>
            </w:r>
          </w:p>
          <w:p w:rsidR="00156FB3" w:rsidRDefault="00156FB3" w:rsidP="00156FB3">
            <w:r>
              <w:t xml:space="preserve">            /* Container for every in-progress call to Velocity. */</w:t>
            </w:r>
          </w:p>
          <w:p w:rsidR="00156FB3" w:rsidRDefault="00156FB3" w:rsidP="00156FB3">
            <w:r>
              <w:t xml:space="preserve">            calls: []</w:t>
            </w:r>
          </w:p>
          <w:p w:rsidR="00156FB3" w:rsidRDefault="00156FB3" w:rsidP="00156FB3">
            <w:r>
              <w:t xml:space="preserve">        },</w:t>
            </w:r>
          </w:p>
          <w:p w:rsidR="00156FB3" w:rsidRDefault="00156FB3" w:rsidP="00156FB3">
            <w:r>
              <w:t xml:space="preserve">        /* Velocity's custom CSS stack. Made global for unit testing. */</w:t>
            </w:r>
          </w:p>
          <w:p w:rsidR="00156FB3" w:rsidRDefault="00156FB3" w:rsidP="00156FB3">
            <w:r>
              <w:t xml:space="preserve">        CSS: { /* Defined below. */ },</w:t>
            </w:r>
          </w:p>
          <w:p w:rsidR="00156FB3" w:rsidRDefault="00156FB3" w:rsidP="00156FB3">
            <w:r>
              <w:t xml:space="preserve">        /* A shim of the jQuery utility functions used by Velocity -- provided by Velocity's optional jQuery shim. */</w:t>
            </w:r>
          </w:p>
          <w:p w:rsidR="00156FB3" w:rsidRDefault="00156FB3" w:rsidP="00156FB3">
            <w:r>
              <w:t xml:space="preserve">        Utilities: $,</w:t>
            </w:r>
          </w:p>
          <w:p w:rsidR="00156FB3" w:rsidRDefault="00156FB3" w:rsidP="00156FB3">
            <w:r>
              <w:t xml:space="preserve">        /* Container for the user's custom animation redirects that are referenced by name in place of the properties map argument. */</w:t>
            </w:r>
          </w:p>
          <w:p w:rsidR="00156FB3" w:rsidRDefault="00156FB3" w:rsidP="00156FB3">
            <w:r>
              <w:t xml:space="preserve">        Redirects: { /* Manually registered by the user. */ },</w:t>
            </w:r>
          </w:p>
          <w:p w:rsidR="00156FB3" w:rsidRDefault="00156FB3" w:rsidP="00156FB3">
            <w:r>
              <w:t xml:space="preserve">        Easings: { /* Defined below. */ },</w:t>
            </w:r>
          </w:p>
          <w:p w:rsidR="00156FB3" w:rsidRDefault="00156FB3" w:rsidP="00156FB3">
            <w:r>
              <w:t xml:space="preserve">        /* Attempt to use ES6 Promises by default. Users can override this with a third-party promises library. */</w:t>
            </w:r>
          </w:p>
          <w:p w:rsidR="00156FB3" w:rsidRDefault="00156FB3" w:rsidP="00156FB3">
            <w:r>
              <w:t xml:space="preserve">        Promise: window.Promise,</w:t>
            </w:r>
          </w:p>
          <w:p w:rsidR="00156FB3" w:rsidRDefault="00156FB3" w:rsidP="00156FB3">
            <w:r>
              <w:t xml:space="preserve">        /* Velocity option defaults, which can be overriden by the user. */</w:t>
            </w:r>
          </w:p>
          <w:p w:rsidR="00156FB3" w:rsidRDefault="00156FB3" w:rsidP="00156FB3">
            <w:r>
              <w:t xml:space="preserve">        defaults: {</w:t>
            </w:r>
          </w:p>
          <w:p w:rsidR="00156FB3" w:rsidRDefault="00156FB3" w:rsidP="00156FB3">
            <w:r>
              <w:t xml:space="preserve">            queue: "",</w:t>
            </w:r>
          </w:p>
          <w:p w:rsidR="00156FB3" w:rsidRDefault="00156FB3" w:rsidP="00156FB3">
            <w:r>
              <w:t xml:space="preserve">            duration: DURATION_DEFAULT,</w:t>
            </w:r>
          </w:p>
          <w:p w:rsidR="00156FB3" w:rsidRDefault="00156FB3" w:rsidP="00156FB3">
            <w:r>
              <w:t xml:space="preserve">            easing: EASING_DEFAULT,</w:t>
            </w:r>
          </w:p>
          <w:p w:rsidR="00156FB3" w:rsidRDefault="00156FB3" w:rsidP="00156FB3">
            <w:r>
              <w:t xml:space="preserve">            begin: undefined,</w:t>
            </w:r>
          </w:p>
          <w:p w:rsidR="00156FB3" w:rsidRDefault="00156FB3" w:rsidP="00156FB3">
            <w:r>
              <w:t xml:space="preserve">            complete: undefined,</w:t>
            </w:r>
          </w:p>
          <w:p w:rsidR="00156FB3" w:rsidRDefault="00156FB3" w:rsidP="00156FB3">
            <w:r>
              <w:t xml:space="preserve">            progress: undefined,</w:t>
            </w:r>
          </w:p>
          <w:p w:rsidR="00156FB3" w:rsidRDefault="00156FB3" w:rsidP="00156FB3">
            <w:r>
              <w:t xml:space="preserve">            display: undefined,</w:t>
            </w:r>
          </w:p>
          <w:p w:rsidR="00156FB3" w:rsidRDefault="00156FB3" w:rsidP="00156FB3">
            <w:r>
              <w:t xml:space="preserve">            visibility: undefined,</w:t>
            </w:r>
          </w:p>
          <w:p w:rsidR="00156FB3" w:rsidRDefault="00156FB3" w:rsidP="00156FB3">
            <w:r>
              <w:t xml:space="preserve">            loop: false,</w:t>
            </w:r>
          </w:p>
          <w:p w:rsidR="00156FB3" w:rsidRDefault="00156FB3" w:rsidP="00156FB3">
            <w:r>
              <w:t xml:space="preserve">            delay: false,</w:t>
            </w:r>
          </w:p>
          <w:p w:rsidR="00156FB3" w:rsidRDefault="00156FB3" w:rsidP="00156FB3">
            <w:r>
              <w:t xml:space="preserve">            mobileHA: true,</w:t>
            </w:r>
          </w:p>
          <w:p w:rsidR="00156FB3" w:rsidRDefault="00156FB3" w:rsidP="00156FB3">
            <w:r>
              <w:t xml:space="preserve">            /* Advanced: Set to false to prevent property values from being cached between consecutive Velocity-initiated chain calls. */</w:t>
            </w:r>
          </w:p>
          <w:p w:rsidR="00156FB3" w:rsidRDefault="00156FB3" w:rsidP="00156FB3">
            <w:r>
              <w:t xml:space="preserve">            _cacheValues: true</w:t>
            </w:r>
          </w:p>
          <w:p w:rsidR="00156FB3" w:rsidRDefault="00156FB3" w:rsidP="00156FB3">
            <w:r>
              <w:t xml:space="preserve">        },</w:t>
            </w:r>
          </w:p>
          <w:p w:rsidR="00156FB3" w:rsidRDefault="00156FB3" w:rsidP="00156FB3">
            <w:r>
              <w:t xml:space="preserve">        /* A design goal of Velocity is to cache data wherever possible in order to avoid DOM requerying. Accordingly, each element has a data cache. */</w:t>
            </w:r>
          </w:p>
          <w:p w:rsidR="00156FB3" w:rsidRDefault="00156FB3" w:rsidP="00156FB3">
            <w:r>
              <w:t xml:space="preserve">        init: function (element) {</w:t>
            </w:r>
          </w:p>
          <w:p w:rsidR="00156FB3" w:rsidRDefault="00156FB3" w:rsidP="00156FB3">
            <w:r>
              <w:t xml:space="preserve">            $.data(element, "velocity", {</w:t>
            </w:r>
          </w:p>
          <w:p w:rsidR="00156FB3" w:rsidRDefault="00156FB3" w:rsidP="00156FB3">
            <w:r>
              <w:t xml:space="preserve">                /* Store whether this is an SVG element, since its properties are retrieved and updated differently than standard HTML elements. */</w:t>
            </w:r>
          </w:p>
          <w:p w:rsidR="00156FB3" w:rsidRDefault="00156FB3" w:rsidP="00156FB3">
            <w:r>
              <w:t xml:space="preserve">                isSVG: Type.isSVG(element),</w:t>
            </w:r>
          </w:p>
          <w:p w:rsidR="00156FB3" w:rsidRDefault="00156FB3" w:rsidP="00156FB3">
            <w:r>
              <w:t xml:space="preserve">                /* Keep track of whether the element is currently being animated by Velocity.</w:t>
            </w:r>
          </w:p>
          <w:p w:rsidR="00156FB3" w:rsidRDefault="00156FB3" w:rsidP="00156FB3">
            <w:r>
              <w:t xml:space="preserve">                   This is used to ensure that property values are not transferred between non-consecutive (stale) calls. */</w:t>
            </w:r>
          </w:p>
          <w:p w:rsidR="00156FB3" w:rsidRDefault="00156FB3" w:rsidP="00156FB3">
            <w:r>
              <w:lastRenderedPageBreak/>
              <w:t xml:space="preserve">                isAnimating: false,</w:t>
            </w:r>
          </w:p>
          <w:p w:rsidR="00156FB3" w:rsidRDefault="00156FB3" w:rsidP="00156FB3">
            <w:r>
              <w:t xml:space="preserve">                /* A reference to the element's live computedStyle object. Learn more here: https://developer.mozilla.org/en/docs/Web/API/window.getComputedStyle */</w:t>
            </w:r>
          </w:p>
          <w:p w:rsidR="00156FB3" w:rsidRDefault="00156FB3" w:rsidP="00156FB3">
            <w:r>
              <w:t xml:space="preserve">                computedStyle: null,</w:t>
            </w:r>
          </w:p>
          <w:p w:rsidR="00156FB3" w:rsidRDefault="00156FB3" w:rsidP="00156FB3">
            <w:r>
              <w:t xml:space="preserve">                /* Tween data is cached for each animation on the element so that data can be passed across calls --</w:t>
            </w:r>
          </w:p>
          <w:p w:rsidR="00156FB3" w:rsidRDefault="00156FB3" w:rsidP="00156FB3">
            <w:r>
              <w:t xml:space="preserve">                   in particular, end values are used as subsequent start values in consecutive Velocity calls. */</w:t>
            </w:r>
          </w:p>
          <w:p w:rsidR="00156FB3" w:rsidRDefault="00156FB3" w:rsidP="00156FB3">
            <w:r>
              <w:t xml:space="preserve">                tweensContainer: null,</w:t>
            </w:r>
          </w:p>
          <w:p w:rsidR="00156FB3" w:rsidRDefault="00156FB3" w:rsidP="00156FB3">
            <w:r>
              <w:t xml:space="preserve">                /* The full root property values of each CSS hook being animated on this element are cached so that:</w:t>
            </w:r>
          </w:p>
          <w:p w:rsidR="00156FB3" w:rsidRDefault="00156FB3" w:rsidP="00156FB3">
            <w:r>
              <w:t xml:space="preserve">                   1) Concurrently-animating hooks sharing the same root can have their root values' merged into one while tweening.</w:t>
            </w:r>
          </w:p>
          <w:p w:rsidR="00156FB3" w:rsidRDefault="00156FB3" w:rsidP="00156FB3">
            <w:r>
              <w:t xml:space="preserve">                   2) Post-hook-injection root values can be transferred over to consecutively chained Velocity calls as starting root values. */</w:t>
            </w:r>
          </w:p>
          <w:p w:rsidR="00156FB3" w:rsidRDefault="00156FB3" w:rsidP="00156FB3">
            <w:r>
              <w:t xml:space="preserve">                rootPropertyValueCache: {},</w:t>
            </w:r>
          </w:p>
          <w:p w:rsidR="00156FB3" w:rsidRDefault="00156FB3" w:rsidP="00156FB3">
            <w:r>
              <w:t xml:space="preserve">                /* A cache for transform updates, which must be manually flushed via CSS.flushTransformCache(). */</w:t>
            </w:r>
          </w:p>
          <w:p w:rsidR="00156FB3" w:rsidRDefault="00156FB3" w:rsidP="00156FB3">
            <w:r>
              <w:t xml:space="preserve">                transformCache: {}</w:t>
            </w:r>
          </w:p>
          <w:p w:rsidR="00156FB3" w:rsidRDefault="00156FB3" w:rsidP="00156FB3">
            <w:r>
              <w:t xml:space="preserve">            });</w:t>
            </w:r>
          </w:p>
          <w:p w:rsidR="00156FB3" w:rsidRDefault="00156FB3" w:rsidP="00156FB3">
            <w:r>
              <w:t xml:space="preserve">        },</w:t>
            </w:r>
          </w:p>
          <w:p w:rsidR="00156FB3" w:rsidRDefault="00156FB3" w:rsidP="00156FB3">
            <w:r>
              <w:t xml:space="preserve">        /* A parallel to jQuery's $.css(), used for getting/setting Velocity's hooked CSS properties. */</w:t>
            </w:r>
          </w:p>
          <w:p w:rsidR="00156FB3" w:rsidRDefault="00156FB3" w:rsidP="00156FB3">
            <w:r>
              <w:t xml:space="preserve">        hook: null, /* Defined below. */</w:t>
            </w:r>
          </w:p>
          <w:p w:rsidR="00156FB3" w:rsidRDefault="00156FB3" w:rsidP="00156FB3">
            <w:r>
              <w:t xml:space="preserve">        /* Velocity-wide animation time remapping for testing purposes. */</w:t>
            </w:r>
          </w:p>
          <w:p w:rsidR="00156FB3" w:rsidRDefault="00156FB3" w:rsidP="00156FB3">
            <w:r>
              <w:t xml:space="preserve">        mock: false,</w:t>
            </w:r>
          </w:p>
          <w:p w:rsidR="00156FB3" w:rsidRDefault="00156FB3" w:rsidP="00156FB3">
            <w:r>
              <w:t xml:space="preserve">        version: { major: 1, minor: 2, patch: 2 },</w:t>
            </w:r>
          </w:p>
          <w:p w:rsidR="00156FB3" w:rsidRDefault="00156FB3" w:rsidP="00156FB3">
            <w:r>
              <w:t xml:space="preserve">        /* Set to 1 or 2 (most verbose) to output debug info to console. */</w:t>
            </w:r>
          </w:p>
          <w:p w:rsidR="00156FB3" w:rsidRDefault="00156FB3" w:rsidP="00156FB3">
            <w:r>
              <w:t xml:space="preserve">        debug: false</w:t>
            </w:r>
          </w:p>
          <w:p w:rsidR="00156FB3" w:rsidRDefault="00156FB3" w:rsidP="00156FB3">
            <w:r>
              <w:t xml:space="preserve">    };</w:t>
            </w:r>
          </w:p>
          <w:p w:rsidR="00156FB3" w:rsidRDefault="00156FB3" w:rsidP="00156FB3"/>
          <w:p w:rsidR="00156FB3" w:rsidRDefault="00156FB3" w:rsidP="00156FB3">
            <w:r>
              <w:t xml:space="preserve">    /* Retrieve the appropriate scroll anchor and property name for the browser: https://developer.mozilla.org/en-US/docs/Web/API/Window.scrollY */</w:t>
            </w:r>
          </w:p>
          <w:p w:rsidR="00156FB3" w:rsidRDefault="00156FB3" w:rsidP="00156FB3">
            <w:r>
              <w:t xml:space="preserve">    if (window.pageYOffset !== undefined) {</w:t>
            </w:r>
          </w:p>
          <w:p w:rsidR="00156FB3" w:rsidRDefault="00156FB3" w:rsidP="00156FB3">
            <w:r>
              <w:t xml:space="preserve">        Velocity.State.scrollAnchor = window;</w:t>
            </w:r>
          </w:p>
          <w:p w:rsidR="00156FB3" w:rsidRDefault="00156FB3" w:rsidP="00156FB3">
            <w:r>
              <w:t xml:space="preserve">        Velocity.State.scrollPropertyLeft = "pageXOffset";</w:t>
            </w:r>
          </w:p>
          <w:p w:rsidR="00156FB3" w:rsidRDefault="00156FB3" w:rsidP="00156FB3">
            <w:r>
              <w:t xml:space="preserve">        Velocity.State.scrollPropertyTop = "pageYOffset";</w:t>
            </w:r>
          </w:p>
          <w:p w:rsidR="00156FB3" w:rsidRDefault="00156FB3" w:rsidP="00156FB3">
            <w:r>
              <w:t xml:space="preserve">    } else {</w:t>
            </w:r>
          </w:p>
          <w:p w:rsidR="00156FB3" w:rsidRDefault="00156FB3" w:rsidP="00156FB3">
            <w:r>
              <w:t xml:space="preserve">        Velocity.State.scrollAnchor = document.documentElement || document.body.parentNode || document.body;</w:t>
            </w:r>
          </w:p>
          <w:p w:rsidR="00156FB3" w:rsidRDefault="00156FB3" w:rsidP="00156FB3">
            <w:r>
              <w:t xml:space="preserve">        Velocity.State.scrollPropertyLeft = "scrollLeft";</w:t>
            </w:r>
          </w:p>
          <w:p w:rsidR="00156FB3" w:rsidRDefault="00156FB3" w:rsidP="00156FB3">
            <w:r>
              <w:t xml:space="preserve">        Velocity.State.scrollPropertyTop = "scrollTop";</w:t>
            </w:r>
          </w:p>
          <w:p w:rsidR="00156FB3" w:rsidRDefault="00156FB3" w:rsidP="00156FB3">
            <w:r>
              <w:t xml:space="preserve">    }</w:t>
            </w:r>
          </w:p>
          <w:p w:rsidR="00156FB3" w:rsidRDefault="00156FB3" w:rsidP="00156FB3"/>
          <w:p w:rsidR="00156FB3" w:rsidRDefault="00156FB3" w:rsidP="00156FB3">
            <w:r>
              <w:t xml:space="preserve">    /* Shorthand alias for jQuery's $.data() utility. */</w:t>
            </w:r>
          </w:p>
          <w:p w:rsidR="00156FB3" w:rsidRDefault="00156FB3" w:rsidP="00156FB3">
            <w:r>
              <w:t xml:space="preserve">    function Data (element) {</w:t>
            </w:r>
          </w:p>
          <w:p w:rsidR="00156FB3" w:rsidRDefault="00156FB3" w:rsidP="00156FB3">
            <w:r>
              <w:t xml:space="preserve">        /* Hardcode a reference to the plugin name. */</w:t>
            </w:r>
          </w:p>
          <w:p w:rsidR="00156FB3" w:rsidRDefault="00156FB3" w:rsidP="00156FB3">
            <w:r>
              <w:t xml:space="preserve">        var response = $.data(element, "velocity");</w:t>
            </w:r>
          </w:p>
          <w:p w:rsidR="00156FB3" w:rsidRDefault="00156FB3" w:rsidP="00156FB3"/>
          <w:p w:rsidR="00156FB3" w:rsidRDefault="00156FB3" w:rsidP="00156FB3">
            <w:r>
              <w:t xml:space="preserve">        /* jQuery &lt;=1.4.2 returns null instead of undefined when no match is found. We normalize this </w:t>
            </w:r>
            <w:r>
              <w:lastRenderedPageBreak/>
              <w:t>behavior. */</w:t>
            </w:r>
          </w:p>
          <w:p w:rsidR="00156FB3" w:rsidRDefault="00156FB3" w:rsidP="00156FB3">
            <w:r>
              <w:t xml:space="preserve">        return response === null ? undefined : respons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Easing</w:t>
            </w:r>
          </w:p>
          <w:p w:rsidR="00156FB3" w:rsidRDefault="00156FB3" w:rsidP="00156FB3">
            <w:r>
              <w:t xml:space="preserve">    **************/</w:t>
            </w:r>
          </w:p>
          <w:p w:rsidR="00156FB3" w:rsidRDefault="00156FB3" w:rsidP="00156FB3"/>
          <w:p w:rsidR="00156FB3" w:rsidRDefault="00156FB3" w:rsidP="00156FB3">
            <w:r>
              <w:t xml:space="preserve">    /* Step easing generator. */</w:t>
            </w:r>
          </w:p>
          <w:p w:rsidR="00156FB3" w:rsidRDefault="00156FB3" w:rsidP="00156FB3">
            <w:r>
              <w:t xml:space="preserve">    function generateStep (steps) {</w:t>
            </w:r>
          </w:p>
          <w:p w:rsidR="00156FB3" w:rsidRDefault="00156FB3" w:rsidP="00156FB3">
            <w:r>
              <w:t xml:space="preserve">        return function (p) {</w:t>
            </w:r>
          </w:p>
          <w:p w:rsidR="00156FB3" w:rsidRDefault="00156FB3" w:rsidP="00156FB3">
            <w:r>
              <w:t xml:space="preserve">            return Math.round(p * steps) * (1 / step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Bezier curve function generator. Copyright Gaetan Renaudeau. MIT License: http://en.wikipedia.org/wiki/MIT_License */</w:t>
            </w:r>
          </w:p>
          <w:p w:rsidR="00156FB3" w:rsidRDefault="00156FB3" w:rsidP="00156FB3">
            <w:r>
              <w:t xml:space="preserve">    function generateBezier (mX1, mY1, mX2, mY2) {</w:t>
            </w:r>
          </w:p>
          <w:p w:rsidR="00156FB3" w:rsidRDefault="00156FB3" w:rsidP="00156FB3">
            <w:r>
              <w:t xml:space="preserve">        var NEWTON_ITERATIONS = 4,</w:t>
            </w:r>
          </w:p>
          <w:p w:rsidR="00156FB3" w:rsidRDefault="00156FB3" w:rsidP="00156FB3">
            <w:r>
              <w:t xml:space="preserve">            NEWTON_MIN_SLOPE = 0.001,</w:t>
            </w:r>
          </w:p>
          <w:p w:rsidR="00156FB3" w:rsidRDefault="00156FB3" w:rsidP="00156FB3">
            <w:r>
              <w:t xml:space="preserve">            SUBDIVISION_PRECISION = 0.0000001,</w:t>
            </w:r>
          </w:p>
          <w:p w:rsidR="00156FB3" w:rsidRDefault="00156FB3" w:rsidP="00156FB3">
            <w:r>
              <w:t xml:space="preserve">            SUBDIVISION_MAX_ITERATIONS = 10,</w:t>
            </w:r>
          </w:p>
          <w:p w:rsidR="00156FB3" w:rsidRDefault="00156FB3" w:rsidP="00156FB3">
            <w:r>
              <w:t xml:space="preserve">            kSplineTableSize = 11,</w:t>
            </w:r>
          </w:p>
          <w:p w:rsidR="00156FB3" w:rsidRDefault="00156FB3" w:rsidP="00156FB3">
            <w:r>
              <w:t xml:space="preserve">            kSampleStepSize = 1.0 / (kSplineTableSize - 1.0),</w:t>
            </w:r>
          </w:p>
          <w:p w:rsidR="00156FB3" w:rsidRDefault="00156FB3" w:rsidP="00156FB3">
            <w:r>
              <w:t xml:space="preserve">            float32ArraySupported = "Float32Array" in window;</w:t>
            </w:r>
          </w:p>
          <w:p w:rsidR="00156FB3" w:rsidRDefault="00156FB3" w:rsidP="00156FB3"/>
          <w:p w:rsidR="00156FB3" w:rsidRDefault="00156FB3" w:rsidP="00156FB3">
            <w:r>
              <w:t xml:space="preserve">        /* Must contain four arguments. */</w:t>
            </w:r>
          </w:p>
          <w:p w:rsidR="00156FB3" w:rsidRDefault="00156FB3" w:rsidP="00156FB3">
            <w:r>
              <w:t xml:space="preserve">        if (arguments.length !== 4) {</w:t>
            </w:r>
          </w:p>
          <w:p w:rsidR="00156FB3" w:rsidRDefault="00156FB3" w:rsidP="00156FB3">
            <w:r>
              <w:t xml:space="preserve">            return false;</w:t>
            </w:r>
          </w:p>
          <w:p w:rsidR="00156FB3" w:rsidRDefault="00156FB3" w:rsidP="00156FB3">
            <w:r>
              <w:t xml:space="preserve">        }</w:t>
            </w:r>
          </w:p>
          <w:p w:rsidR="00156FB3" w:rsidRDefault="00156FB3" w:rsidP="00156FB3"/>
          <w:p w:rsidR="00156FB3" w:rsidRDefault="00156FB3" w:rsidP="00156FB3">
            <w:r>
              <w:t xml:space="preserve">        /* Arguments must be numbers. */</w:t>
            </w:r>
          </w:p>
          <w:p w:rsidR="00156FB3" w:rsidRDefault="00156FB3" w:rsidP="00156FB3">
            <w:r>
              <w:t xml:space="preserve">        for (var i = 0; i &lt; 4; ++i) {</w:t>
            </w:r>
          </w:p>
          <w:p w:rsidR="00156FB3" w:rsidRDefault="00156FB3" w:rsidP="00156FB3">
            <w:r>
              <w:t xml:space="preserve">            if (typeof arguments[i] !== "number" || isNaN(arguments[i]) || !isFinite(arguments[i])) {</w:t>
            </w:r>
          </w:p>
          <w:p w:rsidR="00156FB3" w:rsidRDefault="00156FB3" w:rsidP="00156FB3">
            <w:r>
              <w:t xml:space="preserve">                return fals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X values must be in the [0, 1] range. */</w:t>
            </w:r>
          </w:p>
          <w:p w:rsidR="00156FB3" w:rsidRDefault="00156FB3" w:rsidP="00156FB3">
            <w:r>
              <w:t xml:space="preserve">        mX1 = Math.min(mX1, 1);</w:t>
            </w:r>
          </w:p>
          <w:p w:rsidR="00156FB3" w:rsidRDefault="00156FB3" w:rsidP="00156FB3">
            <w:r>
              <w:t xml:space="preserve">        mX2 = Math.min(mX2, 1);</w:t>
            </w:r>
          </w:p>
          <w:p w:rsidR="00156FB3" w:rsidRDefault="00156FB3" w:rsidP="00156FB3">
            <w:r>
              <w:t xml:space="preserve">        mX1 = Math.max(mX1, 0);</w:t>
            </w:r>
          </w:p>
          <w:p w:rsidR="00156FB3" w:rsidRDefault="00156FB3" w:rsidP="00156FB3">
            <w:r>
              <w:t xml:space="preserve">        mX2 = Math.max(mX2, 0);</w:t>
            </w:r>
          </w:p>
          <w:p w:rsidR="00156FB3" w:rsidRDefault="00156FB3" w:rsidP="00156FB3"/>
          <w:p w:rsidR="00156FB3" w:rsidRDefault="00156FB3" w:rsidP="00156FB3">
            <w:r>
              <w:t xml:space="preserve">        var mSampleValues = float32ArraySupported ? new Float32Array(kSplineTableSize) : new Array(kSplineTableSize);</w:t>
            </w:r>
          </w:p>
          <w:p w:rsidR="00156FB3" w:rsidRDefault="00156FB3" w:rsidP="00156FB3"/>
          <w:p w:rsidR="00156FB3" w:rsidRDefault="00156FB3" w:rsidP="00156FB3">
            <w:r>
              <w:t xml:space="preserve">        function A (aA1, aA2) { return 1.0 - 3.0 * aA2 + 3.0 * aA1; }</w:t>
            </w:r>
          </w:p>
          <w:p w:rsidR="00156FB3" w:rsidRDefault="00156FB3" w:rsidP="00156FB3">
            <w:r>
              <w:lastRenderedPageBreak/>
              <w:t xml:space="preserve">        function B (aA1, aA2) { return 3.0 * aA2 - 6.0 * aA1; }</w:t>
            </w:r>
          </w:p>
          <w:p w:rsidR="00156FB3" w:rsidRDefault="00156FB3" w:rsidP="00156FB3">
            <w:r>
              <w:t xml:space="preserve">        function C (aA1)      { return 3.0 * aA1; }</w:t>
            </w:r>
          </w:p>
          <w:p w:rsidR="00156FB3" w:rsidRDefault="00156FB3" w:rsidP="00156FB3"/>
          <w:p w:rsidR="00156FB3" w:rsidRDefault="00156FB3" w:rsidP="00156FB3">
            <w:r>
              <w:t xml:space="preserve">        function calcBezier (aT, aA1, aA2) {</w:t>
            </w:r>
          </w:p>
          <w:p w:rsidR="00156FB3" w:rsidRDefault="00156FB3" w:rsidP="00156FB3">
            <w:r>
              <w:t xml:space="preserve">            return ((A(aA1, aA2)*aT + B(aA1, aA2))*aT + C(aA1))*aT;</w:t>
            </w:r>
          </w:p>
          <w:p w:rsidR="00156FB3" w:rsidRDefault="00156FB3" w:rsidP="00156FB3">
            <w:r>
              <w:t xml:space="preserve">        }</w:t>
            </w:r>
          </w:p>
          <w:p w:rsidR="00156FB3" w:rsidRDefault="00156FB3" w:rsidP="00156FB3"/>
          <w:p w:rsidR="00156FB3" w:rsidRDefault="00156FB3" w:rsidP="00156FB3">
            <w:r>
              <w:t xml:space="preserve">        function getSlope (aT, aA1, aA2) {</w:t>
            </w:r>
          </w:p>
          <w:p w:rsidR="00156FB3" w:rsidRDefault="00156FB3" w:rsidP="00156FB3">
            <w:r>
              <w:t xml:space="preserve">            return 3.0 * A(aA1, aA2)*aT*aT + 2.0 * B(aA1, aA2) * aT + C(aA1);</w:t>
            </w:r>
          </w:p>
          <w:p w:rsidR="00156FB3" w:rsidRDefault="00156FB3" w:rsidP="00156FB3">
            <w:r>
              <w:t xml:space="preserve">        }</w:t>
            </w:r>
          </w:p>
          <w:p w:rsidR="00156FB3" w:rsidRDefault="00156FB3" w:rsidP="00156FB3"/>
          <w:p w:rsidR="00156FB3" w:rsidRDefault="00156FB3" w:rsidP="00156FB3">
            <w:r>
              <w:t xml:space="preserve">        function newtonRaphsonIterate (aX, aGuessT) {</w:t>
            </w:r>
          </w:p>
          <w:p w:rsidR="00156FB3" w:rsidRDefault="00156FB3" w:rsidP="00156FB3">
            <w:r>
              <w:t xml:space="preserve">            for (var i = 0; i &lt; NEWTON_ITERATIONS; ++i) {</w:t>
            </w:r>
          </w:p>
          <w:p w:rsidR="00156FB3" w:rsidRDefault="00156FB3" w:rsidP="00156FB3">
            <w:r>
              <w:t xml:space="preserve">                var currentSlope = getSlope(aGuessT, mX1, mX2);</w:t>
            </w:r>
          </w:p>
          <w:p w:rsidR="00156FB3" w:rsidRDefault="00156FB3" w:rsidP="00156FB3"/>
          <w:p w:rsidR="00156FB3" w:rsidRDefault="00156FB3" w:rsidP="00156FB3">
            <w:r>
              <w:t xml:space="preserve">                if (currentSlope === 0.0) return aGuessT;</w:t>
            </w:r>
          </w:p>
          <w:p w:rsidR="00156FB3" w:rsidRDefault="00156FB3" w:rsidP="00156FB3"/>
          <w:p w:rsidR="00156FB3" w:rsidRDefault="00156FB3" w:rsidP="00156FB3">
            <w:r>
              <w:t xml:space="preserve">                var currentX = calcBezier(aGuessT, mX1, mX2) - aX;</w:t>
            </w:r>
          </w:p>
          <w:p w:rsidR="00156FB3" w:rsidRDefault="00156FB3" w:rsidP="00156FB3">
            <w:r>
              <w:t xml:space="preserve">                aGuessT -= currentX / currentSlope;</w:t>
            </w:r>
          </w:p>
          <w:p w:rsidR="00156FB3" w:rsidRDefault="00156FB3" w:rsidP="00156FB3">
            <w:r>
              <w:t xml:space="preserve">            }</w:t>
            </w:r>
          </w:p>
          <w:p w:rsidR="00156FB3" w:rsidRDefault="00156FB3" w:rsidP="00156FB3"/>
          <w:p w:rsidR="00156FB3" w:rsidRDefault="00156FB3" w:rsidP="00156FB3">
            <w:r>
              <w:t xml:space="preserve">            return aGuessT;</w:t>
            </w:r>
          </w:p>
          <w:p w:rsidR="00156FB3" w:rsidRDefault="00156FB3" w:rsidP="00156FB3">
            <w:r>
              <w:t xml:space="preserve">        }</w:t>
            </w:r>
          </w:p>
          <w:p w:rsidR="00156FB3" w:rsidRDefault="00156FB3" w:rsidP="00156FB3"/>
          <w:p w:rsidR="00156FB3" w:rsidRDefault="00156FB3" w:rsidP="00156FB3">
            <w:r>
              <w:t xml:space="preserve">        function calcSampleValues () {</w:t>
            </w:r>
          </w:p>
          <w:p w:rsidR="00156FB3" w:rsidRDefault="00156FB3" w:rsidP="00156FB3">
            <w:r>
              <w:t xml:space="preserve">            for (var i = 0; i &lt; kSplineTableSize; ++i) {</w:t>
            </w:r>
          </w:p>
          <w:p w:rsidR="00156FB3" w:rsidRDefault="00156FB3" w:rsidP="00156FB3">
            <w:r>
              <w:t xml:space="preserve">                mSampleValues[i] = calcBezier(i * kSampleStepSize, mX1, mX2);</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function binarySubdivide (aX, aA, aB) {</w:t>
            </w:r>
          </w:p>
          <w:p w:rsidR="00156FB3" w:rsidRDefault="00156FB3" w:rsidP="00156FB3">
            <w:r>
              <w:t xml:space="preserve">            var currentX, currentT, i = 0;</w:t>
            </w:r>
          </w:p>
          <w:p w:rsidR="00156FB3" w:rsidRDefault="00156FB3" w:rsidP="00156FB3"/>
          <w:p w:rsidR="00156FB3" w:rsidRDefault="00156FB3" w:rsidP="00156FB3">
            <w:r>
              <w:t xml:space="preserve">            do {</w:t>
            </w:r>
          </w:p>
          <w:p w:rsidR="00156FB3" w:rsidRDefault="00156FB3" w:rsidP="00156FB3">
            <w:r>
              <w:t xml:space="preserve">                currentT = aA + (aB - aA) / 2.0;</w:t>
            </w:r>
          </w:p>
          <w:p w:rsidR="00156FB3" w:rsidRDefault="00156FB3" w:rsidP="00156FB3">
            <w:r>
              <w:t xml:space="preserve">                currentX = calcBezier(currentT, mX1, mX2) - aX;</w:t>
            </w:r>
          </w:p>
          <w:p w:rsidR="00156FB3" w:rsidRDefault="00156FB3" w:rsidP="00156FB3">
            <w:r>
              <w:t xml:space="preserve">                if (currentX &gt; 0.0) {</w:t>
            </w:r>
          </w:p>
          <w:p w:rsidR="00156FB3" w:rsidRDefault="00156FB3" w:rsidP="00156FB3">
            <w:r>
              <w:t xml:space="preserve">                  aB = currentT;</w:t>
            </w:r>
          </w:p>
          <w:p w:rsidR="00156FB3" w:rsidRDefault="00156FB3" w:rsidP="00156FB3">
            <w:r>
              <w:t xml:space="preserve">                } else {</w:t>
            </w:r>
          </w:p>
          <w:p w:rsidR="00156FB3" w:rsidRDefault="00156FB3" w:rsidP="00156FB3">
            <w:r>
              <w:t xml:space="preserve">                  aA = currentT;</w:t>
            </w:r>
          </w:p>
          <w:p w:rsidR="00156FB3" w:rsidRDefault="00156FB3" w:rsidP="00156FB3">
            <w:r>
              <w:t xml:space="preserve">                }</w:t>
            </w:r>
          </w:p>
          <w:p w:rsidR="00156FB3" w:rsidRDefault="00156FB3" w:rsidP="00156FB3">
            <w:r>
              <w:t xml:space="preserve">            } while (Math.abs(currentX) &gt; SUBDIVISION_PRECISION &amp;&amp; ++i &lt; SUBDIVISION_MAX_ITERATIONS);</w:t>
            </w:r>
          </w:p>
          <w:p w:rsidR="00156FB3" w:rsidRDefault="00156FB3" w:rsidP="00156FB3"/>
          <w:p w:rsidR="00156FB3" w:rsidRDefault="00156FB3" w:rsidP="00156FB3">
            <w:r>
              <w:t xml:space="preserve">            return currentT;</w:t>
            </w:r>
          </w:p>
          <w:p w:rsidR="00156FB3" w:rsidRDefault="00156FB3" w:rsidP="00156FB3">
            <w:r>
              <w:t xml:space="preserve">        }</w:t>
            </w:r>
          </w:p>
          <w:p w:rsidR="00156FB3" w:rsidRDefault="00156FB3" w:rsidP="00156FB3"/>
          <w:p w:rsidR="00156FB3" w:rsidRDefault="00156FB3" w:rsidP="00156FB3">
            <w:r>
              <w:t xml:space="preserve">        function getTForX (aX) {</w:t>
            </w:r>
          </w:p>
          <w:p w:rsidR="00156FB3" w:rsidRDefault="00156FB3" w:rsidP="00156FB3">
            <w:r>
              <w:lastRenderedPageBreak/>
              <w:t xml:space="preserve">            var intervalStart = 0.0,</w:t>
            </w:r>
          </w:p>
          <w:p w:rsidR="00156FB3" w:rsidRDefault="00156FB3" w:rsidP="00156FB3">
            <w:r>
              <w:t xml:space="preserve">                currentSample = 1,</w:t>
            </w:r>
          </w:p>
          <w:p w:rsidR="00156FB3" w:rsidRDefault="00156FB3" w:rsidP="00156FB3">
            <w:r>
              <w:t xml:space="preserve">                lastSample = kSplineTableSize - 1;</w:t>
            </w:r>
          </w:p>
          <w:p w:rsidR="00156FB3" w:rsidRDefault="00156FB3" w:rsidP="00156FB3"/>
          <w:p w:rsidR="00156FB3" w:rsidRDefault="00156FB3" w:rsidP="00156FB3">
            <w:r>
              <w:t xml:space="preserve">            for (; currentSample != lastSample &amp;&amp; mSampleValues[currentSample] &lt;= aX; ++currentSample) {</w:t>
            </w:r>
          </w:p>
          <w:p w:rsidR="00156FB3" w:rsidRDefault="00156FB3" w:rsidP="00156FB3">
            <w:r>
              <w:t xml:space="preserve">                intervalStart += kSampleStepSize;</w:t>
            </w:r>
          </w:p>
          <w:p w:rsidR="00156FB3" w:rsidRDefault="00156FB3" w:rsidP="00156FB3">
            <w:r>
              <w:t xml:space="preserve">            }</w:t>
            </w:r>
          </w:p>
          <w:p w:rsidR="00156FB3" w:rsidRDefault="00156FB3" w:rsidP="00156FB3"/>
          <w:p w:rsidR="00156FB3" w:rsidRDefault="00156FB3" w:rsidP="00156FB3">
            <w:r>
              <w:t xml:space="preserve">            --currentSample;</w:t>
            </w:r>
          </w:p>
          <w:p w:rsidR="00156FB3" w:rsidRDefault="00156FB3" w:rsidP="00156FB3"/>
          <w:p w:rsidR="00156FB3" w:rsidRDefault="00156FB3" w:rsidP="00156FB3">
            <w:r>
              <w:t xml:space="preserve">            var dist = (aX - mSampleValues[currentSample]) / (mSampleValues[currentSample+1] - mSampleValues[currentSample]),</w:t>
            </w:r>
          </w:p>
          <w:p w:rsidR="00156FB3" w:rsidRDefault="00156FB3" w:rsidP="00156FB3">
            <w:r>
              <w:t xml:space="preserve">                guessForT = intervalStart + dist * kSampleStepSize,</w:t>
            </w:r>
          </w:p>
          <w:p w:rsidR="00156FB3" w:rsidRDefault="00156FB3" w:rsidP="00156FB3">
            <w:r>
              <w:t xml:space="preserve">                initialSlope = getSlope(guessForT, mX1, mX2);</w:t>
            </w:r>
          </w:p>
          <w:p w:rsidR="00156FB3" w:rsidRDefault="00156FB3" w:rsidP="00156FB3"/>
          <w:p w:rsidR="00156FB3" w:rsidRDefault="00156FB3" w:rsidP="00156FB3">
            <w:r>
              <w:t xml:space="preserve">            if (initialSlope &gt;= NEWTON_MIN_SLOPE) {</w:t>
            </w:r>
          </w:p>
          <w:p w:rsidR="00156FB3" w:rsidRDefault="00156FB3" w:rsidP="00156FB3">
            <w:r>
              <w:t xml:space="preserve">                return newtonRaphsonIterate(aX, guessForT);</w:t>
            </w:r>
          </w:p>
          <w:p w:rsidR="00156FB3" w:rsidRDefault="00156FB3" w:rsidP="00156FB3">
            <w:r>
              <w:t xml:space="preserve">            } else if (initialSlope == 0.0) {</w:t>
            </w:r>
          </w:p>
          <w:p w:rsidR="00156FB3" w:rsidRDefault="00156FB3" w:rsidP="00156FB3">
            <w:r>
              <w:t xml:space="preserve">                return guessForT;</w:t>
            </w:r>
          </w:p>
          <w:p w:rsidR="00156FB3" w:rsidRDefault="00156FB3" w:rsidP="00156FB3">
            <w:r>
              <w:t xml:space="preserve">            } else {</w:t>
            </w:r>
          </w:p>
          <w:p w:rsidR="00156FB3" w:rsidRDefault="00156FB3" w:rsidP="00156FB3">
            <w:r>
              <w:t xml:space="preserve">                return binarySubdivide(aX, intervalStart, intervalStart + kSampleStepSiz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_precomputed = false;</w:t>
            </w:r>
          </w:p>
          <w:p w:rsidR="00156FB3" w:rsidRDefault="00156FB3" w:rsidP="00156FB3"/>
          <w:p w:rsidR="00156FB3" w:rsidRDefault="00156FB3" w:rsidP="00156FB3">
            <w:r>
              <w:t xml:space="preserve">        function precompute() {</w:t>
            </w:r>
          </w:p>
          <w:p w:rsidR="00156FB3" w:rsidRDefault="00156FB3" w:rsidP="00156FB3">
            <w:r>
              <w:t xml:space="preserve">            _precomputed = true;</w:t>
            </w:r>
          </w:p>
          <w:p w:rsidR="00156FB3" w:rsidRDefault="00156FB3" w:rsidP="00156FB3">
            <w:r>
              <w:t xml:space="preserve">            if (mX1 != mY1 || mX2 != mY2) calcSampleValues();</w:t>
            </w:r>
          </w:p>
          <w:p w:rsidR="00156FB3" w:rsidRDefault="00156FB3" w:rsidP="00156FB3">
            <w:r>
              <w:t xml:space="preserve">        }</w:t>
            </w:r>
          </w:p>
          <w:p w:rsidR="00156FB3" w:rsidRDefault="00156FB3" w:rsidP="00156FB3"/>
          <w:p w:rsidR="00156FB3" w:rsidRDefault="00156FB3" w:rsidP="00156FB3">
            <w:r>
              <w:t xml:space="preserve">        var f = function (aX) {</w:t>
            </w:r>
          </w:p>
          <w:p w:rsidR="00156FB3" w:rsidRDefault="00156FB3" w:rsidP="00156FB3">
            <w:r>
              <w:t xml:space="preserve">            if (!_precomputed) precompute();</w:t>
            </w:r>
          </w:p>
          <w:p w:rsidR="00156FB3" w:rsidRDefault="00156FB3" w:rsidP="00156FB3">
            <w:r>
              <w:t xml:space="preserve">            if (mX1 === mY1 &amp;&amp; mX2 === mY2) return aX;</w:t>
            </w:r>
          </w:p>
          <w:p w:rsidR="00156FB3" w:rsidRDefault="00156FB3" w:rsidP="00156FB3">
            <w:r>
              <w:t xml:space="preserve">            if (aX === 0) return 0;</w:t>
            </w:r>
          </w:p>
          <w:p w:rsidR="00156FB3" w:rsidRDefault="00156FB3" w:rsidP="00156FB3">
            <w:r>
              <w:t xml:space="preserve">            if (aX === 1) return 1;</w:t>
            </w:r>
          </w:p>
          <w:p w:rsidR="00156FB3" w:rsidRDefault="00156FB3" w:rsidP="00156FB3"/>
          <w:p w:rsidR="00156FB3" w:rsidRDefault="00156FB3" w:rsidP="00156FB3">
            <w:r>
              <w:t xml:space="preserve">            return calcBezier(getTForX(aX), mY1, mY2);</w:t>
            </w:r>
          </w:p>
          <w:p w:rsidR="00156FB3" w:rsidRDefault="00156FB3" w:rsidP="00156FB3">
            <w:r>
              <w:t xml:space="preserve">        };</w:t>
            </w:r>
          </w:p>
          <w:p w:rsidR="00156FB3" w:rsidRDefault="00156FB3" w:rsidP="00156FB3"/>
          <w:p w:rsidR="00156FB3" w:rsidRDefault="00156FB3" w:rsidP="00156FB3">
            <w:r>
              <w:t xml:space="preserve">        f.getControlPoints = function() { return [{ x: mX1, y: mY1 }, { x: mX2, y: mY2 }]; };</w:t>
            </w:r>
          </w:p>
          <w:p w:rsidR="00156FB3" w:rsidRDefault="00156FB3" w:rsidP="00156FB3"/>
          <w:p w:rsidR="00156FB3" w:rsidRDefault="00156FB3" w:rsidP="00156FB3">
            <w:r>
              <w:t xml:space="preserve">        var str = "generateBezier(" + [mX1, mY1, mX2, mY2] + ")";</w:t>
            </w:r>
          </w:p>
          <w:p w:rsidR="00156FB3" w:rsidRDefault="00156FB3" w:rsidP="00156FB3">
            <w:r>
              <w:t xml:space="preserve">        f.toString = function () { return str; };</w:t>
            </w:r>
          </w:p>
          <w:p w:rsidR="00156FB3" w:rsidRDefault="00156FB3" w:rsidP="00156FB3"/>
          <w:p w:rsidR="00156FB3" w:rsidRDefault="00156FB3" w:rsidP="00156FB3">
            <w:r>
              <w:t xml:space="preserve">        return f;</w:t>
            </w:r>
          </w:p>
          <w:p w:rsidR="00156FB3" w:rsidRDefault="00156FB3" w:rsidP="00156FB3">
            <w:r>
              <w:t xml:space="preserve">    }</w:t>
            </w:r>
          </w:p>
          <w:p w:rsidR="00156FB3" w:rsidRDefault="00156FB3" w:rsidP="00156FB3"/>
          <w:p w:rsidR="00156FB3" w:rsidRDefault="00156FB3" w:rsidP="00156FB3">
            <w:r>
              <w:lastRenderedPageBreak/>
              <w:t xml:space="preserve">    /* Runge-Kutta spring physics function generator. Adapted from Framer.js, copyright Koen Bok. MIT License: http://en.wikipedia.org/wiki/MIT_License */</w:t>
            </w:r>
          </w:p>
          <w:p w:rsidR="00156FB3" w:rsidRDefault="00156FB3" w:rsidP="00156FB3">
            <w:r>
              <w:t xml:space="preserve">    /* Given a tension, friction, and duration, a simulation at 60FPS will first run without a defined duration in order to calculate the full path. A second pass</w:t>
            </w:r>
          </w:p>
          <w:p w:rsidR="00156FB3" w:rsidRDefault="00156FB3" w:rsidP="00156FB3">
            <w:r>
              <w:t xml:space="preserve">       then adjusts the time delta -- using the relation between actual time and duration -- to calculate the path for the duration-constrained animation. */</w:t>
            </w:r>
          </w:p>
          <w:p w:rsidR="00156FB3" w:rsidRDefault="00156FB3" w:rsidP="00156FB3">
            <w:r>
              <w:t xml:space="preserve">    var generateSpringRK4 = (function () {</w:t>
            </w:r>
          </w:p>
          <w:p w:rsidR="00156FB3" w:rsidRDefault="00156FB3" w:rsidP="00156FB3">
            <w:r>
              <w:t xml:space="preserve">        function springAccelerationForState (state) {</w:t>
            </w:r>
          </w:p>
          <w:p w:rsidR="00156FB3" w:rsidRDefault="00156FB3" w:rsidP="00156FB3">
            <w:r>
              <w:t xml:space="preserve">            return (-state.tension * state.x) - (state.friction * state.v);</w:t>
            </w:r>
          </w:p>
          <w:p w:rsidR="00156FB3" w:rsidRDefault="00156FB3" w:rsidP="00156FB3">
            <w:r>
              <w:t xml:space="preserve">        }</w:t>
            </w:r>
          </w:p>
          <w:p w:rsidR="00156FB3" w:rsidRDefault="00156FB3" w:rsidP="00156FB3"/>
          <w:p w:rsidR="00156FB3" w:rsidRDefault="00156FB3" w:rsidP="00156FB3">
            <w:r>
              <w:t xml:space="preserve">        function springEvaluateStateWithDerivative (initialState, dt, derivative) {</w:t>
            </w:r>
          </w:p>
          <w:p w:rsidR="00156FB3" w:rsidRDefault="00156FB3" w:rsidP="00156FB3">
            <w:r>
              <w:t xml:space="preserve">            var state = {</w:t>
            </w:r>
          </w:p>
          <w:p w:rsidR="00156FB3" w:rsidRDefault="00156FB3" w:rsidP="00156FB3">
            <w:r>
              <w:t xml:space="preserve">                x: initialState.x + derivative.dx * dt,</w:t>
            </w:r>
          </w:p>
          <w:p w:rsidR="00156FB3" w:rsidRDefault="00156FB3" w:rsidP="00156FB3">
            <w:r>
              <w:t xml:space="preserve">                v: initialState.v + derivative.dv * dt,</w:t>
            </w:r>
          </w:p>
          <w:p w:rsidR="00156FB3" w:rsidRDefault="00156FB3" w:rsidP="00156FB3">
            <w:r>
              <w:t xml:space="preserve">                tension: initialState.tension,</w:t>
            </w:r>
          </w:p>
          <w:p w:rsidR="00156FB3" w:rsidRDefault="00156FB3" w:rsidP="00156FB3">
            <w:r>
              <w:t xml:space="preserve">                friction: initialState.friction</w:t>
            </w:r>
          </w:p>
          <w:p w:rsidR="00156FB3" w:rsidRDefault="00156FB3" w:rsidP="00156FB3">
            <w:r>
              <w:t xml:space="preserve">            };</w:t>
            </w:r>
          </w:p>
          <w:p w:rsidR="00156FB3" w:rsidRDefault="00156FB3" w:rsidP="00156FB3"/>
          <w:p w:rsidR="00156FB3" w:rsidRDefault="00156FB3" w:rsidP="00156FB3">
            <w:r>
              <w:t xml:space="preserve">            return { dx: state.v, dv: springAccelerationForState(state) };</w:t>
            </w:r>
          </w:p>
          <w:p w:rsidR="00156FB3" w:rsidRDefault="00156FB3" w:rsidP="00156FB3">
            <w:r>
              <w:t xml:space="preserve">        }</w:t>
            </w:r>
          </w:p>
          <w:p w:rsidR="00156FB3" w:rsidRDefault="00156FB3" w:rsidP="00156FB3"/>
          <w:p w:rsidR="00156FB3" w:rsidRDefault="00156FB3" w:rsidP="00156FB3">
            <w:r>
              <w:t xml:space="preserve">        function springIntegrateState (state, dt) {</w:t>
            </w:r>
          </w:p>
          <w:p w:rsidR="00156FB3" w:rsidRDefault="00156FB3" w:rsidP="00156FB3">
            <w:r>
              <w:t xml:space="preserve">            var a = {</w:t>
            </w:r>
          </w:p>
          <w:p w:rsidR="00156FB3" w:rsidRDefault="00156FB3" w:rsidP="00156FB3">
            <w:r>
              <w:t xml:space="preserve">                    dx: state.v,</w:t>
            </w:r>
          </w:p>
          <w:p w:rsidR="00156FB3" w:rsidRDefault="00156FB3" w:rsidP="00156FB3">
            <w:r>
              <w:t xml:space="preserve">                    dv: springAccelerationForState(state)</w:t>
            </w:r>
          </w:p>
          <w:p w:rsidR="00156FB3" w:rsidRDefault="00156FB3" w:rsidP="00156FB3">
            <w:r>
              <w:t xml:space="preserve">                },</w:t>
            </w:r>
          </w:p>
          <w:p w:rsidR="00156FB3" w:rsidRDefault="00156FB3" w:rsidP="00156FB3">
            <w:r>
              <w:t xml:space="preserve">                b = springEvaluateStateWithDerivative(state, dt * 0.5, a),</w:t>
            </w:r>
          </w:p>
          <w:p w:rsidR="00156FB3" w:rsidRDefault="00156FB3" w:rsidP="00156FB3">
            <w:r>
              <w:t xml:space="preserve">                c = springEvaluateStateWithDerivative(state, dt * 0.5, b),</w:t>
            </w:r>
          </w:p>
          <w:p w:rsidR="00156FB3" w:rsidRDefault="00156FB3" w:rsidP="00156FB3">
            <w:r>
              <w:t xml:space="preserve">                d = springEvaluateStateWithDerivative(state, dt, c),</w:t>
            </w:r>
          </w:p>
          <w:p w:rsidR="00156FB3" w:rsidRDefault="00156FB3" w:rsidP="00156FB3">
            <w:r>
              <w:t xml:space="preserve">                dxdt = 1.0 / 6.0 * (a.dx + 2.0 * (b.dx + c.dx) + d.dx),</w:t>
            </w:r>
          </w:p>
          <w:p w:rsidR="00156FB3" w:rsidRDefault="00156FB3" w:rsidP="00156FB3">
            <w:r>
              <w:t xml:space="preserve">                dvdt = 1.0 / 6.0 * (a.dv + 2.0 * (b.dv + c.dv) + d.dv);</w:t>
            </w:r>
          </w:p>
          <w:p w:rsidR="00156FB3" w:rsidRDefault="00156FB3" w:rsidP="00156FB3"/>
          <w:p w:rsidR="00156FB3" w:rsidRDefault="00156FB3" w:rsidP="00156FB3">
            <w:r>
              <w:t xml:space="preserve">            state.x = state.x + dxdt * dt;</w:t>
            </w:r>
          </w:p>
          <w:p w:rsidR="00156FB3" w:rsidRDefault="00156FB3" w:rsidP="00156FB3">
            <w:r>
              <w:t xml:space="preserve">            state.v = state.v + dvdt * dt;</w:t>
            </w:r>
          </w:p>
          <w:p w:rsidR="00156FB3" w:rsidRDefault="00156FB3" w:rsidP="00156FB3"/>
          <w:p w:rsidR="00156FB3" w:rsidRDefault="00156FB3" w:rsidP="00156FB3">
            <w:r>
              <w:t xml:space="preserve">            return state;</w:t>
            </w:r>
          </w:p>
          <w:p w:rsidR="00156FB3" w:rsidRDefault="00156FB3" w:rsidP="00156FB3">
            <w:r>
              <w:t xml:space="preserve">        }</w:t>
            </w:r>
          </w:p>
          <w:p w:rsidR="00156FB3" w:rsidRDefault="00156FB3" w:rsidP="00156FB3"/>
          <w:p w:rsidR="00156FB3" w:rsidRDefault="00156FB3" w:rsidP="00156FB3">
            <w:r>
              <w:t xml:space="preserve">        return function springRK4Factory (tension, friction, duration) {</w:t>
            </w:r>
          </w:p>
          <w:p w:rsidR="00156FB3" w:rsidRDefault="00156FB3" w:rsidP="00156FB3"/>
          <w:p w:rsidR="00156FB3" w:rsidRDefault="00156FB3" w:rsidP="00156FB3">
            <w:r>
              <w:t xml:space="preserve">            var initState = {</w:t>
            </w:r>
          </w:p>
          <w:p w:rsidR="00156FB3" w:rsidRDefault="00156FB3" w:rsidP="00156FB3">
            <w:r>
              <w:t xml:space="preserve">                    x: -1,</w:t>
            </w:r>
          </w:p>
          <w:p w:rsidR="00156FB3" w:rsidRDefault="00156FB3" w:rsidP="00156FB3">
            <w:r>
              <w:t xml:space="preserve">                    v: 0,</w:t>
            </w:r>
          </w:p>
          <w:p w:rsidR="00156FB3" w:rsidRDefault="00156FB3" w:rsidP="00156FB3">
            <w:r>
              <w:t xml:space="preserve">                    tension: null,</w:t>
            </w:r>
          </w:p>
          <w:p w:rsidR="00156FB3" w:rsidRDefault="00156FB3" w:rsidP="00156FB3">
            <w:r>
              <w:t xml:space="preserve">                    friction: null</w:t>
            </w:r>
          </w:p>
          <w:p w:rsidR="00156FB3" w:rsidRDefault="00156FB3" w:rsidP="00156FB3">
            <w:r>
              <w:t xml:space="preserve">                },</w:t>
            </w:r>
          </w:p>
          <w:p w:rsidR="00156FB3" w:rsidRDefault="00156FB3" w:rsidP="00156FB3">
            <w:r>
              <w:t xml:space="preserve">                path = [0],</w:t>
            </w:r>
          </w:p>
          <w:p w:rsidR="00156FB3" w:rsidRDefault="00156FB3" w:rsidP="00156FB3">
            <w:r>
              <w:lastRenderedPageBreak/>
              <w:t xml:space="preserve">                time_lapsed = 0,</w:t>
            </w:r>
          </w:p>
          <w:p w:rsidR="00156FB3" w:rsidRDefault="00156FB3" w:rsidP="00156FB3">
            <w:r>
              <w:t xml:space="preserve">                tolerance = 1 / 10000,</w:t>
            </w:r>
          </w:p>
          <w:p w:rsidR="00156FB3" w:rsidRDefault="00156FB3" w:rsidP="00156FB3">
            <w:r>
              <w:t xml:space="preserve">                DT = 16 / 1000,</w:t>
            </w:r>
          </w:p>
          <w:p w:rsidR="00156FB3" w:rsidRDefault="00156FB3" w:rsidP="00156FB3">
            <w:r>
              <w:t xml:space="preserve">                have_duration, dt, last_state;</w:t>
            </w:r>
          </w:p>
          <w:p w:rsidR="00156FB3" w:rsidRDefault="00156FB3" w:rsidP="00156FB3"/>
          <w:p w:rsidR="00156FB3" w:rsidRDefault="00156FB3" w:rsidP="00156FB3">
            <w:r>
              <w:t xml:space="preserve">            tension = parseFloat(tension) || 500;</w:t>
            </w:r>
          </w:p>
          <w:p w:rsidR="00156FB3" w:rsidRDefault="00156FB3" w:rsidP="00156FB3">
            <w:r>
              <w:t xml:space="preserve">            friction = parseFloat(friction) || 20;</w:t>
            </w:r>
          </w:p>
          <w:p w:rsidR="00156FB3" w:rsidRDefault="00156FB3" w:rsidP="00156FB3">
            <w:r>
              <w:t xml:space="preserve">            duration = duration || null;</w:t>
            </w:r>
          </w:p>
          <w:p w:rsidR="00156FB3" w:rsidRDefault="00156FB3" w:rsidP="00156FB3"/>
          <w:p w:rsidR="00156FB3" w:rsidRDefault="00156FB3" w:rsidP="00156FB3">
            <w:r>
              <w:t xml:space="preserve">            initState.tension = tension;</w:t>
            </w:r>
          </w:p>
          <w:p w:rsidR="00156FB3" w:rsidRDefault="00156FB3" w:rsidP="00156FB3">
            <w:r>
              <w:t xml:space="preserve">            initState.friction = friction;</w:t>
            </w:r>
          </w:p>
          <w:p w:rsidR="00156FB3" w:rsidRDefault="00156FB3" w:rsidP="00156FB3"/>
          <w:p w:rsidR="00156FB3" w:rsidRDefault="00156FB3" w:rsidP="00156FB3">
            <w:r>
              <w:t xml:space="preserve">            have_duration = duration !== null;</w:t>
            </w:r>
          </w:p>
          <w:p w:rsidR="00156FB3" w:rsidRDefault="00156FB3" w:rsidP="00156FB3"/>
          <w:p w:rsidR="00156FB3" w:rsidRDefault="00156FB3" w:rsidP="00156FB3">
            <w:r>
              <w:t xml:space="preserve">            /* Calculate the actual time it takes for this animation to complete with the provided conditions. */</w:t>
            </w:r>
          </w:p>
          <w:p w:rsidR="00156FB3" w:rsidRDefault="00156FB3" w:rsidP="00156FB3">
            <w:r>
              <w:t xml:space="preserve">            if (have_duration) {</w:t>
            </w:r>
          </w:p>
          <w:p w:rsidR="00156FB3" w:rsidRDefault="00156FB3" w:rsidP="00156FB3">
            <w:r>
              <w:t xml:space="preserve">                /* Run the simulation without a duration. */</w:t>
            </w:r>
          </w:p>
          <w:p w:rsidR="00156FB3" w:rsidRDefault="00156FB3" w:rsidP="00156FB3">
            <w:r>
              <w:t xml:space="preserve">                time_lapsed = springRK4Factory(tension, friction);</w:t>
            </w:r>
          </w:p>
          <w:p w:rsidR="00156FB3" w:rsidRDefault="00156FB3" w:rsidP="00156FB3">
            <w:r>
              <w:t xml:space="preserve">                /* Compute the adjusted time delta. */</w:t>
            </w:r>
          </w:p>
          <w:p w:rsidR="00156FB3" w:rsidRDefault="00156FB3" w:rsidP="00156FB3">
            <w:r>
              <w:t xml:space="preserve">                dt = time_lapsed / duration * DT;</w:t>
            </w:r>
          </w:p>
          <w:p w:rsidR="00156FB3" w:rsidRDefault="00156FB3" w:rsidP="00156FB3">
            <w:r>
              <w:t xml:space="preserve">            } else {</w:t>
            </w:r>
          </w:p>
          <w:p w:rsidR="00156FB3" w:rsidRDefault="00156FB3" w:rsidP="00156FB3">
            <w:r>
              <w:t xml:space="preserve">                dt = DT;</w:t>
            </w:r>
          </w:p>
          <w:p w:rsidR="00156FB3" w:rsidRDefault="00156FB3" w:rsidP="00156FB3">
            <w:r>
              <w:t xml:space="preserve">            }</w:t>
            </w:r>
          </w:p>
          <w:p w:rsidR="00156FB3" w:rsidRDefault="00156FB3" w:rsidP="00156FB3"/>
          <w:p w:rsidR="00156FB3" w:rsidRDefault="00156FB3" w:rsidP="00156FB3">
            <w:r>
              <w:t xml:space="preserve">            while (true) {</w:t>
            </w:r>
          </w:p>
          <w:p w:rsidR="00156FB3" w:rsidRDefault="00156FB3" w:rsidP="00156FB3">
            <w:r>
              <w:t xml:space="preserve">                /* Next/step function .*/</w:t>
            </w:r>
          </w:p>
          <w:p w:rsidR="00156FB3" w:rsidRDefault="00156FB3" w:rsidP="00156FB3">
            <w:r>
              <w:t xml:space="preserve">                last_state = springIntegrateState(last_state || initState, dt);</w:t>
            </w:r>
          </w:p>
          <w:p w:rsidR="00156FB3" w:rsidRDefault="00156FB3" w:rsidP="00156FB3">
            <w:r>
              <w:t xml:space="preserve">                /* Store the position. */</w:t>
            </w:r>
          </w:p>
          <w:p w:rsidR="00156FB3" w:rsidRDefault="00156FB3" w:rsidP="00156FB3">
            <w:r>
              <w:t xml:space="preserve">                path.push(1 + last_state.x);</w:t>
            </w:r>
          </w:p>
          <w:p w:rsidR="00156FB3" w:rsidRDefault="00156FB3" w:rsidP="00156FB3">
            <w:r>
              <w:t xml:space="preserve">                time_lapsed += 16;</w:t>
            </w:r>
          </w:p>
          <w:p w:rsidR="00156FB3" w:rsidRDefault="00156FB3" w:rsidP="00156FB3">
            <w:r>
              <w:t xml:space="preserve">                /* If the change threshold is reached, break. */</w:t>
            </w:r>
          </w:p>
          <w:p w:rsidR="00156FB3" w:rsidRDefault="00156FB3" w:rsidP="00156FB3">
            <w:r>
              <w:t xml:space="preserve">                if (!(Math.abs(last_state.x) &gt; tolerance &amp;&amp; Math.abs(last_state.v) &gt; tolerance)) {</w:t>
            </w:r>
          </w:p>
          <w:p w:rsidR="00156FB3" w:rsidRDefault="00156FB3" w:rsidP="00156FB3">
            <w:r>
              <w:t xml:space="preserve">                    break;</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If duration is not defined, return the actual time required for completing this animation. Otherwise, return a closure that holds the</w:t>
            </w:r>
          </w:p>
          <w:p w:rsidR="00156FB3" w:rsidRDefault="00156FB3" w:rsidP="00156FB3">
            <w:r>
              <w:t xml:space="preserve">               computed path and returns a snapshot of the position according to a given percentComplete. */</w:t>
            </w:r>
          </w:p>
          <w:p w:rsidR="00156FB3" w:rsidRDefault="00156FB3" w:rsidP="00156FB3">
            <w:r>
              <w:t xml:space="preserve">            return !have_duration ? time_lapsed : function(percentComplete) { return path[ (percentComplete * (path.length - 1)) | 0 ];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jQuery easings. */</w:t>
            </w:r>
          </w:p>
          <w:p w:rsidR="00156FB3" w:rsidRDefault="00156FB3" w:rsidP="00156FB3">
            <w:r>
              <w:t xml:space="preserve">    Velocity.Easings = {</w:t>
            </w:r>
          </w:p>
          <w:p w:rsidR="00156FB3" w:rsidRDefault="00156FB3" w:rsidP="00156FB3">
            <w:r>
              <w:t xml:space="preserve">        linear: function(p) { return p; },</w:t>
            </w:r>
          </w:p>
          <w:p w:rsidR="00156FB3" w:rsidRDefault="00156FB3" w:rsidP="00156FB3">
            <w:r>
              <w:lastRenderedPageBreak/>
              <w:t xml:space="preserve">        swing: function(p) { return 0.5 - Math.cos( p * Math.PI ) / 2 },</w:t>
            </w:r>
          </w:p>
          <w:p w:rsidR="00156FB3" w:rsidRDefault="00156FB3" w:rsidP="00156FB3">
            <w:r>
              <w:t xml:space="preserve">        /* Bonus "spring" easing, which is a less exaggerated version of easeInOutElastic. */</w:t>
            </w:r>
          </w:p>
          <w:p w:rsidR="00156FB3" w:rsidRDefault="00156FB3" w:rsidP="00156FB3">
            <w:r>
              <w:t xml:space="preserve">        spring: function(p) { return 1 - (Math.cos(p * 4.5 * Math.PI) * Math.exp(-p * 6)); }</w:t>
            </w:r>
          </w:p>
          <w:p w:rsidR="00156FB3" w:rsidRDefault="00156FB3" w:rsidP="00156FB3">
            <w:r>
              <w:t xml:space="preserve">    };</w:t>
            </w:r>
          </w:p>
          <w:p w:rsidR="00156FB3" w:rsidRDefault="00156FB3" w:rsidP="00156FB3"/>
          <w:p w:rsidR="00156FB3" w:rsidRDefault="00156FB3" w:rsidP="00156FB3">
            <w:r>
              <w:t xml:space="preserve">    /* CSS3 and Robert Penner easings. */</w:t>
            </w:r>
          </w:p>
          <w:p w:rsidR="00156FB3" w:rsidRDefault="00156FB3" w:rsidP="00156FB3">
            <w:r>
              <w:t xml:space="preserve">    $.each(</w:t>
            </w:r>
          </w:p>
          <w:p w:rsidR="00156FB3" w:rsidRDefault="00156FB3" w:rsidP="00156FB3">
            <w:r>
              <w:t xml:space="preserve">        [</w:t>
            </w:r>
          </w:p>
          <w:p w:rsidR="00156FB3" w:rsidRDefault="00156FB3" w:rsidP="00156FB3">
            <w:r>
              <w:t xml:space="preserve">            [ "ease", [ 0.25, 0.1, 0.25, 1.0 ] ],</w:t>
            </w:r>
          </w:p>
          <w:p w:rsidR="00156FB3" w:rsidRDefault="00156FB3" w:rsidP="00156FB3">
            <w:r>
              <w:t xml:space="preserve">            [ "ease-in", [ 0.42, 0.0, 1.00, 1.0 ] ],</w:t>
            </w:r>
          </w:p>
          <w:p w:rsidR="00156FB3" w:rsidRDefault="00156FB3" w:rsidP="00156FB3">
            <w:r>
              <w:t xml:space="preserve">            [ "ease-out", [ 0.00, 0.0, 0.58, 1.0 ] ],</w:t>
            </w:r>
          </w:p>
          <w:p w:rsidR="00156FB3" w:rsidRDefault="00156FB3" w:rsidP="00156FB3">
            <w:r>
              <w:t xml:space="preserve">            [ "ease-in-out", [ 0.42, 0.0, 0.58, 1.0 ] ],</w:t>
            </w:r>
          </w:p>
          <w:p w:rsidR="00156FB3" w:rsidRDefault="00156FB3" w:rsidP="00156FB3">
            <w:r>
              <w:t xml:space="preserve">            [ "easeInSine", [ 0.47, 0, 0.745, 0.715 ] ],</w:t>
            </w:r>
          </w:p>
          <w:p w:rsidR="00156FB3" w:rsidRDefault="00156FB3" w:rsidP="00156FB3">
            <w:r>
              <w:t xml:space="preserve">            [ "easeOutSine", [ 0.39, 0.575, 0.565, 1 ] ],</w:t>
            </w:r>
          </w:p>
          <w:p w:rsidR="00156FB3" w:rsidRDefault="00156FB3" w:rsidP="00156FB3">
            <w:r>
              <w:t xml:space="preserve">            [ "easeInOutSine", [ 0.445, 0.05, 0.55, 0.95 ] ],</w:t>
            </w:r>
          </w:p>
          <w:p w:rsidR="00156FB3" w:rsidRDefault="00156FB3" w:rsidP="00156FB3">
            <w:r>
              <w:t xml:space="preserve">            [ "easeInQuad", [ 0.55, 0.085, 0.68, 0.53 ] ],</w:t>
            </w:r>
          </w:p>
          <w:p w:rsidR="00156FB3" w:rsidRDefault="00156FB3" w:rsidP="00156FB3">
            <w:r>
              <w:t xml:space="preserve">            [ "easeOutQuad", [ 0.25, 0.46, 0.45, 0.94 ] ],</w:t>
            </w:r>
          </w:p>
          <w:p w:rsidR="00156FB3" w:rsidRDefault="00156FB3" w:rsidP="00156FB3">
            <w:r>
              <w:t xml:space="preserve">            [ "easeInOutQuad", [ 0.455, 0.03, 0.515, 0.955 ] ],</w:t>
            </w:r>
          </w:p>
          <w:p w:rsidR="00156FB3" w:rsidRDefault="00156FB3" w:rsidP="00156FB3">
            <w:r>
              <w:t xml:space="preserve">            [ "easeInCubic", [ 0.55, 0.055, 0.675, 0.19 ] ],</w:t>
            </w:r>
          </w:p>
          <w:p w:rsidR="00156FB3" w:rsidRDefault="00156FB3" w:rsidP="00156FB3">
            <w:r>
              <w:t xml:space="preserve">            [ "easeOutCubic", [ 0.215, 0.61, 0.355, 1 ] ],</w:t>
            </w:r>
          </w:p>
          <w:p w:rsidR="00156FB3" w:rsidRDefault="00156FB3" w:rsidP="00156FB3">
            <w:r>
              <w:t xml:space="preserve">            [ "easeInOutCubic", [ 0.645, 0.045, 0.355, 1 ] ],</w:t>
            </w:r>
          </w:p>
          <w:p w:rsidR="00156FB3" w:rsidRDefault="00156FB3" w:rsidP="00156FB3">
            <w:r>
              <w:t xml:space="preserve">            [ "easeInQuart", [ 0.895, 0.03, 0.685, 0.22 ] ],</w:t>
            </w:r>
          </w:p>
          <w:p w:rsidR="00156FB3" w:rsidRDefault="00156FB3" w:rsidP="00156FB3">
            <w:r>
              <w:t xml:space="preserve">            [ "easeOutQuart", [ 0.165, 0.84, 0.44, 1 ] ],</w:t>
            </w:r>
          </w:p>
          <w:p w:rsidR="00156FB3" w:rsidRDefault="00156FB3" w:rsidP="00156FB3">
            <w:r>
              <w:t xml:space="preserve">            [ "easeInOutQuart", [ 0.77, 0, 0.175, 1 ] ],</w:t>
            </w:r>
          </w:p>
          <w:p w:rsidR="00156FB3" w:rsidRDefault="00156FB3" w:rsidP="00156FB3">
            <w:r>
              <w:t xml:space="preserve">            [ "easeInQuint", [ 0.755, 0.05, 0.855, 0.06 ] ],</w:t>
            </w:r>
          </w:p>
          <w:p w:rsidR="00156FB3" w:rsidRDefault="00156FB3" w:rsidP="00156FB3">
            <w:r>
              <w:t xml:space="preserve">            [ "easeOutQuint", [ 0.23, 1, 0.32, 1 ] ],</w:t>
            </w:r>
          </w:p>
          <w:p w:rsidR="00156FB3" w:rsidRDefault="00156FB3" w:rsidP="00156FB3">
            <w:r>
              <w:t xml:space="preserve">            [ "easeInOutQuint", [ 0.86, 0, 0.07, 1 ] ],</w:t>
            </w:r>
          </w:p>
          <w:p w:rsidR="00156FB3" w:rsidRDefault="00156FB3" w:rsidP="00156FB3">
            <w:r>
              <w:t xml:space="preserve">            [ "easeInExpo", [ 0.95, 0.05, 0.795, 0.035 ] ],</w:t>
            </w:r>
          </w:p>
          <w:p w:rsidR="00156FB3" w:rsidRDefault="00156FB3" w:rsidP="00156FB3">
            <w:r>
              <w:t xml:space="preserve">            [ "easeOutExpo", [ 0.19, 1, 0.22, 1 ] ],</w:t>
            </w:r>
          </w:p>
          <w:p w:rsidR="00156FB3" w:rsidRDefault="00156FB3" w:rsidP="00156FB3">
            <w:r>
              <w:t xml:space="preserve">            [ "easeInOutExpo", [ 1, 0, 0, 1 ] ],</w:t>
            </w:r>
          </w:p>
          <w:p w:rsidR="00156FB3" w:rsidRDefault="00156FB3" w:rsidP="00156FB3">
            <w:r>
              <w:t xml:space="preserve">            [ "easeInCirc", [ 0.6, 0.04, 0.98, 0.335 ] ],</w:t>
            </w:r>
          </w:p>
          <w:p w:rsidR="00156FB3" w:rsidRDefault="00156FB3" w:rsidP="00156FB3">
            <w:r>
              <w:t xml:space="preserve">            [ "easeOutCirc", [ 0.075, 0.82, 0.165, 1 ] ],</w:t>
            </w:r>
          </w:p>
          <w:p w:rsidR="00156FB3" w:rsidRDefault="00156FB3" w:rsidP="00156FB3">
            <w:r>
              <w:t xml:space="preserve">            [ "easeInOutCirc", [ 0.785, 0.135, 0.15, 0.86 ] ]</w:t>
            </w:r>
          </w:p>
          <w:p w:rsidR="00156FB3" w:rsidRDefault="00156FB3" w:rsidP="00156FB3">
            <w:r>
              <w:t xml:space="preserve">        ], function(i, easingArray) {</w:t>
            </w:r>
          </w:p>
          <w:p w:rsidR="00156FB3" w:rsidRDefault="00156FB3" w:rsidP="00156FB3">
            <w:r>
              <w:t xml:space="preserve">            Velocity.Easings[easingArray[0]] = generateBezier.apply(null, easingArray[1]);</w:t>
            </w:r>
          </w:p>
          <w:p w:rsidR="00156FB3" w:rsidRDefault="00156FB3" w:rsidP="00156FB3">
            <w:r>
              <w:t xml:space="preserve">        });</w:t>
            </w:r>
          </w:p>
          <w:p w:rsidR="00156FB3" w:rsidRDefault="00156FB3" w:rsidP="00156FB3"/>
          <w:p w:rsidR="00156FB3" w:rsidRDefault="00156FB3" w:rsidP="00156FB3">
            <w:r>
              <w:t xml:space="preserve">    /* Determine the appropriate easing type given an easing input. */</w:t>
            </w:r>
          </w:p>
          <w:p w:rsidR="00156FB3" w:rsidRDefault="00156FB3" w:rsidP="00156FB3">
            <w:r>
              <w:t xml:space="preserve">    function getEasing(value, duration) {</w:t>
            </w:r>
          </w:p>
          <w:p w:rsidR="00156FB3" w:rsidRDefault="00156FB3" w:rsidP="00156FB3">
            <w:r>
              <w:t xml:space="preserve">        var easing = value;</w:t>
            </w:r>
          </w:p>
          <w:p w:rsidR="00156FB3" w:rsidRDefault="00156FB3" w:rsidP="00156FB3"/>
          <w:p w:rsidR="00156FB3" w:rsidRDefault="00156FB3" w:rsidP="00156FB3">
            <w:r>
              <w:t xml:space="preserve">        /* The easing option can either be a string that references a pre-registered easing,</w:t>
            </w:r>
          </w:p>
          <w:p w:rsidR="00156FB3" w:rsidRDefault="00156FB3" w:rsidP="00156FB3">
            <w:r>
              <w:t xml:space="preserve">           or it can be a two-/four-item array of integers to be converted into a bezier/spring function. */</w:t>
            </w:r>
          </w:p>
          <w:p w:rsidR="00156FB3" w:rsidRDefault="00156FB3" w:rsidP="00156FB3">
            <w:r>
              <w:t xml:space="preserve">        if (Type.isString(value)) {</w:t>
            </w:r>
          </w:p>
          <w:p w:rsidR="00156FB3" w:rsidRDefault="00156FB3" w:rsidP="00156FB3">
            <w:r>
              <w:t xml:space="preserve">            /* Ensure that the easing has been assigned to jQuery's Velocity.Easings object. */</w:t>
            </w:r>
          </w:p>
          <w:p w:rsidR="00156FB3" w:rsidRDefault="00156FB3" w:rsidP="00156FB3">
            <w:r>
              <w:t xml:space="preserve">            if (!Velocity.Easings[value]) {</w:t>
            </w:r>
          </w:p>
          <w:p w:rsidR="00156FB3" w:rsidRDefault="00156FB3" w:rsidP="00156FB3">
            <w:r>
              <w:t xml:space="preserve">                easing = false;</w:t>
            </w:r>
          </w:p>
          <w:p w:rsidR="00156FB3" w:rsidRDefault="00156FB3" w:rsidP="00156FB3">
            <w:r>
              <w:t xml:space="preserve">            }</w:t>
            </w:r>
          </w:p>
          <w:p w:rsidR="00156FB3" w:rsidRDefault="00156FB3" w:rsidP="00156FB3">
            <w:r>
              <w:lastRenderedPageBreak/>
              <w:t xml:space="preserve">        } else if (Type.isArray(value) &amp;&amp; value.length === 1) {</w:t>
            </w:r>
          </w:p>
          <w:p w:rsidR="00156FB3" w:rsidRDefault="00156FB3" w:rsidP="00156FB3">
            <w:r>
              <w:t xml:space="preserve">            easing = generateStep.apply(null, value);</w:t>
            </w:r>
          </w:p>
          <w:p w:rsidR="00156FB3" w:rsidRDefault="00156FB3" w:rsidP="00156FB3">
            <w:r>
              <w:t xml:space="preserve">        } else if (Type.isArray(value) &amp;&amp; value.length === 2) {</w:t>
            </w:r>
          </w:p>
          <w:p w:rsidR="00156FB3" w:rsidRDefault="00156FB3" w:rsidP="00156FB3">
            <w:r>
              <w:t xml:space="preserve">            /* springRK4 must be passed the animation's duration. */</w:t>
            </w:r>
          </w:p>
          <w:p w:rsidR="00156FB3" w:rsidRDefault="00156FB3" w:rsidP="00156FB3">
            <w:r>
              <w:t xml:space="preserve">            /* Note: If the springRK4 array contains non-numbers, generateSpringRK4() returns an easing</w:t>
            </w:r>
          </w:p>
          <w:p w:rsidR="00156FB3" w:rsidRDefault="00156FB3" w:rsidP="00156FB3">
            <w:r>
              <w:t xml:space="preserve">               function generated with default tension and friction values. */</w:t>
            </w:r>
          </w:p>
          <w:p w:rsidR="00156FB3" w:rsidRDefault="00156FB3" w:rsidP="00156FB3">
            <w:r>
              <w:t xml:space="preserve">            easing = generateSpringRK4.apply(null, value.concat([ duration ]));</w:t>
            </w:r>
          </w:p>
          <w:p w:rsidR="00156FB3" w:rsidRDefault="00156FB3" w:rsidP="00156FB3">
            <w:r>
              <w:t xml:space="preserve">        } else if (Type.isArray(value) &amp;&amp; value.length === 4) {</w:t>
            </w:r>
          </w:p>
          <w:p w:rsidR="00156FB3" w:rsidRDefault="00156FB3" w:rsidP="00156FB3">
            <w:r>
              <w:t xml:space="preserve">            /* Note: If the bezier array contains non-numbers, generateBezier() returns false. */</w:t>
            </w:r>
          </w:p>
          <w:p w:rsidR="00156FB3" w:rsidRDefault="00156FB3" w:rsidP="00156FB3">
            <w:r>
              <w:t xml:space="preserve">            easing = generateBezier.apply(null, value);</w:t>
            </w:r>
          </w:p>
          <w:p w:rsidR="00156FB3" w:rsidRDefault="00156FB3" w:rsidP="00156FB3">
            <w:r>
              <w:t xml:space="preserve">        } else {</w:t>
            </w:r>
          </w:p>
          <w:p w:rsidR="00156FB3" w:rsidRDefault="00156FB3" w:rsidP="00156FB3">
            <w:r>
              <w:t xml:space="preserve">            easing = false;</w:t>
            </w:r>
          </w:p>
          <w:p w:rsidR="00156FB3" w:rsidRDefault="00156FB3" w:rsidP="00156FB3">
            <w:r>
              <w:t xml:space="preserve">        }</w:t>
            </w:r>
          </w:p>
          <w:p w:rsidR="00156FB3" w:rsidRDefault="00156FB3" w:rsidP="00156FB3"/>
          <w:p w:rsidR="00156FB3" w:rsidRDefault="00156FB3" w:rsidP="00156FB3">
            <w:r>
              <w:t xml:space="preserve">        /* Revert to the Velocity-wide default easing type, or fall back to "swing" (which is also jQuery's default)</w:t>
            </w:r>
          </w:p>
          <w:p w:rsidR="00156FB3" w:rsidRDefault="00156FB3" w:rsidP="00156FB3">
            <w:r>
              <w:t xml:space="preserve">           if the Velocity-wide default has been incorrectly modified. */</w:t>
            </w:r>
          </w:p>
          <w:p w:rsidR="00156FB3" w:rsidRDefault="00156FB3" w:rsidP="00156FB3">
            <w:r>
              <w:t xml:space="preserve">        if (easing === false) {</w:t>
            </w:r>
          </w:p>
          <w:p w:rsidR="00156FB3" w:rsidRDefault="00156FB3" w:rsidP="00156FB3">
            <w:r>
              <w:t xml:space="preserve">            if (Velocity.Easings[Velocity.defaults.easing]) {</w:t>
            </w:r>
          </w:p>
          <w:p w:rsidR="00156FB3" w:rsidRDefault="00156FB3" w:rsidP="00156FB3">
            <w:r>
              <w:t xml:space="preserve">                easing = Velocity.defaults.easing;</w:t>
            </w:r>
          </w:p>
          <w:p w:rsidR="00156FB3" w:rsidRDefault="00156FB3" w:rsidP="00156FB3">
            <w:r>
              <w:t xml:space="preserve">            } else {</w:t>
            </w:r>
          </w:p>
          <w:p w:rsidR="00156FB3" w:rsidRDefault="00156FB3" w:rsidP="00156FB3">
            <w:r>
              <w:t xml:space="preserve">                easing = EASING_DEFAUL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easin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CSS Stack</w:t>
            </w:r>
          </w:p>
          <w:p w:rsidR="00156FB3" w:rsidRDefault="00156FB3" w:rsidP="00156FB3">
            <w:r>
              <w:t xml:space="preserve">    *****************/</w:t>
            </w:r>
          </w:p>
          <w:p w:rsidR="00156FB3" w:rsidRDefault="00156FB3" w:rsidP="00156FB3"/>
          <w:p w:rsidR="00156FB3" w:rsidRDefault="00156FB3" w:rsidP="00156FB3">
            <w:r>
              <w:t xml:space="preserve">    /* The CSS object is a highly condensed and performant CSS stack that fully replaces jQuery's.</w:t>
            </w:r>
          </w:p>
          <w:p w:rsidR="00156FB3" w:rsidRDefault="00156FB3" w:rsidP="00156FB3">
            <w:r>
              <w:t xml:space="preserve">       It handles the validation, getting, and setting of both standard CSS properties and CSS property hooks. */</w:t>
            </w:r>
          </w:p>
          <w:p w:rsidR="00156FB3" w:rsidRDefault="00156FB3" w:rsidP="00156FB3">
            <w:r>
              <w:t xml:space="preserve">    /* Note: A "CSS" shorthand is aliased so that our code is easier to read. */</w:t>
            </w:r>
          </w:p>
          <w:p w:rsidR="00156FB3" w:rsidRDefault="00156FB3" w:rsidP="00156FB3">
            <w:r>
              <w:t xml:space="preserve">    var CSS = Velocity.CSS = {</w:t>
            </w:r>
          </w:p>
          <w:p w:rsidR="00156FB3" w:rsidRDefault="00156FB3" w:rsidP="00156FB3"/>
          <w:p w:rsidR="00156FB3" w:rsidRDefault="00156FB3" w:rsidP="00156FB3">
            <w:r>
              <w:t xml:space="preserve">        /*************</w:t>
            </w:r>
          </w:p>
          <w:p w:rsidR="00156FB3" w:rsidRDefault="00156FB3" w:rsidP="00156FB3">
            <w:r>
              <w:t xml:space="preserve">            RegEx</w:t>
            </w:r>
          </w:p>
          <w:p w:rsidR="00156FB3" w:rsidRDefault="00156FB3" w:rsidP="00156FB3">
            <w:r>
              <w:t xml:space="preserve">        *************/</w:t>
            </w:r>
          </w:p>
          <w:p w:rsidR="00156FB3" w:rsidRDefault="00156FB3" w:rsidP="00156FB3"/>
          <w:p w:rsidR="00156FB3" w:rsidRDefault="00156FB3" w:rsidP="00156FB3">
            <w:r>
              <w:t xml:space="preserve">        RegEx: {</w:t>
            </w:r>
          </w:p>
          <w:p w:rsidR="00156FB3" w:rsidRDefault="00156FB3" w:rsidP="00156FB3">
            <w:r>
              <w:t xml:space="preserve">            isHex: /^#([A-f\d]{3}){1,2}$/i,</w:t>
            </w:r>
          </w:p>
          <w:p w:rsidR="00156FB3" w:rsidRDefault="00156FB3" w:rsidP="00156FB3">
            <w:r>
              <w:t xml:space="preserve">            /* Unwrap a property value's surrounding text, e.g. "rgba(4, 3, 2, 1)" ==&gt; "4, 3, 2, 1" and "rect(4px 3px 2px 1px)" ==&gt; "4px 3px 2px 1px". */</w:t>
            </w:r>
          </w:p>
          <w:p w:rsidR="00156FB3" w:rsidRDefault="00156FB3" w:rsidP="00156FB3">
            <w:r>
              <w:t xml:space="preserve">            valueUnwrap: /^[A-z]+\((.*)\)$/i,</w:t>
            </w:r>
          </w:p>
          <w:p w:rsidR="00156FB3" w:rsidRDefault="00156FB3" w:rsidP="00156FB3">
            <w:r>
              <w:t xml:space="preserve">            wrappedValueAlreadyExtracted: /[0-9.]+ [0-9.]+ [0-9.]+( [0-9.]+)?/,</w:t>
            </w:r>
          </w:p>
          <w:p w:rsidR="00156FB3" w:rsidRDefault="00156FB3" w:rsidP="00156FB3">
            <w:r>
              <w:lastRenderedPageBreak/>
              <w:t xml:space="preserve">            /* Split a multi-value property into an array of subvalues, e.g. "rgba(4, 3, 2, 1) 4px 3px 2px 1px" ==&gt; [ "rgba(4, 3, 2, 1)", "4px", "3px", "2px", "1px" ]. */</w:t>
            </w:r>
          </w:p>
          <w:p w:rsidR="00156FB3" w:rsidRDefault="00156FB3" w:rsidP="00156FB3">
            <w:r>
              <w:t xml:space="preserve">            valueSplit: /([A-z]+\(.+\))|(([A-z0-9#-.]+?)(?=\s|$))/i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Lists</w:t>
            </w:r>
          </w:p>
          <w:p w:rsidR="00156FB3" w:rsidRDefault="00156FB3" w:rsidP="00156FB3">
            <w:r>
              <w:t xml:space="preserve">        ************/</w:t>
            </w:r>
          </w:p>
          <w:p w:rsidR="00156FB3" w:rsidRDefault="00156FB3" w:rsidP="00156FB3"/>
          <w:p w:rsidR="00156FB3" w:rsidRDefault="00156FB3" w:rsidP="00156FB3">
            <w:r>
              <w:t xml:space="preserve">        Lists: {</w:t>
            </w:r>
          </w:p>
          <w:p w:rsidR="00156FB3" w:rsidRDefault="00156FB3" w:rsidP="00156FB3">
            <w:r>
              <w:t xml:space="preserve">            colors: [ "fill", "stroke", "stopColor", "color", "backgroundColor", "borderColor", "borderTopColor", "borderRightColor", "borderBottomColor", "borderLeftColor", "outlineColor" ],</w:t>
            </w:r>
          </w:p>
          <w:p w:rsidR="00156FB3" w:rsidRDefault="00156FB3" w:rsidP="00156FB3">
            <w:r>
              <w:t xml:space="preserve">            transformsBase: [ "translateX", "translateY", "scale", "scaleX", "scaleY", "skewX", "skewY", "rotateZ" ],</w:t>
            </w:r>
          </w:p>
          <w:p w:rsidR="00156FB3" w:rsidRDefault="00156FB3" w:rsidP="00156FB3">
            <w:r>
              <w:t xml:space="preserve">            transforms3D: [ "transformPerspective", "translateZ", "scaleZ", "rotateX", "rotateY"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Hooks</w:t>
            </w:r>
          </w:p>
          <w:p w:rsidR="00156FB3" w:rsidRDefault="00156FB3" w:rsidP="00156FB3">
            <w:r>
              <w:t xml:space="preserve">        ************/</w:t>
            </w:r>
          </w:p>
          <w:p w:rsidR="00156FB3" w:rsidRDefault="00156FB3" w:rsidP="00156FB3"/>
          <w:p w:rsidR="00156FB3" w:rsidRDefault="00156FB3" w:rsidP="00156FB3">
            <w:r>
              <w:t xml:space="preserve">        /* Hooks allow a subproperty (e.g. "boxShadowBlur") of a compound-value CSS property</w:t>
            </w:r>
          </w:p>
          <w:p w:rsidR="00156FB3" w:rsidRDefault="00156FB3" w:rsidP="00156FB3">
            <w:r>
              <w:t xml:space="preserve">           (e.g. "boxShadow: X Y Blur Spread Color") to be animated as if it were a discrete property. */</w:t>
            </w:r>
          </w:p>
          <w:p w:rsidR="00156FB3" w:rsidRDefault="00156FB3" w:rsidP="00156FB3">
            <w:r>
              <w:t xml:space="preserve">        /* Note: Beyond enabling fine-grained property animation, hooking is necessary since Velocity only</w:t>
            </w:r>
          </w:p>
          <w:p w:rsidR="00156FB3" w:rsidRDefault="00156FB3" w:rsidP="00156FB3">
            <w:r>
              <w:t xml:space="preserve">           tweens properties with single numeric values; unlike CSS transitions, Velocity does not interpolate compound-values. */</w:t>
            </w:r>
          </w:p>
          <w:p w:rsidR="00156FB3" w:rsidRDefault="00156FB3" w:rsidP="00156FB3">
            <w:r>
              <w:t xml:space="preserve">        Hooks: {</w:t>
            </w:r>
          </w:p>
          <w:p w:rsidR="00156FB3" w:rsidRDefault="00156FB3" w:rsidP="00156FB3">
            <w:r>
              <w:t xml:space="preserve">            /********************</w:t>
            </w:r>
          </w:p>
          <w:p w:rsidR="00156FB3" w:rsidRDefault="00156FB3" w:rsidP="00156FB3">
            <w:r>
              <w:t xml:space="preserve">                Registration</w:t>
            </w:r>
          </w:p>
          <w:p w:rsidR="00156FB3" w:rsidRDefault="00156FB3" w:rsidP="00156FB3">
            <w:r>
              <w:t xml:space="preserve">            ********************/</w:t>
            </w:r>
          </w:p>
          <w:p w:rsidR="00156FB3" w:rsidRDefault="00156FB3" w:rsidP="00156FB3"/>
          <w:p w:rsidR="00156FB3" w:rsidRDefault="00156FB3" w:rsidP="00156FB3">
            <w:r>
              <w:t xml:space="preserve">            /* Templates are a concise way of indicating which subproperties must be individually registered for each compound-value CSS property. */</w:t>
            </w:r>
          </w:p>
          <w:p w:rsidR="00156FB3" w:rsidRDefault="00156FB3" w:rsidP="00156FB3">
            <w:r>
              <w:t xml:space="preserve">            /* Each template consists of the compound-value's base name, its constituent subproperty names, and those subproperties' default values. */</w:t>
            </w:r>
          </w:p>
          <w:p w:rsidR="00156FB3" w:rsidRDefault="00156FB3" w:rsidP="00156FB3">
            <w:r>
              <w:t xml:space="preserve">            templates: {</w:t>
            </w:r>
          </w:p>
          <w:p w:rsidR="00156FB3" w:rsidRDefault="00156FB3" w:rsidP="00156FB3">
            <w:r>
              <w:t xml:space="preserve">                "textShadow": [ "Color X Y Blur", "black 0px 0px 0px" ],</w:t>
            </w:r>
          </w:p>
          <w:p w:rsidR="00156FB3" w:rsidRDefault="00156FB3" w:rsidP="00156FB3">
            <w:r>
              <w:t xml:space="preserve">                "boxShadow": [ "Color X Y Blur Spread", "black 0px 0px 0px 0px" ],</w:t>
            </w:r>
          </w:p>
          <w:p w:rsidR="00156FB3" w:rsidRDefault="00156FB3" w:rsidP="00156FB3">
            <w:r>
              <w:t xml:space="preserve">                "clip": [ "Top Right Bottom Left", "0px 0px 0px 0px" ],</w:t>
            </w:r>
          </w:p>
          <w:p w:rsidR="00156FB3" w:rsidRDefault="00156FB3" w:rsidP="00156FB3">
            <w:r>
              <w:t xml:space="preserve">                "backgroundPosition": [ "X Y", "0% 0%" ],</w:t>
            </w:r>
          </w:p>
          <w:p w:rsidR="00156FB3" w:rsidRDefault="00156FB3" w:rsidP="00156FB3">
            <w:r>
              <w:t xml:space="preserve">                "transformOrigin": [ "X Y Z", "50% 50% 0px" ],</w:t>
            </w:r>
          </w:p>
          <w:p w:rsidR="00156FB3" w:rsidRDefault="00156FB3" w:rsidP="00156FB3">
            <w:r>
              <w:t xml:space="preserve">                "perspectiveOrigin": [ "X Y", "50% 50%" ]</w:t>
            </w:r>
          </w:p>
          <w:p w:rsidR="00156FB3" w:rsidRDefault="00156FB3" w:rsidP="00156FB3">
            <w:r>
              <w:t xml:space="preserve">            },</w:t>
            </w:r>
          </w:p>
          <w:p w:rsidR="00156FB3" w:rsidRDefault="00156FB3" w:rsidP="00156FB3"/>
          <w:p w:rsidR="00156FB3" w:rsidRDefault="00156FB3" w:rsidP="00156FB3">
            <w:r>
              <w:t xml:space="preserve">            /* A "registered" hook is one that has been converted from its template form into a live,</w:t>
            </w:r>
          </w:p>
          <w:p w:rsidR="00156FB3" w:rsidRDefault="00156FB3" w:rsidP="00156FB3">
            <w:r>
              <w:t xml:space="preserve">               tweenable property. It contains data to associate it with its root property. */</w:t>
            </w:r>
          </w:p>
          <w:p w:rsidR="00156FB3" w:rsidRDefault="00156FB3" w:rsidP="00156FB3">
            <w:r>
              <w:t xml:space="preserve">            registered: {</w:t>
            </w:r>
          </w:p>
          <w:p w:rsidR="00156FB3" w:rsidRDefault="00156FB3" w:rsidP="00156FB3">
            <w:r>
              <w:t xml:space="preserve">                /* Note: A registered hook looks like this ==&gt; textShadowBlur: [ "textShadow", 3 ],</w:t>
            </w:r>
          </w:p>
          <w:p w:rsidR="00156FB3" w:rsidRDefault="00156FB3" w:rsidP="00156FB3">
            <w:r>
              <w:lastRenderedPageBreak/>
              <w:t xml:space="preserve">                   which consists of the subproperty's name, the associated root property's name,</w:t>
            </w:r>
          </w:p>
          <w:p w:rsidR="00156FB3" w:rsidRDefault="00156FB3" w:rsidP="00156FB3">
            <w:r>
              <w:t xml:space="preserve">                   and the subproperty's position in the root's value. */</w:t>
            </w:r>
          </w:p>
          <w:p w:rsidR="00156FB3" w:rsidRDefault="00156FB3" w:rsidP="00156FB3">
            <w:r>
              <w:t xml:space="preserve">            },</w:t>
            </w:r>
          </w:p>
          <w:p w:rsidR="00156FB3" w:rsidRDefault="00156FB3" w:rsidP="00156FB3">
            <w:r>
              <w:t xml:space="preserve">            /* Convert the templates into individual hooks then append them to the registered object above. */</w:t>
            </w:r>
          </w:p>
          <w:p w:rsidR="00156FB3" w:rsidRDefault="00156FB3" w:rsidP="00156FB3">
            <w:r>
              <w:t xml:space="preserve">            register: function () {</w:t>
            </w:r>
          </w:p>
          <w:p w:rsidR="00156FB3" w:rsidRDefault="00156FB3" w:rsidP="00156FB3">
            <w:r>
              <w:t xml:space="preserve">                /* Color hooks registration: Colors are defaulted to white -- as opposed to black -- since colors that are</w:t>
            </w:r>
          </w:p>
          <w:p w:rsidR="00156FB3" w:rsidRDefault="00156FB3" w:rsidP="00156FB3">
            <w:r>
              <w:t xml:space="preserve">                   currently set to "transparent" default to their respective template below when color-animated,</w:t>
            </w:r>
          </w:p>
          <w:p w:rsidR="00156FB3" w:rsidRDefault="00156FB3" w:rsidP="00156FB3">
            <w:r>
              <w:t xml:space="preserve">                   and white is typically a closer match to transparent than black is. An exception is made for text ("color"),</w:t>
            </w:r>
          </w:p>
          <w:p w:rsidR="00156FB3" w:rsidRDefault="00156FB3" w:rsidP="00156FB3">
            <w:r>
              <w:t xml:space="preserve">                   which is almost always set closer to black than white. */</w:t>
            </w:r>
          </w:p>
          <w:p w:rsidR="00156FB3" w:rsidRDefault="00156FB3" w:rsidP="00156FB3">
            <w:r>
              <w:t xml:space="preserve">                for (var i = 0; i &lt; CSS.Lists.colors.length; i++) {</w:t>
            </w:r>
          </w:p>
          <w:p w:rsidR="00156FB3" w:rsidRDefault="00156FB3" w:rsidP="00156FB3">
            <w:r>
              <w:t xml:space="preserve">                    var rgbComponents = (CSS.Lists.colors[i] === "color") ? "0 0 0 1" : "255 255 255 1";</w:t>
            </w:r>
          </w:p>
          <w:p w:rsidR="00156FB3" w:rsidRDefault="00156FB3" w:rsidP="00156FB3">
            <w:r>
              <w:t xml:space="preserve">                    CSS.Hooks.templates[CSS.Lists.colors[i]] = [ "Red Green Blue Alpha", rgbComponents ];</w:t>
            </w:r>
          </w:p>
          <w:p w:rsidR="00156FB3" w:rsidRDefault="00156FB3" w:rsidP="00156FB3">
            <w:r>
              <w:t xml:space="preserve">                }</w:t>
            </w:r>
          </w:p>
          <w:p w:rsidR="00156FB3" w:rsidRDefault="00156FB3" w:rsidP="00156FB3"/>
          <w:p w:rsidR="00156FB3" w:rsidRDefault="00156FB3" w:rsidP="00156FB3">
            <w:r>
              <w:t xml:space="preserve">                var rootProperty,</w:t>
            </w:r>
          </w:p>
          <w:p w:rsidR="00156FB3" w:rsidRDefault="00156FB3" w:rsidP="00156FB3">
            <w:r>
              <w:t xml:space="preserve">                    hookTemplate,</w:t>
            </w:r>
          </w:p>
          <w:p w:rsidR="00156FB3" w:rsidRDefault="00156FB3" w:rsidP="00156FB3">
            <w:r>
              <w:t xml:space="preserve">                    hookNames;</w:t>
            </w:r>
          </w:p>
          <w:p w:rsidR="00156FB3" w:rsidRDefault="00156FB3" w:rsidP="00156FB3"/>
          <w:p w:rsidR="00156FB3" w:rsidRDefault="00156FB3" w:rsidP="00156FB3">
            <w:r>
              <w:t xml:space="preserve">                /* In IE, color values inside compound-value properties are positioned at the end the value instead of at the beginning.</w:t>
            </w:r>
          </w:p>
          <w:p w:rsidR="00156FB3" w:rsidRDefault="00156FB3" w:rsidP="00156FB3">
            <w:r>
              <w:t xml:space="preserve">                   Thus, we re-arrange the templates accordingly. */</w:t>
            </w:r>
          </w:p>
          <w:p w:rsidR="00156FB3" w:rsidRDefault="00156FB3" w:rsidP="00156FB3">
            <w:r>
              <w:t xml:space="preserve">                if (IE) {</w:t>
            </w:r>
          </w:p>
          <w:p w:rsidR="00156FB3" w:rsidRDefault="00156FB3" w:rsidP="00156FB3">
            <w:r>
              <w:t xml:space="preserve">                    for (rootProperty in CSS.Hooks.templates) {</w:t>
            </w:r>
          </w:p>
          <w:p w:rsidR="00156FB3" w:rsidRDefault="00156FB3" w:rsidP="00156FB3">
            <w:r>
              <w:t xml:space="preserve">                        hookTemplate = CSS.Hooks.templates[rootProperty];</w:t>
            </w:r>
          </w:p>
          <w:p w:rsidR="00156FB3" w:rsidRDefault="00156FB3" w:rsidP="00156FB3">
            <w:r>
              <w:t xml:space="preserve">                        hookNames = hookTemplate[0].split(" ");</w:t>
            </w:r>
          </w:p>
          <w:p w:rsidR="00156FB3" w:rsidRDefault="00156FB3" w:rsidP="00156FB3"/>
          <w:p w:rsidR="00156FB3" w:rsidRDefault="00156FB3" w:rsidP="00156FB3">
            <w:r>
              <w:t xml:space="preserve">                        var defaultValues = hookTemplate[1].match(CSS.RegEx.valueSplit);</w:t>
            </w:r>
          </w:p>
          <w:p w:rsidR="00156FB3" w:rsidRDefault="00156FB3" w:rsidP="00156FB3"/>
          <w:p w:rsidR="00156FB3" w:rsidRDefault="00156FB3" w:rsidP="00156FB3">
            <w:r>
              <w:t xml:space="preserve">                        if (hookNames[0] === "Color") {</w:t>
            </w:r>
          </w:p>
          <w:p w:rsidR="00156FB3" w:rsidRDefault="00156FB3" w:rsidP="00156FB3">
            <w:r>
              <w:t xml:space="preserve">                            /* Reposition both the hook's name and its default value to the end of their respective strings. */</w:t>
            </w:r>
          </w:p>
          <w:p w:rsidR="00156FB3" w:rsidRDefault="00156FB3" w:rsidP="00156FB3">
            <w:r>
              <w:t xml:space="preserve">                            hookNames.push(hookNames.shift());</w:t>
            </w:r>
          </w:p>
          <w:p w:rsidR="00156FB3" w:rsidRDefault="00156FB3" w:rsidP="00156FB3">
            <w:r>
              <w:t xml:space="preserve">                            defaultValues.push(defaultValues.shift());</w:t>
            </w:r>
          </w:p>
          <w:p w:rsidR="00156FB3" w:rsidRDefault="00156FB3" w:rsidP="00156FB3"/>
          <w:p w:rsidR="00156FB3" w:rsidRDefault="00156FB3" w:rsidP="00156FB3">
            <w:r>
              <w:t xml:space="preserve">                            /* Replace the existing template for the hook's root property. */</w:t>
            </w:r>
          </w:p>
          <w:p w:rsidR="00156FB3" w:rsidRDefault="00156FB3" w:rsidP="00156FB3">
            <w:r>
              <w:t xml:space="preserve">                            CSS.Hooks.templates[rootProperty] = [ hookNames.join(" "), defaultValues.join(" ")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Hook registration. */</w:t>
            </w:r>
          </w:p>
          <w:p w:rsidR="00156FB3" w:rsidRDefault="00156FB3" w:rsidP="00156FB3">
            <w:r>
              <w:t xml:space="preserve">                for (rootProperty in CSS.Hooks.templates) {</w:t>
            </w:r>
          </w:p>
          <w:p w:rsidR="00156FB3" w:rsidRDefault="00156FB3" w:rsidP="00156FB3">
            <w:r>
              <w:t xml:space="preserve">                    hookTemplate = CSS.Hooks.templates[rootProperty];</w:t>
            </w:r>
          </w:p>
          <w:p w:rsidR="00156FB3" w:rsidRDefault="00156FB3" w:rsidP="00156FB3">
            <w:r>
              <w:t xml:space="preserve">                    hookNames = hookTemplate[0].split(" ");</w:t>
            </w:r>
          </w:p>
          <w:p w:rsidR="00156FB3" w:rsidRDefault="00156FB3" w:rsidP="00156FB3"/>
          <w:p w:rsidR="00156FB3" w:rsidRDefault="00156FB3" w:rsidP="00156FB3">
            <w:r>
              <w:t xml:space="preserve">                    for (var i in hookNames) {</w:t>
            </w:r>
          </w:p>
          <w:p w:rsidR="00156FB3" w:rsidRDefault="00156FB3" w:rsidP="00156FB3">
            <w:r>
              <w:t xml:space="preserve">                        var fullHookName = rootProperty + hookNames[i],</w:t>
            </w:r>
          </w:p>
          <w:p w:rsidR="00156FB3" w:rsidRDefault="00156FB3" w:rsidP="00156FB3">
            <w:r>
              <w:t xml:space="preserve">                            hookPosition = i;</w:t>
            </w:r>
          </w:p>
          <w:p w:rsidR="00156FB3" w:rsidRDefault="00156FB3" w:rsidP="00156FB3"/>
          <w:p w:rsidR="00156FB3" w:rsidRDefault="00156FB3" w:rsidP="00156FB3">
            <w:r>
              <w:t xml:space="preserve">                        /* For each hook, register its full name (e.g. textShadowBlur) with its root property (e.g. textShadow)</w:t>
            </w:r>
          </w:p>
          <w:p w:rsidR="00156FB3" w:rsidRDefault="00156FB3" w:rsidP="00156FB3">
            <w:r>
              <w:t xml:space="preserve">                           and the hook's position in its template's default value string. */</w:t>
            </w:r>
          </w:p>
          <w:p w:rsidR="00156FB3" w:rsidRDefault="00156FB3" w:rsidP="00156FB3">
            <w:r>
              <w:t xml:space="preserve">                        CSS.Hooks.registered[fullHookName] = [ rootProperty, hookPosition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Injection and Extraction</w:t>
            </w:r>
          </w:p>
          <w:p w:rsidR="00156FB3" w:rsidRDefault="00156FB3" w:rsidP="00156FB3">
            <w:r>
              <w:t xml:space="preserve">            *****************************/</w:t>
            </w:r>
          </w:p>
          <w:p w:rsidR="00156FB3" w:rsidRDefault="00156FB3" w:rsidP="00156FB3"/>
          <w:p w:rsidR="00156FB3" w:rsidRDefault="00156FB3" w:rsidP="00156FB3">
            <w:r>
              <w:t xml:space="preserve">            /* Look up the root property associated with the hook (e.g. return "textShadow" for "textShadowBlur"). */</w:t>
            </w:r>
          </w:p>
          <w:p w:rsidR="00156FB3" w:rsidRDefault="00156FB3" w:rsidP="00156FB3">
            <w:r>
              <w:t xml:space="preserve">            /* Since a hook cannot be set directly (the browser won't recognize it), style updating for hooks is routed through the hook's root property. */</w:t>
            </w:r>
          </w:p>
          <w:p w:rsidR="00156FB3" w:rsidRDefault="00156FB3" w:rsidP="00156FB3">
            <w:r>
              <w:t xml:space="preserve">            getRoot: function (property) {</w:t>
            </w:r>
          </w:p>
          <w:p w:rsidR="00156FB3" w:rsidRDefault="00156FB3" w:rsidP="00156FB3">
            <w:r>
              <w:t xml:space="preserve">                var hookData = CSS.Hooks.registered[property];</w:t>
            </w:r>
          </w:p>
          <w:p w:rsidR="00156FB3" w:rsidRDefault="00156FB3" w:rsidP="00156FB3"/>
          <w:p w:rsidR="00156FB3" w:rsidRDefault="00156FB3" w:rsidP="00156FB3">
            <w:r>
              <w:t xml:space="preserve">                if (hookData) {</w:t>
            </w:r>
          </w:p>
          <w:p w:rsidR="00156FB3" w:rsidRDefault="00156FB3" w:rsidP="00156FB3">
            <w:r>
              <w:t xml:space="preserve">                    return hookData[0];</w:t>
            </w:r>
          </w:p>
          <w:p w:rsidR="00156FB3" w:rsidRDefault="00156FB3" w:rsidP="00156FB3">
            <w:r>
              <w:t xml:space="preserve">                } else {</w:t>
            </w:r>
          </w:p>
          <w:p w:rsidR="00156FB3" w:rsidRDefault="00156FB3" w:rsidP="00156FB3">
            <w:r>
              <w:t xml:space="preserve">                    /* If there was no hook match, return the property name untouched. */</w:t>
            </w:r>
          </w:p>
          <w:p w:rsidR="00156FB3" w:rsidRDefault="00156FB3" w:rsidP="00156FB3">
            <w:r>
              <w:t xml:space="preserve">                    return property;</w:t>
            </w:r>
          </w:p>
          <w:p w:rsidR="00156FB3" w:rsidRDefault="00156FB3" w:rsidP="00156FB3">
            <w:r>
              <w:t xml:space="preserve">                }</w:t>
            </w:r>
          </w:p>
          <w:p w:rsidR="00156FB3" w:rsidRDefault="00156FB3" w:rsidP="00156FB3">
            <w:r>
              <w:t xml:space="preserve">            },</w:t>
            </w:r>
          </w:p>
          <w:p w:rsidR="00156FB3" w:rsidRDefault="00156FB3" w:rsidP="00156FB3">
            <w:r>
              <w:t xml:space="preserve">            /* Convert any rootPropertyValue, null or otherwise, into a space-delimited list of hook values so that</w:t>
            </w:r>
          </w:p>
          <w:p w:rsidR="00156FB3" w:rsidRDefault="00156FB3" w:rsidP="00156FB3">
            <w:r>
              <w:t xml:space="preserve">               the targeted hook can be injected or extracted at its standard position. */</w:t>
            </w:r>
          </w:p>
          <w:p w:rsidR="00156FB3" w:rsidRDefault="00156FB3" w:rsidP="00156FB3">
            <w:r>
              <w:t xml:space="preserve">            cleanRootPropertyValue: function(rootProperty, rootPropertyValue) {</w:t>
            </w:r>
          </w:p>
          <w:p w:rsidR="00156FB3" w:rsidRDefault="00156FB3" w:rsidP="00156FB3">
            <w:r>
              <w:t xml:space="preserve">                /* If the rootPropertyValue is wrapped with "rgb()", "clip()", etc., remove the wrapping to normalize the value before manipulation. */</w:t>
            </w:r>
          </w:p>
          <w:p w:rsidR="00156FB3" w:rsidRDefault="00156FB3" w:rsidP="00156FB3">
            <w:r>
              <w:t xml:space="preserve">                if (CSS.RegEx.valueUnwrap.test(rootPropertyValue)) {</w:t>
            </w:r>
          </w:p>
          <w:p w:rsidR="00156FB3" w:rsidRDefault="00156FB3" w:rsidP="00156FB3">
            <w:r>
              <w:t xml:space="preserve">                    rootPropertyValue = rootPropertyValue.match(CSS.RegEx.valueUnwrap)[1];</w:t>
            </w:r>
          </w:p>
          <w:p w:rsidR="00156FB3" w:rsidRDefault="00156FB3" w:rsidP="00156FB3">
            <w:r>
              <w:t xml:space="preserve">                }</w:t>
            </w:r>
          </w:p>
          <w:p w:rsidR="00156FB3" w:rsidRDefault="00156FB3" w:rsidP="00156FB3"/>
          <w:p w:rsidR="00156FB3" w:rsidRDefault="00156FB3" w:rsidP="00156FB3">
            <w:r>
              <w:t xml:space="preserve">                /* If rootPropertyValue is a CSS null-value (from which there's inherently no hook value to extract),</w:t>
            </w:r>
          </w:p>
          <w:p w:rsidR="00156FB3" w:rsidRDefault="00156FB3" w:rsidP="00156FB3">
            <w:r>
              <w:t xml:space="preserve">                   default to the root's default value as defined in CSS.Hooks.templates. */</w:t>
            </w:r>
          </w:p>
          <w:p w:rsidR="00156FB3" w:rsidRDefault="00156FB3" w:rsidP="00156FB3">
            <w:r>
              <w:t xml:space="preserve">                /* Note: CSS null-values include "none", "auto", and "transparent". They must be converted into their</w:t>
            </w:r>
          </w:p>
          <w:p w:rsidR="00156FB3" w:rsidRDefault="00156FB3" w:rsidP="00156FB3">
            <w:r>
              <w:t xml:space="preserve">                   zero-values (e.g. textShadow: "none" ==&gt; textShadow: "0px 0px 0px black") for hook manipulation to proceed. */</w:t>
            </w:r>
          </w:p>
          <w:p w:rsidR="00156FB3" w:rsidRDefault="00156FB3" w:rsidP="00156FB3">
            <w:r>
              <w:lastRenderedPageBreak/>
              <w:t xml:space="preserve">                if (CSS.Values.isCSSNullValue(rootPropertyValue)) {</w:t>
            </w:r>
          </w:p>
          <w:p w:rsidR="00156FB3" w:rsidRDefault="00156FB3" w:rsidP="00156FB3">
            <w:r>
              <w:t xml:space="preserve">                    rootPropertyValue = CSS.Hooks.templates[rootProperty][1];</w:t>
            </w:r>
          </w:p>
          <w:p w:rsidR="00156FB3" w:rsidRDefault="00156FB3" w:rsidP="00156FB3">
            <w:r>
              <w:t xml:space="preserve">                }</w:t>
            </w:r>
          </w:p>
          <w:p w:rsidR="00156FB3" w:rsidRDefault="00156FB3" w:rsidP="00156FB3"/>
          <w:p w:rsidR="00156FB3" w:rsidRDefault="00156FB3" w:rsidP="00156FB3">
            <w:r>
              <w:t xml:space="preserve">                return rootPropertyValue;</w:t>
            </w:r>
          </w:p>
          <w:p w:rsidR="00156FB3" w:rsidRDefault="00156FB3" w:rsidP="00156FB3">
            <w:r>
              <w:t xml:space="preserve">            },</w:t>
            </w:r>
          </w:p>
          <w:p w:rsidR="00156FB3" w:rsidRDefault="00156FB3" w:rsidP="00156FB3">
            <w:r>
              <w:t xml:space="preserve">            /* Extracted the hook's value from its root property's value. This is used to get the starting value of an animating hook. */</w:t>
            </w:r>
          </w:p>
          <w:p w:rsidR="00156FB3" w:rsidRDefault="00156FB3" w:rsidP="00156FB3">
            <w:r>
              <w:t xml:space="preserve">            extractValue: function (fullHookName, rootPropertyValue) {</w:t>
            </w:r>
          </w:p>
          <w:p w:rsidR="00156FB3" w:rsidRDefault="00156FB3" w:rsidP="00156FB3">
            <w:r>
              <w:t xml:space="preserve">                var hookData = CSS.Hooks.registered[fullHookName];</w:t>
            </w:r>
          </w:p>
          <w:p w:rsidR="00156FB3" w:rsidRDefault="00156FB3" w:rsidP="00156FB3"/>
          <w:p w:rsidR="00156FB3" w:rsidRDefault="00156FB3" w:rsidP="00156FB3">
            <w:r>
              <w:t xml:space="preserve">                if (hookData) {</w:t>
            </w:r>
          </w:p>
          <w:p w:rsidR="00156FB3" w:rsidRDefault="00156FB3" w:rsidP="00156FB3">
            <w:r>
              <w:t xml:space="preserve">                    var hookRoot = hookData[0],</w:t>
            </w:r>
          </w:p>
          <w:p w:rsidR="00156FB3" w:rsidRDefault="00156FB3" w:rsidP="00156FB3">
            <w:r>
              <w:t xml:space="preserve">                        hookPosition = hookData[1];</w:t>
            </w:r>
          </w:p>
          <w:p w:rsidR="00156FB3" w:rsidRDefault="00156FB3" w:rsidP="00156FB3"/>
          <w:p w:rsidR="00156FB3" w:rsidRDefault="00156FB3" w:rsidP="00156FB3">
            <w:r>
              <w:t xml:space="preserve">                    rootPropertyValue = CSS.Hooks.cleanRootPropertyValue(hookRoot, rootPropertyValue);</w:t>
            </w:r>
          </w:p>
          <w:p w:rsidR="00156FB3" w:rsidRDefault="00156FB3" w:rsidP="00156FB3"/>
          <w:p w:rsidR="00156FB3" w:rsidRDefault="00156FB3" w:rsidP="00156FB3">
            <w:r>
              <w:t xml:space="preserve">                    /* Split rootPropertyValue into its constituent hook values then grab the desired hook at its standard position. */</w:t>
            </w:r>
          </w:p>
          <w:p w:rsidR="00156FB3" w:rsidRDefault="00156FB3" w:rsidP="00156FB3">
            <w:r>
              <w:t xml:space="preserve">                    return rootPropertyValue.toString().match(CSS.RegEx.valueSplit)[hookPosition];</w:t>
            </w:r>
          </w:p>
          <w:p w:rsidR="00156FB3" w:rsidRDefault="00156FB3" w:rsidP="00156FB3">
            <w:r>
              <w:t xml:space="preserve">                } else {</w:t>
            </w:r>
          </w:p>
          <w:p w:rsidR="00156FB3" w:rsidRDefault="00156FB3" w:rsidP="00156FB3">
            <w:r>
              <w:t xml:space="preserve">                    /* If the provided fullHookName isn't a registered hook, return the rootPropertyValue that was passed in. */</w:t>
            </w:r>
          </w:p>
          <w:p w:rsidR="00156FB3" w:rsidRDefault="00156FB3" w:rsidP="00156FB3">
            <w:r>
              <w:t xml:space="preserve">                    return rootPropertyValue;</w:t>
            </w:r>
          </w:p>
          <w:p w:rsidR="00156FB3" w:rsidRDefault="00156FB3" w:rsidP="00156FB3">
            <w:r>
              <w:t xml:space="preserve">                }</w:t>
            </w:r>
          </w:p>
          <w:p w:rsidR="00156FB3" w:rsidRDefault="00156FB3" w:rsidP="00156FB3">
            <w:r>
              <w:t xml:space="preserve">            },</w:t>
            </w:r>
          </w:p>
          <w:p w:rsidR="00156FB3" w:rsidRDefault="00156FB3" w:rsidP="00156FB3">
            <w:r>
              <w:t xml:space="preserve">            /* Inject the hook's value into its root property's value. This is used to piece back together the root property</w:t>
            </w:r>
          </w:p>
          <w:p w:rsidR="00156FB3" w:rsidRDefault="00156FB3" w:rsidP="00156FB3">
            <w:r>
              <w:t xml:space="preserve">               once Velocity has updated one of its individually hooked values through tweening. */</w:t>
            </w:r>
          </w:p>
          <w:p w:rsidR="00156FB3" w:rsidRDefault="00156FB3" w:rsidP="00156FB3">
            <w:r>
              <w:t xml:space="preserve">            injectValue: function (fullHookName, hookValue, rootPropertyValue) {</w:t>
            </w:r>
          </w:p>
          <w:p w:rsidR="00156FB3" w:rsidRDefault="00156FB3" w:rsidP="00156FB3">
            <w:r>
              <w:t xml:space="preserve">                var hookData = CSS.Hooks.registered[fullHookName];</w:t>
            </w:r>
          </w:p>
          <w:p w:rsidR="00156FB3" w:rsidRDefault="00156FB3" w:rsidP="00156FB3"/>
          <w:p w:rsidR="00156FB3" w:rsidRDefault="00156FB3" w:rsidP="00156FB3">
            <w:r>
              <w:t xml:space="preserve">                if (hookData) {</w:t>
            </w:r>
          </w:p>
          <w:p w:rsidR="00156FB3" w:rsidRDefault="00156FB3" w:rsidP="00156FB3">
            <w:r>
              <w:t xml:space="preserve">                    var hookRoot = hookData[0],</w:t>
            </w:r>
          </w:p>
          <w:p w:rsidR="00156FB3" w:rsidRDefault="00156FB3" w:rsidP="00156FB3">
            <w:r>
              <w:t xml:space="preserve">                        hookPosition = hookData[1],</w:t>
            </w:r>
          </w:p>
          <w:p w:rsidR="00156FB3" w:rsidRDefault="00156FB3" w:rsidP="00156FB3">
            <w:r>
              <w:t xml:space="preserve">                        rootPropertyValueParts,</w:t>
            </w:r>
          </w:p>
          <w:p w:rsidR="00156FB3" w:rsidRDefault="00156FB3" w:rsidP="00156FB3">
            <w:r>
              <w:t xml:space="preserve">                        rootPropertyValueUpdated;</w:t>
            </w:r>
          </w:p>
          <w:p w:rsidR="00156FB3" w:rsidRDefault="00156FB3" w:rsidP="00156FB3"/>
          <w:p w:rsidR="00156FB3" w:rsidRDefault="00156FB3" w:rsidP="00156FB3">
            <w:r>
              <w:t xml:space="preserve">                    rootPropertyValue = CSS.Hooks.cleanRootPropertyValue(hookRoot, rootPropertyValue);</w:t>
            </w:r>
          </w:p>
          <w:p w:rsidR="00156FB3" w:rsidRDefault="00156FB3" w:rsidP="00156FB3"/>
          <w:p w:rsidR="00156FB3" w:rsidRDefault="00156FB3" w:rsidP="00156FB3">
            <w:r>
              <w:t xml:space="preserve">                    /* Split rootPropertyValue into its individual hook values, replace the targeted value with hookValue,</w:t>
            </w:r>
          </w:p>
          <w:p w:rsidR="00156FB3" w:rsidRDefault="00156FB3" w:rsidP="00156FB3">
            <w:r>
              <w:t xml:space="preserve">                       then reconstruct the rootPropertyValue string. */</w:t>
            </w:r>
          </w:p>
          <w:p w:rsidR="00156FB3" w:rsidRDefault="00156FB3" w:rsidP="00156FB3">
            <w:r>
              <w:t xml:space="preserve">                    rootPropertyValueParts = rootPropertyValue.toString().match(CSS.RegEx.valueSplit);</w:t>
            </w:r>
          </w:p>
          <w:p w:rsidR="00156FB3" w:rsidRDefault="00156FB3" w:rsidP="00156FB3">
            <w:r>
              <w:t xml:space="preserve">                    rootPropertyValueParts[hookPosition] = hookValue;</w:t>
            </w:r>
          </w:p>
          <w:p w:rsidR="00156FB3" w:rsidRDefault="00156FB3" w:rsidP="00156FB3">
            <w:r>
              <w:t xml:space="preserve">                    rootPropertyValueUpdated = rootPropertyValueParts.join(" ");</w:t>
            </w:r>
          </w:p>
          <w:p w:rsidR="00156FB3" w:rsidRDefault="00156FB3" w:rsidP="00156FB3"/>
          <w:p w:rsidR="00156FB3" w:rsidRDefault="00156FB3" w:rsidP="00156FB3">
            <w:r>
              <w:t xml:space="preserve">                    return rootPropertyValueUpdated;</w:t>
            </w:r>
          </w:p>
          <w:p w:rsidR="00156FB3" w:rsidRDefault="00156FB3" w:rsidP="00156FB3">
            <w:r>
              <w:lastRenderedPageBreak/>
              <w:t xml:space="preserve">                } else {</w:t>
            </w:r>
          </w:p>
          <w:p w:rsidR="00156FB3" w:rsidRDefault="00156FB3" w:rsidP="00156FB3">
            <w:r>
              <w:t xml:space="preserve">                    /* If the provided fullHookName isn't a registered hook, return the rootPropertyValue that was passed in. */</w:t>
            </w:r>
          </w:p>
          <w:p w:rsidR="00156FB3" w:rsidRDefault="00156FB3" w:rsidP="00156FB3">
            <w:r>
              <w:t xml:space="preserve">                    return rootPropertyValue;</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Normalizations</w:t>
            </w:r>
          </w:p>
          <w:p w:rsidR="00156FB3" w:rsidRDefault="00156FB3" w:rsidP="00156FB3">
            <w:r>
              <w:t xml:space="preserve">        *******************/</w:t>
            </w:r>
          </w:p>
          <w:p w:rsidR="00156FB3" w:rsidRDefault="00156FB3" w:rsidP="00156FB3"/>
          <w:p w:rsidR="00156FB3" w:rsidRDefault="00156FB3" w:rsidP="00156FB3">
            <w:r>
              <w:t xml:space="preserve">        /* Normalizations standardize CSS property manipulation by pollyfilling browser-specific implementations (e.g. opacity)</w:t>
            </w:r>
          </w:p>
          <w:p w:rsidR="00156FB3" w:rsidRDefault="00156FB3" w:rsidP="00156FB3">
            <w:r>
              <w:t xml:space="preserve">           and reformatting special properties (e.g. clip, rgba) to look like standard ones. */</w:t>
            </w:r>
          </w:p>
          <w:p w:rsidR="00156FB3" w:rsidRDefault="00156FB3" w:rsidP="00156FB3">
            <w:r>
              <w:t xml:space="preserve">        Normalizations: {</w:t>
            </w:r>
          </w:p>
          <w:p w:rsidR="00156FB3" w:rsidRDefault="00156FB3" w:rsidP="00156FB3">
            <w:r>
              <w:t xml:space="preserve">            /* Normalizations are passed a normalization target (either the property's name, its extracted value, or its injected value),</w:t>
            </w:r>
          </w:p>
          <w:p w:rsidR="00156FB3" w:rsidRDefault="00156FB3" w:rsidP="00156FB3">
            <w:r>
              <w:t xml:space="preserve">               the targeted element (which may need to be queried), and the targeted property value. */</w:t>
            </w:r>
          </w:p>
          <w:p w:rsidR="00156FB3" w:rsidRDefault="00156FB3" w:rsidP="00156FB3">
            <w:r>
              <w:t xml:space="preserve">            registered: {</w:t>
            </w:r>
          </w:p>
          <w:p w:rsidR="00156FB3" w:rsidRDefault="00156FB3" w:rsidP="00156FB3">
            <w:r>
              <w:t xml:space="preserve">                clip: function (type, element, propertyValue) {</w:t>
            </w:r>
          </w:p>
          <w:p w:rsidR="00156FB3" w:rsidRDefault="00156FB3" w:rsidP="00156FB3">
            <w:r>
              <w:t xml:space="preserve">                    switch (type) {</w:t>
            </w:r>
          </w:p>
          <w:p w:rsidR="00156FB3" w:rsidRDefault="00156FB3" w:rsidP="00156FB3">
            <w:r>
              <w:t xml:space="preserve">                        case "name":</w:t>
            </w:r>
          </w:p>
          <w:p w:rsidR="00156FB3" w:rsidRDefault="00156FB3" w:rsidP="00156FB3">
            <w:r>
              <w:t xml:space="preserve">                            return "clip";</w:t>
            </w:r>
          </w:p>
          <w:p w:rsidR="00156FB3" w:rsidRDefault="00156FB3" w:rsidP="00156FB3">
            <w:r>
              <w:t xml:space="preserve">                        /* Clip needs to be unwrapped and stripped of its commas during extraction. */</w:t>
            </w:r>
          </w:p>
          <w:p w:rsidR="00156FB3" w:rsidRDefault="00156FB3" w:rsidP="00156FB3">
            <w:r>
              <w:t xml:space="preserve">                        case "extract":</w:t>
            </w:r>
          </w:p>
          <w:p w:rsidR="00156FB3" w:rsidRDefault="00156FB3" w:rsidP="00156FB3">
            <w:r>
              <w:t xml:space="preserve">                            var extracted;</w:t>
            </w:r>
          </w:p>
          <w:p w:rsidR="00156FB3" w:rsidRDefault="00156FB3" w:rsidP="00156FB3"/>
          <w:p w:rsidR="00156FB3" w:rsidRDefault="00156FB3" w:rsidP="00156FB3">
            <w:r>
              <w:t xml:space="preserve">                            /* If Velocity also extracted this value, skip extraction. */</w:t>
            </w:r>
          </w:p>
          <w:p w:rsidR="00156FB3" w:rsidRDefault="00156FB3" w:rsidP="00156FB3">
            <w:r>
              <w:t xml:space="preserve">                            if (CSS.RegEx.wrappedValueAlreadyExtracted.test(propertyValue)) {</w:t>
            </w:r>
          </w:p>
          <w:p w:rsidR="00156FB3" w:rsidRDefault="00156FB3" w:rsidP="00156FB3">
            <w:r>
              <w:t xml:space="preserve">                                extracted = propertyValue;</w:t>
            </w:r>
          </w:p>
          <w:p w:rsidR="00156FB3" w:rsidRDefault="00156FB3" w:rsidP="00156FB3">
            <w:r>
              <w:t xml:space="preserve">                            } else {</w:t>
            </w:r>
          </w:p>
          <w:p w:rsidR="00156FB3" w:rsidRDefault="00156FB3" w:rsidP="00156FB3">
            <w:r>
              <w:t xml:space="preserve">                                /* Remove the "rect()" wrapper. */</w:t>
            </w:r>
          </w:p>
          <w:p w:rsidR="00156FB3" w:rsidRDefault="00156FB3" w:rsidP="00156FB3">
            <w:r>
              <w:t xml:space="preserve">                                extracted = propertyValue.toString().match(CSS.RegEx.valueUnwrap);</w:t>
            </w:r>
          </w:p>
          <w:p w:rsidR="00156FB3" w:rsidRDefault="00156FB3" w:rsidP="00156FB3"/>
          <w:p w:rsidR="00156FB3" w:rsidRDefault="00156FB3" w:rsidP="00156FB3">
            <w:r>
              <w:t xml:space="preserve">                                /* Strip off commas. */</w:t>
            </w:r>
          </w:p>
          <w:p w:rsidR="00156FB3" w:rsidRDefault="00156FB3" w:rsidP="00156FB3">
            <w:r>
              <w:t xml:space="preserve">                                extracted = extracted ? extracted[1].replace(/,(\s+)?/g, " ") : propertyValue;</w:t>
            </w:r>
          </w:p>
          <w:p w:rsidR="00156FB3" w:rsidRDefault="00156FB3" w:rsidP="00156FB3">
            <w:r>
              <w:t xml:space="preserve">                            }</w:t>
            </w:r>
          </w:p>
          <w:p w:rsidR="00156FB3" w:rsidRDefault="00156FB3" w:rsidP="00156FB3"/>
          <w:p w:rsidR="00156FB3" w:rsidRDefault="00156FB3" w:rsidP="00156FB3">
            <w:r>
              <w:t xml:space="preserve">                            return extracted;</w:t>
            </w:r>
          </w:p>
          <w:p w:rsidR="00156FB3" w:rsidRDefault="00156FB3" w:rsidP="00156FB3">
            <w:r>
              <w:t xml:space="preserve">                        /* Clip needs to be re-wrapped during injection. */</w:t>
            </w:r>
          </w:p>
          <w:p w:rsidR="00156FB3" w:rsidRDefault="00156FB3" w:rsidP="00156FB3">
            <w:r>
              <w:t xml:space="preserve">                        case "inject":</w:t>
            </w:r>
          </w:p>
          <w:p w:rsidR="00156FB3" w:rsidRDefault="00156FB3" w:rsidP="00156FB3">
            <w:r>
              <w:t xml:space="preserve">                            return "rect(" + propertyValue +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blur: function(type, element, propertyValue) {</w:t>
            </w:r>
          </w:p>
          <w:p w:rsidR="00156FB3" w:rsidRDefault="00156FB3" w:rsidP="00156FB3">
            <w:r>
              <w:t xml:space="preserve">                    switch (type) {</w:t>
            </w:r>
          </w:p>
          <w:p w:rsidR="00156FB3" w:rsidRDefault="00156FB3" w:rsidP="00156FB3">
            <w:r>
              <w:lastRenderedPageBreak/>
              <w:t xml:space="preserve">                        case "name":</w:t>
            </w:r>
          </w:p>
          <w:p w:rsidR="00156FB3" w:rsidRDefault="00156FB3" w:rsidP="00156FB3">
            <w:r>
              <w:t xml:space="preserve">                            return Velocity.State.isFirefox ? "filter" : "-webkit-filter";</w:t>
            </w:r>
          </w:p>
          <w:p w:rsidR="00156FB3" w:rsidRDefault="00156FB3" w:rsidP="00156FB3">
            <w:r>
              <w:t xml:space="preserve">                        case "extract":</w:t>
            </w:r>
          </w:p>
          <w:p w:rsidR="00156FB3" w:rsidRDefault="00156FB3" w:rsidP="00156FB3">
            <w:r>
              <w:t xml:space="preserve">                            var extracted = parseFloat(propertyValue);</w:t>
            </w:r>
          </w:p>
          <w:p w:rsidR="00156FB3" w:rsidRDefault="00156FB3" w:rsidP="00156FB3"/>
          <w:p w:rsidR="00156FB3" w:rsidRDefault="00156FB3" w:rsidP="00156FB3">
            <w:r>
              <w:t xml:space="preserve">                            /* If extracted is NaN, meaning the value isn't already extracted. */</w:t>
            </w:r>
          </w:p>
          <w:p w:rsidR="00156FB3" w:rsidRDefault="00156FB3" w:rsidP="00156FB3">
            <w:r>
              <w:t xml:space="preserve">                            if (!(extracted || extracted === 0)) {</w:t>
            </w:r>
          </w:p>
          <w:p w:rsidR="00156FB3" w:rsidRDefault="00156FB3" w:rsidP="00156FB3">
            <w:r>
              <w:t xml:space="preserve">                                var blurComponent = propertyValue.toString().match(/blur\(([0-9]+[A-z]+)\)/i);</w:t>
            </w:r>
          </w:p>
          <w:p w:rsidR="00156FB3" w:rsidRDefault="00156FB3" w:rsidP="00156FB3"/>
          <w:p w:rsidR="00156FB3" w:rsidRDefault="00156FB3" w:rsidP="00156FB3">
            <w:r>
              <w:t xml:space="preserve">                                /* If the filter string had a blur component, return just the blur value and unit type. */</w:t>
            </w:r>
          </w:p>
          <w:p w:rsidR="00156FB3" w:rsidRDefault="00156FB3" w:rsidP="00156FB3">
            <w:r>
              <w:t xml:space="preserve">                                if (blurComponent) {</w:t>
            </w:r>
          </w:p>
          <w:p w:rsidR="00156FB3" w:rsidRDefault="00156FB3" w:rsidP="00156FB3">
            <w:r>
              <w:t xml:space="preserve">                                    extracted = blurComponent[1];</w:t>
            </w:r>
          </w:p>
          <w:p w:rsidR="00156FB3" w:rsidRDefault="00156FB3" w:rsidP="00156FB3">
            <w:r>
              <w:t xml:space="preserve">                                /* If the component doesn't exist, default blur to 0. */</w:t>
            </w:r>
          </w:p>
          <w:p w:rsidR="00156FB3" w:rsidRDefault="00156FB3" w:rsidP="00156FB3">
            <w:r>
              <w:t xml:space="preserve">                                } else {</w:t>
            </w:r>
          </w:p>
          <w:p w:rsidR="00156FB3" w:rsidRDefault="00156FB3" w:rsidP="00156FB3">
            <w:r>
              <w:t xml:space="preserve">                                    extracted = 0;</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extracted;</w:t>
            </w:r>
          </w:p>
          <w:p w:rsidR="00156FB3" w:rsidRDefault="00156FB3" w:rsidP="00156FB3">
            <w:r>
              <w:t xml:space="preserve">                        /* Blur needs to be re-wrapped during injection. */</w:t>
            </w:r>
          </w:p>
          <w:p w:rsidR="00156FB3" w:rsidRDefault="00156FB3" w:rsidP="00156FB3">
            <w:r>
              <w:t xml:space="preserve">                        case "inject":</w:t>
            </w:r>
          </w:p>
          <w:p w:rsidR="00156FB3" w:rsidRDefault="00156FB3" w:rsidP="00156FB3">
            <w:r>
              <w:t xml:space="preserve">                            /* For the blur effect to be fully de-applied, it needs to be set to "none" instead of 0. */</w:t>
            </w:r>
          </w:p>
          <w:p w:rsidR="00156FB3" w:rsidRDefault="00156FB3" w:rsidP="00156FB3">
            <w:r>
              <w:t xml:space="preserve">                            if (!parseFloat(propertyValue)) {</w:t>
            </w:r>
          </w:p>
          <w:p w:rsidR="00156FB3" w:rsidRDefault="00156FB3" w:rsidP="00156FB3">
            <w:r>
              <w:t xml:space="preserve">                                return "none";</w:t>
            </w:r>
          </w:p>
          <w:p w:rsidR="00156FB3" w:rsidRDefault="00156FB3" w:rsidP="00156FB3">
            <w:r>
              <w:t xml:space="preserve">                            } else {</w:t>
            </w:r>
          </w:p>
          <w:p w:rsidR="00156FB3" w:rsidRDefault="00156FB3" w:rsidP="00156FB3">
            <w:r>
              <w:t xml:space="preserve">                                return "blur(" + propertyValue +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lt;=IE8 do not support the standard opacity property. They use filter:alpha(opacity=INT) instead. */</w:t>
            </w:r>
          </w:p>
          <w:p w:rsidR="00156FB3" w:rsidRDefault="00156FB3" w:rsidP="00156FB3">
            <w:r>
              <w:t xml:space="preserve">                opacity: function (type, element, propertyValue) {</w:t>
            </w:r>
          </w:p>
          <w:p w:rsidR="00156FB3" w:rsidRDefault="00156FB3" w:rsidP="00156FB3">
            <w:r>
              <w:t xml:space="preserve">                    if (IE &lt;= 8) {</w:t>
            </w:r>
          </w:p>
          <w:p w:rsidR="00156FB3" w:rsidRDefault="00156FB3" w:rsidP="00156FB3">
            <w:r>
              <w:t xml:space="preserve">                        switch (type) {</w:t>
            </w:r>
          </w:p>
          <w:p w:rsidR="00156FB3" w:rsidRDefault="00156FB3" w:rsidP="00156FB3">
            <w:r>
              <w:t xml:space="preserve">                            case "name":</w:t>
            </w:r>
          </w:p>
          <w:p w:rsidR="00156FB3" w:rsidRDefault="00156FB3" w:rsidP="00156FB3">
            <w:r>
              <w:t xml:space="preserve">                                return "filter";</w:t>
            </w:r>
          </w:p>
          <w:p w:rsidR="00156FB3" w:rsidRDefault="00156FB3" w:rsidP="00156FB3">
            <w:r>
              <w:t xml:space="preserve">                            case "extract":</w:t>
            </w:r>
          </w:p>
          <w:p w:rsidR="00156FB3" w:rsidRDefault="00156FB3" w:rsidP="00156FB3">
            <w:r>
              <w:t xml:space="preserve">                                /* &lt;=IE8 return a "filter" value of "alpha(opacity=\d{1,3})".</w:t>
            </w:r>
          </w:p>
          <w:p w:rsidR="00156FB3" w:rsidRDefault="00156FB3" w:rsidP="00156FB3">
            <w:r>
              <w:t xml:space="preserve">                                   Extract the value and convert it to a decimal value to match the standard CSS opacity property's formatting. */</w:t>
            </w:r>
          </w:p>
          <w:p w:rsidR="00156FB3" w:rsidRDefault="00156FB3" w:rsidP="00156FB3">
            <w:r>
              <w:t xml:space="preserve">                                var extracted = propertyValue.toString().match(/alpha\(opacity=(.*)\)/i);</w:t>
            </w:r>
          </w:p>
          <w:p w:rsidR="00156FB3" w:rsidRDefault="00156FB3" w:rsidP="00156FB3"/>
          <w:p w:rsidR="00156FB3" w:rsidRDefault="00156FB3" w:rsidP="00156FB3">
            <w:r>
              <w:t xml:space="preserve">                                if (extracted) {</w:t>
            </w:r>
          </w:p>
          <w:p w:rsidR="00156FB3" w:rsidRDefault="00156FB3" w:rsidP="00156FB3">
            <w:r>
              <w:t xml:space="preserve">                                    /* Convert to decimal value. */</w:t>
            </w:r>
          </w:p>
          <w:p w:rsidR="00156FB3" w:rsidRDefault="00156FB3" w:rsidP="00156FB3">
            <w:r>
              <w:t xml:space="preserve">                                    propertyValue = extracted[1] / 100;</w:t>
            </w:r>
          </w:p>
          <w:p w:rsidR="00156FB3" w:rsidRDefault="00156FB3" w:rsidP="00156FB3">
            <w:r>
              <w:t xml:space="preserve">                                } else {</w:t>
            </w:r>
          </w:p>
          <w:p w:rsidR="00156FB3" w:rsidRDefault="00156FB3" w:rsidP="00156FB3">
            <w:r>
              <w:t xml:space="preserve">                                    /* When extracting opacity, default to 1 since a null value means opacity hasn't </w:t>
            </w:r>
            <w:r>
              <w:lastRenderedPageBreak/>
              <w:t>been set. */</w:t>
            </w:r>
          </w:p>
          <w:p w:rsidR="00156FB3" w:rsidRDefault="00156FB3" w:rsidP="00156FB3">
            <w:r>
              <w:t xml:space="preserve">                                    propertyValue = 1;</w:t>
            </w:r>
          </w:p>
          <w:p w:rsidR="00156FB3" w:rsidRDefault="00156FB3" w:rsidP="00156FB3">
            <w:r>
              <w:t xml:space="preserve">                                }</w:t>
            </w:r>
          </w:p>
          <w:p w:rsidR="00156FB3" w:rsidRDefault="00156FB3" w:rsidP="00156FB3"/>
          <w:p w:rsidR="00156FB3" w:rsidRDefault="00156FB3" w:rsidP="00156FB3">
            <w:r>
              <w:t xml:space="preserve">                                return propertyValue;</w:t>
            </w:r>
          </w:p>
          <w:p w:rsidR="00156FB3" w:rsidRDefault="00156FB3" w:rsidP="00156FB3">
            <w:r>
              <w:t xml:space="preserve">                            case "inject":</w:t>
            </w:r>
          </w:p>
          <w:p w:rsidR="00156FB3" w:rsidRDefault="00156FB3" w:rsidP="00156FB3">
            <w:r>
              <w:t xml:space="preserve">                                /* Opacified elements are required to have their zoom property set to a non-zero value. */</w:t>
            </w:r>
          </w:p>
          <w:p w:rsidR="00156FB3" w:rsidRDefault="00156FB3" w:rsidP="00156FB3">
            <w:r>
              <w:t xml:space="preserve">                                element.style.zoom = 1;</w:t>
            </w:r>
          </w:p>
          <w:p w:rsidR="00156FB3" w:rsidRDefault="00156FB3" w:rsidP="00156FB3"/>
          <w:p w:rsidR="00156FB3" w:rsidRDefault="00156FB3" w:rsidP="00156FB3">
            <w:r>
              <w:t xml:space="preserve">                                /* Setting the filter property on elements with certain font property combinations can result in a</w:t>
            </w:r>
          </w:p>
          <w:p w:rsidR="00156FB3" w:rsidRDefault="00156FB3" w:rsidP="00156FB3">
            <w:r>
              <w:t xml:space="preserve">                                   highly unappealing ultra-bolding effect. There's no way to remedy this throughout a tween, but dropping the</w:t>
            </w:r>
          </w:p>
          <w:p w:rsidR="00156FB3" w:rsidRDefault="00156FB3" w:rsidP="00156FB3">
            <w:r>
              <w:t xml:space="preserve">                                   value altogether (when opacity hits 1) at leasts ensures that the glitch is gone post-tweening. */</w:t>
            </w:r>
          </w:p>
          <w:p w:rsidR="00156FB3" w:rsidRDefault="00156FB3" w:rsidP="00156FB3">
            <w:r>
              <w:t xml:space="preserve">                                if (parseFloat(propertyValue) &gt;= 1) {</w:t>
            </w:r>
          </w:p>
          <w:p w:rsidR="00156FB3" w:rsidRDefault="00156FB3" w:rsidP="00156FB3">
            <w:r>
              <w:t xml:space="preserve">                                    return "";</w:t>
            </w:r>
          </w:p>
          <w:p w:rsidR="00156FB3" w:rsidRDefault="00156FB3" w:rsidP="00156FB3">
            <w:r>
              <w:t xml:space="preserve">                                } else {</w:t>
            </w:r>
          </w:p>
          <w:p w:rsidR="00156FB3" w:rsidRDefault="00156FB3" w:rsidP="00156FB3">
            <w:r>
              <w:t xml:space="preserve">                                  /* As per the filter property's spec, convert the decimal value to a whole number and wrap the value. */</w:t>
            </w:r>
          </w:p>
          <w:p w:rsidR="00156FB3" w:rsidRDefault="00156FB3" w:rsidP="00156FB3">
            <w:r>
              <w:t xml:space="preserve">                                  return "alpha(opacity=" + parseInt(parseFloat(propertyValue) * 100, 10) + ")";</w:t>
            </w:r>
          </w:p>
          <w:p w:rsidR="00156FB3" w:rsidRDefault="00156FB3" w:rsidP="00156FB3">
            <w:r>
              <w:t xml:space="preserve">                                }</w:t>
            </w:r>
          </w:p>
          <w:p w:rsidR="00156FB3" w:rsidRDefault="00156FB3" w:rsidP="00156FB3">
            <w:r>
              <w:t xml:space="preserve">                        }</w:t>
            </w:r>
          </w:p>
          <w:p w:rsidR="00156FB3" w:rsidRDefault="00156FB3" w:rsidP="00156FB3">
            <w:r>
              <w:t xml:space="preserve">                    /* With all other browsers, normalization is not required; return the same values that were passed in. */</w:t>
            </w:r>
          </w:p>
          <w:p w:rsidR="00156FB3" w:rsidRDefault="00156FB3" w:rsidP="00156FB3">
            <w:r>
              <w:t xml:space="preserve">                    } else {</w:t>
            </w:r>
          </w:p>
          <w:p w:rsidR="00156FB3" w:rsidRDefault="00156FB3" w:rsidP="00156FB3">
            <w:r>
              <w:t xml:space="preserve">                        switch (type) {</w:t>
            </w:r>
          </w:p>
          <w:p w:rsidR="00156FB3" w:rsidRDefault="00156FB3" w:rsidP="00156FB3">
            <w:r>
              <w:t xml:space="preserve">                            case "name":</w:t>
            </w:r>
          </w:p>
          <w:p w:rsidR="00156FB3" w:rsidRDefault="00156FB3" w:rsidP="00156FB3">
            <w:r>
              <w:t xml:space="preserve">                                return "opacity";</w:t>
            </w:r>
          </w:p>
          <w:p w:rsidR="00156FB3" w:rsidRDefault="00156FB3" w:rsidP="00156FB3">
            <w:r>
              <w:t xml:space="preserve">                            case "extract":</w:t>
            </w:r>
          </w:p>
          <w:p w:rsidR="00156FB3" w:rsidRDefault="00156FB3" w:rsidP="00156FB3">
            <w:r>
              <w:t xml:space="preserve">                                return propertyValue;</w:t>
            </w:r>
          </w:p>
          <w:p w:rsidR="00156FB3" w:rsidRDefault="00156FB3" w:rsidP="00156FB3">
            <w:r>
              <w:t xml:space="preserve">                            case "inject":</w:t>
            </w:r>
          </w:p>
          <w:p w:rsidR="00156FB3" w:rsidRDefault="00156FB3" w:rsidP="00156FB3">
            <w:r>
              <w:t xml:space="preserve">                                return propertyValue;</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Batched Registrations</w:t>
            </w:r>
          </w:p>
          <w:p w:rsidR="00156FB3" w:rsidRDefault="00156FB3" w:rsidP="00156FB3">
            <w:r>
              <w:t xml:space="preserve">            *****************************/</w:t>
            </w:r>
          </w:p>
          <w:p w:rsidR="00156FB3" w:rsidRDefault="00156FB3" w:rsidP="00156FB3"/>
          <w:p w:rsidR="00156FB3" w:rsidRDefault="00156FB3" w:rsidP="00156FB3">
            <w:r>
              <w:t xml:space="preserve">            /* Note: Batched normalizations extend the CSS.Normalizations.registered object. */</w:t>
            </w:r>
          </w:p>
          <w:p w:rsidR="00156FB3" w:rsidRDefault="00156FB3" w:rsidP="00156FB3">
            <w:r>
              <w:t xml:space="preserve">            register: function () {</w:t>
            </w:r>
          </w:p>
          <w:p w:rsidR="00156FB3" w:rsidRDefault="00156FB3" w:rsidP="00156FB3"/>
          <w:p w:rsidR="00156FB3" w:rsidRDefault="00156FB3" w:rsidP="00156FB3">
            <w:r>
              <w:t xml:space="preserve">                /*****************</w:t>
            </w:r>
          </w:p>
          <w:p w:rsidR="00156FB3" w:rsidRDefault="00156FB3" w:rsidP="00156FB3">
            <w:r>
              <w:t xml:space="preserve">                    Transforms</w:t>
            </w:r>
          </w:p>
          <w:p w:rsidR="00156FB3" w:rsidRDefault="00156FB3" w:rsidP="00156FB3">
            <w:r>
              <w:lastRenderedPageBreak/>
              <w:t xml:space="preserve">                *****************/</w:t>
            </w:r>
          </w:p>
          <w:p w:rsidR="00156FB3" w:rsidRDefault="00156FB3" w:rsidP="00156FB3"/>
          <w:p w:rsidR="00156FB3" w:rsidRDefault="00156FB3" w:rsidP="00156FB3">
            <w:r>
              <w:t xml:space="preserve">                /* Transforms are the subproperties contained by the CSS "transform" property. Transforms must undergo normalization</w:t>
            </w:r>
          </w:p>
          <w:p w:rsidR="00156FB3" w:rsidRDefault="00156FB3" w:rsidP="00156FB3">
            <w:r>
              <w:t xml:space="preserve">                   so that they can be referenced in a properties map by their individual names. */</w:t>
            </w:r>
          </w:p>
          <w:p w:rsidR="00156FB3" w:rsidRDefault="00156FB3" w:rsidP="00156FB3">
            <w:r>
              <w:t xml:space="preserve">                /* Note: When transforms are "set", they are actually assigned to a per-element transformCache. When all transform</w:t>
            </w:r>
          </w:p>
          <w:p w:rsidR="00156FB3" w:rsidRDefault="00156FB3" w:rsidP="00156FB3">
            <w:r>
              <w:t xml:space="preserve">                   setting is complete complete, CSS.flushTransformCache() must be manually called to flush the values to the DOM.</w:t>
            </w:r>
          </w:p>
          <w:p w:rsidR="00156FB3" w:rsidRDefault="00156FB3" w:rsidP="00156FB3">
            <w:r>
              <w:t xml:space="preserve">                   Transform setting is batched in this way to improve performance: the transform style only needs to be updated</w:t>
            </w:r>
          </w:p>
          <w:p w:rsidR="00156FB3" w:rsidRDefault="00156FB3" w:rsidP="00156FB3">
            <w:r>
              <w:t xml:space="preserve">                   once when multiple transform subproperties are being animated simultaneously. */</w:t>
            </w:r>
          </w:p>
          <w:p w:rsidR="00156FB3" w:rsidRDefault="00156FB3" w:rsidP="00156FB3">
            <w:r>
              <w:t xml:space="preserve">                /* Note: IE9 and Android Gingerbread have support for 2D -- but not 3D -- transforms. Since animating unsupported</w:t>
            </w:r>
          </w:p>
          <w:p w:rsidR="00156FB3" w:rsidRDefault="00156FB3" w:rsidP="00156FB3">
            <w:r>
              <w:t xml:space="preserve">                   transform properties results in the browser ignoring the *entire* transform string, we prevent these 3D values</w:t>
            </w:r>
          </w:p>
          <w:p w:rsidR="00156FB3" w:rsidRDefault="00156FB3" w:rsidP="00156FB3">
            <w:r>
              <w:t xml:space="preserve">                   from being normalized for these browsers so that tweening skips these properties altogether</w:t>
            </w:r>
          </w:p>
          <w:p w:rsidR="00156FB3" w:rsidRDefault="00156FB3" w:rsidP="00156FB3">
            <w:r>
              <w:t xml:space="preserve">                   (since it will ignore them as being unsupported by the browser.) */</w:t>
            </w:r>
          </w:p>
          <w:p w:rsidR="00156FB3" w:rsidRDefault="00156FB3" w:rsidP="00156FB3">
            <w:r>
              <w:t xml:space="preserve">                if (!(IE &lt;= 9) &amp;&amp; !Velocity.State.isGingerbread) {</w:t>
            </w:r>
          </w:p>
          <w:p w:rsidR="00156FB3" w:rsidRDefault="00156FB3" w:rsidP="00156FB3">
            <w:r>
              <w:t xml:space="preserve">                    /* Note: Since the standalone CSS "perspective" property and the CSS transform "perspective" subproperty</w:t>
            </w:r>
          </w:p>
          <w:p w:rsidR="00156FB3" w:rsidRDefault="00156FB3" w:rsidP="00156FB3">
            <w:r>
              <w:t xml:space="preserve">                    share the same name, the latter is given a unique token within Velocity: "transformPerspective". */</w:t>
            </w:r>
          </w:p>
          <w:p w:rsidR="00156FB3" w:rsidRDefault="00156FB3" w:rsidP="00156FB3">
            <w:r>
              <w:t xml:space="preserve">                    CSS.Lists.transformsBase = CSS.Lists.transformsBase.concat(CSS.Lists.transforms3D);</w:t>
            </w:r>
          </w:p>
          <w:p w:rsidR="00156FB3" w:rsidRDefault="00156FB3" w:rsidP="00156FB3">
            <w:r>
              <w:t xml:space="preserve">                }</w:t>
            </w:r>
          </w:p>
          <w:p w:rsidR="00156FB3" w:rsidRDefault="00156FB3" w:rsidP="00156FB3"/>
          <w:p w:rsidR="00156FB3" w:rsidRDefault="00156FB3" w:rsidP="00156FB3">
            <w:r>
              <w:t xml:space="preserve">                for (var i = 0; i &lt; CSS.Lists.transformsBase.length; i++) {</w:t>
            </w:r>
          </w:p>
          <w:p w:rsidR="00156FB3" w:rsidRDefault="00156FB3" w:rsidP="00156FB3">
            <w:r>
              <w:t xml:space="preserve">                    /* Wrap the dynamically generated normalization function in a new scope so that transformName's value is</w:t>
            </w:r>
          </w:p>
          <w:p w:rsidR="00156FB3" w:rsidRDefault="00156FB3" w:rsidP="00156FB3">
            <w:r>
              <w:t xml:space="preserve">                    paired with its respective function. (Otherwise, all functions would take the final for loop's transformName.) */</w:t>
            </w:r>
          </w:p>
          <w:p w:rsidR="00156FB3" w:rsidRDefault="00156FB3" w:rsidP="00156FB3">
            <w:r>
              <w:t xml:space="preserve">                    (function() {</w:t>
            </w:r>
          </w:p>
          <w:p w:rsidR="00156FB3" w:rsidRDefault="00156FB3" w:rsidP="00156FB3">
            <w:r>
              <w:t xml:space="preserve">                        var transformName = CSS.Lists.transformsBase[i];</w:t>
            </w:r>
          </w:p>
          <w:p w:rsidR="00156FB3" w:rsidRDefault="00156FB3" w:rsidP="00156FB3"/>
          <w:p w:rsidR="00156FB3" w:rsidRDefault="00156FB3" w:rsidP="00156FB3">
            <w:r>
              <w:t xml:space="preserve">                        CSS.Normalizations.registered[transformName] = function (type, element, propertyValue) {</w:t>
            </w:r>
          </w:p>
          <w:p w:rsidR="00156FB3" w:rsidRDefault="00156FB3" w:rsidP="00156FB3">
            <w:r>
              <w:t xml:space="preserve">                            switch (type) {</w:t>
            </w:r>
          </w:p>
          <w:p w:rsidR="00156FB3" w:rsidRDefault="00156FB3" w:rsidP="00156FB3">
            <w:r>
              <w:t xml:space="preserve">                                /* The normalized property name is the parent "transform" property -- the property that is actually set in CSS. */</w:t>
            </w:r>
          </w:p>
          <w:p w:rsidR="00156FB3" w:rsidRDefault="00156FB3" w:rsidP="00156FB3">
            <w:r>
              <w:t xml:space="preserve">                                case "name":</w:t>
            </w:r>
          </w:p>
          <w:p w:rsidR="00156FB3" w:rsidRDefault="00156FB3" w:rsidP="00156FB3">
            <w:r>
              <w:t xml:space="preserve">                                    return "transform";</w:t>
            </w:r>
          </w:p>
          <w:p w:rsidR="00156FB3" w:rsidRDefault="00156FB3" w:rsidP="00156FB3">
            <w:r>
              <w:t xml:space="preserve">                                /* Transform values are cached onto a per-element transformCache object. */</w:t>
            </w:r>
          </w:p>
          <w:p w:rsidR="00156FB3" w:rsidRDefault="00156FB3" w:rsidP="00156FB3">
            <w:r>
              <w:t xml:space="preserve">                                case "extract":</w:t>
            </w:r>
          </w:p>
          <w:p w:rsidR="00156FB3" w:rsidRDefault="00156FB3" w:rsidP="00156FB3">
            <w:r>
              <w:t xml:space="preserve">                                    /* If this transform has yet to be assigned a value, return its null value. */</w:t>
            </w:r>
          </w:p>
          <w:p w:rsidR="00156FB3" w:rsidRDefault="00156FB3" w:rsidP="00156FB3">
            <w:r>
              <w:t xml:space="preserve">                                    if (Data(element) === undefined || Data(element).transformCache[transformName] === undefined) {</w:t>
            </w:r>
          </w:p>
          <w:p w:rsidR="00156FB3" w:rsidRDefault="00156FB3" w:rsidP="00156FB3">
            <w:r>
              <w:t xml:space="preserve">                                        /* Scale CSS.Lists.transformsBase default to 1 whereas all other transform properties default to 0. */</w:t>
            </w:r>
          </w:p>
          <w:p w:rsidR="00156FB3" w:rsidRDefault="00156FB3" w:rsidP="00156FB3">
            <w:r>
              <w:t xml:space="preserve">                                        return /^scale/i.test(transformName) ? 1 : 0;</w:t>
            </w:r>
          </w:p>
          <w:p w:rsidR="00156FB3" w:rsidRDefault="00156FB3" w:rsidP="00156FB3">
            <w:r>
              <w:lastRenderedPageBreak/>
              <w:t xml:space="preserve">                                    /* When transform values are set, they are wrapped in parentheses as per the CSS spec.</w:t>
            </w:r>
          </w:p>
          <w:p w:rsidR="00156FB3" w:rsidRDefault="00156FB3" w:rsidP="00156FB3">
            <w:r>
              <w:t xml:space="preserve">                                       Thus, when extracting their values (for tween calculations), we strip off the parentheses. */</w:t>
            </w:r>
          </w:p>
          <w:p w:rsidR="00156FB3" w:rsidRDefault="00156FB3" w:rsidP="00156FB3">
            <w:r>
              <w:t xml:space="preserve">                                    } else {</w:t>
            </w:r>
          </w:p>
          <w:p w:rsidR="00156FB3" w:rsidRDefault="00156FB3" w:rsidP="00156FB3">
            <w:r>
              <w:t xml:space="preserve">                                        return Data(element).transformCache[transformName].replace(/[()]/g, "");</w:t>
            </w:r>
          </w:p>
          <w:p w:rsidR="00156FB3" w:rsidRDefault="00156FB3" w:rsidP="00156FB3">
            <w:r>
              <w:t xml:space="preserve">                                    }</w:t>
            </w:r>
          </w:p>
          <w:p w:rsidR="00156FB3" w:rsidRDefault="00156FB3" w:rsidP="00156FB3">
            <w:r>
              <w:t xml:space="preserve">                                case "inject":</w:t>
            </w:r>
          </w:p>
          <w:p w:rsidR="00156FB3" w:rsidRDefault="00156FB3" w:rsidP="00156FB3">
            <w:r>
              <w:t xml:space="preserve">                                    var invalid = false;</w:t>
            </w:r>
          </w:p>
          <w:p w:rsidR="00156FB3" w:rsidRDefault="00156FB3" w:rsidP="00156FB3"/>
          <w:p w:rsidR="00156FB3" w:rsidRDefault="00156FB3" w:rsidP="00156FB3">
            <w:r>
              <w:t xml:space="preserve">                                    /* If an individual transform property contains an unsupported unit type, the browser ignores the *entire* transform property.</w:t>
            </w:r>
          </w:p>
          <w:p w:rsidR="00156FB3" w:rsidRDefault="00156FB3" w:rsidP="00156FB3">
            <w:r>
              <w:t xml:space="preserve">                                       Thus, protect users from themselves by skipping setting for transform values supplied with invalid unit types. */</w:t>
            </w:r>
          </w:p>
          <w:p w:rsidR="00156FB3" w:rsidRDefault="00156FB3" w:rsidP="00156FB3">
            <w:r>
              <w:t xml:space="preserve">                                    /* Switch on the base transform type; ignore the axis by removing the last letter from the transform's name. */</w:t>
            </w:r>
          </w:p>
          <w:p w:rsidR="00156FB3" w:rsidRDefault="00156FB3" w:rsidP="00156FB3">
            <w:r>
              <w:t xml:space="preserve">                                    switch (transformName.substr(0, transformName.length - 1)) {</w:t>
            </w:r>
          </w:p>
          <w:p w:rsidR="00156FB3" w:rsidRDefault="00156FB3" w:rsidP="00156FB3">
            <w:r>
              <w:t xml:space="preserve">                                        /* Whitelist unit types for each transform. */</w:t>
            </w:r>
          </w:p>
          <w:p w:rsidR="00156FB3" w:rsidRDefault="00156FB3" w:rsidP="00156FB3">
            <w:r>
              <w:t xml:space="preserve">                                        case "translate":</w:t>
            </w:r>
          </w:p>
          <w:p w:rsidR="00156FB3" w:rsidRDefault="00156FB3" w:rsidP="00156FB3">
            <w:r>
              <w:t xml:space="preserve">                                            invalid = !/(%|px|em|rem|vw|vh|\d)$/i.test(propertyValue);</w:t>
            </w:r>
          </w:p>
          <w:p w:rsidR="00156FB3" w:rsidRDefault="00156FB3" w:rsidP="00156FB3">
            <w:r>
              <w:t xml:space="preserve">                                            break;</w:t>
            </w:r>
          </w:p>
          <w:p w:rsidR="00156FB3" w:rsidRDefault="00156FB3" w:rsidP="00156FB3">
            <w:r>
              <w:t xml:space="preserve">                                        /* Since an axis-free "scale" property is supported as well, a little hack is used here to detect it by chopping off its last letter. */</w:t>
            </w:r>
          </w:p>
          <w:p w:rsidR="00156FB3" w:rsidRDefault="00156FB3" w:rsidP="00156FB3">
            <w:r>
              <w:t xml:space="preserve">                                        case "scal":</w:t>
            </w:r>
          </w:p>
          <w:p w:rsidR="00156FB3" w:rsidRDefault="00156FB3" w:rsidP="00156FB3">
            <w:r>
              <w:t xml:space="preserve">                                        case "scale":</w:t>
            </w:r>
          </w:p>
          <w:p w:rsidR="00156FB3" w:rsidRDefault="00156FB3" w:rsidP="00156FB3">
            <w:r>
              <w:t xml:space="preserve">                                            /* Chrome on Android has a bug in which scaled elements blur if their initial scale</w:t>
            </w:r>
          </w:p>
          <w:p w:rsidR="00156FB3" w:rsidRDefault="00156FB3" w:rsidP="00156FB3">
            <w:r>
              <w:t xml:space="preserve">                                               value is below 1 (which can happen with forcefeeding). Thus, we detect a yet-unset scale property</w:t>
            </w:r>
          </w:p>
          <w:p w:rsidR="00156FB3" w:rsidRDefault="00156FB3" w:rsidP="00156FB3">
            <w:r>
              <w:t xml:space="preserve">                                               and ensure that its first value is always 1. More info: http://stackoverflow.com/questions/10417890/css3-animations-with-transform-causes-blurred-elements-on-webkit/10417962#10417962 */</w:t>
            </w:r>
          </w:p>
          <w:p w:rsidR="00156FB3" w:rsidRDefault="00156FB3" w:rsidP="00156FB3">
            <w:r>
              <w:t xml:space="preserve">                                            if (Velocity.State.isAndroid &amp;&amp; Data(element).transformCache[transformName] === undefined &amp;&amp; propertyValue &lt; 1) {</w:t>
            </w:r>
          </w:p>
          <w:p w:rsidR="00156FB3" w:rsidRDefault="00156FB3" w:rsidP="00156FB3">
            <w:r>
              <w:t xml:space="preserve">                                                propertyValue = 1;</w:t>
            </w:r>
          </w:p>
          <w:p w:rsidR="00156FB3" w:rsidRDefault="00156FB3" w:rsidP="00156FB3">
            <w:r>
              <w:t xml:space="preserve">                                            }</w:t>
            </w:r>
          </w:p>
          <w:p w:rsidR="00156FB3" w:rsidRDefault="00156FB3" w:rsidP="00156FB3"/>
          <w:p w:rsidR="00156FB3" w:rsidRDefault="00156FB3" w:rsidP="00156FB3">
            <w:r>
              <w:t xml:space="preserve">                                            invalid = !/(\d)$/i.test(propertyValue);</w:t>
            </w:r>
          </w:p>
          <w:p w:rsidR="00156FB3" w:rsidRDefault="00156FB3" w:rsidP="00156FB3">
            <w:r>
              <w:t xml:space="preserve">                                            break;</w:t>
            </w:r>
          </w:p>
          <w:p w:rsidR="00156FB3" w:rsidRDefault="00156FB3" w:rsidP="00156FB3">
            <w:r>
              <w:t xml:space="preserve">                                        case "skew":</w:t>
            </w:r>
          </w:p>
          <w:p w:rsidR="00156FB3" w:rsidRDefault="00156FB3" w:rsidP="00156FB3">
            <w:r>
              <w:t xml:space="preserve">                                            invalid = !/(deg|\d)$/i.test(propertyValue);</w:t>
            </w:r>
          </w:p>
          <w:p w:rsidR="00156FB3" w:rsidRDefault="00156FB3" w:rsidP="00156FB3">
            <w:r>
              <w:t xml:space="preserve">                                            break;</w:t>
            </w:r>
          </w:p>
          <w:p w:rsidR="00156FB3" w:rsidRDefault="00156FB3" w:rsidP="00156FB3">
            <w:r>
              <w:t xml:space="preserve">                                        case "rotate":</w:t>
            </w:r>
          </w:p>
          <w:p w:rsidR="00156FB3" w:rsidRDefault="00156FB3" w:rsidP="00156FB3">
            <w:r>
              <w:t xml:space="preserve">                                            invalid = !/(deg|\d)$/i.test(propertyValue);</w:t>
            </w:r>
          </w:p>
          <w:p w:rsidR="00156FB3" w:rsidRDefault="00156FB3" w:rsidP="00156FB3">
            <w:r>
              <w:t xml:space="preserve">                                            break;</w:t>
            </w:r>
          </w:p>
          <w:p w:rsidR="00156FB3" w:rsidRDefault="00156FB3" w:rsidP="00156FB3">
            <w:r>
              <w:t xml:space="preserve">                                    }</w:t>
            </w:r>
          </w:p>
          <w:p w:rsidR="00156FB3" w:rsidRDefault="00156FB3" w:rsidP="00156FB3"/>
          <w:p w:rsidR="00156FB3" w:rsidRDefault="00156FB3" w:rsidP="00156FB3">
            <w:r>
              <w:t xml:space="preserve">                                    if (!invalid) {</w:t>
            </w:r>
          </w:p>
          <w:p w:rsidR="00156FB3" w:rsidRDefault="00156FB3" w:rsidP="00156FB3">
            <w:r>
              <w:lastRenderedPageBreak/>
              <w:t xml:space="preserve">                                        /* As per the CSS spec, wrap the value in parentheses. */</w:t>
            </w:r>
          </w:p>
          <w:p w:rsidR="00156FB3" w:rsidRDefault="00156FB3" w:rsidP="00156FB3">
            <w:r>
              <w:t xml:space="preserve">                                        Data(element).transformCache[transformName] = "(" + propertyValue + ")";</w:t>
            </w:r>
          </w:p>
          <w:p w:rsidR="00156FB3" w:rsidRDefault="00156FB3" w:rsidP="00156FB3">
            <w:r>
              <w:t xml:space="preserve">                                    }</w:t>
            </w:r>
          </w:p>
          <w:p w:rsidR="00156FB3" w:rsidRDefault="00156FB3" w:rsidP="00156FB3"/>
          <w:p w:rsidR="00156FB3" w:rsidRDefault="00156FB3" w:rsidP="00156FB3">
            <w:r>
              <w:t xml:space="preserve">                                    /* Although the value is set on the transformCache object, return the newly-updated value for the calling code to process as normal. */</w:t>
            </w:r>
          </w:p>
          <w:p w:rsidR="00156FB3" w:rsidRDefault="00156FB3" w:rsidP="00156FB3">
            <w:r>
              <w:t xml:space="preserve">                                    return Data(element).transformCache[transformName];</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Colors</w:t>
            </w:r>
          </w:p>
          <w:p w:rsidR="00156FB3" w:rsidRDefault="00156FB3" w:rsidP="00156FB3">
            <w:r>
              <w:t xml:space="preserve">                *************/</w:t>
            </w:r>
          </w:p>
          <w:p w:rsidR="00156FB3" w:rsidRDefault="00156FB3" w:rsidP="00156FB3"/>
          <w:p w:rsidR="00156FB3" w:rsidRDefault="00156FB3" w:rsidP="00156FB3">
            <w:r>
              <w:t xml:space="preserve">                /* Since Velocity only animates a single numeric value per property, color animation is achieved by hooking the individual RGBA components of CSS color properties.</w:t>
            </w:r>
          </w:p>
          <w:p w:rsidR="00156FB3" w:rsidRDefault="00156FB3" w:rsidP="00156FB3">
            <w:r>
              <w:t xml:space="preserve">                   Accordingly, color values must be normalized (e.g. "#ff0000", "red", and "rgb(255, 0, 0)" ==&gt; "255 0 0 1") so that their components can be injected/extracted by CSS.Hooks logic. */</w:t>
            </w:r>
          </w:p>
          <w:p w:rsidR="00156FB3" w:rsidRDefault="00156FB3" w:rsidP="00156FB3">
            <w:r>
              <w:t xml:space="preserve">                for (var i = 0; i &lt; CSS.Lists.colors.length; i++) {</w:t>
            </w:r>
          </w:p>
          <w:p w:rsidR="00156FB3" w:rsidRDefault="00156FB3" w:rsidP="00156FB3">
            <w:r>
              <w:t xml:space="preserve">                    /* Wrap the dynamically generated normalization function in a new scope so that colorName's value is paired with its respective function.</w:t>
            </w:r>
          </w:p>
          <w:p w:rsidR="00156FB3" w:rsidRDefault="00156FB3" w:rsidP="00156FB3">
            <w:r>
              <w:t xml:space="preserve">                       (Otherwise, all functions would take the final for loop's colorName.) */</w:t>
            </w:r>
          </w:p>
          <w:p w:rsidR="00156FB3" w:rsidRDefault="00156FB3" w:rsidP="00156FB3">
            <w:r>
              <w:t xml:space="preserve">                    (function () {</w:t>
            </w:r>
          </w:p>
          <w:p w:rsidR="00156FB3" w:rsidRDefault="00156FB3" w:rsidP="00156FB3">
            <w:r>
              <w:t xml:space="preserve">                        var colorName = CSS.Lists.colors[i];</w:t>
            </w:r>
          </w:p>
          <w:p w:rsidR="00156FB3" w:rsidRDefault="00156FB3" w:rsidP="00156FB3"/>
          <w:p w:rsidR="00156FB3" w:rsidRDefault="00156FB3" w:rsidP="00156FB3">
            <w:r>
              <w:t xml:space="preserve">                        /* Note: In IE&lt;=8, which support rgb but not rgba, color properties are reverted to rgb by stripping off the alpha component. */</w:t>
            </w:r>
          </w:p>
          <w:p w:rsidR="00156FB3" w:rsidRDefault="00156FB3" w:rsidP="00156FB3">
            <w:r>
              <w:t xml:space="preserve">                        CSS.Normalizations.registered[colorName] = function(type, element, propertyValue) {</w:t>
            </w:r>
          </w:p>
          <w:p w:rsidR="00156FB3" w:rsidRDefault="00156FB3" w:rsidP="00156FB3">
            <w:r>
              <w:t xml:space="preserve">                            switch (type) {</w:t>
            </w:r>
          </w:p>
          <w:p w:rsidR="00156FB3" w:rsidRDefault="00156FB3" w:rsidP="00156FB3">
            <w:r>
              <w:t xml:space="preserve">                                case "name":</w:t>
            </w:r>
          </w:p>
          <w:p w:rsidR="00156FB3" w:rsidRDefault="00156FB3" w:rsidP="00156FB3">
            <w:r>
              <w:t xml:space="preserve">                                    return colorName;</w:t>
            </w:r>
          </w:p>
          <w:p w:rsidR="00156FB3" w:rsidRDefault="00156FB3" w:rsidP="00156FB3">
            <w:r>
              <w:t xml:space="preserve">                                /* Convert all color values into the rgb format. (Old IE can return hex values and color names instead of rgb/rgba.) */</w:t>
            </w:r>
          </w:p>
          <w:p w:rsidR="00156FB3" w:rsidRDefault="00156FB3" w:rsidP="00156FB3">
            <w:r>
              <w:t xml:space="preserve">                                case "extract":</w:t>
            </w:r>
          </w:p>
          <w:p w:rsidR="00156FB3" w:rsidRDefault="00156FB3" w:rsidP="00156FB3">
            <w:r>
              <w:t xml:space="preserve">                                    var extracted;</w:t>
            </w:r>
          </w:p>
          <w:p w:rsidR="00156FB3" w:rsidRDefault="00156FB3" w:rsidP="00156FB3"/>
          <w:p w:rsidR="00156FB3" w:rsidRDefault="00156FB3" w:rsidP="00156FB3">
            <w:r>
              <w:t xml:space="preserve">                                    /* If the color is already in its hookable form (e.g. "255 255 255 1") due to having been previously extracted, skip extraction. */</w:t>
            </w:r>
          </w:p>
          <w:p w:rsidR="00156FB3" w:rsidRDefault="00156FB3" w:rsidP="00156FB3">
            <w:r>
              <w:t xml:space="preserve">                                    if (CSS.RegEx.wrappedValueAlreadyExtracted.test(propertyValue)) {</w:t>
            </w:r>
          </w:p>
          <w:p w:rsidR="00156FB3" w:rsidRDefault="00156FB3" w:rsidP="00156FB3">
            <w:r>
              <w:t xml:space="preserve">                                        extracted = propertyValue;</w:t>
            </w:r>
          </w:p>
          <w:p w:rsidR="00156FB3" w:rsidRDefault="00156FB3" w:rsidP="00156FB3">
            <w:r>
              <w:t xml:space="preserve">                                    } else {</w:t>
            </w:r>
          </w:p>
          <w:p w:rsidR="00156FB3" w:rsidRDefault="00156FB3" w:rsidP="00156FB3">
            <w:r>
              <w:t xml:space="preserve">                                        var converted,</w:t>
            </w:r>
          </w:p>
          <w:p w:rsidR="00156FB3" w:rsidRDefault="00156FB3" w:rsidP="00156FB3">
            <w:r>
              <w:t xml:space="preserve">                                            colorNames = {</w:t>
            </w:r>
          </w:p>
          <w:p w:rsidR="00156FB3" w:rsidRDefault="00156FB3" w:rsidP="00156FB3">
            <w:r>
              <w:t xml:space="preserve">                                                black: "rgb(0, 0, 0)",</w:t>
            </w:r>
          </w:p>
          <w:p w:rsidR="00156FB3" w:rsidRDefault="00156FB3" w:rsidP="00156FB3">
            <w:r>
              <w:t xml:space="preserve">                                                blue: "rgb(0, 0, 255)",</w:t>
            </w:r>
          </w:p>
          <w:p w:rsidR="00156FB3" w:rsidRDefault="00156FB3" w:rsidP="00156FB3">
            <w:r>
              <w:t xml:space="preserve">                                                gray: "rgb(128, 128, 128)",</w:t>
            </w:r>
          </w:p>
          <w:p w:rsidR="00156FB3" w:rsidRDefault="00156FB3" w:rsidP="00156FB3">
            <w:r>
              <w:lastRenderedPageBreak/>
              <w:t xml:space="preserve">                                                green: "rgb(0, 128, 0)",</w:t>
            </w:r>
          </w:p>
          <w:p w:rsidR="00156FB3" w:rsidRDefault="00156FB3" w:rsidP="00156FB3">
            <w:r>
              <w:t xml:space="preserve">                                                red: "rgb(255, 0, 0)",</w:t>
            </w:r>
          </w:p>
          <w:p w:rsidR="00156FB3" w:rsidRDefault="00156FB3" w:rsidP="00156FB3">
            <w:r>
              <w:t xml:space="preserve">                                                white: "rgb(255, 255, 255)"</w:t>
            </w:r>
          </w:p>
          <w:p w:rsidR="00156FB3" w:rsidRDefault="00156FB3" w:rsidP="00156FB3">
            <w:r>
              <w:t xml:space="preserve">                                            };</w:t>
            </w:r>
          </w:p>
          <w:p w:rsidR="00156FB3" w:rsidRDefault="00156FB3" w:rsidP="00156FB3"/>
          <w:p w:rsidR="00156FB3" w:rsidRDefault="00156FB3" w:rsidP="00156FB3">
            <w:r>
              <w:t xml:space="preserve">                                        /* Convert color names to rgb. */</w:t>
            </w:r>
          </w:p>
          <w:p w:rsidR="00156FB3" w:rsidRDefault="00156FB3" w:rsidP="00156FB3">
            <w:r>
              <w:t xml:space="preserve">                                        if (/^[A-z]+$/i.test(propertyValue)) {</w:t>
            </w:r>
          </w:p>
          <w:p w:rsidR="00156FB3" w:rsidRDefault="00156FB3" w:rsidP="00156FB3">
            <w:r>
              <w:t xml:space="preserve">                                            if (colorNames[propertyValue] !== undefined) {</w:t>
            </w:r>
          </w:p>
          <w:p w:rsidR="00156FB3" w:rsidRDefault="00156FB3" w:rsidP="00156FB3">
            <w:r>
              <w:t xml:space="preserve">                                                converted = colorNames[propertyValue]</w:t>
            </w:r>
          </w:p>
          <w:p w:rsidR="00156FB3" w:rsidRDefault="00156FB3" w:rsidP="00156FB3">
            <w:r>
              <w:t xml:space="preserve">                                            } else {</w:t>
            </w:r>
          </w:p>
          <w:p w:rsidR="00156FB3" w:rsidRDefault="00156FB3" w:rsidP="00156FB3">
            <w:r>
              <w:t xml:space="preserve">                                                /* If an unmatched color name is provided, default to black. */</w:t>
            </w:r>
          </w:p>
          <w:p w:rsidR="00156FB3" w:rsidRDefault="00156FB3" w:rsidP="00156FB3">
            <w:r>
              <w:t xml:space="preserve">                                                converted = colorNames.black;</w:t>
            </w:r>
          </w:p>
          <w:p w:rsidR="00156FB3" w:rsidRDefault="00156FB3" w:rsidP="00156FB3">
            <w:r>
              <w:t xml:space="preserve">                                            }</w:t>
            </w:r>
          </w:p>
          <w:p w:rsidR="00156FB3" w:rsidRDefault="00156FB3" w:rsidP="00156FB3">
            <w:r>
              <w:t xml:space="preserve">                                        /* Convert hex values to rgb. */</w:t>
            </w:r>
          </w:p>
          <w:p w:rsidR="00156FB3" w:rsidRDefault="00156FB3" w:rsidP="00156FB3">
            <w:r>
              <w:t xml:space="preserve">                                        } else if (CSS.RegEx.isHex.test(propertyValue)) {</w:t>
            </w:r>
          </w:p>
          <w:p w:rsidR="00156FB3" w:rsidRDefault="00156FB3" w:rsidP="00156FB3">
            <w:r>
              <w:t xml:space="preserve">                                            converted = "rgb(" + CSS.Values.hexToRgb(propertyValue).join(" ") + ")";</w:t>
            </w:r>
          </w:p>
          <w:p w:rsidR="00156FB3" w:rsidRDefault="00156FB3" w:rsidP="00156FB3">
            <w:r>
              <w:t xml:space="preserve">                                        /* If the provided color doesn't match any of the accepted color formats, default to black. */</w:t>
            </w:r>
          </w:p>
          <w:p w:rsidR="00156FB3" w:rsidRDefault="00156FB3" w:rsidP="00156FB3">
            <w:r>
              <w:t xml:space="preserve">                                        } else if (!(/^rgba?\(/i.test(propertyValue))) {</w:t>
            </w:r>
          </w:p>
          <w:p w:rsidR="00156FB3" w:rsidRDefault="00156FB3" w:rsidP="00156FB3">
            <w:r>
              <w:t xml:space="preserve">                                            converted = colorNames.black;</w:t>
            </w:r>
          </w:p>
          <w:p w:rsidR="00156FB3" w:rsidRDefault="00156FB3" w:rsidP="00156FB3">
            <w:r>
              <w:t xml:space="preserve">                                        }</w:t>
            </w:r>
          </w:p>
          <w:p w:rsidR="00156FB3" w:rsidRDefault="00156FB3" w:rsidP="00156FB3"/>
          <w:p w:rsidR="00156FB3" w:rsidRDefault="00156FB3" w:rsidP="00156FB3">
            <w:r>
              <w:t xml:space="preserve">                                        /* Remove the surrounding "rgb/rgba()" string then replace commas with spaces and strip</w:t>
            </w:r>
          </w:p>
          <w:p w:rsidR="00156FB3" w:rsidRDefault="00156FB3" w:rsidP="00156FB3">
            <w:r>
              <w:t xml:space="preserve">                                           repeated spaces (in case the value included spaces to begin with). */</w:t>
            </w:r>
          </w:p>
          <w:p w:rsidR="00156FB3" w:rsidRDefault="00156FB3" w:rsidP="00156FB3">
            <w:r>
              <w:t xml:space="preserve">                                        extracted = (converted || propertyValue).toString().match(CSS.RegEx.valueUnwrap)[1].replace(/,(\s+)?/g, " ");</w:t>
            </w:r>
          </w:p>
          <w:p w:rsidR="00156FB3" w:rsidRDefault="00156FB3" w:rsidP="00156FB3">
            <w:r>
              <w:t xml:space="preserve">                                    }</w:t>
            </w:r>
          </w:p>
          <w:p w:rsidR="00156FB3" w:rsidRDefault="00156FB3" w:rsidP="00156FB3"/>
          <w:p w:rsidR="00156FB3" w:rsidRDefault="00156FB3" w:rsidP="00156FB3">
            <w:r>
              <w:t xml:space="preserve">                                    /* So long as this isn't &lt;=IE8, add a fourth (alpha) component if it's missing and default it to 1 (visible). */</w:t>
            </w:r>
          </w:p>
          <w:p w:rsidR="00156FB3" w:rsidRDefault="00156FB3" w:rsidP="00156FB3">
            <w:r>
              <w:t xml:space="preserve">                                    if (!(IE &lt;= 8) &amp;&amp; extracted.split(" ").length === 3) {</w:t>
            </w:r>
          </w:p>
          <w:p w:rsidR="00156FB3" w:rsidRDefault="00156FB3" w:rsidP="00156FB3">
            <w:r>
              <w:t xml:space="preserve">                                        extracted += " 1";</w:t>
            </w:r>
          </w:p>
          <w:p w:rsidR="00156FB3" w:rsidRDefault="00156FB3" w:rsidP="00156FB3">
            <w:r>
              <w:t xml:space="preserve">                                    }</w:t>
            </w:r>
          </w:p>
          <w:p w:rsidR="00156FB3" w:rsidRDefault="00156FB3" w:rsidP="00156FB3"/>
          <w:p w:rsidR="00156FB3" w:rsidRDefault="00156FB3" w:rsidP="00156FB3">
            <w:r>
              <w:t xml:space="preserve">                                    return extracted;</w:t>
            </w:r>
          </w:p>
          <w:p w:rsidR="00156FB3" w:rsidRDefault="00156FB3" w:rsidP="00156FB3">
            <w:r>
              <w:t xml:space="preserve">                                case "inject":</w:t>
            </w:r>
          </w:p>
          <w:p w:rsidR="00156FB3" w:rsidRDefault="00156FB3" w:rsidP="00156FB3">
            <w:r>
              <w:t xml:space="preserve">                                    /* If this is IE&lt;=8 and an alpha component exists, strip it off. */</w:t>
            </w:r>
          </w:p>
          <w:p w:rsidR="00156FB3" w:rsidRDefault="00156FB3" w:rsidP="00156FB3">
            <w:r>
              <w:t xml:space="preserve">                                    if (IE &lt;= 8) {</w:t>
            </w:r>
          </w:p>
          <w:p w:rsidR="00156FB3" w:rsidRDefault="00156FB3" w:rsidP="00156FB3">
            <w:r>
              <w:t xml:space="preserve">                                        if (propertyValue.split(" ").length === 4) {</w:t>
            </w:r>
          </w:p>
          <w:p w:rsidR="00156FB3" w:rsidRDefault="00156FB3" w:rsidP="00156FB3">
            <w:r>
              <w:t xml:space="preserve">                                            propertyValue = propertyValue.split(/\s+/).slice(0, 3).join(" ");</w:t>
            </w:r>
          </w:p>
          <w:p w:rsidR="00156FB3" w:rsidRDefault="00156FB3" w:rsidP="00156FB3">
            <w:r>
              <w:t xml:space="preserve">                                        }</w:t>
            </w:r>
          </w:p>
          <w:p w:rsidR="00156FB3" w:rsidRDefault="00156FB3" w:rsidP="00156FB3">
            <w:r>
              <w:t xml:space="preserve">                                    /* Otherwise, add a fourth (alpha) component if it's missing and default it to 1 (visible). */</w:t>
            </w:r>
          </w:p>
          <w:p w:rsidR="00156FB3" w:rsidRDefault="00156FB3" w:rsidP="00156FB3">
            <w:r>
              <w:t xml:space="preserve">                                    } else if (propertyValue.split(" ").length === 3) {</w:t>
            </w:r>
          </w:p>
          <w:p w:rsidR="00156FB3" w:rsidRDefault="00156FB3" w:rsidP="00156FB3">
            <w:r>
              <w:t xml:space="preserve">                                        propertyValue += " 1";</w:t>
            </w:r>
          </w:p>
          <w:p w:rsidR="00156FB3" w:rsidRDefault="00156FB3" w:rsidP="00156FB3">
            <w:r>
              <w:t xml:space="preserve">                                    }</w:t>
            </w:r>
          </w:p>
          <w:p w:rsidR="00156FB3" w:rsidRDefault="00156FB3" w:rsidP="00156FB3"/>
          <w:p w:rsidR="00156FB3" w:rsidRDefault="00156FB3" w:rsidP="00156FB3">
            <w:r>
              <w:lastRenderedPageBreak/>
              <w:t xml:space="preserve">                                    /* Re-insert the browser-appropriate wrapper("rgb/rgba()"), insert commas, and strip off decimal units</w:t>
            </w:r>
          </w:p>
          <w:p w:rsidR="00156FB3" w:rsidRDefault="00156FB3" w:rsidP="00156FB3">
            <w:r>
              <w:t xml:space="preserve">                                       on all values but the fourth (R, G, and B only accept whole numbers). */</w:t>
            </w:r>
          </w:p>
          <w:p w:rsidR="00156FB3" w:rsidRDefault="00156FB3" w:rsidP="00156FB3">
            <w:r>
              <w:t xml:space="preserve">                                    return (IE &lt;= 8 ? "rgb" : "rgba") + "(" + propertyValue.replace(/\s+/g, ",").replace(/\.(\d)+(?=,)/g, "") +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CSS Property Names</w:t>
            </w:r>
          </w:p>
          <w:p w:rsidR="00156FB3" w:rsidRDefault="00156FB3" w:rsidP="00156FB3">
            <w:r>
              <w:t xml:space="preserve">        ************************/</w:t>
            </w:r>
          </w:p>
          <w:p w:rsidR="00156FB3" w:rsidRDefault="00156FB3" w:rsidP="00156FB3"/>
          <w:p w:rsidR="00156FB3" w:rsidRDefault="00156FB3" w:rsidP="00156FB3">
            <w:r>
              <w:t xml:space="preserve">        Names: {</w:t>
            </w:r>
          </w:p>
          <w:p w:rsidR="00156FB3" w:rsidRDefault="00156FB3" w:rsidP="00156FB3">
            <w:r>
              <w:t xml:space="preserve">            /* Camelcase a property name into its JavaScript notation (e.g. "background-color" ==&gt; "backgroundColor").</w:t>
            </w:r>
          </w:p>
          <w:p w:rsidR="00156FB3" w:rsidRDefault="00156FB3" w:rsidP="00156FB3">
            <w:r>
              <w:t xml:space="preserve">               Camelcasing is used to normalize property names between and across calls. */</w:t>
            </w:r>
          </w:p>
          <w:p w:rsidR="00156FB3" w:rsidRDefault="00156FB3" w:rsidP="00156FB3">
            <w:r>
              <w:t xml:space="preserve">            camelCase: function (property) {</w:t>
            </w:r>
          </w:p>
          <w:p w:rsidR="00156FB3" w:rsidRDefault="00156FB3" w:rsidP="00156FB3">
            <w:r>
              <w:t xml:space="preserve">                return property.replace(/-(\w)/g, function (match, subMatch) {</w:t>
            </w:r>
          </w:p>
          <w:p w:rsidR="00156FB3" w:rsidRDefault="00156FB3" w:rsidP="00156FB3">
            <w:r>
              <w:t xml:space="preserve">                    return subMatch.toUpperCas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For SVG elements, some properties (namely, dimensional ones) are GET/SET via the element's HTML attributes (instead of via CSS styles). */</w:t>
            </w:r>
          </w:p>
          <w:p w:rsidR="00156FB3" w:rsidRDefault="00156FB3" w:rsidP="00156FB3">
            <w:r>
              <w:t xml:space="preserve">            SVGAttribute: function (property) {</w:t>
            </w:r>
          </w:p>
          <w:p w:rsidR="00156FB3" w:rsidRDefault="00156FB3" w:rsidP="00156FB3">
            <w:r>
              <w:t xml:space="preserve">                var SVGAttributes = "width|height|x|y|cx|cy|r|rx|ry|x1|x2|y1|y2";</w:t>
            </w:r>
          </w:p>
          <w:p w:rsidR="00156FB3" w:rsidRDefault="00156FB3" w:rsidP="00156FB3"/>
          <w:p w:rsidR="00156FB3" w:rsidRDefault="00156FB3" w:rsidP="00156FB3">
            <w:r>
              <w:t xml:space="preserve">                /* Certain browsers require an SVG transform to be applied as an attribute. (Otherwise, application via CSS is preferable due to 3D support.) */</w:t>
            </w:r>
          </w:p>
          <w:p w:rsidR="00156FB3" w:rsidRDefault="00156FB3" w:rsidP="00156FB3">
            <w:r>
              <w:t xml:space="preserve">                if (IE || (Velocity.State.isAndroid &amp;&amp; !Velocity.State.isChrome)) {</w:t>
            </w:r>
          </w:p>
          <w:p w:rsidR="00156FB3" w:rsidRDefault="00156FB3" w:rsidP="00156FB3">
            <w:r>
              <w:t xml:space="preserve">                    SVGAttributes += "|transform";</w:t>
            </w:r>
          </w:p>
          <w:p w:rsidR="00156FB3" w:rsidRDefault="00156FB3" w:rsidP="00156FB3">
            <w:r>
              <w:t xml:space="preserve">                }</w:t>
            </w:r>
          </w:p>
          <w:p w:rsidR="00156FB3" w:rsidRDefault="00156FB3" w:rsidP="00156FB3"/>
          <w:p w:rsidR="00156FB3" w:rsidRDefault="00156FB3" w:rsidP="00156FB3">
            <w:r>
              <w:t xml:space="preserve">                return new RegExp("^(" + SVGAttributes + ")$", "i").test(property);</w:t>
            </w:r>
          </w:p>
          <w:p w:rsidR="00156FB3" w:rsidRDefault="00156FB3" w:rsidP="00156FB3">
            <w:r>
              <w:t xml:space="preserve">            },</w:t>
            </w:r>
          </w:p>
          <w:p w:rsidR="00156FB3" w:rsidRDefault="00156FB3" w:rsidP="00156FB3"/>
          <w:p w:rsidR="00156FB3" w:rsidRDefault="00156FB3" w:rsidP="00156FB3">
            <w:r>
              <w:t xml:space="preserve">            /* Determine whether a property should be set with a vendor prefix. */</w:t>
            </w:r>
          </w:p>
          <w:p w:rsidR="00156FB3" w:rsidRDefault="00156FB3" w:rsidP="00156FB3">
            <w:r>
              <w:t xml:space="preserve">            /* If a prefixed version of the property exists, return it. Otherwise, return the original property name.</w:t>
            </w:r>
          </w:p>
          <w:p w:rsidR="00156FB3" w:rsidRDefault="00156FB3" w:rsidP="00156FB3">
            <w:r>
              <w:t xml:space="preserve">               If the property is not at all supported by the browser, return a false flag. */</w:t>
            </w:r>
          </w:p>
          <w:p w:rsidR="00156FB3" w:rsidRDefault="00156FB3" w:rsidP="00156FB3">
            <w:r>
              <w:t xml:space="preserve">            prefixCheck: function (property) {</w:t>
            </w:r>
          </w:p>
          <w:p w:rsidR="00156FB3" w:rsidRDefault="00156FB3" w:rsidP="00156FB3">
            <w:r>
              <w:t xml:space="preserve">                /* If this property has already been checked, return the cached value. */</w:t>
            </w:r>
          </w:p>
          <w:p w:rsidR="00156FB3" w:rsidRDefault="00156FB3" w:rsidP="00156FB3">
            <w:r>
              <w:t xml:space="preserve">                if (Velocity.State.prefixMatches[property]) {</w:t>
            </w:r>
          </w:p>
          <w:p w:rsidR="00156FB3" w:rsidRDefault="00156FB3" w:rsidP="00156FB3">
            <w:r>
              <w:t xml:space="preserve">                    return [ Velocity.State.prefixMatches[property], true ];</w:t>
            </w:r>
          </w:p>
          <w:p w:rsidR="00156FB3" w:rsidRDefault="00156FB3" w:rsidP="00156FB3">
            <w:r>
              <w:lastRenderedPageBreak/>
              <w:t xml:space="preserve">                } else {</w:t>
            </w:r>
          </w:p>
          <w:p w:rsidR="00156FB3" w:rsidRDefault="00156FB3" w:rsidP="00156FB3">
            <w:r>
              <w:t xml:space="preserve">                    var vendors = [ "", "Webkit", "Moz", "ms", "O" ];</w:t>
            </w:r>
          </w:p>
          <w:p w:rsidR="00156FB3" w:rsidRDefault="00156FB3" w:rsidP="00156FB3"/>
          <w:p w:rsidR="00156FB3" w:rsidRDefault="00156FB3" w:rsidP="00156FB3">
            <w:r>
              <w:t xml:space="preserve">                    for (var i = 0, vendorsLength = vendors.length; i &lt; vendorsLength; i++) {</w:t>
            </w:r>
          </w:p>
          <w:p w:rsidR="00156FB3" w:rsidRDefault="00156FB3" w:rsidP="00156FB3">
            <w:r>
              <w:t xml:space="preserve">                        var propertyPrefixed;</w:t>
            </w:r>
          </w:p>
          <w:p w:rsidR="00156FB3" w:rsidRDefault="00156FB3" w:rsidP="00156FB3"/>
          <w:p w:rsidR="00156FB3" w:rsidRDefault="00156FB3" w:rsidP="00156FB3">
            <w:r>
              <w:t xml:space="preserve">                        if (i === 0) {</w:t>
            </w:r>
          </w:p>
          <w:p w:rsidR="00156FB3" w:rsidRDefault="00156FB3" w:rsidP="00156FB3">
            <w:r>
              <w:t xml:space="preserve">                            propertyPrefixed = property;</w:t>
            </w:r>
          </w:p>
          <w:p w:rsidR="00156FB3" w:rsidRDefault="00156FB3" w:rsidP="00156FB3">
            <w:r>
              <w:t xml:space="preserve">                        } else {</w:t>
            </w:r>
          </w:p>
          <w:p w:rsidR="00156FB3" w:rsidRDefault="00156FB3" w:rsidP="00156FB3">
            <w:r>
              <w:t xml:space="preserve">                            /* Capitalize the first letter of the property to conform to JavaScript vendor prefix notation (e.g. webkitFilter). */</w:t>
            </w:r>
          </w:p>
          <w:p w:rsidR="00156FB3" w:rsidRDefault="00156FB3" w:rsidP="00156FB3">
            <w:r>
              <w:t xml:space="preserve">                            propertyPrefixed = vendors[i] + property.replace(/^\w/, function(match) { return match.toUpperCase(); });</w:t>
            </w:r>
          </w:p>
          <w:p w:rsidR="00156FB3" w:rsidRDefault="00156FB3" w:rsidP="00156FB3">
            <w:r>
              <w:t xml:space="preserve">                        }</w:t>
            </w:r>
          </w:p>
          <w:p w:rsidR="00156FB3" w:rsidRDefault="00156FB3" w:rsidP="00156FB3"/>
          <w:p w:rsidR="00156FB3" w:rsidRDefault="00156FB3" w:rsidP="00156FB3">
            <w:r>
              <w:t xml:space="preserve">                        /* Check if the browser supports this property as prefixed. */</w:t>
            </w:r>
          </w:p>
          <w:p w:rsidR="00156FB3" w:rsidRDefault="00156FB3" w:rsidP="00156FB3">
            <w:r>
              <w:t xml:space="preserve">                        if (Type.isString(Velocity.State.prefixElement.style[propertyPrefixed])) {</w:t>
            </w:r>
          </w:p>
          <w:p w:rsidR="00156FB3" w:rsidRDefault="00156FB3" w:rsidP="00156FB3">
            <w:r>
              <w:t xml:space="preserve">                            /* Cache the match. */</w:t>
            </w:r>
          </w:p>
          <w:p w:rsidR="00156FB3" w:rsidRDefault="00156FB3" w:rsidP="00156FB3">
            <w:r>
              <w:t xml:space="preserve">                            Velocity.State.prefixMatches[property] = propertyPrefixed;</w:t>
            </w:r>
          </w:p>
          <w:p w:rsidR="00156FB3" w:rsidRDefault="00156FB3" w:rsidP="00156FB3"/>
          <w:p w:rsidR="00156FB3" w:rsidRDefault="00156FB3" w:rsidP="00156FB3">
            <w:r>
              <w:t xml:space="preserve">                            return [ propertyPrefixed, tru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If the browser doesn't support this property in any form, include a false flag so that the caller can decide how to proceed. */</w:t>
            </w:r>
          </w:p>
          <w:p w:rsidR="00156FB3" w:rsidRDefault="00156FB3" w:rsidP="00156FB3">
            <w:r>
              <w:t xml:space="preserve">                    return [ property, fals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CSS Property Values</w:t>
            </w:r>
          </w:p>
          <w:p w:rsidR="00156FB3" w:rsidRDefault="00156FB3" w:rsidP="00156FB3">
            <w:r>
              <w:t xml:space="preserve">        ************************/</w:t>
            </w:r>
          </w:p>
          <w:p w:rsidR="00156FB3" w:rsidRDefault="00156FB3" w:rsidP="00156FB3"/>
          <w:p w:rsidR="00156FB3" w:rsidRDefault="00156FB3" w:rsidP="00156FB3">
            <w:r>
              <w:t xml:space="preserve">        Values: {</w:t>
            </w:r>
          </w:p>
          <w:p w:rsidR="00156FB3" w:rsidRDefault="00156FB3" w:rsidP="00156FB3">
            <w:r>
              <w:t xml:space="preserve">            /* Hex to RGB conversion. Copyright Tim Down: http://stackoverflow.com/questions/5623838/rgb-to-hex-and-hex-to-rgb */</w:t>
            </w:r>
          </w:p>
          <w:p w:rsidR="00156FB3" w:rsidRDefault="00156FB3" w:rsidP="00156FB3">
            <w:r>
              <w:t xml:space="preserve">            hexToRgb: function (hex) {</w:t>
            </w:r>
          </w:p>
          <w:p w:rsidR="00156FB3" w:rsidRDefault="00156FB3" w:rsidP="00156FB3">
            <w:r>
              <w:t xml:space="preserve">                var shortformRegex = /^#?([a-f\d])([a-f\d])([a-f\d])$/i,</w:t>
            </w:r>
          </w:p>
          <w:p w:rsidR="00156FB3" w:rsidRDefault="00156FB3" w:rsidP="00156FB3">
            <w:r>
              <w:t xml:space="preserve">                    longformRegex = /^#?([a-f\d]{2})([a-f\d]{2})([a-f\d]{2})$/i,</w:t>
            </w:r>
          </w:p>
          <w:p w:rsidR="00156FB3" w:rsidRDefault="00156FB3" w:rsidP="00156FB3">
            <w:r>
              <w:t xml:space="preserve">                    rgbParts;</w:t>
            </w:r>
          </w:p>
          <w:p w:rsidR="00156FB3" w:rsidRDefault="00156FB3" w:rsidP="00156FB3"/>
          <w:p w:rsidR="00156FB3" w:rsidRDefault="00156FB3" w:rsidP="00156FB3">
            <w:r>
              <w:t xml:space="preserve">                hex = hex.replace(shortformRegex, function (m, r, g, b) {</w:t>
            </w:r>
          </w:p>
          <w:p w:rsidR="00156FB3" w:rsidRDefault="00156FB3" w:rsidP="00156FB3">
            <w:r>
              <w:t xml:space="preserve">                    return r + r + g + g + b + b;</w:t>
            </w:r>
          </w:p>
          <w:p w:rsidR="00156FB3" w:rsidRDefault="00156FB3" w:rsidP="00156FB3">
            <w:r>
              <w:t xml:space="preserve">                });</w:t>
            </w:r>
          </w:p>
          <w:p w:rsidR="00156FB3" w:rsidRDefault="00156FB3" w:rsidP="00156FB3"/>
          <w:p w:rsidR="00156FB3" w:rsidRDefault="00156FB3" w:rsidP="00156FB3">
            <w:r>
              <w:t xml:space="preserve">                rgbParts = longformRegex.exec(hex);</w:t>
            </w:r>
          </w:p>
          <w:p w:rsidR="00156FB3" w:rsidRDefault="00156FB3" w:rsidP="00156FB3"/>
          <w:p w:rsidR="00156FB3" w:rsidRDefault="00156FB3" w:rsidP="00156FB3">
            <w:r>
              <w:t xml:space="preserve">                return rgbParts ? [ parseInt(rgbParts[1], 16), parseInt(rgbParts[2], 16), parseInt(rgbParts[3], 16) ] : [ 0, 0, 0 ];</w:t>
            </w:r>
          </w:p>
          <w:p w:rsidR="00156FB3" w:rsidRDefault="00156FB3" w:rsidP="00156FB3">
            <w:r>
              <w:t xml:space="preserve">            },</w:t>
            </w:r>
          </w:p>
          <w:p w:rsidR="00156FB3" w:rsidRDefault="00156FB3" w:rsidP="00156FB3"/>
          <w:p w:rsidR="00156FB3" w:rsidRDefault="00156FB3" w:rsidP="00156FB3">
            <w:r>
              <w:t xml:space="preserve">            isCSSNullValue: function (value) {</w:t>
            </w:r>
          </w:p>
          <w:p w:rsidR="00156FB3" w:rsidRDefault="00156FB3" w:rsidP="00156FB3">
            <w:r>
              <w:t xml:space="preserve">                /* The browser defaults CSS values that have not been set to either 0 or one of several possible null-value strings.</w:t>
            </w:r>
          </w:p>
          <w:p w:rsidR="00156FB3" w:rsidRDefault="00156FB3" w:rsidP="00156FB3">
            <w:r>
              <w:t xml:space="preserve">                   Thus, we check for both falsiness and these special strings. */</w:t>
            </w:r>
          </w:p>
          <w:p w:rsidR="00156FB3" w:rsidRDefault="00156FB3" w:rsidP="00156FB3">
            <w:r>
              <w:t xml:space="preserve">                /* Null-value checking is performed to default the special strings to 0 (for the sake of tweening) or their hook</w:t>
            </w:r>
          </w:p>
          <w:p w:rsidR="00156FB3" w:rsidRDefault="00156FB3" w:rsidP="00156FB3">
            <w:r>
              <w:t xml:space="preserve">                   templates as defined as CSS.Hooks (for the sake of hook injection/extraction). */</w:t>
            </w:r>
          </w:p>
          <w:p w:rsidR="00156FB3" w:rsidRDefault="00156FB3" w:rsidP="00156FB3">
            <w:r>
              <w:t xml:space="preserve">                /* Note: Chrome returns "rgba(0, 0, 0, 0)" for an undefined color whereas IE returns "transparent". */</w:t>
            </w:r>
          </w:p>
          <w:p w:rsidR="00156FB3" w:rsidRDefault="00156FB3" w:rsidP="00156FB3">
            <w:r>
              <w:t xml:space="preserve">                return (value == 0 || /^(none|auto|transparent|(rgba\(0, ?0, ?0, ?0\)))$/i.test(value));</w:t>
            </w:r>
          </w:p>
          <w:p w:rsidR="00156FB3" w:rsidRDefault="00156FB3" w:rsidP="00156FB3">
            <w:r>
              <w:t xml:space="preserve">            },</w:t>
            </w:r>
          </w:p>
          <w:p w:rsidR="00156FB3" w:rsidRDefault="00156FB3" w:rsidP="00156FB3"/>
          <w:p w:rsidR="00156FB3" w:rsidRDefault="00156FB3" w:rsidP="00156FB3">
            <w:r>
              <w:t xml:space="preserve">            /* Retrieve a property's default unit type. Used for assigning a unit type when one is not supplied by the user. */</w:t>
            </w:r>
          </w:p>
          <w:p w:rsidR="00156FB3" w:rsidRDefault="00156FB3" w:rsidP="00156FB3">
            <w:r>
              <w:t xml:space="preserve">            getUnitType: function (property) {</w:t>
            </w:r>
          </w:p>
          <w:p w:rsidR="00156FB3" w:rsidRDefault="00156FB3" w:rsidP="00156FB3">
            <w:r>
              <w:t xml:space="preserve">                if (/^(rotate|skew)/i.test(property)) {</w:t>
            </w:r>
          </w:p>
          <w:p w:rsidR="00156FB3" w:rsidRDefault="00156FB3" w:rsidP="00156FB3">
            <w:r>
              <w:t xml:space="preserve">                    return "deg";</w:t>
            </w:r>
          </w:p>
          <w:p w:rsidR="00156FB3" w:rsidRDefault="00156FB3" w:rsidP="00156FB3">
            <w:r>
              <w:t xml:space="preserve">                } else if (/(^(scale|scaleX|scaleY|scaleZ|alpha|flexGrow|flexHeight|zIndex|fontWeight)$)|((opacity|red|green|blue|alpha)$)/i.test(property)) {</w:t>
            </w:r>
          </w:p>
          <w:p w:rsidR="00156FB3" w:rsidRDefault="00156FB3" w:rsidP="00156FB3">
            <w:r>
              <w:t xml:space="preserve">                    /* The above properties are unitless. */</w:t>
            </w:r>
          </w:p>
          <w:p w:rsidR="00156FB3" w:rsidRDefault="00156FB3" w:rsidP="00156FB3">
            <w:r>
              <w:t xml:space="preserve">                    return "";</w:t>
            </w:r>
          </w:p>
          <w:p w:rsidR="00156FB3" w:rsidRDefault="00156FB3" w:rsidP="00156FB3">
            <w:r>
              <w:t xml:space="preserve">                } else {</w:t>
            </w:r>
          </w:p>
          <w:p w:rsidR="00156FB3" w:rsidRDefault="00156FB3" w:rsidP="00156FB3">
            <w:r>
              <w:t xml:space="preserve">                    /* Default to px for all other properties. */</w:t>
            </w:r>
          </w:p>
          <w:p w:rsidR="00156FB3" w:rsidRDefault="00156FB3" w:rsidP="00156FB3">
            <w:r>
              <w:t xml:space="preserve">                    return "px";</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HTML elements default to an associated display type when they're not set to display:none. */</w:t>
            </w:r>
          </w:p>
          <w:p w:rsidR="00156FB3" w:rsidRDefault="00156FB3" w:rsidP="00156FB3">
            <w:r>
              <w:t xml:space="preserve">            /* Note: This function is used for correctly setting the non-"none" display value in certain Velocity redirects, such as fadeIn/Out. */</w:t>
            </w:r>
          </w:p>
          <w:p w:rsidR="00156FB3" w:rsidRDefault="00156FB3" w:rsidP="00156FB3">
            <w:r>
              <w:t xml:space="preserve">            getDisplayType: function (element) {</w:t>
            </w:r>
          </w:p>
          <w:p w:rsidR="00156FB3" w:rsidRDefault="00156FB3" w:rsidP="00156FB3">
            <w:r>
              <w:t xml:space="preserve">                var tagName = element &amp;&amp; element.tagName.toString().toLowerCase();</w:t>
            </w:r>
          </w:p>
          <w:p w:rsidR="00156FB3" w:rsidRDefault="00156FB3" w:rsidP="00156FB3"/>
          <w:p w:rsidR="00156FB3" w:rsidRDefault="00156FB3" w:rsidP="00156FB3">
            <w:r>
              <w:t xml:space="preserve">                if (/^(b|big|i|small|tt|abbr|acronym|cite|code|dfn|em|kbd|strong|samp|var|a|bdo|br|img|map|object|q|script|span|sub|sup|button|input|label|select|textarea)$/i.test(tagName)) {</w:t>
            </w:r>
          </w:p>
          <w:p w:rsidR="00156FB3" w:rsidRDefault="00156FB3" w:rsidP="00156FB3">
            <w:r>
              <w:t xml:space="preserve">                    return "inline";</w:t>
            </w:r>
          </w:p>
          <w:p w:rsidR="00156FB3" w:rsidRDefault="00156FB3" w:rsidP="00156FB3">
            <w:r>
              <w:t xml:space="preserve">                } else if (/^(li)$/i.test(tagName)) {</w:t>
            </w:r>
          </w:p>
          <w:p w:rsidR="00156FB3" w:rsidRDefault="00156FB3" w:rsidP="00156FB3">
            <w:r>
              <w:t xml:space="preserve">                    return "list-item";</w:t>
            </w:r>
          </w:p>
          <w:p w:rsidR="00156FB3" w:rsidRDefault="00156FB3" w:rsidP="00156FB3">
            <w:r>
              <w:t xml:space="preserve">                } else if (/^(tr)$/i.test(tagName)) {</w:t>
            </w:r>
          </w:p>
          <w:p w:rsidR="00156FB3" w:rsidRDefault="00156FB3" w:rsidP="00156FB3">
            <w:r>
              <w:t xml:space="preserve">                    return "table-row";</w:t>
            </w:r>
          </w:p>
          <w:p w:rsidR="00156FB3" w:rsidRDefault="00156FB3" w:rsidP="00156FB3">
            <w:r>
              <w:t xml:space="preserve">                } else if (/^(table)$/i.test(tagName)) {</w:t>
            </w:r>
          </w:p>
          <w:p w:rsidR="00156FB3" w:rsidRDefault="00156FB3" w:rsidP="00156FB3">
            <w:r>
              <w:lastRenderedPageBreak/>
              <w:t xml:space="preserve">                    return "table";</w:t>
            </w:r>
          </w:p>
          <w:p w:rsidR="00156FB3" w:rsidRDefault="00156FB3" w:rsidP="00156FB3">
            <w:r>
              <w:t xml:space="preserve">                } else if (/^(tbody)$/i.test(tagName)) {</w:t>
            </w:r>
          </w:p>
          <w:p w:rsidR="00156FB3" w:rsidRDefault="00156FB3" w:rsidP="00156FB3">
            <w:r>
              <w:t xml:space="preserve">                    return "table-row-group";</w:t>
            </w:r>
          </w:p>
          <w:p w:rsidR="00156FB3" w:rsidRDefault="00156FB3" w:rsidP="00156FB3">
            <w:r>
              <w:t xml:space="preserve">                /* Default to "block" when no match is found. */</w:t>
            </w:r>
          </w:p>
          <w:p w:rsidR="00156FB3" w:rsidRDefault="00156FB3" w:rsidP="00156FB3">
            <w:r>
              <w:t xml:space="preserve">                } else {</w:t>
            </w:r>
          </w:p>
          <w:p w:rsidR="00156FB3" w:rsidRDefault="00156FB3" w:rsidP="00156FB3">
            <w:r>
              <w:t xml:space="preserve">                    return "block";</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The class add/remove functions are used to temporarily apply a "velocity-animating" class to elements while they're animating. */</w:t>
            </w:r>
          </w:p>
          <w:p w:rsidR="00156FB3" w:rsidRDefault="00156FB3" w:rsidP="00156FB3">
            <w:r>
              <w:t xml:space="preserve">            addClass: function (element, className) {</w:t>
            </w:r>
          </w:p>
          <w:p w:rsidR="00156FB3" w:rsidRDefault="00156FB3" w:rsidP="00156FB3">
            <w:r>
              <w:t xml:space="preserve">                if (element.classList) {</w:t>
            </w:r>
          </w:p>
          <w:p w:rsidR="00156FB3" w:rsidRDefault="00156FB3" w:rsidP="00156FB3">
            <w:r>
              <w:t xml:space="preserve">                    element.classList.add(className);</w:t>
            </w:r>
          </w:p>
          <w:p w:rsidR="00156FB3" w:rsidRDefault="00156FB3" w:rsidP="00156FB3">
            <w:r>
              <w:t xml:space="preserve">                } else {</w:t>
            </w:r>
          </w:p>
          <w:p w:rsidR="00156FB3" w:rsidRDefault="00156FB3" w:rsidP="00156FB3">
            <w:r>
              <w:t xml:space="preserve">                    element.className += (element.className.length ? " " : "") + classNam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moveClass: function (element, className) {</w:t>
            </w:r>
          </w:p>
          <w:p w:rsidR="00156FB3" w:rsidRDefault="00156FB3" w:rsidP="00156FB3">
            <w:r>
              <w:t xml:space="preserve">                if (element.classList) {</w:t>
            </w:r>
          </w:p>
          <w:p w:rsidR="00156FB3" w:rsidRDefault="00156FB3" w:rsidP="00156FB3">
            <w:r>
              <w:t xml:space="preserve">                    element.classList.remove(className);</w:t>
            </w:r>
          </w:p>
          <w:p w:rsidR="00156FB3" w:rsidRDefault="00156FB3" w:rsidP="00156FB3">
            <w:r>
              <w:t xml:space="preserve">                } else {</w:t>
            </w:r>
          </w:p>
          <w:p w:rsidR="00156FB3" w:rsidRDefault="00156FB3" w:rsidP="00156FB3">
            <w:r>
              <w:t xml:space="preserve">                    element.className = element.className.toString().replace(new RegExp("(^|\\s)" + className.split(" ").join("|") + "(\\s|$)", "gi"), "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Style Getting &amp; Setting</w:t>
            </w:r>
          </w:p>
          <w:p w:rsidR="00156FB3" w:rsidRDefault="00156FB3" w:rsidP="00156FB3">
            <w:r>
              <w:t xml:space="preserve">        ****************************/</w:t>
            </w:r>
          </w:p>
          <w:p w:rsidR="00156FB3" w:rsidRDefault="00156FB3" w:rsidP="00156FB3"/>
          <w:p w:rsidR="00156FB3" w:rsidRDefault="00156FB3" w:rsidP="00156FB3">
            <w:r>
              <w:t xml:space="preserve">        /* The singular getPropertyValue, which routes the logic for all normalizations, hooks, and standard CSS properties. */</w:t>
            </w:r>
          </w:p>
          <w:p w:rsidR="00156FB3" w:rsidRDefault="00156FB3" w:rsidP="00156FB3">
            <w:r>
              <w:t xml:space="preserve">        getPropertyValue: function (element, property, rootPropertyValue, forceStyleLookup) {</w:t>
            </w:r>
          </w:p>
          <w:p w:rsidR="00156FB3" w:rsidRDefault="00156FB3" w:rsidP="00156FB3">
            <w:r>
              <w:t xml:space="preserve">            /* Get an element's computed property value. */</w:t>
            </w:r>
          </w:p>
          <w:p w:rsidR="00156FB3" w:rsidRDefault="00156FB3" w:rsidP="00156FB3">
            <w:r>
              <w:t xml:space="preserve">            /* Note: Retrieving the value of a CSS property cannot simply be performed by checking an element's</w:t>
            </w:r>
          </w:p>
          <w:p w:rsidR="00156FB3" w:rsidRDefault="00156FB3" w:rsidP="00156FB3">
            <w:r>
              <w:t xml:space="preserve">               style attribute (which only reflects user-defined values). Instead, the browser must be queried for a property's</w:t>
            </w:r>
          </w:p>
          <w:p w:rsidR="00156FB3" w:rsidRDefault="00156FB3" w:rsidP="00156FB3">
            <w:r>
              <w:t xml:space="preserve">               *computed* value. You can read more about getComputedStyle here: https://developer.mozilla.org/en/docs/Web/API/window.getComputedStyle */</w:t>
            </w:r>
          </w:p>
          <w:p w:rsidR="00156FB3" w:rsidRDefault="00156FB3" w:rsidP="00156FB3">
            <w:r>
              <w:t xml:space="preserve">            function computePropertyValue (element, property) {</w:t>
            </w:r>
          </w:p>
          <w:p w:rsidR="00156FB3" w:rsidRDefault="00156FB3" w:rsidP="00156FB3">
            <w:r>
              <w:t xml:space="preserve">                /* When box-sizing isn't set to border-box, height and width style values are incorrectly computed when an</w:t>
            </w:r>
          </w:p>
          <w:p w:rsidR="00156FB3" w:rsidRDefault="00156FB3" w:rsidP="00156FB3">
            <w:r>
              <w:t xml:space="preserve">                   element's scrollbars are visible (which expands the element's dimensions). Thus, we defer to the more accurate</w:t>
            </w:r>
          </w:p>
          <w:p w:rsidR="00156FB3" w:rsidRDefault="00156FB3" w:rsidP="00156FB3">
            <w:r>
              <w:lastRenderedPageBreak/>
              <w:t xml:space="preserve">                   offsetHeight/Width property, which includes the total dimensions for interior, border, padding, and scrollbar.</w:t>
            </w:r>
          </w:p>
          <w:p w:rsidR="00156FB3" w:rsidRDefault="00156FB3" w:rsidP="00156FB3">
            <w:r>
              <w:t xml:space="preserve">                   We subtract border and padding to get the sum of interior + scrollbar. */</w:t>
            </w:r>
          </w:p>
          <w:p w:rsidR="00156FB3" w:rsidRDefault="00156FB3" w:rsidP="00156FB3">
            <w:r>
              <w:t xml:space="preserve">                var computedValue = 0;</w:t>
            </w:r>
          </w:p>
          <w:p w:rsidR="00156FB3" w:rsidRDefault="00156FB3" w:rsidP="00156FB3"/>
          <w:p w:rsidR="00156FB3" w:rsidRDefault="00156FB3" w:rsidP="00156FB3">
            <w:r>
              <w:t xml:space="preserve">                /* IE&lt;=8 doesn't support window.getComputedStyle, thus we defer to jQuery, which has an extensive array</w:t>
            </w:r>
          </w:p>
          <w:p w:rsidR="00156FB3" w:rsidRDefault="00156FB3" w:rsidP="00156FB3">
            <w:r>
              <w:t xml:space="preserve">                   of hacks to accurately retrieve IE8 property values. Re-implementing that logic here is not worth bloating the</w:t>
            </w:r>
          </w:p>
          <w:p w:rsidR="00156FB3" w:rsidRDefault="00156FB3" w:rsidP="00156FB3">
            <w:r>
              <w:t xml:space="preserve">                   codebase for a dying browser. The performance repercussions of using jQuery here are minimal since</w:t>
            </w:r>
          </w:p>
          <w:p w:rsidR="00156FB3" w:rsidRDefault="00156FB3" w:rsidP="00156FB3">
            <w:r>
              <w:t xml:space="preserve">                   Velocity is optimized to rarely (and sometimes never) query the DOM. Further, the $.css() codepath isn't that slow. */</w:t>
            </w:r>
          </w:p>
          <w:p w:rsidR="00156FB3" w:rsidRDefault="00156FB3" w:rsidP="00156FB3">
            <w:r>
              <w:t xml:space="preserve">                if (IE &lt;= 8) {</w:t>
            </w:r>
          </w:p>
          <w:p w:rsidR="00156FB3" w:rsidRDefault="00156FB3" w:rsidP="00156FB3">
            <w:r>
              <w:t xml:space="preserve">                    computedValue = $.css(element, property); /* GET */</w:t>
            </w:r>
          </w:p>
          <w:p w:rsidR="00156FB3" w:rsidRDefault="00156FB3" w:rsidP="00156FB3">
            <w:r>
              <w:t xml:space="preserve">                /* All other browsers support getComputedStyle. The returned live object reference is cached onto its</w:t>
            </w:r>
          </w:p>
          <w:p w:rsidR="00156FB3" w:rsidRDefault="00156FB3" w:rsidP="00156FB3">
            <w:r>
              <w:t xml:space="preserve">                   associated element so that it does not need to be refetched upon every GET. */</w:t>
            </w:r>
          </w:p>
          <w:p w:rsidR="00156FB3" w:rsidRDefault="00156FB3" w:rsidP="00156FB3">
            <w:r>
              <w:t xml:space="preserve">                } else {</w:t>
            </w:r>
          </w:p>
          <w:p w:rsidR="00156FB3" w:rsidRDefault="00156FB3" w:rsidP="00156FB3">
            <w:r>
              <w:t xml:space="preserve">                    /* Browsers do not return height and width values for elements that are set to display:"none". Thus, we temporarily</w:t>
            </w:r>
          </w:p>
          <w:p w:rsidR="00156FB3" w:rsidRDefault="00156FB3" w:rsidP="00156FB3">
            <w:r>
              <w:t xml:space="preserve">                       toggle display to the element type's default value. */</w:t>
            </w:r>
          </w:p>
          <w:p w:rsidR="00156FB3" w:rsidRDefault="00156FB3" w:rsidP="00156FB3">
            <w:r>
              <w:t xml:space="preserve">                    var toggleDisplay = false;</w:t>
            </w:r>
          </w:p>
          <w:p w:rsidR="00156FB3" w:rsidRDefault="00156FB3" w:rsidP="00156FB3"/>
          <w:p w:rsidR="00156FB3" w:rsidRDefault="00156FB3" w:rsidP="00156FB3">
            <w:r>
              <w:t xml:space="preserve">                    if (/^(width|height)$/.test(property) &amp;&amp; CSS.getPropertyValue(element, "display") === 0) {</w:t>
            </w:r>
          </w:p>
          <w:p w:rsidR="00156FB3" w:rsidRDefault="00156FB3" w:rsidP="00156FB3">
            <w:r>
              <w:t xml:space="preserve">                        toggleDisplay = true;</w:t>
            </w:r>
          </w:p>
          <w:p w:rsidR="00156FB3" w:rsidRDefault="00156FB3" w:rsidP="00156FB3">
            <w:r>
              <w:t xml:space="preserve">                        CSS.setPropertyValue(element, "display", CSS.Values.getDisplayType(element));</w:t>
            </w:r>
          </w:p>
          <w:p w:rsidR="00156FB3" w:rsidRDefault="00156FB3" w:rsidP="00156FB3">
            <w:r>
              <w:t xml:space="preserve">                    }</w:t>
            </w:r>
          </w:p>
          <w:p w:rsidR="00156FB3" w:rsidRDefault="00156FB3" w:rsidP="00156FB3"/>
          <w:p w:rsidR="00156FB3" w:rsidRDefault="00156FB3" w:rsidP="00156FB3">
            <w:r>
              <w:t xml:space="preserve">                    function revertDisplay () {</w:t>
            </w:r>
          </w:p>
          <w:p w:rsidR="00156FB3" w:rsidRDefault="00156FB3" w:rsidP="00156FB3">
            <w:r>
              <w:t xml:space="preserve">                        if (toggleDisplay) {</w:t>
            </w:r>
          </w:p>
          <w:p w:rsidR="00156FB3" w:rsidRDefault="00156FB3" w:rsidP="00156FB3">
            <w:r>
              <w:t xml:space="preserve">                            CSS.setPropertyValue(element, "display", "non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if (!forceStyleLookup) {</w:t>
            </w:r>
          </w:p>
          <w:p w:rsidR="00156FB3" w:rsidRDefault="00156FB3" w:rsidP="00156FB3">
            <w:r>
              <w:t xml:space="preserve">                        if (property === "height" &amp;&amp; CSS.getPropertyValue(element, "boxSizing").toString().toLowerCase() !== "border-box") {</w:t>
            </w:r>
          </w:p>
          <w:p w:rsidR="00156FB3" w:rsidRDefault="00156FB3" w:rsidP="00156FB3">
            <w:r>
              <w:t xml:space="preserve">                            var contentBoxHeight = element.offsetHeight - (parseFloat(CSS.getPropertyValue(element, "borderTopWidth")) || 0) - (parseFloat(CSS.getPropertyValue(element, "borderBottomWidth")) || 0) - (parseFloat(CSS.getPropertyValue(element, "paddingTop")) || 0) - (parseFloat(CSS.getPropertyValue(element, "paddingBottom")) || 0);</w:t>
            </w:r>
          </w:p>
          <w:p w:rsidR="00156FB3" w:rsidRDefault="00156FB3" w:rsidP="00156FB3">
            <w:r>
              <w:t xml:space="preserve">                            revertDisplay();</w:t>
            </w:r>
          </w:p>
          <w:p w:rsidR="00156FB3" w:rsidRDefault="00156FB3" w:rsidP="00156FB3"/>
          <w:p w:rsidR="00156FB3" w:rsidRDefault="00156FB3" w:rsidP="00156FB3">
            <w:r>
              <w:t xml:space="preserve">                            return contentBoxHeight;</w:t>
            </w:r>
          </w:p>
          <w:p w:rsidR="00156FB3" w:rsidRDefault="00156FB3" w:rsidP="00156FB3">
            <w:r>
              <w:t xml:space="preserve">                        } else if (property === "width" &amp;&amp; CSS.getPropertyValue(element, "boxSizing").toString().toLowerCase() !== "border-box") {</w:t>
            </w:r>
          </w:p>
          <w:p w:rsidR="00156FB3" w:rsidRDefault="00156FB3" w:rsidP="00156FB3">
            <w:r>
              <w:lastRenderedPageBreak/>
              <w:t xml:space="preserve">                            var contentBoxWidth = element.offsetWidth - (parseFloat(CSS.getPropertyValue(element, "borderLeftWidth")) || 0) - (parseFloat(CSS.getPropertyValue(element, "borderRightWidth")) || 0) - (parseFloat(CSS.getPropertyValue(element, "paddingLeft")) || 0) - (parseFloat(CSS.getPropertyValue(element, "paddingRight")) || 0);</w:t>
            </w:r>
          </w:p>
          <w:p w:rsidR="00156FB3" w:rsidRDefault="00156FB3" w:rsidP="00156FB3">
            <w:r>
              <w:t xml:space="preserve">                            revertDisplay();</w:t>
            </w:r>
          </w:p>
          <w:p w:rsidR="00156FB3" w:rsidRDefault="00156FB3" w:rsidP="00156FB3"/>
          <w:p w:rsidR="00156FB3" w:rsidRDefault="00156FB3" w:rsidP="00156FB3">
            <w:r>
              <w:t xml:space="preserve">                            return contentBoxWidth;</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computedStyle;</w:t>
            </w:r>
          </w:p>
          <w:p w:rsidR="00156FB3" w:rsidRDefault="00156FB3" w:rsidP="00156FB3"/>
          <w:p w:rsidR="00156FB3" w:rsidRDefault="00156FB3" w:rsidP="00156FB3">
            <w:r>
              <w:t xml:space="preserve">                    /* For elements that Velocity hasn't been called on directly (e.g. when Velocity queries the DOM on behalf</w:t>
            </w:r>
          </w:p>
          <w:p w:rsidR="00156FB3" w:rsidRDefault="00156FB3" w:rsidP="00156FB3">
            <w:r>
              <w:t xml:space="preserve">                       of a parent of an element its animating), perform a direct getComputedStyle lookup since the object isn't cached. */</w:t>
            </w:r>
          </w:p>
          <w:p w:rsidR="00156FB3" w:rsidRDefault="00156FB3" w:rsidP="00156FB3">
            <w:r>
              <w:t xml:space="preserve">                    if (Data(element) === undefined) {</w:t>
            </w:r>
          </w:p>
          <w:p w:rsidR="00156FB3" w:rsidRDefault="00156FB3" w:rsidP="00156FB3">
            <w:r>
              <w:t xml:space="preserve">                        computedStyle = window.getComputedStyle(element, null); /* GET */</w:t>
            </w:r>
          </w:p>
          <w:p w:rsidR="00156FB3" w:rsidRDefault="00156FB3" w:rsidP="00156FB3">
            <w:r>
              <w:t xml:space="preserve">                    /* If the computedStyle object has yet to be cached, do so now. */</w:t>
            </w:r>
          </w:p>
          <w:p w:rsidR="00156FB3" w:rsidRDefault="00156FB3" w:rsidP="00156FB3">
            <w:r>
              <w:t xml:space="preserve">                    } else if (!Data(element).computedStyle) {</w:t>
            </w:r>
          </w:p>
          <w:p w:rsidR="00156FB3" w:rsidRDefault="00156FB3" w:rsidP="00156FB3">
            <w:r>
              <w:t xml:space="preserve">                        computedStyle = Data(element).computedStyle = window.getComputedStyle(element, null); /* GET */</w:t>
            </w:r>
          </w:p>
          <w:p w:rsidR="00156FB3" w:rsidRDefault="00156FB3" w:rsidP="00156FB3">
            <w:r>
              <w:t xml:space="preserve">                    /* If computedStyle is cached, use it. */</w:t>
            </w:r>
          </w:p>
          <w:p w:rsidR="00156FB3" w:rsidRDefault="00156FB3" w:rsidP="00156FB3">
            <w:r>
              <w:t xml:space="preserve">                    } else {</w:t>
            </w:r>
          </w:p>
          <w:p w:rsidR="00156FB3" w:rsidRDefault="00156FB3" w:rsidP="00156FB3">
            <w:r>
              <w:t xml:space="preserve">                        computedStyle = Data(element).computedStyle;</w:t>
            </w:r>
          </w:p>
          <w:p w:rsidR="00156FB3" w:rsidRDefault="00156FB3" w:rsidP="00156FB3">
            <w:r>
              <w:t xml:space="preserve">                    }</w:t>
            </w:r>
          </w:p>
          <w:p w:rsidR="00156FB3" w:rsidRDefault="00156FB3" w:rsidP="00156FB3"/>
          <w:p w:rsidR="00156FB3" w:rsidRDefault="00156FB3" w:rsidP="00156FB3">
            <w:r>
              <w:t xml:space="preserve">                    /* IE and Firefox do not return a value for the generic borderColor -- they only return individual values for each border side's color.</w:t>
            </w:r>
          </w:p>
          <w:p w:rsidR="00156FB3" w:rsidRDefault="00156FB3" w:rsidP="00156FB3">
            <w:r>
              <w:t xml:space="preserve">                       Also, in all browsers, when border colors aren't all the same, a compound value is returned that Velocity isn't setup to parse.</w:t>
            </w:r>
          </w:p>
          <w:p w:rsidR="00156FB3" w:rsidRDefault="00156FB3" w:rsidP="00156FB3">
            <w:r>
              <w:t xml:space="preserve">                       So, as a polyfill for querying individual border side colors, we just return the top border's color and animate all borders from that value. */</w:t>
            </w:r>
          </w:p>
          <w:p w:rsidR="00156FB3" w:rsidRDefault="00156FB3" w:rsidP="00156FB3">
            <w:r>
              <w:t xml:space="preserve">                    if (property === "borderColor") {</w:t>
            </w:r>
          </w:p>
          <w:p w:rsidR="00156FB3" w:rsidRDefault="00156FB3" w:rsidP="00156FB3">
            <w:r>
              <w:t xml:space="preserve">                        property = "borderTopColor";</w:t>
            </w:r>
          </w:p>
          <w:p w:rsidR="00156FB3" w:rsidRDefault="00156FB3" w:rsidP="00156FB3">
            <w:r>
              <w:t xml:space="preserve">                    }</w:t>
            </w:r>
          </w:p>
          <w:p w:rsidR="00156FB3" w:rsidRDefault="00156FB3" w:rsidP="00156FB3"/>
          <w:p w:rsidR="00156FB3" w:rsidRDefault="00156FB3" w:rsidP="00156FB3">
            <w:r>
              <w:t xml:space="preserve">                    /* IE9 has a bug in which the "filter" property must be accessed from computedStyle using the getPropertyValue method</w:t>
            </w:r>
          </w:p>
          <w:p w:rsidR="00156FB3" w:rsidRDefault="00156FB3" w:rsidP="00156FB3">
            <w:r>
              <w:t xml:space="preserve">                       instead of a direct property lookup. The getPropertyValue method is slower than a direct lookup, which is why we avoid it by default. */</w:t>
            </w:r>
          </w:p>
          <w:p w:rsidR="00156FB3" w:rsidRDefault="00156FB3" w:rsidP="00156FB3">
            <w:r>
              <w:t xml:space="preserve">                    if (IE === 9 &amp;&amp; property === "filter") {</w:t>
            </w:r>
          </w:p>
          <w:p w:rsidR="00156FB3" w:rsidRDefault="00156FB3" w:rsidP="00156FB3">
            <w:r>
              <w:t xml:space="preserve">                        computedValue = computedStyle.getPropertyValue(property); /* GET */</w:t>
            </w:r>
          </w:p>
          <w:p w:rsidR="00156FB3" w:rsidRDefault="00156FB3" w:rsidP="00156FB3">
            <w:r>
              <w:t xml:space="preserve">                    } else {</w:t>
            </w:r>
          </w:p>
          <w:p w:rsidR="00156FB3" w:rsidRDefault="00156FB3" w:rsidP="00156FB3">
            <w:r>
              <w:t xml:space="preserve">                        computedValue = computedStyle[property];</w:t>
            </w:r>
          </w:p>
          <w:p w:rsidR="00156FB3" w:rsidRDefault="00156FB3" w:rsidP="00156FB3">
            <w:r>
              <w:t xml:space="preserve">                    }</w:t>
            </w:r>
          </w:p>
          <w:p w:rsidR="00156FB3" w:rsidRDefault="00156FB3" w:rsidP="00156FB3"/>
          <w:p w:rsidR="00156FB3" w:rsidRDefault="00156FB3" w:rsidP="00156FB3">
            <w:r>
              <w:lastRenderedPageBreak/>
              <w:t xml:space="preserve">                    /* Fall back to the property's style value (if defined) when computedValue returns nothing,</w:t>
            </w:r>
          </w:p>
          <w:p w:rsidR="00156FB3" w:rsidRDefault="00156FB3" w:rsidP="00156FB3">
            <w:r>
              <w:t xml:space="preserve">                       which can happen when the element hasn't been painted. */</w:t>
            </w:r>
          </w:p>
          <w:p w:rsidR="00156FB3" w:rsidRDefault="00156FB3" w:rsidP="00156FB3">
            <w:r>
              <w:t xml:space="preserve">                    if (computedValue === "" || computedValue === null) {</w:t>
            </w:r>
          </w:p>
          <w:p w:rsidR="00156FB3" w:rsidRDefault="00156FB3" w:rsidP="00156FB3">
            <w:r>
              <w:t xml:space="preserve">                        computedValue = element.style[property];</w:t>
            </w:r>
          </w:p>
          <w:p w:rsidR="00156FB3" w:rsidRDefault="00156FB3" w:rsidP="00156FB3">
            <w:r>
              <w:t xml:space="preserve">                    }</w:t>
            </w:r>
          </w:p>
          <w:p w:rsidR="00156FB3" w:rsidRDefault="00156FB3" w:rsidP="00156FB3"/>
          <w:p w:rsidR="00156FB3" w:rsidRDefault="00156FB3" w:rsidP="00156FB3">
            <w:r>
              <w:t xml:space="preserve">                    revertDisplay();</w:t>
            </w:r>
          </w:p>
          <w:p w:rsidR="00156FB3" w:rsidRDefault="00156FB3" w:rsidP="00156FB3">
            <w:r>
              <w:t xml:space="preserve">                }</w:t>
            </w:r>
          </w:p>
          <w:p w:rsidR="00156FB3" w:rsidRDefault="00156FB3" w:rsidP="00156FB3"/>
          <w:p w:rsidR="00156FB3" w:rsidRDefault="00156FB3" w:rsidP="00156FB3">
            <w:r>
              <w:t xml:space="preserve">                /* For top, right, bottom, and left (TRBL) values that are set to "auto" on elements of "fixed" or "absolute" position,</w:t>
            </w:r>
          </w:p>
          <w:p w:rsidR="00156FB3" w:rsidRDefault="00156FB3" w:rsidP="00156FB3">
            <w:r>
              <w:t xml:space="preserve">                   defer to jQuery for converting "auto" to a numeric value. (For elements with a "static" or "relative" position, "auto" has the same</w:t>
            </w:r>
          </w:p>
          <w:p w:rsidR="00156FB3" w:rsidRDefault="00156FB3" w:rsidP="00156FB3">
            <w:r>
              <w:t xml:space="preserve">                   effect as being set to 0, so no conversion is necessary.) */</w:t>
            </w:r>
          </w:p>
          <w:p w:rsidR="00156FB3" w:rsidRDefault="00156FB3" w:rsidP="00156FB3">
            <w:r>
              <w:t xml:space="preserve">                /* An example of why numeric conversion is necessary: When an element with "position:absolute" has an untouched "left"</w:t>
            </w:r>
          </w:p>
          <w:p w:rsidR="00156FB3" w:rsidRDefault="00156FB3" w:rsidP="00156FB3">
            <w:r>
              <w:t xml:space="preserve">                   property, which reverts to "auto", left's value is 0 relative to its parent element, but is often non-zero relative</w:t>
            </w:r>
          </w:p>
          <w:p w:rsidR="00156FB3" w:rsidRDefault="00156FB3" w:rsidP="00156FB3">
            <w:r>
              <w:t xml:space="preserve">                   to its *containing* (not parent) element, which is the nearest "position:relative" ancestor or the viewport (and always the viewport in the case of "position:fixed"). */</w:t>
            </w:r>
          </w:p>
          <w:p w:rsidR="00156FB3" w:rsidRDefault="00156FB3" w:rsidP="00156FB3">
            <w:r>
              <w:t xml:space="preserve">                if (computedValue === "auto" &amp;&amp; /^(top|right|bottom|left)$/i.test(property)) {</w:t>
            </w:r>
          </w:p>
          <w:p w:rsidR="00156FB3" w:rsidRDefault="00156FB3" w:rsidP="00156FB3">
            <w:r>
              <w:t xml:space="preserve">                    var position = computePropertyValue(element, "position"); /* GET */</w:t>
            </w:r>
          </w:p>
          <w:p w:rsidR="00156FB3" w:rsidRDefault="00156FB3" w:rsidP="00156FB3"/>
          <w:p w:rsidR="00156FB3" w:rsidRDefault="00156FB3" w:rsidP="00156FB3">
            <w:r>
              <w:t xml:space="preserve">                    /* For absolute positioning, jQuery's $.position() only returns values for top and left;</w:t>
            </w:r>
          </w:p>
          <w:p w:rsidR="00156FB3" w:rsidRDefault="00156FB3" w:rsidP="00156FB3">
            <w:r>
              <w:t xml:space="preserve">                       right and bottom will have their "auto" value reverted to 0. */</w:t>
            </w:r>
          </w:p>
          <w:p w:rsidR="00156FB3" w:rsidRDefault="00156FB3" w:rsidP="00156FB3">
            <w:r>
              <w:t xml:space="preserve">                    /* Note: A jQuery object must be created here since jQuery doesn't have a low-level alias for $.position().</w:t>
            </w:r>
          </w:p>
          <w:p w:rsidR="00156FB3" w:rsidRDefault="00156FB3" w:rsidP="00156FB3">
            <w:r>
              <w:t xml:space="preserve">                       Not a big deal since we're currently in a GET batch anyway. */</w:t>
            </w:r>
          </w:p>
          <w:p w:rsidR="00156FB3" w:rsidRDefault="00156FB3" w:rsidP="00156FB3">
            <w:r>
              <w:t xml:space="preserve">                    if (position === "fixed" || (position === "absolute" &amp;&amp; /top|left/i.test(property))) {</w:t>
            </w:r>
          </w:p>
          <w:p w:rsidR="00156FB3" w:rsidRDefault="00156FB3" w:rsidP="00156FB3">
            <w:r>
              <w:t xml:space="preserve">                        /* Note: jQuery strips the pixel unit from its returned values; we re-add it here to conform with computePropertyValue's behavior. */</w:t>
            </w:r>
          </w:p>
          <w:p w:rsidR="00156FB3" w:rsidRDefault="00156FB3" w:rsidP="00156FB3">
            <w:r>
              <w:t xml:space="preserve">                        computedValue = $(element).position()[property] + "px"; /* GET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computedValue;</w:t>
            </w:r>
          </w:p>
          <w:p w:rsidR="00156FB3" w:rsidRDefault="00156FB3" w:rsidP="00156FB3">
            <w:r>
              <w:t xml:space="preserve">            }</w:t>
            </w:r>
          </w:p>
          <w:p w:rsidR="00156FB3" w:rsidRDefault="00156FB3" w:rsidP="00156FB3"/>
          <w:p w:rsidR="00156FB3" w:rsidRDefault="00156FB3" w:rsidP="00156FB3">
            <w:r>
              <w:t xml:space="preserve">            var propertyValue;</w:t>
            </w:r>
          </w:p>
          <w:p w:rsidR="00156FB3" w:rsidRDefault="00156FB3" w:rsidP="00156FB3"/>
          <w:p w:rsidR="00156FB3" w:rsidRDefault="00156FB3" w:rsidP="00156FB3">
            <w:r>
              <w:t xml:space="preserve">            /* If this is a hooked property (e.g. "clipLeft" instead of the root property of "clip"),</w:t>
            </w:r>
          </w:p>
          <w:p w:rsidR="00156FB3" w:rsidRDefault="00156FB3" w:rsidP="00156FB3">
            <w:r>
              <w:t xml:space="preserve">               extract the hook's value from a normalized rootPropertyValue using CSS.Hooks.extractValue(). */</w:t>
            </w:r>
          </w:p>
          <w:p w:rsidR="00156FB3" w:rsidRDefault="00156FB3" w:rsidP="00156FB3">
            <w:r>
              <w:t xml:space="preserve">            if (CSS.Hooks.registered[property]) {</w:t>
            </w:r>
          </w:p>
          <w:p w:rsidR="00156FB3" w:rsidRDefault="00156FB3" w:rsidP="00156FB3">
            <w:r>
              <w:t xml:space="preserve">                var hook = property,</w:t>
            </w:r>
          </w:p>
          <w:p w:rsidR="00156FB3" w:rsidRDefault="00156FB3" w:rsidP="00156FB3">
            <w:r>
              <w:t xml:space="preserve">                    hookRoot = CSS.Hooks.getRoot(hook);</w:t>
            </w:r>
          </w:p>
          <w:p w:rsidR="00156FB3" w:rsidRDefault="00156FB3" w:rsidP="00156FB3"/>
          <w:p w:rsidR="00156FB3" w:rsidRDefault="00156FB3" w:rsidP="00156FB3">
            <w:r>
              <w:t xml:space="preserve">                /* If a cached rootPropertyValue wasn't passed in (which Velocity always attempts to do in </w:t>
            </w:r>
            <w:r>
              <w:lastRenderedPageBreak/>
              <w:t>order to avoid requerying the DOM),</w:t>
            </w:r>
          </w:p>
          <w:p w:rsidR="00156FB3" w:rsidRDefault="00156FB3" w:rsidP="00156FB3">
            <w:r>
              <w:t xml:space="preserve">                   query the DOM for the root property's value. */</w:t>
            </w:r>
          </w:p>
          <w:p w:rsidR="00156FB3" w:rsidRDefault="00156FB3" w:rsidP="00156FB3">
            <w:r>
              <w:t xml:space="preserve">                if (rootPropertyValue === undefined) {</w:t>
            </w:r>
          </w:p>
          <w:p w:rsidR="00156FB3" w:rsidRDefault="00156FB3" w:rsidP="00156FB3">
            <w:r>
              <w:t xml:space="preserve">                    /* Since the browser is now being directly queried, use the official post-prefixing property name for this lookup. */</w:t>
            </w:r>
          </w:p>
          <w:p w:rsidR="00156FB3" w:rsidRDefault="00156FB3" w:rsidP="00156FB3">
            <w:r>
              <w:t xml:space="preserve">                    rootPropertyValue = CSS.getPropertyValue(element, CSS.Names.prefixCheck(hookRoot)[0]); /* GET */</w:t>
            </w:r>
          </w:p>
          <w:p w:rsidR="00156FB3" w:rsidRDefault="00156FB3" w:rsidP="00156FB3">
            <w:r>
              <w:t xml:space="preserve">                }</w:t>
            </w:r>
          </w:p>
          <w:p w:rsidR="00156FB3" w:rsidRDefault="00156FB3" w:rsidP="00156FB3"/>
          <w:p w:rsidR="00156FB3" w:rsidRDefault="00156FB3" w:rsidP="00156FB3">
            <w:r>
              <w:t xml:space="preserve">                /* If this root has a normalization registered, peform the associated normalization extraction. */</w:t>
            </w:r>
          </w:p>
          <w:p w:rsidR="00156FB3" w:rsidRDefault="00156FB3" w:rsidP="00156FB3">
            <w:r>
              <w:t xml:space="preserve">                if (CSS.Normalizations.registered[hookRoot]) {</w:t>
            </w:r>
          </w:p>
          <w:p w:rsidR="00156FB3" w:rsidRDefault="00156FB3" w:rsidP="00156FB3">
            <w:r>
              <w:t xml:space="preserve">                    rootPropertyValue = CSS.Normalizations.registered[hookRoot]("extract", element, rootPropertyValue);</w:t>
            </w:r>
          </w:p>
          <w:p w:rsidR="00156FB3" w:rsidRDefault="00156FB3" w:rsidP="00156FB3">
            <w:r>
              <w:t xml:space="preserve">                }</w:t>
            </w:r>
          </w:p>
          <w:p w:rsidR="00156FB3" w:rsidRDefault="00156FB3" w:rsidP="00156FB3"/>
          <w:p w:rsidR="00156FB3" w:rsidRDefault="00156FB3" w:rsidP="00156FB3">
            <w:r>
              <w:t xml:space="preserve">                /* Extract the hook's value. */</w:t>
            </w:r>
          </w:p>
          <w:p w:rsidR="00156FB3" w:rsidRDefault="00156FB3" w:rsidP="00156FB3">
            <w:r>
              <w:t xml:space="preserve">                propertyValue = CSS.Hooks.extractValue(hook, rootPropertyValue);</w:t>
            </w:r>
          </w:p>
          <w:p w:rsidR="00156FB3" w:rsidRDefault="00156FB3" w:rsidP="00156FB3"/>
          <w:p w:rsidR="00156FB3" w:rsidRDefault="00156FB3" w:rsidP="00156FB3">
            <w:r>
              <w:t xml:space="preserve">            /* If this is a normalized property (e.g. "opacity" becomes "filter" in &lt;=IE8) or "translateX" becomes "transform"),</w:t>
            </w:r>
          </w:p>
          <w:p w:rsidR="00156FB3" w:rsidRDefault="00156FB3" w:rsidP="00156FB3">
            <w:r>
              <w:t xml:space="preserve">               normalize the property's name and value, and handle the special case of transforms. */</w:t>
            </w:r>
          </w:p>
          <w:p w:rsidR="00156FB3" w:rsidRDefault="00156FB3" w:rsidP="00156FB3">
            <w:r>
              <w:t xml:space="preserve">            /* Note: Normalizing a property is mutually exclusive from hooking a property since hook-extracted values are strictly</w:t>
            </w:r>
          </w:p>
          <w:p w:rsidR="00156FB3" w:rsidRDefault="00156FB3" w:rsidP="00156FB3">
            <w:r>
              <w:t xml:space="preserve">               numerical and therefore do not require normalization extraction. */</w:t>
            </w:r>
          </w:p>
          <w:p w:rsidR="00156FB3" w:rsidRDefault="00156FB3" w:rsidP="00156FB3">
            <w:r>
              <w:t xml:space="preserve">            } else if (CSS.Normalizations.registered[property]) {</w:t>
            </w:r>
          </w:p>
          <w:p w:rsidR="00156FB3" w:rsidRDefault="00156FB3" w:rsidP="00156FB3">
            <w:r>
              <w:t xml:space="preserve">                var normalizedPropertyName,</w:t>
            </w:r>
          </w:p>
          <w:p w:rsidR="00156FB3" w:rsidRDefault="00156FB3" w:rsidP="00156FB3">
            <w:r>
              <w:t xml:space="preserve">                    normalizedPropertyValue;</w:t>
            </w:r>
          </w:p>
          <w:p w:rsidR="00156FB3" w:rsidRDefault="00156FB3" w:rsidP="00156FB3"/>
          <w:p w:rsidR="00156FB3" w:rsidRDefault="00156FB3" w:rsidP="00156FB3">
            <w:r>
              <w:t xml:space="preserve">                normalizedPropertyName = CSS.Normalizations.registered[property]("name", element);</w:t>
            </w:r>
          </w:p>
          <w:p w:rsidR="00156FB3" w:rsidRDefault="00156FB3" w:rsidP="00156FB3"/>
          <w:p w:rsidR="00156FB3" w:rsidRDefault="00156FB3" w:rsidP="00156FB3">
            <w:r>
              <w:t xml:space="preserve">                /* Transform values are calculated via normalization extraction (see below), which checks against the element's transformCache.</w:t>
            </w:r>
          </w:p>
          <w:p w:rsidR="00156FB3" w:rsidRDefault="00156FB3" w:rsidP="00156FB3">
            <w:r>
              <w:t xml:space="preserve">                   At no point do transform GETs ever actually query the DOM; initial stylesheet values are never processed.</w:t>
            </w:r>
          </w:p>
          <w:p w:rsidR="00156FB3" w:rsidRDefault="00156FB3" w:rsidP="00156FB3">
            <w:r>
              <w:t xml:space="preserve">                   This is because parsing 3D transform matrices is not always accurate and would bloat our codebase;</w:t>
            </w:r>
          </w:p>
          <w:p w:rsidR="00156FB3" w:rsidRDefault="00156FB3" w:rsidP="00156FB3">
            <w:r>
              <w:t xml:space="preserve">                   thus, normalization extraction defaults initial transform values to their zero-values (e.g. 1 for scaleX and 0 for translateX). */</w:t>
            </w:r>
          </w:p>
          <w:p w:rsidR="00156FB3" w:rsidRDefault="00156FB3" w:rsidP="00156FB3">
            <w:r>
              <w:t xml:space="preserve">                if (normalizedPropertyName !== "transform") {</w:t>
            </w:r>
          </w:p>
          <w:p w:rsidR="00156FB3" w:rsidRDefault="00156FB3" w:rsidP="00156FB3">
            <w:r>
              <w:t xml:space="preserve">                    normalizedPropertyValue = computePropertyValue(element, CSS.Names.prefixCheck(normalizedPropertyName)[0]); /* GET */</w:t>
            </w:r>
          </w:p>
          <w:p w:rsidR="00156FB3" w:rsidRDefault="00156FB3" w:rsidP="00156FB3"/>
          <w:p w:rsidR="00156FB3" w:rsidRDefault="00156FB3" w:rsidP="00156FB3">
            <w:r>
              <w:t xml:space="preserve">                    /* If the value is a CSS null-value and this property has a hook template, use that zero-value template so that hooks can be extracted from it. */</w:t>
            </w:r>
          </w:p>
          <w:p w:rsidR="00156FB3" w:rsidRDefault="00156FB3" w:rsidP="00156FB3">
            <w:r>
              <w:t xml:space="preserve">                    if (CSS.Values.isCSSNullValue(normalizedPropertyValue) &amp;&amp; CSS.Hooks.templates[property]) {</w:t>
            </w:r>
          </w:p>
          <w:p w:rsidR="00156FB3" w:rsidRDefault="00156FB3" w:rsidP="00156FB3">
            <w:r>
              <w:t xml:space="preserve">                        normalizedPropertyValue = CSS.Hooks.templates[property][1];</w:t>
            </w:r>
          </w:p>
          <w:p w:rsidR="00156FB3" w:rsidRDefault="00156FB3" w:rsidP="00156FB3">
            <w:r>
              <w:lastRenderedPageBreak/>
              <w:t xml:space="preserve">                    }</w:t>
            </w:r>
          </w:p>
          <w:p w:rsidR="00156FB3" w:rsidRDefault="00156FB3" w:rsidP="00156FB3">
            <w:r>
              <w:t xml:space="preserve">                }</w:t>
            </w:r>
          </w:p>
          <w:p w:rsidR="00156FB3" w:rsidRDefault="00156FB3" w:rsidP="00156FB3"/>
          <w:p w:rsidR="00156FB3" w:rsidRDefault="00156FB3" w:rsidP="00156FB3">
            <w:r>
              <w:t xml:space="preserve">                propertyValue = CSS.Normalizations.registered[property]("extract", element, normalizedPropertyValue);</w:t>
            </w:r>
          </w:p>
          <w:p w:rsidR="00156FB3" w:rsidRDefault="00156FB3" w:rsidP="00156FB3">
            <w:r>
              <w:t xml:space="preserve">            }</w:t>
            </w:r>
          </w:p>
          <w:p w:rsidR="00156FB3" w:rsidRDefault="00156FB3" w:rsidP="00156FB3"/>
          <w:p w:rsidR="00156FB3" w:rsidRDefault="00156FB3" w:rsidP="00156FB3">
            <w:r>
              <w:t xml:space="preserve">            /* If a (numeric) value wasn't produced via hook extraction or normalization, query the DOM. */</w:t>
            </w:r>
          </w:p>
          <w:p w:rsidR="00156FB3" w:rsidRDefault="00156FB3" w:rsidP="00156FB3">
            <w:r>
              <w:t xml:space="preserve">            if (!/^[\d-]/.test(propertyValue)) {</w:t>
            </w:r>
          </w:p>
          <w:p w:rsidR="00156FB3" w:rsidRDefault="00156FB3" w:rsidP="00156FB3">
            <w:r>
              <w:t xml:space="preserve">                /* For SVG elements, dimensional properties (which SVGAttribute() detects) are tweened via</w:t>
            </w:r>
          </w:p>
          <w:p w:rsidR="00156FB3" w:rsidRDefault="00156FB3" w:rsidP="00156FB3">
            <w:r>
              <w:t xml:space="preserve">                   their HTML attribute values instead of their CSS style values. */</w:t>
            </w:r>
          </w:p>
          <w:p w:rsidR="00156FB3" w:rsidRDefault="00156FB3" w:rsidP="00156FB3">
            <w:r>
              <w:t xml:space="preserve">                if (Data(element) &amp;&amp; Data(element).isSVG &amp;&amp; CSS.Names.SVGAttribute(property)) {</w:t>
            </w:r>
          </w:p>
          <w:p w:rsidR="00156FB3" w:rsidRDefault="00156FB3" w:rsidP="00156FB3">
            <w:r>
              <w:t xml:space="preserve">                    /* Since the height/width attribute values must be set manually, they don't reflect computed values.</w:t>
            </w:r>
          </w:p>
          <w:p w:rsidR="00156FB3" w:rsidRDefault="00156FB3" w:rsidP="00156FB3">
            <w:r>
              <w:t xml:space="preserve">                       Thus, we use use getBBox() to ensure we always get values for elements with undefined height/width attributes. */</w:t>
            </w:r>
          </w:p>
          <w:p w:rsidR="00156FB3" w:rsidRDefault="00156FB3" w:rsidP="00156FB3">
            <w:r>
              <w:t xml:space="preserve">                    if (/^(height|width)$/i.test(property)) {</w:t>
            </w:r>
          </w:p>
          <w:p w:rsidR="00156FB3" w:rsidRDefault="00156FB3" w:rsidP="00156FB3">
            <w:r>
              <w:t xml:space="preserve">                        /* Firefox throws an error if .getBBox() is called on an SVG that isn't attached to the DOM. */</w:t>
            </w:r>
          </w:p>
          <w:p w:rsidR="00156FB3" w:rsidRDefault="00156FB3" w:rsidP="00156FB3">
            <w:r>
              <w:t xml:space="preserve">                        try {</w:t>
            </w:r>
          </w:p>
          <w:p w:rsidR="00156FB3" w:rsidRDefault="00156FB3" w:rsidP="00156FB3">
            <w:r>
              <w:t xml:space="preserve">                            propertyValue = element.getBBox()[property];</w:t>
            </w:r>
          </w:p>
          <w:p w:rsidR="00156FB3" w:rsidRDefault="00156FB3" w:rsidP="00156FB3">
            <w:r>
              <w:t xml:space="preserve">                        } catch (error) {</w:t>
            </w:r>
          </w:p>
          <w:p w:rsidR="00156FB3" w:rsidRDefault="00156FB3" w:rsidP="00156FB3">
            <w:r>
              <w:t xml:space="preserve">                            propertyValue = 0;</w:t>
            </w:r>
          </w:p>
          <w:p w:rsidR="00156FB3" w:rsidRDefault="00156FB3" w:rsidP="00156FB3">
            <w:r>
              <w:t xml:space="preserve">                        }</w:t>
            </w:r>
          </w:p>
          <w:p w:rsidR="00156FB3" w:rsidRDefault="00156FB3" w:rsidP="00156FB3">
            <w:r>
              <w:t xml:space="preserve">                    /* Otherwise, access the attribute value directly. */</w:t>
            </w:r>
          </w:p>
          <w:p w:rsidR="00156FB3" w:rsidRDefault="00156FB3" w:rsidP="00156FB3">
            <w:r>
              <w:t xml:space="preserve">                    } else {</w:t>
            </w:r>
          </w:p>
          <w:p w:rsidR="00156FB3" w:rsidRDefault="00156FB3" w:rsidP="00156FB3">
            <w:r>
              <w:t xml:space="preserve">                        propertyValue = element.getAttribute(property);</w:t>
            </w:r>
          </w:p>
          <w:p w:rsidR="00156FB3" w:rsidRDefault="00156FB3" w:rsidP="00156FB3">
            <w:r>
              <w:t xml:space="preserve">                    }</w:t>
            </w:r>
          </w:p>
          <w:p w:rsidR="00156FB3" w:rsidRDefault="00156FB3" w:rsidP="00156FB3">
            <w:r>
              <w:t xml:space="preserve">                } else {</w:t>
            </w:r>
          </w:p>
          <w:p w:rsidR="00156FB3" w:rsidRDefault="00156FB3" w:rsidP="00156FB3">
            <w:r>
              <w:t xml:space="preserve">                    propertyValue = computePropertyValue(element, CSS.Names.prefixCheck(property)[0]); /* GET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Since property lookups are for animation purposes (which entails computing the numeric delta between start and end values),</w:t>
            </w:r>
          </w:p>
          <w:p w:rsidR="00156FB3" w:rsidRDefault="00156FB3" w:rsidP="00156FB3">
            <w:r>
              <w:t xml:space="preserve">               convert CSS null-values to an integer of value 0. */</w:t>
            </w:r>
          </w:p>
          <w:p w:rsidR="00156FB3" w:rsidRDefault="00156FB3" w:rsidP="00156FB3">
            <w:r>
              <w:t xml:space="preserve">            if (CSS.Values.isCSSNullValue(propertyValue)) {</w:t>
            </w:r>
          </w:p>
          <w:p w:rsidR="00156FB3" w:rsidRDefault="00156FB3" w:rsidP="00156FB3">
            <w:r>
              <w:t xml:space="preserve">                propertyValue = 0;</w:t>
            </w:r>
          </w:p>
          <w:p w:rsidR="00156FB3" w:rsidRDefault="00156FB3" w:rsidP="00156FB3">
            <w:r>
              <w:t xml:space="preserve">            }</w:t>
            </w:r>
          </w:p>
          <w:p w:rsidR="00156FB3" w:rsidRDefault="00156FB3" w:rsidP="00156FB3"/>
          <w:p w:rsidR="00156FB3" w:rsidRDefault="00156FB3" w:rsidP="00156FB3">
            <w:r>
              <w:t xml:space="preserve">            if (Velocity.debug &gt;= 2) console.log("Get " + property + ": " + propertyValue);</w:t>
            </w:r>
          </w:p>
          <w:p w:rsidR="00156FB3" w:rsidRDefault="00156FB3" w:rsidP="00156FB3"/>
          <w:p w:rsidR="00156FB3" w:rsidRDefault="00156FB3" w:rsidP="00156FB3">
            <w:r>
              <w:t xml:space="preserve">            return propertyValue;</w:t>
            </w:r>
          </w:p>
          <w:p w:rsidR="00156FB3" w:rsidRDefault="00156FB3" w:rsidP="00156FB3">
            <w:r>
              <w:t xml:space="preserve">        },</w:t>
            </w:r>
          </w:p>
          <w:p w:rsidR="00156FB3" w:rsidRDefault="00156FB3" w:rsidP="00156FB3"/>
          <w:p w:rsidR="00156FB3" w:rsidRDefault="00156FB3" w:rsidP="00156FB3">
            <w:r>
              <w:t xml:space="preserve">        /* The singular setPropertyValue, which routes the logic for all normalizations, hooks, and standard CSS properties. */</w:t>
            </w:r>
          </w:p>
          <w:p w:rsidR="00156FB3" w:rsidRDefault="00156FB3" w:rsidP="00156FB3">
            <w:r>
              <w:lastRenderedPageBreak/>
              <w:t xml:space="preserve">        setPropertyValue: function(element, property, propertyValue, rootPropertyValue, scrollData) {</w:t>
            </w:r>
          </w:p>
          <w:p w:rsidR="00156FB3" w:rsidRDefault="00156FB3" w:rsidP="00156FB3">
            <w:r>
              <w:t xml:space="preserve">            var propertyName = property;</w:t>
            </w:r>
          </w:p>
          <w:p w:rsidR="00156FB3" w:rsidRDefault="00156FB3" w:rsidP="00156FB3"/>
          <w:p w:rsidR="00156FB3" w:rsidRDefault="00156FB3" w:rsidP="00156FB3">
            <w:r>
              <w:t xml:space="preserve">            /* In order to be subjected to call options and element queueing, scroll animation is routed through Velocity as if it were a standard CSS property. */</w:t>
            </w:r>
          </w:p>
          <w:p w:rsidR="00156FB3" w:rsidRDefault="00156FB3" w:rsidP="00156FB3">
            <w:r>
              <w:t xml:space="preserve">            if (property === "scroll") {</w:t>
            </w:r>
          </w:p>
          <w:p w:rsidR="00156FB3" w:rsidRDefault="00156FB3" w:rsidP="00156FB3">
            <w:r>
              <w:t xml:space="preserve">                /* If a container option is present, scroll the container instead of the browser window. */</w:t>
            </w:r>
          </w:p>
          <w:p w:rsidR="00156FB3" w:rsidRDefault="00156FB3" w:rsidP="00156FB3">
            <w:r>
              <w:t xml:space="preserve">                if (scrollData.container) {</w:t>
            </w:r>
          </w:p>
          <w:p w:rsidR="00156FB3" w:rsidRDefault="00156FB3" w:rsidP="00156FB3">
            <w:r>
              <w:t xml:space="preserve">                    scrollData.container["scroll" + scrollData.direction] = propertyValue;</w:t>
            </w:r>
          </w:p>
          <w:p w:rsidR="00156FB3" w:rsidRDefault="00156FB3" w:rsidP="00156FB3">
            <w:r>
              <w:t xml:space="preserve">                /* Otherwise, Velocity defaults to scrolling the browser window. */</w:t>
            </w:r>
          </w:p>
          <w:p w:rsidR="00156FB3" w:rsidRDefault="00156FB3" w:rsidP="00156FB3">
            <w:r>
              <w:t xml:space="preserve">                } else {</w:t>
            </w:r>
          </w:p>
          <w:p w:rsidR="00156FB3" w:rsidRDefault="00156FB3" w:rsidP="00156FB3">
            <w:r>
              <w:t xml:space="preserve">                    if (scrollData.direction === "Left") {</w:t>
            </w:r>
          </w:p>
          <w:p w:rsidR="00156FB3" w:rsidRDefault="00156FB3" w:rsidP="00156FB3">
            <w:r>
              <w:t xml:space="preserve">                        window.scrollTo(propertyValue, scrollData.alternateValue);</w:t>
            </w:r>
          </w:p>
          <w:p w:rsidR="00156FB3" w:rsidRDefault="00156FB3" w:rsidP="00156FB3">
            <w:r>
              <w:t xml:space="preserve">                    } else {</w:t>
            </w:r>
          </w:p>
          <w:p w:rsidR="00156FB3" w:rsidRDefault="00156FB3" w:rsidP="00156FB3">
            <w:r>
              <w:t xml:space="preserve">                        window.scrollTo(scrollData.alternateValue, propertyValue);</w:t>
            </w:r>
          </w:p>
          <w:p w:rsidR="00156FB3" w:rsidRDefault="00156FB3" w:rsidP="00156FB3">
            <w:r>
              <w:t xml:space="preserve">                    }</w:t>
            </w:r>
          </w:p>
          <w:p w:rsidR="00156FB3" w:rsidRDefault="00156FB3" w:rsidP="00156FB3">
            <w:r>
              <w:t xml:space="preserve">                }</w:t>
            </w:r>
          </w:p>
          <w:p w:rsidR="00156FB3" w:rsidRDefault="00156FB3" w:rsidP="00156FB3">
            <w:r>
              <w:t xml:space="preserve">            } else {</w:t>
            </w:r>
          </w:p>
          <w:p w:rsidR="00156FB3" w:rsidRDefault="00156FB3" w:rsidP="00156FB3">
            <w:r>
              <w:t xml:space="preserve">                /* Transforms (translateX, rotateZ, etc.) are applied to a per-element transformCache object, which is manually flushed via flushTransformCache().</w:t>
            </w:r>
          </w:p>
          <w:p w:rsidR="00156FB3" w:rsidRDefault="00156FB3" w:rsidP="00156FB3">
            <w:r>
              <w:t xml:space="preserve">                   Thus, for now, we merely cache transforms being SET. */</w:t>
            </w:r>
          </w:p>
          <w:p w:rsidR="00156FB3" w:rsidRDefault="00156FB3" w:rsidP="00156FB3">
            <w:r>
              <w:t xml:space="preserve">                if (CSS.Normalizations.registered[property] &amp;&amp; CSS.Normalizations.registered[property]("name", element) === "transform") {</w:t>
            </w:r>
          </w:p>
          <w:p w:rsidR="00156FB3" w:rsidRDefault="00156FB3" w:rsidP="00156FB3">
            <w:r>
              <w:t xml:space="preserve">                    /* Perform a normalization injection. */</w:t>
            </w:r>
          </w:p>
          <w:p w:rsidR="00156FB3" w:rsidRDefault="00156FB3" w:rsidP="00156FB3">
            <w:r>
              <w:t xml:space="preserve">                    /* Note: The normalization logic handles the transformCache updating. */</w:t>
            </w:r>
          </w:p>
          <w:p w:rsidR="00156FB3" w:rsidRDefault="00156FB3" w:rsidP="00156FB3">
            <w:r>
              <w:t xml:space="preserve">                    CSS.Normalizations.registered[property]("inject", element, propertyValue);</w:t>
            </w:r>
          </w:p>
          <w:p w:rsidR="00156FB3" w:rsidRDefault="00156FB3" w:rsidP="00156FB3"/>
          <w:p w:rsidR="00156FB3" w:rsidRDefault="00156FB3" w:rsidP="00156FB3">
            <w:r>
              <w:t xml:space="preserve">                    propertyName = "transform";</w:t>
            </w:r>
          </w:p>
          <w:p w:rsidR="00156FB3" w:rsidRDefault="00156FB3" w:rsidP="00156FB3">
            <w:r>
              <w:t xml:space="preserve">                    propertyValue = Data(element).transformCache[property];</w:t>
            </w:r>
          </w:p>
          <w:p w:rsidR="00156FB3" w:rsidRDefault="00156FB3" w:rsidP="00156FB3">
            <w:r>
              <w:t xml:space="preserve">                } else {</w:t>
            </w:r>
          </w:p>
          <w:p w:rsidR="00156FB3" w:rsidRDefault="00156FB3" w:rsidP="00156FB3">
            <w:r>
              <w:t xml:space="preserve">                    /* Inject hooks. */</w:t>
            </w:r>
          </w:p>
          <w:p w:rsidR="00156FB3" w:rsidRDefault="00156FB3" w:rsidP="00156FB3">
            <w:r>
              <w:t xml:space="preserve">                    if (CSS.Hooks.registered[property]) {</w:t>
            </w:r>
          </w:p>
          <w:p w:rsidR="00156FB3" w:rsidRDefault="00156FB3" w:rsidP="00156FB3">
            <w:r>
              <w:t xml:space="preserve">                        var hookName = property,</w:t>
            </w:r>
          </w:p>
          <w:p w:rsidR="00156FB3" w:rsidRDefault="00156FB3" w:rsidP="00156FB3">
            <w:r>
              <w:t xml:space="preserve">                            hookRoot = CSS.Hooks.getRoot(property);</w:t>
            </w:r>
          </w:p>
          <w:p w:rsidR="00156FB3" w:rsidRDefault="00156FB3" w:rsidP="00156FB3"/>
          <w:p w:rsidR="00156FB3" w:rsidRDefault="00156FB3" w:rsidP="00156FB3">
            <w:r>
              <w:t xml:space="preserve">                        /* If a cached rootPropertyValue was not provided, query the DOM for the hookRoot's current value. */</w:t>
            </w:r>
          </w:p>
          <w:p w:rsidR="00156FB3" w:rsidRDefault="00156FB3" w:rsidP="00156FB3">
            <w:r>
              <w:t xml:space="preserve">                        rootPropertyValue = rootPropertyValue || CSS.getPropertyValue(element, hookRoot); /* GET */</w:t>
            </w:r>
          </w:p>
          <w:p w:rsidR="00156FB3" w:rsidRDefault="00156FB3" w:rsidP="00156FB3"/>
          <w:p w:rsidR="00156FB3" w:rsidRDefault="00156FB3" w:rsidP="00156FB3">
            <w:r>
              <w:t xml:space="preserve">                        propertyValue = CSS.Hooks.injectValue(hookName, propertyValue, rootPropertyValue);</w:t>
            </w:r>
          </w:p>
          <w:p w:rsidR="00156FB3" w:rsidRDefault="00156FB3" w:rsidP="00156FB3">
            <w:r>
              <w:t xml:space="preserve">                        property = hookRoot;</w:t>
            </w:r>
          </w:p>
          <w:p w:rsidR="00156FB3" w:rsidRDefault="00156FB3" w:rsidP="00156FB3">
            <w:r>
              <w:t xml:space="preserve">                    }</w:t>
            </w:r>
          </w:p>
          <w:p w:rsidR="00156FB3" w:rsidRDefault="00156FB3" w:rsidP="00156FB3"/>
          <w:p w:rsidR="00156FB3" w:rsidRDefault="00156FB3" w:rsidP="00156FB3">
            <w:r>
              <w:t xml:space="preserve">                    /* Normalize names and values. */</w:t>
            </w:r>
          </w:p>
          <w:p w:rsidR="00156FB3" w:rsidRDefault="00156FB3" w:rsidP="00156FB3">
            <w:r>
              <w:t xml:space="preserve">                    if (CSS.Normalizations.registered[property]) {</w:t>
            </w:r>
          </w:p>
          <w:p w:rsidR="00156FB3" w:rsidRDefault="00156FB3" w:rsidP="00156FB3">
            <w:r>
              <w:t xml:space="preserve">                        propertyValue = CSS.Normalizations.registered[property]("inject", element, propertyValue);</w:t>
            </w:r>
          </w:p>
          <w:p w:rsidR="00156FB3" w:rsidRDefault="00156FB3" w:rsidP="00156FB3">
            <w:r>
              <w:lastRenderedPageBreak/>
              <w:t xml:space="preserve">                        property = CSS.Normalizations.registered[property]("name", element);</w:t>
            </w:r>
          </w:p>
          <w:p w:rsidR="00156FB3" w:rsidRDefault="00156FB3" w:rsidP="00156FB3">
            <w:r>
              <w:t xml:space="preserve">                    }</w:t>
            </w:r>
          </w:p>
          <w:p w:rsidR="00156FB3" w:rsidRDefault="00156FB3" w:rsidP="00156FB3"/>
          <w:p w:rsidR="00156FB3" w:rsidRDefault="00156FB3" w:rsidP="00156FB3">
            <w:r>
              <w:t xml:space="preserve">                    /* Assign the appropriate vendor prefix before performing an official style update. */</w:t>
            </w:r>
          </w:p>
          <w:p w:rsidR="00156FB3" w:rsidRDefault="00156FB3" w:rsidP="00156FB3">
            <w:r>
              <w:t xml:space="preserve">                    propertyName = CSS.Names.prefixCheck(property)[0];</w:t>
            </w:r>
          </w:p>
          <w:p w:rsidR="00156FB3" w:rsidRDefault="00156FB3" w:rsidP="00156FB3"/>
          <w:p w:rsidR="00156FB3" w:rsidRDefault="00156FB3" w:rsidP="00156FB3">
            <w:r>
              <w:t xml:space="preserve">                    /* A try/catch is used for IE&lt;=8, which throws an error when "invalid" CSS values are set, e.g. a negative width.</w:t>
            </w:r>
          </w:p>
          <w:p w:rsidR="00156FB3" w:rsidRDefault="00156FB3" w:rsidP="00156FB3">
            <w:r>
              <w:t xml:space="preserve">                       Try/catch is avoided for other browsers since it incurs a performance overhead. */</w:t>
            </w:r>
          </w:p>
          <w:p w:rsidR="00156FB3" w:rsidRDefault="00156FB3" w:rsidP="00156FB3">
            <w:r>
              <w:t xml:space="preserve">                    if (IE &lt;= 8) {</w:t>
            </w:r>
          </w:p>
          <w:p w:rsidR="00156FB3" w:rsidRDefault="00156FB3" w:rsidP="00156FB3">
            <w:r>
              <w:t xml:space="preserve">                        try {</w:t>
            </w:r>
          </w:p>
          <w:p w:rsidR="00156FB3" w:rsidRDefault="00156FB3" w:rsidP="00156FB3">
            <w:r>
              <w:t xml:space="preserve">                            element.style[propertyName] = propertyValue;</w:t>
            </w:r>
          </w:p>
          <w:p w:rsidR="00156FB3" w:rsidRDefault="00156FB3" w:rsidP="00156FB3">
            <w:r>
              <w:t xml:space="preserve">                        } catch (error) { if (Velocity.debug) console.log("Browser does not support [" + propertyValue + "] for [" + propertyName + "]"); }</w:t>
            </w:r>
          </w:p>
          <w:p w:rsidR="00156FB3" w:rsidRDefault="00156FB3" w:rsidP="00156FB3">
            <w:r>
              <w:t xml:space="preserve">                    /* SVG elements have their dimensional properties (width, height, x, y, cx, etc.) applied directly as attributes instead of as styles. */</w:t>
            </w:r>
          </w:p>
          <w:p w:rsidR="00156FB3" w:rsidRDefault="00156FB3" w:rsidP="00156FB3">
            <w:r>
              <w:t xml:space="preserve">                    /* Note: IE8 does not support SVG elements, so it's okay that we skip it for SVG animation. */</w:t>
            </w:r>
          </w:p>
          <w:p w:rsidR="00156FB3" w:rsidRDefault="00156FB3" w:rsidP="00156FB3">
            <w:r>
              <w:t xml:space="preserve">                    } else if (Data(element) &amp;&amp; Data(element).isSVG &amp;&amp; CSS.Names.SVGAttribute(property)) {</w:t>
            </w:r>
          </w:p>
          <w:p w:rsidR="00156FB3" w:rsidRDefault="00156FB3" w:rsidP="00156FB3">
            <w:r>
              <w:t xml:space="preserve">                        /* Note: For SVG attributes, vendor-prefixed property names are never used. */</w:t>
            </w:r>
          </w:p>
          <w:p w:rsidR="00156FB3" w:rsidRDefault="00156FB3" w:rsidP="00156FB3">
            <w:r>
              <w:t xml:space="preserve">                        /* Note: Not all CSS properties can be animated via attributes, but the browser won't throw an error for unsupported properties. */</w:t>
            </w:r>
          </w:p>
          <w:p w:rsidR="00156FB3" w:rsidRDefault="00156FB3" w:rsidP="00156FB3">
            <w:r>
              <w:t xml:space="preserve">                        element.setAttribute(property, propertyValue);</w:t>
            </w:r>
          </w:p>
          <w:p w:rsidR="00156FB3" w:rsidRDefault="00156FB3" w:rsidP="00156FB3">
            <w:r>
              <w:t xml:space="preserve">                    } else {</w:t>
            </w:r>
          </w:p>
          <w:p w:rsidR="00156FB3" w:rsidRDefault="00156FB3" w:rsidP="00156FB3">
            <w:r>
              <w:t xml:space="preserve">                        element.style[propertyName] = propertyValue;</w:t>
            </w:r>
          </w:p>
          <w:p w:rsidR="00156FB3" w:rsidRDefault="00156FB3" w:rsidP="00156FB3">
            <w:r>
              <w:t xml:space="preserve">                    }</w:t>
            </w:r>
          </w:p>
          <w:p w:rsidR="00156FB3" w:rsidRDefault="00156FB3" w:rsidP="00156FB3"/>
          <w:p w:rsidR="00156FB3" w:rsidRDefault="00156FB3" w:rsidP="00156FB3">
            <w:r>
              <w:t xml:space="preserve">                    if (Velocity.debug &gt;= 2) console.log("Set " + property + " (" + propertyName + "): " + propertyVal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Return the normalized property name and value in case the caller wants to know how these values were modified before being applied to the DOM. */</w:t>
            </w:r>
          </w:p>
          <w:p w:rsidR="00156FB3" w:rsidRDefault="00156FB3" w:rsidP="00156FB3">
            <w:r>
              <w:t xml:space="preserve">            return [ propertyName, propertyValue ];</w:t>
            </w:r>
          </w:p>
          <w:p w:rsidR="00156FB3" w:rsidRDefault="00156FB3" w:rsidP="00156FB3">
            <w:r>
              <w:t xml:space="preserve">        },</w:t>
            </w:r>
          </w:p>
          <w:p w:rsidR="00156FB3" w:rsidRDefault="00156FB3" w:rsidP="00156FB3"/>
          <w:p w:rsidR="00156FB3" w:rsidRDefault="00156FB3" w:rsidP="00156FB3">
            <w:r>
              <w:t xml:space="preserve">        /* To increase performance by batching transform updates into a single SET, transforms are not directly applied to an element until flushTransformCache() is called. */</w:t>
            </w:r>
          </w:p>
          <w:p w:rsidR="00156FB3" w:rsidRDefault="00156FB3" w:rsidP="00156FB3">
            <w:r>
              <w:t xml:space="preserve">        /* Note: Velocity applies transform properties in the same order that they are chronogically introduced to the element's CSS styles. */</w:t>
            </w:r>
          </w:p>
          <w:p w:rsidR="00156FB3" w:rsidRDefault="00156FB3" w:rsidP="00156FB3">
            <w:r>
              <w:t xml:space="preserve">        flushTransformCache: function(element) {</w:t>
            </w:r>
          </w:p>
          <w:p w:rsidR="00156FB3" w:rsidRDefault="00156FB3" w:rsidP="00156FB3">
            <w:r>
              <w:t xml:space="preserve">            var transformString = "";</w:t>
            </w:r>
          </w:p>
          <w:p w:rsidR="00156FB3" w:rsidRDefault="00156FB3" w:rsidP="00156FB3"/>
          <w:p w:rsidR="00156FB3" w:rsidRDefault="00156FB3" w:rsidP="00156FB3">
            <w:r>
              <w:t xml:space="preserve">            /* Certain browsers require that SVG transforms be applied as an attribute. However, the SVG transform attribute takes a modified version of CSS's transform string</w:t>
            </w:r>
          </w:p>
          <w:p w:rsidR="00156FB3" w:rsidRDefault="00156FB3" w:rsidP="00156FB3">
            <w:r>
              <w:t xml:space="preserve">               (units are dropped and, except for skewX/Y, subproperties are merged into their master property -- e.g. scaleX and scaleY are merged into scale(X Y). */</w:t>
            </w:r>
          </w:p>
          <w:p w:rsidR="00156FB3" w:rsidRDefault="00156FB3" w:rsidP="00156FB3">
            <w:r>
              <w:t xml:space="preserve">            if ((IE || (Velocity.State.isAndroid &amp;&amp; !Velocity.State.isChrome)) &amp;&amp; Data(element).isSVG) {</w:t>
            </w:r>
          </w:p>
          <w:p w:rsidR="00156FB3" w:rsidRDefault="00156FB3" w:rsidP="00156FB3">
            <w:r>
              <w:lastRenderedPageBreak/>
              <w:t xml:space="preserve">                /* Since transform values are stored in their parentheses-wrapped form, we use a helper function to strip out their numeric values.</w:t>
            </w:r>
          </w:p>
          <w:p w:rsidR="00156FB3" w:rsidRDefault="00156FB3" w:rsidP="00156FB3">
            <w:r>
              <w:t xml:space="preserve">                   Further, SVG transform properties only take unitless (representing pixels) values, so it's okay that parseFloat() strips the unit suffixed to the float value. */</w:t>
            </w:r>
          </w:p>
          <w:p w:rsidR="00156FB3" w:rsidRDefault="00156FB3" w:rsidP="00156FB3">
            <w:r>
              <w:t xml:space="preserve">                function getTransformFloat (transformProperty) {</w:t>
            </w:r>
          </w:p>
          <w:p w:rsidR="00156FB3" w:rsidRDefault="00156FB3" w:rsidP="00156FB3">
            <w:r>
              <w:t xml:space="preserve">                    return parseFloat(CSS.getPropertyValue(element, transformProperty));</w:t>
            </w:r>
          </w:p>
          <w:p w:rsidR="00156FB3" w:rsidRDefault="00156FB3" w:rsidP="00156FB3">
            <w:r>
              <w:t xml:space="preserve">                }</w:t>
            </w:r>
          </w:p>
          <w:p w:rsidR="00156FB3" w:rsidRDefault="00156FB3" w:rsidP="00156FB3"/>
          <w:p w:rsidR="00156FB3" w:rsidRDefault="00156FB3" w:rsidP="00156FB3">
            <w:r>
              <w:t xml:space="preserve">                /* Create an object to organize all the transforms that we'll apply to the SVG element. To keep the logic simple,</w:t>
            </w:r>
          </w:p>
          <w:p w:rsidR="00156FB3" w:rsidRDefault="00156FB3" w:rsidP="00156FB3">
            <w:r>
              <w:t xml:space="preserve">                   we process *all* transform properties -- even those that may not be explicitly applied (since they default to their zero-values anyway). */</w:t>
            </w:r>
          </w:p>
          <w:p w:rsidR="00156FB3" w:rsidRDefault="00156FB3" w:rsidP="00156FB3">
            <w:r>
              <w:t xml:space="preserve">                var SVGTransforms = {</w:t>
            </w:r>
          </w:p>
          <w:p w:rsidR="00156FB3" w:rsidRDefault="00156FB3" w:rsidP="00156FB3">
            <w:r>
              <w:t xml:space="preserve">                    translate: [ getTransformFloat("translateX"), getTransformFloat("translateY") ],</w:t>
            </w:r>
          </w:p>
          <w:p w:rsidR="00156FB3" w:rsidRDefault="00156FB3" w:rsidP="00156FB3">
            <w:r>
              <w:t xml:space="preserve">                    skewX: [ getTransformFloat("skewX") ], skewY: [ getTransformFloat("skewY") ],</w:t>
            </w:r>
          </w:p>
          <w:p w:rsidR="00156FB3" w:rsidRDefault="00156FB3" w:rsidP="00156FB3">
            <w:r>
              <w:t xml:space="preserve">                    /* If the scale property is set (non-1), use that value for the scaleX and scaleY values</w:t>
            </w:r>
          </w:p>
          <w:p w:rsidR="00156FB3" w:rsidRDefault="00156FB3" w:rsidP="00156FB3">
            <w:r>
              <w:t xml:space="preserve">                       (this behavior mimics the result of animating all these properties at once on HTML elements). */</w:t>
            </w:r>
          </w:p>
          <w:p w:rsidR="00156FB3" w:rsidRDefault="00156FB3" w:rsidP="00156FB3">
            <w:r>
              <w:t xml:space="preserve">                    scale: getTransformFloat("scale") !== 1 ? [ getTransformFloat("scale"), getTransformFloat("scale") ] : [ getTransformFloat("scaleX"), getTransformFloat("scaleY") ],</w:t>
            </w:r>
          </w:p>
          <w:p w:rsidR="00156FB3" w:rsidRDefault="00156FB3" w:rsidP="00156FB3">
            <w:r>
              <w:t xml:space="preserve">                    /* Note: SVG's rotate transform takes three values: rotation degrees followed by the X and Y values</w:t>
            </w:r>
          </w:p>
          <w:p w:rsidR="00156FB3" w:rsidRDefault="00156FB3" w:rsidP="00156FB3">
            <w:r>
              <w:t xml:space="preserve">                       defining the rotation's origin point. We ignore the origin values (default them to 0). */</w:t>
            </w:r>
          </w:p>
          <w:p w:rsidR="00156FB3" w:rsidRDefault="00156FB3" w:rsidP="00156FB3">
            <w:r>
              <w:t xml:space="preserve">                    rotate: [ getTransformFloat("rotateZ"), 0, 0 ]</w:t>
            </w:r>
          </w:p>
          <w:p w:rsidR="00156FB3" w:rsidRDefault="00156FB3" w:rsidP="00156FB3">
            <w:r>
              <w:t xml:space="preserve">                };</w:t>
            </w:r>
          </w:p>
          <w:p w:rsidR="00156FB3" w:rsidRDefault="00156FB3" w:rsidP="00156FB3"/>
          <w:p w:rsidR="00156FB3" w:rsidRDefault="00156FB3" w:rsidP="00156FB3">
            <w:r>
              <w:t xml:space="preserve">                /* Iterate through the transform properties in the user-defined property map order.</w:t>
            </w:r>
          </w:p>
          <w:p w:rsidR="00156FB3" w:rsidRDefault="00156FB3" w:rsidP="00156FB3">
            <w:r>
              <w:t xml:space="preserve">                   (This mimics the behavior of non-SVG transform animation.) */</w:t>
            </w:r>
          </w:p>
          <w:p w:rsidR="00156FB3" w:rsidRDefault="00156FB3" w:rsidP="00156FB3">
            <w:r>
              <w:t xml:space="preserve">                $.each(Data(element).transformCache, function(transformName) {</w:t>
            </w:r>
          </w:p>
          <w:p w:rsidR="00156FB3" w:rsidRDefault="00156FB3" w:rsidP="00156FB3">
            <w:r>
              <w:t xml:space="preserve">                    /* Except for with skewX/Y, revert the axis-specific transform subproperties to their axis-free master</w:t>
            </w:r>
          </w:p>
          <w:p w:rsidR="00156FB3" w:rsidRDefault="00156FB3" w:rsidP="00156FB3">
            <w:r>
              <w:t xml:space="preserve">                       properties so that they match up with SVG's accepted transform properties. */</w:t>
            </w:r>
          </w:p>
          <w:p w:rsidR="00156FB3" w:rsidRDefault="00156FB3" w:rsidP="00156FB3">
            <w:r>
              <w:t xml:space="preserve">                    if (/^translate/i.test(transformName)) {</w:t>
            </w:r>
          </w:p>
          <w:p w:rsidR="00156FB3" w:rsidRDefault="00156FB3" w:rsidP="00156FB3">
            <w:r>
              <w:t xml:space="preserve">                        transformName = "translate";</w:t>
            </w:r>
          </w:p>
          <w:p w:rsidR="00156FB3" w:rsidRDefault="00156FB3" w:rsidP="00156FB3">
            <w:r>
              <w:t xml:space="preserve">                    } else if (/^scale/i.test(transformName)) {</w:t>
            </w:r>
          </w:p>
          <w:p w:rsidR="00156FB3" w:rsidRDefault="00156FB3" w:rsidP="00156FB3">
            <w:r>
              <w:t xml:space="preserve">                        transformName = "scale";</w:t>
            </w:r>
          </w:p>
          <w:p w:rsidR="00156FB3" w:rsidRDefault="00156FB3" w:rsidP="00156FB3">
            <w:r>
              <w:t xml:space="preserve">                    } else if (/^rotate/i.test(transformName)) {</w:t>
            </w:r>
          </w:p>
          <w:p w:rsidR="00156FB3" w:rsidRDefault="00156FB3" w:rsidP="00156FB3">
            <w:r>
              <w:t xml:space="preserve">                        transformName = "rotate";</w:t>
            </w:r>
          </w:p>
          <w:p w:rsidR="00156FB3" w:rsidRDefault="00156FB3" w:rsidP="00156FB3">
            <w:r>
              <w:t xml:space="preserve">                    }</w:t>
            </w:r>
          </w:p>
          <w:p w:rsidR="00156FB3" w:rsidRDefault="00156FB3" w:rsidP="00156FB3"/>
          <w:p w:rsidR="00156FB3" w:rsidRDefault="00156FB3" w:rsidP="00156FB3">
            <w:r>
              <w:t xml:space="preserve">                    /* Check that we haven't yet deleted the property from the SVGTransforms container. */</w:t>
            </w:r>
          </w:p>
          <w:p w:rsidR="00156FB3" w:rsidRDefault="00156FB3" w:rsidP="00156FB3">
            <w:r>
              <w:t xml:space="preserve">                    if (SVGTransforms[transformName]) {</w:t>
            </w:r>
          </w:p>
          <w:p w:rsidR="00156FB3" w:rsidRDefault="00156FB3" w:rsidP="00156FB3">
            <w:r>
              <w:t xml:space="preserve">                        /* Append the transform property in the SVG-supported transform format. As per the spec, surround the space-delimited values in parentheses. */</w:t>
            </w:r>
          </w:p>
          <w:p w:rsidR="00156FB3" w:rsidRDefault="00156FB3" w:rsidP="00156FB3">
            <w:r>
              <w:t xml:space="preserve">                        transformString += transformName + "(" + SVGTransforms[transformName].join(" ") + ")" + " ";</w:t>
            </w:r>
          </w:p>
          <w:p w:rsidR="00156FB3" w:rsidRDefault="00156FB3" w:rsidP="00156FB3"/>
          <w:p w:rsidR="00156FB3" w:rsidRDefault="00156FB3" w:rsidP="00156FB3">
            <w:r>
              <w:t xml:space="preserve">                        /* After processing an SVG transform property, delete it from the SVGTransforms </w:t>
            </w:r>
            <w:r>
              <w:lastRenderedPageBreak/>
              <w:t>container so we don't</w:t>
            </w:r>
          </w:p>
          <w:p w:rsidR="00156FB3" w:rsidRDefault="00156FB3" w:rsidP="00156FB3">
            <w:r>
              <w:t xml:space="preserve">                           re-insert the same master property if we encounter another one of its axis-specific properties. */</w:t>
            </w:r>
          </w:p>
          <w:p w:rsidR="00156FB3" w:rsidRDefault="00156FB3" w:rsidP="00156FB3">
            <w:r>
              <w:t xml:space="preserve">                        delete SVGTransforms[transformName];</w:t>
            </w:r>
          </w:p>
          <w:p w:rsidR="00156FB3" w:rsidRDefault="00156FB3" w:rsidP="00156FB3">
            <w:r>
              <w:t xml:space="preserve">                    }</w:t>
            </w:r>
          </w:p>
          <w:p w:rsidR="00156FB3" w:rsidRDefault="00156FB3" w:rsidP="00156FB3">
            <w:r>
              <w:t xml:space="preserve">                });</w:t>
            </w:r>
          </w:p>
          <w:p w:rsidR="00156FB3" w:rsidRDefault="00156FB3" w:rsidP="00156FB3">
            <w:r>
              <w:t xml:space="preserve">            } else {</w:t>
            </w:r>
          </w:p>
          <w:p w:rsidR="00156FB3" w:rsidRDefault="00156FB3" w:rsidP="00156FB3">
            <w:r>
              <w:t xml:space="preserve">                var transformValue,</w:t>
            </w:r>
          </w:p>
          <w:p w:rsidR="00156FB3" w:rsidRDefault="00156FB3" w:rsidP="00156FB3">
            <w:r>
              <w:t xml:space="preserve">                    perspective;</w:t>
            </w:r>
          </w:p>
          <w:p w:rsidR="00156FB3" w:rsidRDefault="00156FB3" w:rsidP="00156FB3"/>
          <w:p w:rsidR="00156FB3" w:rsidRDefault="00156FB3" w:rsidP="00156FB3">
            <w:r>
              <w:t xml:space="preserve">                /* Transform properties are stored as members of the transformCache object. Concatenate all the members into a string. */</w:t>
            </w:r>
          </w:p>
          <w:p w:rsidR="00156FB3" w:rsidRDefault="00156FB3" w:rsidP="00156FB3">
            <w:r>
              <w:t xml:space="preserve">                $.each(Data(element).transformCache, function(transformName) {</w:t>
            </w:r>
          </w:p>
          <w:p w:rsidR="00156FB3" w:rsidRDefault="00156FB3" w:rsidP="00156FB3">
            <w:r>
              <w:t xml:space="preserve">                    transformValue = Data(element).transformCache[transformName];</w:t>
            </w:r>
          </w:p>
          <w:p w:rsidR="00156FB3" w:rsidRDefault="00156FB3" w:rsidP="00156FB3"/>
          <w:p w:rsidR="00156FB3" w:rsidRDefault="00156FB3" w:rsidP="00156FB3">
            <w:r>
              <w:t xml:space="preserve">                    /* Transform's perspective subproperty must be set first in order to take effect. Store it temporarily. */</w:t>
            </w:r>
          </w:p>
          <w:p w:rsidR="00156FB3" w:rsidRDefault="00156FB3" w:rsidP="00156FB3">
            <w:r>
              <w:t xml:space="preserve">                    if (transformName === "transformPerspective") {</w:t>
            </w:r>
          </w:p>
          <w:p w:rsidR="00156FB3" w:rsidRDefault="00156FB3" w:rsidP="00156FB3">
            <w:r>
              <w:t xml:space="preserve">                        perspective = transformValue;</w:t>
            </w:r>
          </w:p>
          <w:p w:rsidR="00156FB3" w:rsidRDefault="00156FB3" w:rsidP="00156FB3">
            <w:r>
              <w:t xml:space="preserve">                        return true;</w:t>
            </w:r>
          </w:p>
          <w:p w:rsidR="00156FB3" w:rsidRDefault="00156FB3" w:rsidP="00156FB3">
            <w:r>
              <w:t xml:space="preserve">                    }</w:t>
            </w:r>
          </w:p>
          <w:p w:rsidR="00156FB3" w:rsidRDefault="00156FB3" w:rsidP="00156FB3"/>
          <w:p w:rsidR="00156FB3" w:rsidRDefault="00156FB3" w:rsidP="00156FB3">
            <w:r>
              <w:t xml:space="preserve">                    /* IE9 only supports one rotation type, rotateZ, which it refers to as "rotate". */</w:t>
            </w:r>
          </w:p>
          <w:p w:rsidR="00156FB3" w:rsidRDefault="00156FB3" w:rsidP="00156FB3">
            <w:r>
              <w:t xml:space="preserve">                    if (IE === 9 &amp;&amp; transformName === "rotateZ") {</w:t>
            </w:r>
          </w:p>
          <w:p w:rsidR="00156FB3" w:rsidRDefault="00156FB3" w:rsidP="00156FB3">
            <w:r>
              <w:t xml:space="preserve">                        transformName = "rotate";</w:t>
            </w:r>
          </w:p>
          <w:p w:rsidR="00156FB3" w:rsidRDefault="00156FB3" w:rsidP="00156FB3">
            <w:r>
              <w:t xml:space="preserve">                    }</w:t>
            </w:r>
          </w:p>
          <w:p w:rsidR="00156FB3" w:rsidRDefault="00156FB3" w:rsidP="00156FB3"/>
          <w:p w:rsidR="00156FB3" w:rsidRDefault="00156FB3" w:rsidP="00156FB3">
            <w:r>
              <w:t xml:space="preserve">                    transformString += transformName + transformValue + " ";</w:t>
            </w:r>
          </w:p>
          <w:p w:rsidR="00156FB3" w:rsidRDefault="00156FB3" w:rsidP="00156FB3">
            <w:r>
              <w:t xml:space="preserve">                });</w:t>
            </w:r>
          </w:p>
          <w:p w:rsidR="00156FB3" w:rsidRDefault="00156FB3" w:rsidP="00156FB3"/>
          <w:p w:rsidR="00156FB3" w:rsidRDefault="00156FB3" w:rsidP="00156FB3">
            <w:r>
              <w:t xml:space="preserve">                /* If present, set the perspective subproperty first. */</w:t>
            </w:r>
          </w:p>
          <w:p w:rsidR="00156FB3" w:rsidRDefault="00156FB3" w:rsidP="00156FB3">
            <w:r>
              <w:t xml:space="preserve">                if (perspective) {</w:t>
            </w:r>
          </w:p>
          <w:p w:rsidR="00156FB3" w:rsidRDefault="00156FB3" w:rsidP="00156FB3">
            <w:r>
              <w:t xml:space="preserve">                    transformString = "perspective" + perspective + " " + transformString;</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CSS.setPropertyValue(element, "transform", transformString);</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Register hooks and normalizations. */</w:t>
            </w:r>
          </w:p>
          <w:p w:rsidR="00156FB3" w:rsidRDefault="00156FB3" w:rsidP="00156FB3">
            <w:r>
              <w:t xml:space="preserve">    CSS.Hooks.register();</w:t>
            </w:r>
          </w:p>
          <w:p w:rsidR="00156FB3" w:rsidRDefault="00156FB3" w:rsidP="00156FB3">
            <w:r>
              <w:t xml:space="preserve">    CSS.Normalizations.register();</w:t>
            </w:r>
          </w:p>
          <w:p w:rsidR="00156FB3" w:rsidRDefault="00156FB3" w:rsidP="00156FB3"/>
          <w:p w:rsidR="00156FB3" w:rsidRDefault="00156FB3" w:rsidP="00156FB3">
            <w:r>
              <w:t xml:space="preserve">    /* Allow hook setting in the same fashion as jQuery's $.css(). */</w:t>
            </w:r>
          </w:p>
          <w:p w:rsidR="00156FB3" w:rsidRDefault="00156FB3" w:rsidP="00156FB3">
            <w:r>
              <w:t xml:space="preserve">    Velocity.hook = function (elements, arg2, arg3) {</w:t>
            </w:r>
          </w:p>
          <w:p w:rsidR="00156FB3" w:rsidRDefault="00156FB3" w:rsidP="00156FB3">
            <w:r>
              <w:t xml:space="preserve">        var value = undefined;</w:t>
            </w:r>
          </w:p>
          <w:p w:rsidR="00156FB3" w:rsidRDefault="00156FB3" w:rsidP="00156FB3"/>
          <w:p w:rsidR="00156FB3" w:rsidRDefault="00156FB3" w:rsidP="00156FB3">
            <w:r>
              <w:lastRenderedPageBreak/>
              <w:t xml:space="preserve">        elements = sanitizeElements(elements);</w:t>
            </w:r>
          </w:p>
          <w:p w:rsidR="00156FB3" w:rsidRDefault="00156FB3" w:rsidP="00156FB3"/>
          <w:p w:rsidR="00156FB3" w:rsidRDefault="00156FB3" w:rsidP="00156FB3">
            <w:r>
              <w:t xml:space="preserve">        $.each(elements, function(i, element) {</w:t>
            </w:r>
          </w:p>
          <w:p w:rsidR="00156FB3" w:rsidRDefault="00156FB3" w:rsidP="00156FB3">
            <w:r>
              <w:t xml:space="preserve">            /* Initialize Velocity's per-element data cache if this element hasn't previously been animated. */</w:t>
            </w:r>
          </w:p>
          <w:p w:rsidR="00156FB3" w:rsidRDefault="00156FB3" w:rsidP="00156FB3">
            <w:r>
              <w:t xml:space="preserve">            if (Data(element) === undefined) {</w:t>
            </w:r>
          </w:p>
          <w:p w:rsidR="00156FB3" w:rsidRDefault="00156FB3" w:rsidP="00156FB3">
            <w:r>
              <w:t xml:space="preserve">                Velocity.init(element);</w:t>
            </w:r>
          </w:p>
          <w:p w:rsidR="00156FB3" w:rsidRDefault="00156FB3" w:rsidP="00156FB3">
            <w:r>
              <w:t xml:space="preserve">            }</w:t>
            </w:r>
          </w:p>
          <w:p w:rsidR="00156FB3" w:rsidRDefault="00156FB3" w:rsidP="00156FB3"/>
          <w:p w:rsidR="00156FB3" w:rsidRDefault="00156FB3" w:rsidP="00156FB3">
            <w:r>
              <w:t xml:space="preserve">            /* Get property value. If an element set was passed in, only return the value for the first element. */</w:t>
            </w:r>
          </w:p>
          <w:p w:rsidR="00156FB3" w:rsidRDefault="00156FB3" w:rsidP="00156FB3">
            <w:r>
              <w:t xml:space="preserve">            if (arg3 === undefined) {</w:t>
            </w:r>
          </w:p>
          <w:p w:rsidR="00156FB3" w:rsidRDefault="00156FB3" w:rsidP="00156FB3">
            <w:r>
              <w:t xml:space="preserve">                if (value === undefined) {</w:t>
            </w:r>
          </w:p>
          <w:p w:rsidR="00156FB3" w:rsidRDefault="00156FB3" w:rsidP="00156FB3">
            <w:r>
              <w:t xml:space="preserve">                    value = Velocity.CSS.getPropertyValue(element, arg2);</w:t>
            </w:r>
          </w:p>
          <w:p w:rsidR="00156FB3" w:rsidRDefault="00156FB3" w:rsidP="00156FB3">
            <w:r>
              <w:t xml:space="preserve">                }</w:t>
            </w:r>
          </w:p>
          <w:p w:rsidR="00156FB3" w:rsidRDefault="00156FB3" w:rsidP="00156FB3">
            <w:r>
              <w:t xml:space="preserve">            /* Set property value. */</w:t>
            </w:r>
          </w:p>
          <w:p w:rsidR="00156FB3" w:rsidRDefault="00156FB3" w:rsidP="00156FB3">
            <w:r>
              <w:t xml:space="preserve">            } else {</w:t>
            </w:r>
          </w:p>
          <w:p w:rsidR="00156FB3" w:rsidRDefault="00156FB3" w:rsidP="00156FB3">
            <w:r>
              <w:t xml:space="preserve">                /* sPV returns an array of the normalized propertyName/propertyValue pair used to update the DOM. */</w:t>
            </w:r>
          </w:p>
          <w:p w:rsidR="00156FB3" w:rsidRDefault="00156FB3" w:rsidP="00156FB3">
            <w:r>
              <w:t xml:space="preserve">                var adjustedSet = Velocity.CSS.setPropertyValue(element, arg2, arg3);</w:t>
            </w:r>
          </w:p>
          <w:p w:rsidR="00156FB3" w:rsidRDefault="00156FB3" w:rsidP="00156FB3"/>
          <w:p w:rsidR="00156FB3" w:rsidRDefault="00156FB3" w:rsidP="00156FB3">
            <w:r>
              <w:t xml:space="preserve">                /* Transform properties don't automatically set. They have to be flushed to the DOM. */</w:t>
            </w:r>
          </w:p>
          <w:p w:rsidR="00156FB3" w:rsidRDefault="00156FB3" w:rsidP="00156FB3">
            <w:r>
              <w:t xml:space="preserve">                if (adjustedSet[0] === "transform") {</w:t>
            </w:r>
          </w:p>
          <w:p w:rsidR="00156FB3" w:rsidRDefault="00156FB3" w:rsidP="00156FB3">
            <w:r>
              <w:t xml:space="preserve">                    Velocity.CSS.flushTransformCache(element);</w:t>
            </w:r>
          </w:p>
          <w:p w:rsidR="00156FB3" w:rsidRDefault="00156FB3" w:rsidP="00156FB3">
            <w:r>
              <w:t xml:space="preserve">                }</w:t>
            </w:r>
          </w:p>
          <w:p w:rsidR="00156FB3" w:rsidRDefault="00156FB3" w:rsidP="00156FB3"/>
          <w:p w:rsidR="00156FB3" w:rsidRDefault="00156FB3" w:rsidP="00156FB3">
            <w:r>
              <w:t xml:space="preserve">                value = adjustedSe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val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Animation</w:t>
            </w:r>
          </w:p>
          <w:p w:rsidR="00156FB3" w:rsidRDefault="00156FB3" w:rsidP="00156FB3">
            <w:r>
              <w:t xml:space="preserve">    *****************/</w:t>
            </w:r>
          </w:p>
          <w:p w:rsidR="00156FB3" w:rsidRDefault="00156FB3" w:rsidP="00156FB3"/>
          <w:p w:rsidR="00156FB3" w:rsidRDefault="00156FB3" w:rsidP="00156FB3">
            <w:r>
              <w:t xml:space="preserve">    var animate = function() {</w:t>
            </w:r>
          </w:p>
          <w:p w:rsidR="00156FB3" w:rsidRDefault="00156FB3" w:rsidP="00156FB3"/>
          <w:p w:rsidR="00156FB3" w:rsidRDefault="00156FB3" w:rsidP="00156FB3">
            <w:r>
              <w:t xml:space="preserve">        /******************</w:t>
            </w:r>
          </w:p>
          <w:p w:rsidR="00156FB3" w:rsidRDefault="00156FB3" w:rsidP="00156FB3">
            <w:r>
              <w:t xml:space="preserve">            Call Chain</w:t>
            </w:r>
          </w:p>
          <w:p w:rsidR="00156FB3" w:rsidRDefault="00156FB3" w:rsidP="00156FB3">
            <w:r>
              <w:t xml:space="preserve">        ******************/</w:t>
            </w:r>
          </w:p>
          <w:p w:rsidR="00156FB3" w:rsidRDefault="00156FB3" w:rsidP="00156FB3"/>
          <w:p w:rsidR="00156FB3" w:rsidRDefault="00156FB3" w:rsidP="00156FB3">
            <w:r>
              <w:t xml:space="preserve">        /* Logic for determining what to return to the call stack when exiting out of Velocity. */</w:t>
            </w:r>
          </w:p>
          <w:p w:rsidR="00156FB3" w:rsidRDefault="00156FB3" w:rsidP="00156FB3">
            <w:r>
              <w:t xml:space="preserve">        function getChain () {</w:t>
            </w:r>
          </w:p>
          <w:p w:rsidR="00156FB3" w:rsidRDefault="00156FB3" w:rsidP="00156FB3">
            <w:r>
              <w:t xml:space="preserve">            /* If we are using the utility function, attempt to return this call's promise. If no promise library was detected,</w:t>
            </w:r>
          </w:p>
          <w:p w:rsidR="00156FB3" w:rsidRDefault="00156FB3" w:rsidP="00156FB3">
            <w:r>
              <w:t xml:space="preserve">               default to null instead of returning the targeted elements so that utility function's return value is standardized. */</w:t>
            </w:r>
          </w:p>
          <w:p w:rsidR="00156FB3" w:rsidRDefault="00156FB3" w:rsidP="00156FB3">
            <w:r>
              <w:lastRenderedPageBreak/>
              <w:t xml:space="preserve">            if (isUtility) {</w:t>
            </w:r>
          </w:p>
          <w:p w:rsidR="00156FB3" w:rsidRDefault="00156FB3" w:rsidP="00156FB3">
            <w:r>
              <w:t xml:space="preserve">                return promiseData.promise || null;</w:t>
            </w:r>
          </w:p>
          <w:p w:rsidR="00156FB3" w:rsidRDefault="00156FB3" w:rsidP="00156FB3">
            <w:r>
              <w:t xml:space="preserve">            /* Otherwise, if we're using $.fn, return the jQuery-/Zepto-wrapped element set. */</w:t>
            </w:r>
          </w:p>
          <w:p w:rsidR="00156FB3" w:rsidRDefault="00156FB3" w:rsidP="00156FB3">
            <w:r>
              <w:t xml:space="preserve">            } else {</w:t>
            </w:r>
          </w:p>
          <w:p w:rsidR="00156FB3" w:rsidRDefault="00156FB3" w:rsidP="00156FB3">
            <w:r>
              <w:t xml:space="preserve">                return elementsWrapped;</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Arguments Assignment</w:t>
            </w:r>
          </w:p>
          <w:p w:rsidR="00156FB3" w:rsidRDefault="00156FB3" w:rsidP="00156FB3">
            <w:r>
              <w:t xml:space="preserve">        *************************/</w:t>
            </w:r>
          </w:p>
          <w:p w:rsidR="00156FB3" w:rsidRDefault="00156FB3" w:rsidP="00156FB3"/>
          <w:p w:rsidR="00156FB3" w:rsidRDefault="00156FB3" w:rsidP="00156FB3">
            <w:r>
              <w:t xml:space="preserve">        /* To allow for expressive CoffeeScript code, Velocity supports an alternative syntax in which "elements" (or "e"), "properties" (or "p"), and "options" (or "o")</w:t>
            </w:r>
          </w:p>
          <w:p w:rsidR="00156FB3" w:rsidRDefault="00156FB3" w:rsidP="00156FB3">
            <w:r>
              <w:t xml:space="preserve">           objects are defined on a container object that's passed in as Velocity's sole argument. */</w:t>
            </w:r>
          </w:p>
          <w:p w:rsidR="00156FB3" w:rsidRDefault="00156FB3" w:rsidP="00156FB3">
            <w:r>
              <w:t xml:space="preserve">        /* Note: Some browsers automatically populate arguments with a "properties" object. We detect it by checking for its default "names" property. */</w:t>
            </w:r>
          </w:p>
          <w:p w:rsidR="00156FB3" w:rsidRDefault="00156FB3" w:rsidP="00156FB3">
            <w:r>
              <w:t xml:space="preserve">        var syntacticSugar = (arguments[0] &amp;&amp; (arguments[0].p || (($.isPlainObject(arguments[0].properties) &amp;&amp; !arguments[0].properties.names) || Type.isString(arguments[0].properties)))),</w:t>
            </w:r>
          </w:p>
          <w:p w:rsidR="00156FB3" w:rsidRDefault="00156FB3" w:rsidP="00156FB3">
            <w:r>
              <w:t xml:space="preserve">            /* Whether Velocity was called via the utility function (as opposed to on a jQuery/Zepto object). */</w:t>
            </w:r>
          </w:p>
          <w:p w:rsidR="00156FB3" w:rsidRDefault="00156FB3" w:rsidP="00156FB3">
            <w:r>
              <w:t xml:space="preserve">            isUtility,</w:t>
            </w:r>
          </w:p>
          <w:p w:rsidR="00156FB3" w:rsidRDefault="00156FB3" w:rsidP="00156FB3">
            <w:r>
              <w:t xml:space="preserve">            /* When Velocity is called via the utility function ($.Velocity()/Velocity()), elements are explicitly</w:t>
            </w:r>
          </w:p>
          <w:p w:rsidR="00156FB3" w:rsidRDefault="00156FB3" w:rsidP="00156FB3">
            <w:r>
              <w:t xml:space="preserve">               passed in as the first parameter. Thus, argument positioning varies. We normalize them here. */</w:t>
            </w:r>
          </w:p>
          <w:p w:rsidR="00156FB3" w:rsidRDefault="00156FB3" w:rsidP="00156FB3">
            <w:r>
              <w:t xml:space="preserve">            elementsWrapped,</w:t>
            </w:r>
          </w:p>
          <w:p w:rsidR="00156FB3" w:rsidRDefault="00156FB3" w:rsidP="00156FB3">
            <w:r>
              <w:t xml:space="preserve">            argumentIndex;</w:t>
            </w:r>
          </w:p>
          <w:p w:rsidR="00156FB3" w:rsidRDefault="00156FB3" w:rsidP="00156FB3"/>
          <w:p w:rsidR="00156FB3" w:rsidRDefault="00156FB3" w:rsidP="00156FB3">
            <w:r>
              <w:t xml:space="preserve">        var elements,</w:t>
            </w:r>
          </w:p>
          <w:p w:rsidR="00156FB3" w:rsidRDefault="00156FB3" w:rsidP="00156FB3">
            <w:r>
              <w:t xml:space="preserve">            propertiesMap,</w:t>
            </w:r>
          </w:p>
          <w:p w:rsidR="00156FB3" w:rsidRDefault="00156FB3" w:rsidP="00156FB3">
            <w:r>
              <w:t xml:space="preserve">            options;</w:t>
            </w:r>
          </w:p>
          <w:p w:rsidR="00156FB3" w:rsidRDefault="00156FB3" w:rsidP="00156FB3"/>
          <w:p w:rsidR="00156FB3" w:rsidRDefault="00156FB3" w:rsidP="00156FB3">
            <w:r>
              <w:t xml:space="preserve">        /* Detect jQuery/Zepto elements being animated via the $.fn method. */</w:t>
            </w:r>
          </w:p>
          <w:p w:rsidR="00156FB3" w:rsidRDefault="00156FB3" w:rsidP="00156FB3">
            <w:r>
              <w:t xml:space="preserve">        if (Type.isWrapped(this)) {</w:t>
            </w:r>
          </w:p>
          <w:p w:rsidR="00156FB3" w:rsidRDefault="00156FB3" w:rsidP="00156FB3">
            <w:r>
              <w:t xml:space="preserve">            isUtility = false;</w:t>
            </w:r>
          </w:p>
          <w:p w:rsidR="00156FB3" w:rsidRDefault="00156FB3" w:rsidP="00156FB3"/>
          <w:p w:rsidR="00156FB3" w:rsidRDefault="00156FB3" w:rsidP="00156FB3">
            <w:r>
              <w:t xml:space="preserve">            argumentIndex = 0;</w:t>
            </w:r>
          </w:p>
          <w:p w:rsidR="00156FB3" w:rsidRDefault="00156FB3" w:rsidP="00156FB3">
            <w:r>
              <w:t xml:space="preserve">            elements = this;</w:t>
            </w:r>
          </w:p>
          <w:p w:rsidR="00156FB3" w:rsidRDefault="00156FB3" w:rsidP="00156FB3">
            <w:r>
              <w:t xml:space="preserve">            elementsWrapped = this;</w:t>
            </w:r>
          </w:p>
          <w:p w:rsidR="00156FB3" w:rsidRDefault="00156FB3" w:rsidP="00156FB3">
            <w:r>
              <w:t xml:space="preserve">        /* Otherwise, raw elements are being animated via the utility function. */</w:t>
            </w:r>
          </w:p>
          <w:p w:rsidR="00156FB3" w:rsidRDefault="00156FB3" w:rsidP="00156FB3">
            <w:r>
              <w:t xml:space="preserve">        } else {</w:t>
            </w:r>
          </w:p>
          <w:p w:rsidR="00156FB3" w:rsidRDefault="00156FB3" w:rsidP="00156FB3">
            <w:r>
              <w:t xml:space="preserve">            isUtility = true;</w:t>
            </w:r>
          </w:p>
          <w:p w:rsidR="00156FB3" w:rsidRDefault="00156FB3" w:rsidP="00156FB3"/>
          <w:p w:rsidR="00156FB3" w:rsidRDefault="00156FB3" w:rsidP="00156FB3">
            <w:r>
              <w:t xml:space="preserve">            argumentIndex = 1;</w:t>
            </w:r>
          </w:p>
          <w:p w:rsidR="00156FB3" w:rsidRDefault="00156FB3" w:rsidP="00156FB3">
            <w:r>
              <w:t xml:space="preserve">            elements = syntacticSugar ? (arguments[0].elements || arguments[0].e) : arguments[0];</w:t>
            </w:r>
          </w:p>
          <w:p w:rsidR="00156FB3" w:rsidRDefault="00156FB3" w:rsidP="00156FB3">
            <w:r>
              <w:t xml:space="preserve">        }</w:t>
            </w:r>
          </w:p>
          <w:p w:rsidR="00156FB3" w:rsidRDefault="00156FB3" w:rsidP="00156FB3"/>
          <w:p w:rsidR="00156FB3" w:rsidRDefault="00156FB3" w:rsidP="00156FB3">
            <w:r>
              <w:t xml:space="preserve">        elements = sanitizeElements(elements);</w:t>
            </w:r>
          </w:p>
          <w:p w:rsidR="00156FB3" w:rsidRDefault="00156FB3" w:rsidP="00156FB3"/>
          <w:p w:rsidR="00156FB3" w:rsidRDefault="00156FB3" w:rsidP="00156FB3">
            <w:r>
              <w:t xml:space="preserve">        if (!elements) {</w:t>
            </w:r>
          </w:p>
          <w:p w:rsidR="00156FB3" w:rsidRDefault="00156FB3" w:rsidP="00156FB3">
            <w:r>
              <w:t xml:space="preserve">            return;</w:t>
            </w:r>
          </w:p>
          <w:p w:rsidR="00156FB3" w:rsidRDefault="00156FB3" w:rsidP="00156FB3">
            <w:r>
              <w:t xml:space="preserve">        }</w:t>
            </w:r>
          </w:p>
          <w:p w:rsidR="00156FB3" w:rsidRDefault="00156FB3" w:rsidP="00156FB3"/>
          <w:p w:rsidR="00156FB3" w:rsidRDefault="00156FB3" w:rsidP="00156FB3">
            <w:r>
              <w:t xml:space="preserve">        if (syntacticSugar) {</w:t>
            </w:r>
          </w:p>
          <w:p w:rsidR="00156FB3" w:rsidRDefault="00156FB3" w:rsidP="00156FB3">
            <w:r>
              <w:t xml:space="preserve">            propertiesMap = arguments[0].properties || arguments[0].p;</w:t>
            </w:r>
          </w:p>
          <w:p w:rsidR="00156FB3" w:rsidRDefault="00156FB3" w:rsidP="00156FB3">
            <w:r>
              <w:t xml:space="preserve">            options = arguments[0].options || arguments[0].o;</w:t>
            </w:r>
          </w:p>
          <w:p w:rsidR="00156FB3" w:rsidRDefault="00156FB3" w:rsidP="00156FB3">
            <w:r>
              <w:t xml:space="preserve">        } else {</w:t>
            </w:r>
          </w:p>
          <w:p w:rsidR="00156FB3" w:rsidRDefault="00156FB3" w:rsidP="00156FB3">
            <w:r>
              <w:t xml:space="preserve">            propertiesMap = arguments[argumentIndex];</w:t>
            </w:r>
          </w:p>
          <w:p w:rsidR="00156FB3" w:rsidRDefault="00156FB3" w:rsidP="00156FB3">
            <w:r>
              <w:t xml:space="preserve">            options = arguments[argumentIndex + 1];</w:t>
            </w:r>
          </w:p>
          <w:p w:rsidR="00156FB3" w:rsidRDefault="00156FB3" w:rsidP="00156FB3">
            <w:r>
              <w:t xml:space="preserve">        }</w:t>
            </w:r>
          </w:p>
          <w:p w:rsidR="00156FB3" w:rsidRDefault="00156FB3" w:rsidP="00156FB3"/>
          <w:p w:rsidR="00156FB3" w:rsidRDefault="00156FB3" w:rsidP="00156FB3">
            <w:r>
              <w:t xml:space="preserve">        /* The length of the element set (in the form of a nodeList or an array of elements) is defaulted to 1 in case a</w:t>
            </w:r>
          </w:p>
          <w:p w:rsidR="00156FB3" w:rsidRDefault="00156FB3" w:rsidP="00156FB3">
            <w:r>
              <w:t xml:space="preserve">           single raw DOM element is passed in (which doesn't contain a length property). */</w:t>
            </w:r>
          </w:p>
          <w:p w:rsidR="00156FB3" w:rsidRDefault="00156FB3" w:rsidP="00156FB3">
            <w:r>
              <w:t xml:space="preserve">        var elementsLength = elements.length,</w:t>
            </w:r>
          </w:p>
          <w:p w:rsidR="00156FB3" w:rsidRDefault="00156FB3" w:rsidP="00156FB3">
            <w:r>
              <w:t xml:space="preserve">            elementsIndex = 0;</w:t>
            </w:r>
          </w:p>
          <w:p w:rsidR="00156FB3" w:rsidRDefault="00156FB3" w:rsidP="00156FB3"/>
          <w:p w:rsidR="00156FB3" w:rsidRDefault="00156FB3" w:rsidP="00156FB3">
            <w:r>
              <w:t xml:space="preserve">        /***************************</w:t>
            </w:r>
          </w:p>
          <w:p w:rsidR="00156FB3" w:rsidRDefault="00156FB3" w:rsidP="00156FB3">
            <w:r>
              <w:t xml:space="preserve">            Argument Overloading</w:t>
            </w:r>
          </w:p>
          <w:p w:rsidR="00156FB3" w:rsidRDefault="00156FB3" w:rsidP="00156FB3">
            <w:r>
              <w:t xml:space="preserve">        ***************************/</w:t>
            </w:r>
          </w:p>
          <w:p w:rsidR="00156FB3" w:rsidRDefault="00156FB3" w:rsidP="00156FB3"/>
          <w:p w:rsidR="00156FB3" w:rsidRDefault="00156FB3" w:rsidP="00156FB3">
            <w:r>
              <w:t xml:space="preserve">        /* Support is included for jQuery's argument overloading: $.animate(propertyMap [, duration] [, easing] [, complete]).</w:t>
            </w:r>
          </w:p>
          <w:p w:rsidR="00156FB3" w:rsidRDefault="00156FB3" w:rsidP="00156FB3">
            <w:r>
              <w:t xml:space="preserve">           Overloading is detected by checking for the absence of an object being passed into options. */</w:t>
            </w:r>
          </w:p>
          <w:p w:rsidR="00156FB3" w:rsidRDefault="00156FB3" w:rsidP="00156FB3">
            <w:r>
              <w:t xml:space="preserve">        /* Note: The stop and finish actions do not accept animation options, and are therefore excluded from this check. */</w:t>
            </w:r>
          </w:p>
          <w:p w:rsidR="00156FB3" w:rsidRDefault="00156FB3" w:rsidP="00156FB3">
            <w:r>
              <w:t xml:space="preserve">        if (!/^(stop|finish|finishAll)$/i.test(propertiesMap) &amp;&amp; !$.isPlainObject(options)) {</w:t>
            </w:r>
          </w:p>
          <w:p w:rsidR="00156FB3" w:rsidRDefault="00156FB3" w:rsidP="00156FB3">
            <w:r>
              <w:t xml:space="preserve">            /* The utility function shifts all arguments one position to the right, so we adjust for that offset. */</w:t>
            </w:r>
          </w:p>
          <w:p w:rsidR="00156FB3" w:rsidRDefault="00156FB3" w:rsidP="00156FB3">
            <w:r>
              <w:t xml:space="preserve">            var startingArgumentPosition = argumentIndex + 1;</w:t>
            </w:r>
          </w:p>
          <w:p w:rsidR="00156FB3" w:rsidRDefault="00156FB3" w:rsidP="00156FB3"/>
          <w:p w:rsidR="00156FB3" w:rsidRDefault="00156FB3" w:rsidP="00156FB3">
            <w:r>
              <w:t xml:space="preserve">            options = {};</w:t>
            </w:r>
          </w:p>
          <w:p w:rsidR="00156FB3" w:rsidRDefault="00156FB3" w:rsidP="00156FB3"/>
          <w:p w:rsidR="00156FB3" w:rsidRDefault="00156FB3" w:rsidP="00156FB3">
            <w:r>
              <w:t xml:space="preserve">            /* Iterate through all options arguments */</w:t>
            </w:r>
          </w:p>
          <w:p w:rsidR="00156FB3" w:rsidRDefault="00156FB3" w:rsidP="00156FB3">
            <w:r>
              <w:t xml:space="preserve">            for (var i = startingArgumentPosition; i &lt; arguments.length; i++) {</w:t>
            </w:r>
          </w:p>
          <w:p w:rsidR="00156FB3" w:rsidRDefault="00156FB3" w:rsidP="00156FB3">
            <w:r>
              <w:t xml:space="preserve">                /* Treat a number as a duration. Parse it out. */</w:t>
            </w:r>
          </w:p>
          <w:p w:rsidR="00156FB3" w:rsidRDefault="00156FB3" w:rsidP="00156FB3">
            <w:r>
              <w:t xml:space="preserve">                /* Note: The following RegEx will return true if passed an array with a number as its first item.</w:t>
            </w:r>
          </w:p>
          <w:p w:rsidR="00156FB3" w:rsidRDefault="00156FB3" w:rsidP="00156FB3">
            <w:r>
              <w:t xml:space="preserve">                   Thus, arrays are skipped from this check. */</w:t>
            </w:r>
          </w:p>
          <w:p w:rsidR="00156FB3" w:rsidRDefault="00156FB3" w:rsidP="00156FB3">
            <w:r>
              <w:t xml:space="preserve">                if (!Type.isArray(arguments[i]) &amp;&amp; (/^(fast|normal|slow)$/i.test(arguments[i]) || /^\d/.test(arguments[i]))) {</w:t>
            </w:r>
          </w:p>
          <w:p w:rsidR="00156FB3" w:rsidRDefault="00156FB3" w:rsidP="00156FB3">
            <w:r>
              <w:t xml:space="preserve">                    options.duration = arguments[i];</w:t>
            </w:r>
          </w:p>
          <w:p w:rsidR="00156FB3" w:rsidRDefault="00156FB3" w:rsidP="00156FB3">
            <w:r>
              <w:t xml:space="preserve">                /* Treat strings and arrays as easings. */</w:t>
            </w:r>
          </w:p>
          <w:p w:rsidR="00156FB3" w:rsidRDefault="00156FB3" w:rsidP="00156FB3">
            <w:r>
              <w:t xml:space="preserve">                } else if (Type.isString(arguments[i]) || Type.isArray(arguments[i])) {</w:t>
            </w:r>
          </w:p>
          <w:p w:rsidR="00156FB3" w:rsidRDefault="00156FB3" w:rsidP="00156FB3">
            <w:r>
              <w:t xml:space="preserve">                    options.easing = arguments[i];</w:t>
            </w:r>
          </w:p>
          <w:p w:rsidR="00156FB3" w:rsidRDefault="00156FB3" w:rsidP="00156FB3">
            <w:r>
              <w:t xml:space="preserve">                /* Treat a function as a complete callback. */</w:t>
            </w:r>
          </w:p>
          <w:p w:rsidR="00156FB3" w:rsidRDefault="00156FB3" w:rsidP="00156FB3">
            <w:r>
              <w:t xml:space="preserve">                } else if (Type.isFunction(arguments[i])) {</w:t>
            </w:r>
          </w:p>
          <w:p w:rsidR="00156FB3" w:rsidRDefault="00156FB3" w:rsidP="00156FB3">
            <w:r>
              <w:lastRenderedPageBreak/>
              <w:t xml:space="preserve">                    options.complete = arguments[i];</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Promises</w:t>
            </w:r>
          </w:p>
          <w:p w:rsidR="00156FB3" w:rsidRDefault="00156FB3" w:rsidP="00156FB3">
            <w:r>
              <w:t xml:space="preserve">        ***************/</w:t>
            </w:r>
          </w:p>
          <w:p w:rsidR="00156FB3" w:rsidRDefault="00156FB3" w:rsidP="00156FB3"/>
          <w:p w:rsidR="00156FB3" w:rsidRDefault="00156FB3" w:rsidP="00156FB3">
            <w:r>
              <w:t xml:space="preserve">        var promiseData = {</w:t>
            </w:r>
          </w:p>
          <w:p w:rsidR="00156FB3" w:rsidRDefault="00156FB3" w:rsidP="00156FB3">
            <w:r>
              <w:t xml:space="preserve">                promise: null,</w:t>
            </w:r>
          </w:p>
          <w:p w:rsidR="00156FB3" w:rsidRDefault="00156FB3" w:rsidP="00156FB3">
            <w:r>
              <w:t xml:space="preserve">                resolver: null,</w:t>
            </w:r>
          </w:p>
          <w:p w:rsidR="00156FB3" w:rsidRDefault="00156FB3" w:rsidP="00156FB3">
            <w:r>
              <w:t xml:space="preserve">                rejecter: null</w:t>
            </w:r>
          </w:p>
          <w:p w:rsidR="00156FB3" w:rsidRDefault="00156FB3" w:rsidP="00156FB3">
            <w:r>
              <w:t xml:space="preserve">            };</w:t>
            </w:r>
          </w:p>
          <w:p w:rsidR="00156FB3" w:rsidRDefault="00156FB3" w:rsidP="00156FB3"/>
          <w:p w:rsidR="00156FB3" w:rsidRDefault="00156FB3" w:rsidP="00156FB3">
            <w:r>
              <w:t xml:space="preserve">        /* If this call was made via the utility function (which is the default method of invocation when jQuery/Zepto are not being used), and if</w:t>
            </w:r>
          </w:p>
          <w:p w:rsidR="00156FB3" w:rsidRDefault="00156FB3" w:rsidP="00156FB3">
            <w:r>
              <w:t xml:space="preserve">           promise support was detected, create a promise object for this call and store references to its resolver and rejecter methods. The resolve</w:t>
            </w:r>
          </w:p>
          <w:p w:rsidR="00156FB3" w:rsidRDefault="00156FB3" w:rsidP="00156FB3">
            <w:r>
              <w:t xml:space="preserve">           method is used when a call completes naturally or is prematurely stopped by the user. In both cases, completeCall() handles the associated</w:t>
            </w:r>
          </w:p>
          <w:p w:rsidR="00156FB3" w:rsidRDefault="00156FB3" w:rsidP="00156FB3">
            <w:r>
              <w:t xml:space="preserve">           call cleanup and promise resolving logic. The reject method is used when an invalid set of arguments is passed into a Velocity call. */</w:t>
            </w:r>
          </w:p>
          <w:p w:rsidR="00156FB3" w:rsidRDefault="00156FB3" w:rsidP="00156FB3">
            <w:r>
              <w:t xml:space="preserve">        /* Note: Velocity employs a call-based queueing architecture, which means that stopping an animating element actually stops the full call that</w:t>
            </w:r>
          </w:p>
          <w:p w:rsidR="00156FB3" w:rsidRDefault="00156FB3" w:rsidP="00156FB3">
            <w:r>
              <w:t xml:space="preserve">           triggered it -- not that one element exclusively. Similarly, there is one promise per call, and all elements targeted by a Velocity call are</w:t>
            </w:r>
          </w:p>
          <w:p w:rsidR="00156FB3" w:rsidRDefault="00156FB3" w:rsidP="00156FB3">
            <w:r>
              <w:t xml:space="preserve">           grouped together for the purposes of resolving and rejecting a promise. */</w:t>
            </w:r>
          </w:p>
          <w:p w:rsidR="00156FB3" w:rsidRDefault="00156FB3" w:rsidP="00156FB3">
            <w:r>
              <w:t xml:space="preserve">        if (isUtility &amp;&amp; Velocity.Promise) {</w:t>
            </w:r>
          </w:p>
          <w:p w:rsidR="00156FB3" w:rsidRDefault="00156FB3" w:rsidP="00156FB3">
            <w:r>
              <w:t xml:space="preserve">            promiseData.promise = new Velocity.Promise(function (resolve, reject) {</w:t>
            </w:r>
          </w:p>
          <w:p w:rsidR="00156FB3" w:rsidRDefault="00156FB3" w:rsidP="00156FB3">
            <w:r>
              <w:t xml:space="preserve">                promiseData.resolver = resolve;</w:t>
            </w:r>
          </w:p>
          <w:p w:rsidR="00156FB3" w:rsidRDefault="00156FB3" w:rsidP="00156FB3">
            <w:r>
              <w:t xml:space="preserve">                promiseData.rejecter = rejec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Action Detection</w:t>
            </w:r>
          </w:p>
          <w:p w:rsidR="00156FB3" w:rsidRDefault="00156FB3" w:rsidP="00156FB3">
            <w:r>
              <w:t xml:space="preserve">        *********************/</w:t>
            </w:r>
          </w:p>
          <w:p w:rsidR="00156FB3" w:rsidRDefault="00156FB3" w:rsidP="00156FB3"/>
          <w:p w:rsidR="00156FB3" w:rsidRDefault="00156FB3" w:rsidP="00156FB3">
            <w:r>
              <w:t xml:space="preserve">        /* Velocity's behavior is categorized into "actions": Elements can either be specially scrolled into view,</w:t>
            </w:r>
          </w:p>
          <w:p w:rsidR="00156FB3" w:rsidRDefault="00156FB3" w:rsidP="00156FB3">
            <w:r>
              <w:t xml:space="preserve">           or they can be started, stopped, or reversed. If a literal or referenced properties map is passed in as Velocity's</w:t>
            </w:r>
          </w:p>
          <w:p w:rsidR="00156FB3" w:rsidRDefault="00156FB3" w:rsidP="00156FB3">
            <w:r>
              <w:t xml:space="preserve">           first argument, the associated action is "start". Alternatively, "scroll", "reverse", or "stop" can be passed in instead of a properties map. */</w:t>
            </w:r>
          </w:p>
          <w:p w:rsidR="00156FB3" w:rsidRDefault="00156FB3" w:rsidP="00156FB3">
            <w:r>
              <w:t xml:space="preserve">        var action;</w:t>
            </w:r>
          </w:p>
          <w:p w:rsidR="00156FB3" w:rsidRDefault="00156FB3" w:rsidP="00156FB3"/>
          <w:p w:rsidR="00156FB3" w:rsidRDefault="00156FB3" w:rsidP="00156FB3">
            <w:r>
              <w:t xml:space="preserve">        switch (propertiesMap) {</w:t>
            </w:r>
          </w:p>
          <w:p w:rsidR="00156FB3" w:rsidRDefault="00156FB3" w:rsidP="00156FB3">
            <w:r>
              <w:lastRenderedPageBreak/>
              <w:t xml:space="preserve">            case "scroll":</w:t>
            </w:r>
          </w:p>
          <w:p w:rsidR="00156FB3" w:rsidRDefault="00156FB3" w:rsidP="00156FB3">
            <w:r>
              <w:t xml:space="preserve">                action = "scroll";</w:t>
            </w:r>
          </w:p>
          <w:p w:rsidR="00156FB3" w:rsidRDefault="00156FB3" w:rsidP="00156FB3">
            <w:r>
              <w:t xml:space="preserve">                break;</w:t>
            </w:r>
          </w:p>
          <w:p w:rsidR="00156FB3" w:rsidRDefault="00156FB3" w:rsidP="00156FB3"/>
          <w:p w:rsidR="00156FB3" w:rsidRDefault="00156FB3" w:rsidP="00156FB3">
            <w:r>
              <w:t xml:space="preserve">            case "reverse":</w:t>
            </w:r>
          </w:p>
          <w:p w:rsidR="00156FB3" w:rsidRDefault="00156FB3" w:rsidP="00156FB3">
            <w:r>
              <w:t xml:space="preserve">                action = "reverse";</w:t>
            </w:r>
          </w:p>
          <w:p w:rsidR="00156FB3" w:rsidRDefault="00156FB3" w:rsidP="00156FB3">
            <w:r>
              <w:t xml:space="preserve">                break;</w:t>
            </w:r>
          </w:p>
          <w:p w:rsidR="00156FB3" w:rsidRDefault="00156FB3" w:rsidP="00156FB3"/>
          <w:p w:rsidR="00156FB3" w:rsidRDefault="00156FB3" w:rsidP="00156FB3">
            <w:r>
              <w:t xml:space="preserve">            case "finish":</w:t>
            </w:r>
          </w:p>
          <w:p w:rsidR="00156FB3" w:rsidRDefault="00156FB3" w:rsidP="00156FB3">
            <w:r>
              <w:t xml:space="preserve">            case "finishAll":</w:t>
            </w:r>
          </w:p>
          <w:p w:rsidR="00156FB3" w:rsidRDefault="00156FB3" w:rsidP="00156FB3">
            <w:r>
              <w:t xml:space="preserve">            case "stop":</w:t>
            </w:r>
          </w:p>
          <w:p w:rsidR="00156FB3" w:rsidRDefault="00156FB3" w:rsidP="00156FB3">
            <w:r>
              <w:t xml:space="preserve">                /*******************</w:t>
            </w:r>
          </w:p>
          <w:p w:rsidR="00156FB3" w:rsidRDefault="00156FB3" w:rsidP="00156FB3">
            <w:r>
              <w:t xml:space="preserve">                    Action: Stop</w:t>
            </w:r>
          </w:p>
          <w:p w:rsidR="00156FB3" w:rsidRDefault="00156FB3" w:rsidP="00156FB3">
            <w:r>
              <w:t xml:space="preserve">                *******************/</w:t>
            </w:r>
          </w:p>
          <w:p w:rsidR="00156FB3" w:rsidRDefault="00156FB3" w:rsidP="00156FB3"/>
          <w:p w:rsidR="00156FB3" w:rsidRDefault="00156FB3" w:rsidP="00156FB3">
            <w:r>
              <w:t xml:space="preserve">                /* Clear the currently-active delay on each targeted element. */</w:t>
            </w:r>
          </w:p>
          <w:p w:rsidR="00156FB3" w:rsidRDefault="00156FB3" w:rsidP="00156FB3">
            <w:r>
              <w:t xml:space="preserve">                $.each(elements, function(i, element) {</w:t>
            </w:r>
          </w:p>
          <w:p w:rsidR="00156FB3" w:rsidRDefault="00156FB3" w:rsidP="00156FB3">
            <w:r>
              <w:t xml:space="preserve">                    if (Data(element) &amp;&amp; Data(element).delayTimer) {</w:t>
            </w:r>
          </w:p>
          <w:p w:rsidR="00156FB3" w:rsidRDefault="00156FB3" w:rsidP="00156FB3">
            <w:r>
              <w:t xml:space="preserve">                        /* Stop the timer from triggering its cached next() function. */</w:t>
            </w:r>
          </w:p>
          <w:p w:rsidR="00156FB3" w:rsidRDefault="00156FB3" w:rsidP="00156FB3">
            <w:r>
              <w:t xml:space="preserve">                        clearTimeout(Data(element).delayTimer.setTimeout);</w:t>
            </w:r>
          </w:p>
          <w:p w:rsidR="00156FB3" w:rsidRDefault="00156FB3" w:rsidP="00156FB3"/>
          <w:p w:rsidR="00156FB3" w:rsidRDefault="00156FB3" w:rsidP="00156FB3">
            <w:r>
              <w:t xml:space="preserve">                        /* Manually call the next() function so that the subsequent queue items can progress. */</w:t>
            </w:r>
          </w:p>
          <w:p w:rsidR="00156FB3" w:rsidRDefault="00156FB3" w:rsidP="00156FB3">
            <w:r>
              <w:t xml:space="preserve">                        if (Data(element).delayTimer.next) {</w:t>
            </w:r>
          </w:p>
          <w:p w:rsidR="00156FB3" w:rsidRDefault="00156FB3" w:rsidP="00156FB3">
            <w:r>
              <w:t xml:space="preserve">                            Data(element).delayTimer.next();</w:t>
            </w:r>
          </w:p>
          <w:p w:rsidR="00156FB3" w:rsidRDefault="00156FB3" w:rsidP="00156FB3">
            <w:r>
              <w:t xml:space="preserve">                        }</w:t>
            </w:r>
          </w:p>
          <w:p w:rsidR="00156FB3" w:rsidRDefault="00156FB3" w:rsidP="00156FB3"/>
          <w:p w:rsidR="00156FB3" w:rsidRDefault="00156FB3" w:rsidP="00156FB3">
            <w:r>
              <w:t xml:space="preserve">                        delete Data(element).delayTimer;</w:t>
            </w:r>
          </w:p>
          <w:p w:rsidR="00156FB3" w:rsidRDefault="00156FB3" w:rsidP="00156FB3">
            <w:r>
              <w:t xml:space="preserve">                    }</w:t>
            </w:r>
          </w:p>
          <w:p w:rsidR="00156FB3" w:rsidRDefault="00156FB3" w:rsidP="00156FB3"/>
          <w:p w:rsidR="00156FB3" w:rsidRDefault="00156FB3" w:rsidP="00156FB3">
            <w:r>
              <w:t xml:space="preserve">                    /* If we want to finish everything in the queue, we have to iterate through it</w:t>
            </w:r>
          </w:p>
          <w:p w:rsidR="00156FB3" w:rsidRDefault="00156FB3" w:rsidP="00156FB3">
            <w:r>
              <w:t xml:space="preserve">                       and call each function. This will make them active calls below, which will</w:t>
            </w:r>
          </w:p>
          <w:p w:rsidR="00156FB3" w:rsidRDefault="00156FB3" w:rsidP="00156FB3">
            <w:r>
              <w:t xml:space="preserve">                       cause them to be applied via the duration setting. */</w:t>
            </w:r>
          </w:p>
          <w:p w:rsidR="00156FB3" w:rsidRDefault="00156FB3" w:rsidP="00156FB3">
            <w:r>
              <w:t xml:space="preserve">                    if (propertiesMap === "finishAll" &amp;&amp; (options === true || Type.isString(options))) {</w:t>
            </w:r>
          </w:p>
          <w:p w:rsidR="00156FB3" w:rsidRDefault="00156FB3" w:rsidP="00156FB3">
            <w:r>
              <w:t xml:space="preserve">                        /* Iterate through the items in the element's queue. */</w:t>
            </w:r>
          </w:p>
          <w:p w:rsidR="00156FB3" w:rsidRDefault="00156FB3" w:rsidP="00156FB3">
            <w:r>
              <w:t xml:space="preserve">                        $.each($.queue(element, Type.isString(options) ? options : ""), function(_, item) {</w:t>
            </w:r>
          </w:p>
          <w:p w:rsidR="00156FB3" w:rsidRDefault="00156FB3" w:rsidP="00156FB3">
            <w:r>
              <w:t xml:space="preserve">                            /* The queue array can contain an "inprogress" string, which we skip. */</w:t>
            </w:r>
          </w:p>
          <w:p w:rsidR="00156FB3" w:rsidRDefault="00156FB3" w:rsidP="00156FB3">
            <w:r>
              <w:t xml:space="preserve">                            if (Type.isFunction(item)) {</w:t>
            </w:r>
          </w:p>
          <w:p w:rsidR="00156FB3" w:rsidRDefault="00156FB3" w:rsidP="00156FB3">
            <w:r>
              <w:t xml:space="preserve">                                item();</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Clearing the $.queue() array is achieved by resetting it to []. */</w:t>
            </w:r>
          </w:p>
          <w:p w:rsidR="00156FB3" w:rsidRDefault="00156FB3" w:rsidP="00156FB3">
            <w:r>
              <w:t xml:space="preserve">                        $.queue(element, Type.isString(options) ? options : "",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ar callsToStop = [];</w:t>
            </w:r>
          </w:p>
          <w:p w:rsidR="00156FB3" w:rsidRDefault="00156FB3" w:rsidP="00156FB3"/>
          <w:p w:rsidR="00156FB3" w:rsidRDefault="00156FB3" w:rsidP="00156FB3">
            <w:r>
              <w:lastRenderedPageBreak/>
              <w:t xml:space="preserve">                /* When the stop action is triggered, the elements' currently active call is immediately stopped. The active call might have</w:t>
            </w:r>
          </w:p>
          <w:p w:rsidR="00156FB3" w:rsidRDefault="00156FB3" w:rsidP="00156FB3">
            <w:r>
              <w:t xml:space="preserve">                   been applied to multiple elements, in which case all of the call's elements will be stopped. When an element</w:t>
            </w:r>
          </w:p>
          <w:p w:rsidR="00156FB3" w:rsidRDefault="00156FB3" w:rsidP="00156FB3">
            <w:r>
              <w:t xml:space="preserve">                   is stopped, the next item in its animation queue is immediately triggered. */</w:t>
            </w:r>
          </w:p>
          <w:p w:rsidR="00156FB3" w:rsidRDefault="00156FB3" w:rsidP="00156FB3">
            <w:r>
              <w:t xml:space="preserve">                /* An additional argument may be passed in to clear an element's remaining queued calls. Either true (which defaults to the "fx" queue)</w:t>
            </w:r>
          </w:p>
          <w:p w:rsidR="00156FB3" w:rsidRDefault="00156FB3" w:rsidP="00156FB3">
            <w:r>
              <w:t xml:space="preserve">                   or a custom queue string can be passed in. */</w:t>
            </w:r>
          </w:p>
          <w:p w:rsidR="00156FB3" w:rsidRDefault="00156FB3" w:rsidP="00156FB3">
            <w:r>
              <w:t xml:space="preserve">                /* Note: The stop command runs prior to Velocity's Queueing phase since its behavior is intended to take effect *immediately*,</w:t>
            </w:r>
          </w:p>
          <w:p w:rsidR="00156FB3" w:rsidRDefault="00156FB3" w:rsidP="00156FB3">
            <w:r>
              <w:t xml:space="preserve">                   regardless of the element's current queue state. */</w:t>
            </w:r>
          </w:p>
          <w:p w:rsidR="00156FB3" w:rsidRDefault="00156FB3" w:rsidP="00156FB3"/>
          <w:p w:rsidR="00156FB3" w:rsidRDefault="00156FB3" w:rsidP="00156FB3">
            <w:r>
              <w:t xml:space="preserve">                /* Iterate through every active call. */</w:t>
            </w:r>
          </w:p>
          <w:p w:rsidR="00156FB3" w:rsidRDefault="00156FB3" w:rsidP="00156FB3">
            <w:r>
              <w:t xml:space="preserve">                $.each(Velocity.State.calls, function(i, activeCall) {</w:t>
            </w:r>
          </w:p>
          <w:p w:rsidR="00156FB3" w:rsidRDefault="00156FB3" w:rsidP="00156FB3">
            <w:r>
              <w:t xml:space="preserve">                    /* Inactive calls are set to false by the logic inside completeCall(). Skip them. */</w:t>
            </w:r>
          </w:p>
          <w:p w:rsidR="00156FB3" w:rsidRDefault="00156FB3" w:rsidP="00156FB3">
            <w:r>
              <w:t xml:space="preserve">                    if (activeCall) {</w:t>
            </w:r>
          </w:p>
          <w:p w:rsidR="00156FB3" w:rsidRDefault="00156FB3" w:rsidP="00156FB3">
            <w:r>
              <w:t xml:space="preserve">                        /* Iterate through the active call's targeted elements. */</w:t>
            </w:r>
          </w:p>
          <w:p w:rsidR="00156FB3" w:rsidRDefault="00156FB3" w:rsidP="00156FB3">
            <w:r>
              <w:t xml:space="preserve">                        $.each(activeCall[1], function(k, activeElement) {</w:t>
            </w:r>
          </w:p>
          <w:p w:rsidR="00156FB3" w:rsidRDefault="00156FB3" w:rsidP="00156FB3">
            <w:r>
              <w:t xml:space="preserve">                            /* If true was passed in as a secondary argument, clear absolutely all calls on this element. Otherwise, only</w:t>
            </w:r>
          </w:p>
          <w:p w:rsidR="00156FB3" w:rsidRDefault="00156FB3" w:rsidP="00156FB3">
            <w:r>
              <w:t xml:space="preserve">                               clear calls associated with the relevant queue. */</w:t>
            </w:r>
          </w:p>
          <w:p w:rsidR="00156FB3" w:rsidRDefault="00156FB3" w:rsidP="00156FB3">
            <w:r>
              <w:t xml:space="preserve">                            /* Call stopping logic works as follows:</w:t>
            </w:r>
          </w:p>
          <w:p w:rsidR="00156FB3" w:rsidRDefault="00156FB3" w:rsidP="00156FB3">
            <w:r>
              <w:t xml:space="preserve">                               - options === true --&gt; stop current default queue calls (and queue:false calls), including remaining queued ones.</w:t>
            </w:r>
          </w:p>
          <w:p w:rsidR="00156FB3" w:rsidRDefault="00156FB3" w:rsidP="00156FB3">
            <w:r>
              <w:t xml:space="preserve">                               - options === undefined --&gt; stop current queue:"" call and all queue:false calls.</w:t>
            </w:r>
          </w:p>
          <w:p w:rsidR="00156FB3" w:rsidRDefault="00156FB3" w:rsidP="00156FB3">
            <w:r>
              <w:t xml:space="preserve">                               - options === false --&gt; stop only queue:false calls.</w:t>
            </w:r>
          </w:p>
          <w:p w:rsidR="00156FB3" w:rsidRDefault="00156FB3" w:rsidP="00156FB3">
            <w:r>
              <w:t xml:space="preserve">                               - options === "custom" --&gt; stop current queue:"custom" call, including remaining queued ones (there is no functionality to only clear the currently-running queue:"custom" call). */</w:t>
            </w:r>
          </w:p>
          <w:p w:rsidR="00156FB3" w:rsidRDefault="00156FB3" w:rsidP="00156FB3">
            <w:r>
              <w:t xml:space="preserve">                            var queueName = (options === undefined) ? "" : options;</w:t>
            </w:r>
          </w:p>
          <w:p w:rsidR="00156FB3" w:rsidRDefault="00156FB3" w:rsidP="00156FB3"/>
          <w:p w:rsidR="00156FB3" w:rsidRDefault="00156FB3" w:rsidP="00156FB3">
            <w:r>
              <w:t xml:space="preserve">                            if (queueName !== true &amp;&amp; (activeCall[2].queue !== queueName) &amp;&amp; !(options === undefined &amp;&amp; activeCall[2].queue === false)) {</w:t>
            </w:r>
          </w:p>
          <w:p w:rsidR="00156FB3" w:rsidRDefault="00156FB3" w:rsidP="00156FB3">
            <w:r>
              <w:t xml:space="preserve">                                return true;</w:t>
            </w:r>
          </w:p>
          <w:p w:rsidR="00156FB3" w:rsidRDefault="00156FB3" w:rsidP="00156FB3">
            <w:r>
              <w:t xml:space="preserve">                            }</w:t>
            </w:r>
          </w:p>
          <w:p w:rsidR="00156FB3" w:rsidRDefault="00156FB3" w:rsidP="00156FB3"/>
          <w:p w:rsidR="00156FB3" w:rsidRDefault="00156FB3" w:rsidP="00156FB3">
            <w:r>
              <w:t xml:space="preserve">                            /* Iterate through the calls targeted by the stop command. */</w:t>
            </w:r>
          </w:p>
          <w:p w:rsidR="00156FB3" w:rsidRDefault="00156FB3" w:rsidP="00156FB3">
            <w:r>
              <w:t xml:space="preserve">                            $.each(elements, function(l, element) {</w:t>
            </w:r>
          </w:p>
          <w:p w:rsidR="00156FB3" w:rsidRDefault="00156FB3" w:rsidP="00156FB3">
            <w:r>
              <w:t xml:space="preserve">                                /* Check that this call was applied to the target element. */</w:t>
            </w:r>
          </w:p>
          <w:p w:rsidR="00156FB3" w:rsidRDefault="00156FB3" w:rsidP="00156FB3">
            <w:r>
              <w:t xml:space="preserve">                                if (element === activeElement) {</w:t>
            </w:r>
          </w:p>
          <w:p w:rsidR="00156FB3" w:rsidRDefault="00156FB3" w:rsidP="00156FB3">
            <w:r>
              <w:t xml:space="preserve">                                    /* Optionally clear the remaining queued calls. If we're doing "finishAll" this won't find anything,</w:t>
            </w:r>
          </w:p>
          <w:p w:rsidR="00156FB3" w:rsidRDefault="00156FB3" w:rsidP="00156FB3">
            <w:r>
              <w:t xml:space="preserve">                                       due to the queue-clearing above. */</w:t>
            </w:r>
          </w:p>
          <w:p w:rsidR="00156FB3" w:rsidRDefault="00156FB3" w:rsidP="00156FB3">
            <w:r>
              <w:t xml:space="preserve">                                    if (options === true || Type.isString(options)) {</w:t>
            </w:r>
          </w:p>
          <w:p w:rsidR="00156FB3" w:rsidRDefault="00156FB3" w:rsidP="00156FB3">
            <w:r>
              <w:t xml:space="preserve">                                        /* Iterate through the items in the element's queue. */</w:t>
            </w:r>
          </w:p>
          <w:p w:rsidR="00156FB3" w:rsidRDefault="00156FB3" w:rsidP="00156FB3">
            <w:r>
              <w:t xml:space="preserve">                                        $.each($.queue(element, Type.isString(options) ? options : ""), function(_, item) {</w:t>
            </w:r>
          </w:p>
          <w:p w:rsidR="00156FB3" w:rsidRDefault="00156FB3" w:rsidP="00156FB3">
            <w:r>
              <w:t xml:space="preserve">                                            /* The queue array can contain an "inprogress" string, which we skip. */</w:t>
            </w:r>
          </w:p>
          <w:p w:rsidR="00156FB3" w:rsidRDefault="00156FB3" w:rsidP="00156FB3">
            <w:r>
              <w:t xml:space="preserve">                                            if (Type.isFunction(item)) {</w:t>
            </w:r>
          </w:p>
          <w:p w:rsidR="00156FB3" w:rsidRDefault="00156FB3" w:rsidP="00156FB3">
            <w:r>
              <w:t xml:space="preserve">                                                /* Pass the item's callback a flag indicating that we want to abort from the </w:t>
            </w:r>
            <w:r>
              <w:lastRenderedPageBreak/>
              <w:t>queue call.</w:t>
            </w:r>
          </w:p>
          <w:p w:rsidR="00156FB3" w:rsidRDefault="00156FB3" w:rsidP="00156FB3">
            <w:r>
              <w:t xml:space="preserve">                                                   (Specifically, the queue will resolve the call's associated promise then abort.)  */</w:t>
            </w:r>
          </w:p>
          <w:p w:rsidR="00156FB3" w:rsidRDefault="00156FB3" w:rsidP="00156FB3">
            <w:r>
              <w:t xml:space="preserve">                                                item(null, tr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Clearing the $.queue() array is achieved by resetting it to []. */</w:t>
            </w:r>
          </w:p>
          <w:p w:rsidR="00156FB3" w:rsidRDefault="00156FB3" w:rsidP="00156FB3">
            <w:r>
              <w:t xml:space="preserve">                                        $.queue(element, Type.isString(options) ? options : "", []);</w:t>
            </w:r>
          </w:p>
          <w:p w:rsidR="00156FB3" w:rsidRDefault="00156FB3" w:rsidP="00156FB3">
            <w:r>
              <w:t xml:space="preserve">                                    }</w:t>
            </w:r>
          </w:p>
          <w:p w:rsidR="00156FB3" w:rsidRDefault="00156FB3" w:rsidP="00156FB3"/>
          <w:p w:rsidR="00156FB3" w:rsidRDefault="00156FB3" w:rsidP="00156FB3">
            <w:r>
              <w:t xml:space="preserve">                                    if (propertiesMap === "stop") {</w:t>
            </w:r>
          </w:p>
          <w:p w:rsidR="00156FB3" w:rsidRDefault="00156FB3" w:rsidP="00156FB3">
            <w:r>
              <w:t xml:space="preserve">                                        /* Since "reverse" uses cached start values (the previous call's endValues), these values must be</w:t>
            </w:r>
          </w:p>
          <w:p w:rsidR="00156FB3" w:rsidRDefault="00156FB3" w:rsidP="00156FB3">
            <w:r>
              <w:t xml:space="preserve">                                           changed to reflect the final value that the elements were actually tweened to. */</w:t>
            </w:r>
          </w:p>
          <w:p w:rsidR="00156FB3" w:rsidRDefault="00156FB3" w:rsidP="00156FB3">
            <w:r>
              <w:t xml:space="preserve">                                        /* Note: If only queue:false animations are currently running on an element, it won't have a tweensContainer</w:t>
            </w:r>
          </w:p>
          <w:p w:rsidR="00156FB3" w:rsidRDefault="00156FB3" w:rsidP="00156FB3">
            <w:r>
              <w:t xml:space="preserve">                                           object. Also, queue:false animations can't be reversed. */</w:t>
            </w:r>
          </w:p>
          <w:p w:rsidR="00156FB3" w:rsidRDefault="00156FB3" w:rsidP="00156FB3">
            <w:r>
              <w:t xml:space="preserve">                                        if (Data(element) &amp;&amp; Data(element).tweensContainer &amp;&amp; queueName !== false) {</w:t>
            </w:r>
          </w:p>
          <w:p w:rsidR="00156FB3" w:rsidRDefault="00156FB3" w:rsidP="00156FB3">
            <w:r>
              <w:t xml:space="preserve">                                            $.each(Data(element).tweensContainer, function(m, activeTween) {</w:t>
            </w:r>
          </w:p>
          <w:p w:rsidR="00156FB3" w:rsidRDefault="00156FB3" w:rsidP="00156FB3">
            <w:r>
              <w:t xml:space="preserve">                                                activeTween.endValue = activeTween.currentVal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callsToStop.push(i);</w:t>
            </w:r>
          </w:p>
          <w:p w:rsidR="00156FB3" w:rsidRDefault="00156FB3" w:rsidP="00156FB3">
            <w:r>
              <w:t xml:space="preserve">                                    } else if (propertiesMap === "finish" || propertiesMap === "finishAll") {</w:t>
            </w:r>
          </w:p>
          <w:p w:rsidR="00156FB3" w:rsidRDefault="00156FB3" w:rsidP="00156FB3">
            <w:r>
              <w:t xml:space="preserve">                                        /* To get active tweens to finish immediately, we forcefully shorten their durations to 1ms so that</w:t>
            </w:r>
          </w:p>
          <w:p w:rsidR="00156FB3" w:rsidRDefault="00156FB3" w:rsidP="00156FB3">
            <w:r>
              <w:t xml:space="preserve">                                        they finish upon the next rAf tick then proceed with normal call completion logic. */</w:t>
            </w:r>
          </w:p>
          <w:p w:rsidR="00156FB3" w:rsidRDefault="00156FB3" w:rsidP="00156FB3">
            <w:r>
              <w:t xml:space="preserve">                                        activeCall[2].duration = 1;</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Prematurely call completeCall() on each matched active call. Pass an additional flag for "stop" to indicate</w:t>
            </w:r>
          </w:p>
          <w:p w:rsidR="00156FB3" w:rsidRDefault="00156FB3" w:rsidP="00156FB3">
            <w:r>
              <w:t xml:space="preserve">                   that the complete callback and display:none setting should be skipped since we're completing prematurely. */</w:t>
            </w:r>
          </w:p>
          <w:p w:rsidR="00156FB3" w:rsidRDefault="00156FB3" w:rsidP="00156FB3">
            <w:r>
              <w:t xml:space="preserve">                if (propertiesMap === "stop") {</w:t>
            </w:r>
          </w:p>
          <w:p w:rsidR="00156FB3" w:rsidRDefault="00156FB3" w:rsidP="00156FB3">
            <w:r>
              <w:t xml:space="preserve">                    $.each(callsToStop, function(i, j) {</w:t>
            </w:r>
          </w:p>
          <w:p w:rsidR="00156FB3" w:rsidRDefault="00156FB3" w:rsidP="00156FB3">
            <w:r>
              <w:t xml:space="preserve">                        completeCall(j, true);</w:t>
            </w:r>
          </w:p>
          <w:p w:rsidR="00156FB3" w:rsidRDefault="00156FB3" w:rsidP="00156FB3">
            <w:r>
              <w:t xml:space="preserve">                    });</w:t>
            </w:r>
          </w:p>
          <w:p w:rsidR="00156FB3" w:rsidRDefault="00156FB3" w:rsidP="00156FB3"/>
          <w:p w:rsidR="00156FB3" w:rsidRDefault="00156FB3" w:rsidP="00156FB3">
            <w:r>
              <w:t xml:space="preserve">                    if (promiseData.promise) {</w:t>
            </w:r>
          </w:p>
          <w:p w:rsidR="00156FB3" w:rsidRDefault="00156FB3" w:rsidP="00156FB3">
            <w:r>
              <w:lastRenderedPageBreak/>
              <w:t xml:space="preserve">                        /* Immediately resolve the promise associated with this stop call since stop runs synchronously. */</w:t>
            </w:r>
          </w:p>
          <w:p w:rsidR="00156FB3" w:rsidRDefault="00156FB3" w:rsidP="00156FB3">
            <w:r>
              <w:t xml:space="preserve">                        promiseData.resolver(element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Since we're stopping, and not proceeding with queueing, exit out of Velocity. */</w:t>
            </w:r>
          </w:p>
          <w:p w:rsidR="00156FB3" w:rsidRDefault="00156FB3" w:rsidP="00156FB3">
            <w:r>
              <w:t xml:space="preserve">                return getChain();</w:t>
            </w:r>
          </w:p>
          <w:p w:rsidR="00156FB3" w:rsidRDefault="00156FB3" w:rsidP="00156FB3"/>
          <w:p w:rsidR="00156FB3" w:rsidRDefault="00156FB3" w:rsidP="00156FB3">
            <w:r>
              <w:t xml:space="preserve">            default:</w:t>
            </w:r>
          </w:p>
          <w:p w:rsidR="00156FB3" w:rsidRDefault="00156FB3" w:rsidP="00156FB3">
            <w:r>
              <w:t xml:space="preserve">                /* Treat a non-empty plain object as a literal properties map. */</w:t>
            </w:r>
          </w:p>
          <w:p w:rsidR="00156FB3" w:rsidRDefault="00156FB3" w:rsidP="00156FB3">
            <w:r>
              <w:t xml:space="preserve">                if ($.isPlainObject(propertiesMap) &amp;&amp; !Type.isEmptyObject(propertiesMap)) {</w:t>
            </w:r>
          </w:p>
          <w:p w:rsidR="00156FB3" w:rsidRDefault="00156FB3" w:rsidP="00156FB3">
            <w:r>
              <w:t xml:space="preserve">                    action = "start";</w:t>
            </w:r>
          </w:p>
          <w:p w:rsidR="00156FB3" w:rsidRDefault="00156FB3" w:rsidP="00156FB3"/>
          <w:p w:rsidR="00156FB3" w:rsidRDefault="00156FB3" w:rsidP="00156FB3">
            <w:r>
              <w:t xml:space="preserve">                /****************</w:t>
            </w:r>
          </w:p>
          <w:p w:rsidR="00156FB3" w:rsidRDefault="00156FB3" w:rsidP="00156FB3">
            <w:r>
              <w:t xml:space="preserve">                    Redirects</w:t>
            </w:r>
          </w:p>
          <w:p w:rsidR="00156FB3" w:rsidRDefault="00156FB3" w:rsidP="00156FB3">
            <w:r>
              <w:t xml:space="preserve">                ****************/</w:t>
            </w:r>
          </w:p>
          <w:p w:rsidR="00156FB3" w:rsidRDefault="00156FB3" w:rsidP="00156FB3"/>
          <w:p w:rsidR="00156FB3" w:rsidRDefault="00156FB3" w:rsidP="00156FB3">
            <w:r>
              <w:t xml:space="preserve">                /* Check if a string matches a registered redirect (see Redirects above). */</w:t>
            </w:r>
          </w:p>
          <w:p w:rsidR="00156FB3" w:rsidRDefault="00156FB3" w:rsidP="00156FB3">
            <w:r>
              <w:t xml:space="preserve">                } else if (Type.isString(propertiesMap) &amp;&amp; Velocity.Redirects[propertiesMap]) {</w:t>
            </w:r>
          </w:p>
          <w:p w:rsidR="00156FB3" w:rsidRDefault="00156FB3" w:rsidP="00156FB3">
            <w:r>
              <w:t xml:space="preserve">                    var opts = $.extend({}, options),</w:t>
            </w:r>
          </w:p>
          <w:p w:rsidR="00156FB3" w:rsidRDefault="00156FB3" w:rsidP="00156FB3">
            <w:r>
              <w:t xml:space="preserve">                        durationOriginal = opts.duration,</w:t>
            </w:r>
          </w:p>
          <w:p w:rsidR="00156FB3" w:rsidRDefault="00156FB3" w:rsidP="00156FB3">
            <w:r>
              <w:t xml:space="preserve">                        delayOriginal = opts.delay || 0;</w:t>
            </w:r>
          </w:p>
          <w:p w:rsidR="00156FB3" w:rsidRDefault="00156FB3" w:rsidP="00156FB3"/>
          <w:p w:rsidR="00156FB3" w:rsidRDefault="00156FB3" w:rsidP="00156FB3">
            <w:r>
              <w:t xml:space="preserve">                    /* If the backwards option was passed in, reverse the element set so that elements animate from the last to the first. */</w:t>
            </w:r>
          </w:p>
          <w:p w:rsidR="00156FB3" w:rsidRDefault="00156FB3" w:rsidP="00156FB3">
            <w:r>
              <w:t xml:space="preserve">                    if (opts.backwards === true) {</w:t>
            </w:r>
          </w:p>
          <w:p w:rsidR="00156FB3" w:rsidRDefault="00156FB3" w:rsidP="00156FB3">
            <w:r>
              <w:t xml:space="preserve">                        elements = $.extend(true, [], elements).reverse();</w:t>
            </w:r>
          </w:p>
          <w:p w:rsidR="00156FB3" w:rsidRDefault="00156FB3" w:rsidP="00156FB3">
            <w:r>
              <w:t xml:space="preserve">                    }</w:t>
            </w:r>
          </w:p>
          <w:p w:rsidR="00156FB3" w:rsidRDefault="00156FB3" w:rsidP="00156FB3"/>
          <w:p w:rsidR="00156FB3" w:rsidRDefault="00156FB3" w:rsidP="00156FB3">
            <w:r>
              <w:t xml:space="preserve">                    /* Individually trigger the redirect for each element in the set to prevent users from having to handle iteration logic in their redirect. */</w:t>
            </w:r>
          </w:p>
          <w:p w:rsidR="00156FB3" w:rsidRDefault="00156FB3" w:rsidP="00156FB3">
            <w:r>
              <w:t xml:space="preserve">                    $.each(elements, function(elementIndex, element) {</w:t>
            </w:r>
          </w:p>
          <w:p w:rsidR="00156FB3" w:rsidRDefault="00156FB3" w:rsidP="00156FB3">
            <w:r>
              <w:t xml:space="preserve">                        /* If the stagger option was passed in, successively delay each element by the stagger value (in ms). Retain the original delay value. */</w:t>
            </w:r>
          </w:p>
          <w:p w:rsidR="00156FB3" w:rsidRDefault="00156FB3" w:rsidP="00156FB3">
            <w:r>
              <w:t xml:space="preserve">                        if (parseFloat(opts.stagger)) {</w:t>
            </w:r>
          </w:p>
          <w:p w:rsidR="00156FB3" w:rsidRDefault="00156FB3" w:rsidP="00156FB3">
            <w:r>
              <w:t xml:space="preserve">                            opts.delay = delayOriginal + (parseFloat(opts.stagger) * elementIndex);</w:t>
            </w:r>
          </w:p>
          <w:p w:rsidR="00156FB3" w:rsidRDefault="00156FB3" w:rsidP="00156FB3">
            <w:r>
              <w:t xml:space="preserve">                        } else if (Type.isFunction(opts.stagger)) {</w:t>
            </w:r>
          </w:p>
          <w:p w:rsidR="00156FB3" w:rsidRDefault="00156FB3" w:rsidP="00156FB3">
            <w:r>
              <w:t xml:space="preserve">                            opts.delay = delayOriginal + opts.stagger.call(element, elementIndex, elementsLength);</w:t>
            </w:r>
          </w:p>
          <w:p w:rsidR="00156FB3" w:rsidRDefault="00156FB3" w:rsidP="00156FB3">
            <w:r>
              <w:t xml:space="preserve">                        }</w:t>
            </w:r>
          </w:p>
          <w:p w:rsidR="00156FB3" w:rsidRDefault="00156FB3" w:rsidP="00156FB3"/>
          <w:p w:rsidR="00156FB3" w:rsidRDefault="00156FB3" w:rsidP="00156FB3">
            <w:r>
              <w:t xml:space="preserve">                        /* If the drag option was passed in, successively increase/decrease (depending on the presense of opts.backwards)</w:t>
            </w:r>
          </w:p>
          <w:p w:rsidR="00156FB3" w:rsidRDefault="00156FB3" w:rsidP="00156FB3">
            <w:r>
              <w:t xml:space="preserve">                           the duration of each element's animation, using floors to prevent producing very short durations. */</w:t>
            </w:r>
          </w:p>
          <w:p w:rsidR="00156FB3" w:rsidRDefault="00156FB3" w:rsidP="00156FB3">
            <w:r>
              <w:t xml:space="preserve">                        if (opts.drag) {</w:t>
            </w:r>
          </w:p>
          <w:p w:rsidR="00156FB3" w:rsidRDefault="00156FB3" w:rsidP="00156FB3">
            <w:r>
              <w:t xml:space="preserve">                            /* Default the duration of UI pack effects (callouts and transitions) to 1000ms instead of the usual default duration of 400ms. */</w:t>
            </w:r>
          </w:p>
          <w:p w:rsidR="00156FB3" w:rsidRDefault="00156FB3" w:rsidP="00156FB3">
            <w:r>
              <w:lastRenderedPageBreak/>
              <w:t xml:space="preserve">                            opts.duration = parseFloat(durationOriginal) || (/^(callout|transition)/.test(propertiesMap) ? 1000 : DURATION_DEFAULT);</w:t>
            </w:r>
          </w:p>
          <w:p w:rsidR="00156FB3" w:rsidRDefault="00156FB3" w:rsidP="00156FB3"/>
          <w:p w:rsidR="00156FB3" w:rsidRDefault="00156FB3" w:rsidP="00156FB3">
            <w:r>
              <w:t xml:space="preserve">                            /* For each element, take the greater duration of: A) animation completion percentage relative to the original duration,</w:t>
            </w:r>
          </w:p>
          <w:p w:rsidR="00156FB3" w:rsidRDefault="00156FB3" w:rsidP="00156FB3">
            <w:r>
              <w:t xml:space="preserve">                               B) 75% of the original duration, or C) a 200ms fallback (in case duration is already set to a low value).</w:t>
            </w:r>
          </w:p>
          <w:p w:rsidR="00156FB3" w:rsidRDefault="00156FB3" w:rsidP="00156FB3">
            <w:r>
              <w:t xml:space="preserve">                               The end result is a baseline of 75% of the redirect's duration that increases/decreases as the end of the element set is approached. */</w:t>
            </w:r>
          </w:p>
          <w:p w:rsidR="00156FB3" w:rsidRDefault="00156FB3" w:rsidP="00156FB3">
            <w:r>
              <w:t xml:space="preserve">                            opts.duration = Math.max(opts.duration * (opts.backwards ? 1 - elementIndex/elementsLength : (elementIndex + 1) / elementsLength), opts.duration * 0.75, 200);</w:t>
            </w:r>
          </w:p>
          <w:p w:rsidR="00156FB3" w:rsidRDefault="00156FB3" w:rsidP="00156FB3">
            <w:r>
              <w:t xml:space="preserve">                        }</w:t>
            </w:r>
          </w:p>
          <w:p w:rsidR="00156FB3" w:rsidRDefault="00156FB3" w:rsidP="00156FB3"/>
          <w:p w:rsidR="00156FB3" w:rsidRDefault="00156FB3" w:rsidP="00156FB3">
            <w:r>
              <w:t xml:space="preserve">                        /* Pass in the call's opts object so that the redirect can optionally extend it. It defaults to an empty object instead of null to</w:t>
            </w:r>
          </w:p>
          <w:p w:rsidR="00156FB3" w:rsidRDefault="00156FB3" w:rsidP="00156FB3">
            <w:r>
              <w:t xml:space="preserve">                           reduce the opts checking logic required inside the redirect. */</w:t>
            </w:r>
          </w:p>
          <w:p w:rsidR="00156FB3" w:rsidRDefault="00156FB3" w:rsidP="00156FB3">
            <w:r>
              <w:t xml:space="preserve">                        Velocity.Redirects[propertiesMap].call(element, element, opts || {}, elementIndex, elementsLength, elements, promiseData.promise ? promiseData : undefined);</w:t>
            </w:r>
          </w:p>
          <w:p w:rsidR="00156FB3" w:rsidRDefault="00156FB3" w:rsidP="00156FB3">
            <w:r>
              <w:t xml:space="preserve">                    });</w:t>
            </w:r>
          </w:p>
          <w:p w:rsidR="00156FB3" w:rsidRDefault="00156FB3" w:rsidP="00156FB3"/>
          <w:p w:rsidR="00156FB3" w:rsidRDefault="00156FB3" w:rsidP="00156FB3">
            <w:r>
              <w:t xml:space="preserve">                    /* Since the animation logic resides within the redirect's own code, abort the remainder of this call.</w:t>
            </w:r>
          </w:p>
          <w:p w:rsidR="00156FB3" w:rsidRDefault="00156FB3" w:rsidP="00156FB3">
            <w:r>
              <w:t xml:space="preserve">                       (The performance overhead up to this point is virtually non-existant.) */</w:t>
            </w:r>
          </w:p>
          <w:p w:rsidR="00156FB3" w:rsidRDefault="00156FB3" w:rsidP="00156FB3">
            <w:r>
              <w:t xml:space="preserve">                    /* Note: The jQuery call chain is kept intact by returning the complete element set. */</w:t>
            </w:r>
          </w:p>
          <w:p w:rsidR="00156FB3" w:rsidRDefault="00156FB3" w:rsidP="00156FB3">
            <w:r>
              <w:t xml:space="preserve">                    return getChain();</w:t>
            </w:r>
          </w:p>
          <w:p w:rsidR="00156FB3" w:rsidRDefault="00156FB3" w:rsidP="00156FB3">
            <w:r>
              <w:t xml:space="preserve">                } else {</w:t>
            </w:r>
          </w:p>
          <w:p w:rsidR="00156FB3" w:rsidRDefault="00156FB3" w:rsidP="00156FB3">
            <w:r>
              <w:t xml:space="preserve">                    var abortError = "Velocity: First argument (" + propertiesMap + ") was not a property map, a known action, or a registered redirect. Aborting.";</w:t>
            </w:r>
          </w:p>
          <w:p w:rsidR="00156FB3" w:rsidRDefault="00156FB3" w:rsidP="00156FB3"/>
          <w:p w:rsidR="00156FB3" w:rsidRDefault="00156FB3" w:rsidP="00156FB3">
            <w:r>
              <w:t xml:space="preserve">                    if (promiseData.promise) {</w:t>
            </w:r>
          </w:p>
          <w:p w:rsidR="00156FB3" w:rsidRDefault="00156FB3" w:rsidP="00156FB3">
            <w:r>
              <w:t xml:space="preserve">                        promiseData.rejecter(new Error(abortError));</w:t>
            </w:r>
          </w:p>
          <w:p w:rsidR="00156FB3" w:rsidRDefault="00156FB3" w:rsidP="00156FB3">
            <w:r>
              <w:t xml:space="preserve">                    } else {</w:t>
            </w:r>
          </w:p>
          <w:p w:rsidR="00156FB3" w:rsidRDefault="00156FB3" w:rsidP="00156FB3">
            <w:r>
              <w:t xml:space="preserve">                        console.log(abortError);</w:t>
            </w:r>
          </w:p>
          <w:p w:rsidR="00156FB3" w:rsidRDefault="00156FB3" w:rsidP="00156FB3">
            <w:r>
              <w:t xml:space="preserve">                    }</w:t>
            </w:r>
          </w:p>
          <w:p w:rsidR="00156FB3" w:rsidRDefault="00156FB3" w:rsidP="00156FB3"/>
          <w:p w:rsidR="00156FB3" w:rsidRDefault="00156FB3" w:rsidP="00156FB3">
            <w:r>
              <w:t xml:space="preserve">                    return getChain();</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Call-Wide Variables</w:t>
            </w:r>
          </w:p>
          <w:p w:rsidR="00156FB3" w:rsidRDefault="00156FB3" w:rsidP="00156FB3">
            <w:r>
              <w:t xml:space="preserve">        **************************/</w:t>
            </w:r>
          </w:p>
          <w:p w:rsidR="00156FB3" w:rsidRDefault="00156FB3" w:rsidP="00156FB3"/>
          <w:p w:rsidR="00156FB3" w:rsidRDefault="00156FB3" w:rsidP="00156FB3">
            <w:r>
              <w:t xml:space="preserve">        /* A container for CSS unit conversion ratios (e.g. %, rem, and em ==&gt; px) that is used to cache ratios across all elements</w:t>
            </w:r>
          </w:p>
          <w:p w:rsidR="00156FB3" w:rsidRDefault="00156FB3" w:rsidP="00156FB3">
            <w:r>
              <w:t xml:space="preserve">           being animated in a single Velocity call. Calculating unit ratios necessitates DOM querying and updating, and is therefore</w:t>
            </w:r>
          </w:p>
          <w:p w:rsidR="00156FB3" w:rsidRDefault="00156FB3" w:rsidP="00156FB3">
            <w:r>
              <w:t xml:space="preserve">           avoided (via caching) wherever possible. This container is call-wide instead of page-wide to avoid </w:t>
            </w:r>
            <w:r>
              <w:lastRenderedPageBreak/>
              <w:t>the risk of using stale</w:t>
            </w:r>
          </w:p>
          <w:p w:rsidR="00156FB3" w:rsidRDefault="00156FB3" w:rsidP="00156FB3">
            <w:r>
              <w:t xml:space="preserve">           conversion metrics across Velocity animations that are not immediately consecutively chained. */</w:t>
            </w:r>
          </w:p>
          <w:p w:rsidR="00156FB3" w:rsidRDefault="00156FB3" w:rsidP="00156FB3">
            <w:r>
              <w:t xml:space="preserve">        var callUnitConversionData = {</w:t>
            </w:r>
          </w:p>
          <w:p w:rsidR="00156FB3" w:rsidRDefault="00156FB3" w:rsidP="00156FB3">
            <w:r>
              <w:t xml:space="preserve">                lastParent: null,</w:t>
            </w:r>
          </w:p>
          <w:p w:rsidR="00156FB3" w:rsidRDefault="00156FB3" w:rsidP="00156FB3">
            <w:r>
              <w:t xml:space="preserve">                lastPosition: null,</w:t>
            </w:r>
          </w:p>
          <w:p w:rsidR="00156FB3" w:rsidRDefault="00156FB3" w:rsidP="00156FB3">
            <w:r>
              <w:t xml:space="preserve">                lastFontSize: null,</w:t>
            </w:r>
          </w:p>
          <w:p w:rsidR="00156FB3" w:rsidRDefault="00156FB3" w:rsidP="00156FB3">
            <w:r>
              <w:t xml:space="preserve">                lastPercentToPxWidth: null,</w:t>
            </w:r>
          </w:p>
          <w:p w:rsidR="00156FB3" w:rsidRDefault="00156FB3" w:rsidP="00156FB3">
            <w:r>
              <w:t xml:space="preserve">                lastPercentToPxHeight: null,</w:t>
            </w:r>
          </w:p>
          <w:p w:rsidR="00156FB3" w:rsidRDefault="00156FB3" w:rsidP="00156FB3">
            <w:r>
              <w:t xml:space="preserve">                lastEmToPx: null,</w:t>
            </w:r>
          </w:p>
          <w:p w:rsidR="00156FB3" w:rsidRDefault="00156FB3" w:rsidP="00156FB3">
            <w:r>
              <w:t xml:space="preserve">                remToPx: null,</w:t>
            </w:r>
          </w:p>
          <w:p w:rsidR="00156FB3" w:rsidRDefault="00156FB3" w:rsidP="00156FB3">
            <w:r>
              <w:t xml:space="preserve">                vwToPx: null,</w:t>
            </w:r>
          </w:p>
          <w:p w:rsidR="00156FB3" w:rsidRDefault="00156FB3" w:rsidP="00156FB3">
            <w:r>
              <w:t xml:space="preserve">                vhToPx: null</w:t>
            </w:r>
          </w:p>
          <w:p w:rsidR="00156FB3" w:rsidRDefault="00156FB3" w:rsidP="00156FB3">
            <w:r>
              <w:t xml:space="preserve">            };</w:t>
            </w:r>
          </w:p>
          <w:p w:rsidR="00156FB3" w:rsidRDefault="00156FB3" w:rsidP="00156FB3"/>
          <w:p w:rsidR="00156FB3" w:rsidRDefault="00156FB3" w:rsidP="00156FB3">
            <w:r>
              <w:t xml:space="preserve">        /* A container for all the ensuing tween data and metadata associated with this call. This container gets pushed to the page-wide</w:t>
            </w:r>
          </w:p>
          <w:p w:rsidR="00156FB3" w:rsidRDefault="00156FB3" w:rsidP="00156FB3">
            <w:r>
              <w:t xml:space="preserve">           Velocity.State.calls array that is processed during animation ticking. */</w:t>
            </w:r>
          </w:p>
          <w:p w:rsidR="00156FB3" w:rsidRDefault="00156FB3" w:rsidP="00156FB3">
            <w:r>
              <w:t xml:space="preserve">        var call = [];</w:t>
            </w:r>
          </w:p>
          <w:p w:rsidR="00156FB3" w:rsidRDefault="00156FB3" w:rsidP="00156FB3"/>
          <w:p w:rsidR="00156FB3" w:rsidRDefault="00156FB3" w:rsidP="00156FB3">
            <w:r>
              <w:t xml:space="preserve">        /************************</w:t>
            </w:r>
          </w:p>
          <w:p w:rsidR="00156FB3" w:rsidRDefault="00156FB3" w:rsidP="00156FB3">
            <w:r>
              <w:t xml:space="preserve">           Element Processing</w:t>
            </w:r>
          </w:p>
          <w:p w:rsidR="00156FB3" w:rsidRDefault="00156FB3" w:rsidP="00156FB3">
            <w:r>
              <w:t xml:space="preserve">        ************************/</w:t>
            </w:r>
          </w:p>
          <w:p w:rsidR="00156FB3" w:rsidRDefault="00156FB3" w:rsidP="00156FB3"/>
          <w:p w:rsidR="00156FB3" w:rsidRDefault="00156FB3" w:rsidP="00156FB3">
            <w:r>
              <w:t xml:space="preserve">        /* Element processing consists of three parts -- data processing that cannot go stale and data processing that *can* go stale (i.e. third-party style modifications):</w:t>
            </w:r>
          </w:p>
          <w:p w:rsidR="00156FB3" w:rsidRDefault="00156FB3" w:rsidP="00156FB3">
            <w:r>
              <w:t xml:space="preserve">           1) Pre-Queueing: Element-wide variables, including the element's data storage, are instantiated. Call options are prepared. If triggered, the Stop action is executed.</w:t>
            </w:r>
          </w:p>
          <w:p w:rsidR="00156FB3" w:rsidRDefault="00156FB3" w:rsidP="00156FB3">
            <w:r>
              <w:t xml:space="preserve">           2) Queueing: The logic that runs once this call has reached its point of execution in the element's $.queue() stack. Most logic is placed here to avoid risking it becoming stale.</w:t>
            </w:r>
          </w:p>
          <w:p w:rsidR="00156FB3" w:rsidRDefault="00156FB3" w:rsidP="00156FB3">
            <w:r>
              <w:t xml:space="preserve">           3) Pushing: Consolidation of the tween data followed by its push onto the global in-progress calls container.</w:t>
            </w:r>
          </w:p>
          <w:p w:rsidR="00156FB3" w:rsidRDefault="00156FB3" w:rsidP="00156FB3">
            <w:r>
              <w:t xml:space="preserve">        */</w:t>
            </w:r>
          </w:p>
          <w:p w:rsidR="00156FB3" w:rsidRDefault="00156FB3" w:rsidP="00156FB3"/>
          <w:p w:rsidR="00156FB3" w:rsidRDefault="00156FB3" w:rsidP="00156FB3">
            <w:r>
              <w:t xml:space="preserve">        function processElement () {</w:t>
            </w:r>
          </w:p>
          <w:p w:rsidR="00156FB3" w:rsidRDefault="00156FB3" w:rsidP="00156FB3"/>
          <w:p w:rsidR="00156FB3" w:rsidRDefault="00156FB3" w:rsidP="00156FB3">
            <w:r>
              <w:t xml:space="preserve">            /*************************</w:t>
            </w:r>
          </w:p>
          <w:p w:rsidR="00156FB3" w:rsidRDefault="00156FB3" w:rsidP="00156FB3">
            <w:r>
              <w:t xml:space="preserve">               Part I: Pre-Queueing</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Element-Wide Variables</w:t>
            </w:r>
          </w:p>
          <w:p w:rsidR="00156FB3" w:rsidRDefault="00156FB3" w:rsidP="00156FB3">
            <w:r>
              <w:t xml:space="preserve">            ***************************/</w:t>
            </w:r>
          </w:p>
          <w:p w:rsidR="00156FB3" w:rsidRDefault="00156FB3" w:rsidP="00156FB3"/>
          <w:p w:rsidR="00156FB3" w:rsidRDefault="00156FB3" w:rsidP="00156FB3">
            <w:r>
              <w:t xml:space="preserve">            var element = this,</w:t>
            </w:r>
          </w:p>
          <w:p w:rsidR="00156FB3" w:rsidRDefault="00156FB3" w:rsidP="00156FB3">
            <w:r>
              <w:t xml:space="preserve">                /* The runtime opts object is the extension of the current call's options and Velocity's page-wide option defaults. */</w:t>
            </w:r>
          </w:p>
          <w:p w:rsidR="00156FB3" w:rsidRDefault="00156FB3" w:rsidP="00156FB3">
            <w:r>
              <w:t xml:space="preserve">                opts = $.extend({}, Velocity.defaults, options),</w:t>
            </w:r>
          </w:p>
          <w:p w:rsidR="00156FB3" w:rsidRDefault="00156FB3" w:rsidP="00156FB3">
            <w:r>
              <w:t xml:space="preserve">                /* A container for the processed data associated with each property in the propertyMap.</w:t>
            </w:r>
          </w:p>
          <w:p w:rsidR="00156FB3" w:rsidRDefault="00156FB3" w:rsidP="00156FB3">
            <w:r>
              <w:lastRenderedPageBreak/>
              <w:t xml:space="preserve">                   (Each property in the map produces its own "tween".) */</w:t>
            </w:r>
          </w:p>
          <w:p w:rsidR="00156FB3" w:rsidRDefault="00156FB3" w:rsidP="00156FB3">
            <w:r>
              <w:t xml:space="preserve">                tweensContainer = {},</w:t>
            </w:r>
          </w:p>
          <w:p w:rsidR="00156FB3" w:rsidRDefault="00156FB3" w:rsidP="00156FB3">
            <w:r>
              <w:t xml:space="preserve">                elementUnitConversionData;</w:t>
            </w:r>
          </w:p>
          <w:p w:rsidR="00156FB3" w:rsidRDefault="00156FB3" w:rsidP="00156FB3"/>
          <w:p w:rsidR="00156FB3" w:rsidRDefault="00156FB3" w:rsidP="00156FB3">
            <w:r>
              <w:t xml:space="preserve">            /******************</w:t>
            </w:r>
          </w:p>
          <w:p w:rsidR="00156FB3" w:rsidRDefault="00156FB3" w:rsidP="00156FB3">
            <w:r>
              <w:t xml:space="preserve">               Element Init</w:t>
            </w:r>
          </w:p>
          <w:p w:rsidR="00156FB3" w:rsidRDefault="00156FB3" w:rsidP="00156FB3">
            <w:r>
              <w:t xml:space="preserve">            ******************/</w:t>
            </w:r>
          </w:p>
          <w:p w:rsidR="00156FB3" w:rsidRDefault="00156FB3" w:rsidP="00156FB3"/>
          <w:p w:rsidR="00156FB3" w:rsidRDefault="00156FB3" w:rsidP="00156FB3">
            <w:r>
              <w:t xml:space="preserve">            if (Data(element) === undefined) {</w:t>
            </w:r>
          </w:p>
          <w:p w:rsidR="00156FB3" w:rsidRDefault="00156FB3" w:rsidP="00156FB3">
            <w:r>
              <w:t xml:space="preserve">                Velocity.init(elemen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Option: Delay</w:t>
            </w:r>
          </w:p>
          <w:p w:rsidR="00156FB3" w:rsidRDefault="00156FB3" w:rsidP="00156FB3">
            <w:r>
              <w:t xml:space="preserve">            ******************/</w:t>
            </w:r>
          </w:p>
          <w:p w:rsidR="00156FB3" w:rsidRDefault="00156FB3" w:rsidP="00156FB3"/>
          <w:p w:rsidR="00156FB3" w:rsidRDefault="00156FB3" w:rsidP="00156FB3">
            <w:r>
              <w:t xml:space="preserve">            /* Since queue:false doesn't respect the item's existing queue, we avoid injecting its delay here (it's set later on). */</w:t>
            </w:r>
          </w:p>
          <w:p w:rsidR="00156FB3" w:rsidRDefault="00156FB3" w:rsidP="00156FB3">
            <w:r>
              <w:t xml:space="preserve">            /* Note: Velocity rolls its own delay function since jQuery doesn't have a utility alias for $.fn.delay()</w:t>
            </w:r>
          </w:p>
          <w:p w:rsidR="00156FB3" w:rsidRDefault="00156FB3" w:rsidP="00156FB3">
            <w:r>
              <w:t xml:space="preserve">               (and thus requires jQuery element creation, which we avoid since its overhead includes DOM querying). */</w:t>
            </w:r>
          </w:p>
          <w:p w:rsidR="00156FB3" w:rsidRDefault="00156FB3" w:rsidP="00156FB3">
            <w:r>
              <w:t xml:space="preserve">            if (parseFloat(opts.delay) &amp;&amp; opts.queue !== false) {</w:t>
            </w:r>
          </w:p>
          <w:p w:rsidR="00156FB3" w:rsidRDefault="00156FB3" w:rsidP="00156FB3">
            <w:r>
              <w:t xml:space="preserve">                $.queue(element, opts.queue, function(next) {</w:t>
            </w:r>
          </w:p>
          <w:p w:rsidR="00156FB3" w:rsidRDefault="00156FB3" w:rsidP="00156FB3">
            <w:r>
              <w:t xml:space="preserve">                    /* This is a flag used to indicate to the upcoming completeCall() function that this queue entry was initiated by Velocity. See completeCall() for further details. */</w:t>
            </w:r>
          </w:p>
          <w:p w:rsidR="00156FB3" w:rsidRDefault="00156FB3" w:rsidP="00156FB3">
            <w:r>
              <w:t xml:space="preserve">                    Velocity.velocityQueueEntryFlag = true;</w:t>
            </w:r>
          </w:p>
          <w:p w:rsidR="00156FB3" w:rsidRDefault="00156FB3" w:rsidP="00156FB3"/>
          <w:p w:rsidR="00156FB3" w:rsidRDefault="00156FB3" w:rsidP="00156FB3">
            <w:r>
              <w:t xml:space="preserve">                    /* The ensuing queue item (which is assigned to the "next" argument that $.queue() automatically passes in) will be triggered after a setTimeout delay.</w:t>
            </w:r>
          </w:p>
          <w:p w:rsidR="00156FB3" w:rsidRDefault="00156FB3" w:rsidP="00156FB3">
            <w:r>
              <w:t xml:space="preserve">                       The setTimeout is stored so that it can be subjected to clearTimeout() if this animation is prematurely stopped via Velocity's "stop" command. */</w:t>
            </w:r>
          </w:p>
          <w:p w:rsidR="00156FB3" w:rsidRDefault="00156FB3" w:rsidP="00156FB3">
            <w:r>
              <w:t xml:space="preserve">                    Data(element).delayTimer = {</w:t>
            </w:r>
          </w:p>
          <w:p w:rsidR="00156FB3" w:rsidRDefault="00156FB3" w:rsidP="00156FB3">
            <w:r>
              <w:t xml:space="preserve">                        setTimeout: setTimeout(next, parseFloat(opts.delay)),</w:t>
            </w:r>
          </w:p>
          <w:p w:rsidR="00156FB3" w:rsidRDefault="00156FB3" w:rsidP="00156FB3">
            <w:r>
              <w:t xml:space="preserve">                        next: next</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Option: Duration</w:t>
            </w:r>
          </w:p>
          <w:p w:rsidR="00156FB3" w:rsidRDefault="00156FB3" w:rsidP="00156FB3">
            <w:r>
              <w:t xml:space="preserve">            *********************/</w:t>
            </w:r>
          </w:p>
          <w:p w:rsidR="00156FB3" w:rsidRDefault="00156FB3" w:rsidP="00156FB3"/>
          <w:p w:rsidR="00156FB3" w:rsidRDefault="00156FB3" w:rsidP="00156FB3">
            <w:r>
              <w:t xml:space="preserve">            /* Support for jQuery's named durations. */</w:t>
            </w:r>
          </w:p>
          <w:p w:rsidR="00156FB3" w:rsidRDefault="00156FB3" w:rsidP="00156FB3">
            <w:r>
              <w:t xml:space="preserve">            switch (opts.duration.toString().toLowerCase()) {</w:t>
            </w:r>
          </w:p>
          <w:p w:rsidR="00156FB3" w:rsidRDefault="00156FB3" w:rsidP="00156FB3">
            <w:r>
              <w:t xml:space="preserve">                case "fast":</w:t>
            </w:r>
          </w:p>
          <w:p w:rsidR="00156FB3" w:rsidRDefault="00156FB3" w:rsidP="00156FB3">
            <w:r>
              <w:t xml:space="preserve">                    opts.duration = 200;</w:t>
            </w:r>
          </w:p>
          <w:p w:rsidR="00156FB3" w:rsidRDefault="00156FB3" w:rsidP="00156FB3">
            <w:r>
              <w:t xml:space="preserve">                    break;</w:t>
            </w:r>
          </w:p>
          <w:p w:rsidR="00156FB3" w:rsidRDefault="00156FB3" w:rsidP="00156FB3"/>
          <w:p w:rsidR="00156FB3" w:rsidRDefault="00156FB3" w:rsidP="00156FB3">
            <w:r>
              <w:t xml:space="preserve">                case "normal":</w:t>
            </w:r>
          </w:p>
          <w:p w:rsidR="00156FB3" w:rsidRDefault="00156FB3" w:rsidP="00156FB3">
            <w:r>
              <w:t xml:space="preserve">                    opts.duration = DURATION_DEFAULT;</w:t>
            </w:r>
          </w:p>
          <w:p w:rsidR="00156FB3" w:rsidRDefault="00156FB3" w:rsidP="00156FB3">
            <w:r>
              <w:t xml:space="preserve">                    break;</w:t>
            </w:r>
          </w:p>
          <w:p w:rsidR="00156FB3" w:rsidRDefault="00156FB3" w:rsidP="00156FB3"/>
          <w:p w:rsidR="00156FB3" w:rsidRDefault="00156FB3" w:rsidP="00156FB3">
            <w:r>
              <w:t xml:space="preserve">                case "slow":</w:t>
            </w:r>
          </w:p>
          <w:p w:rsidR="00156FB3" w:rsidRDefault="00156FB3" w:rsidP="00156FB3">
            <w:r>
              <w:t xml:space="preserve">                    opts.duration = 600;</w:t>
            </w:r>
          </w:p>
          <w:p w:rsidR="00156FB3" w:rsidRDefault="00156FB3" w:rsidP="00156FB3">
            <w:r>
              <w:t xml:space="preserve">                    break;</w:t>
            </w:r>
          </w:p>
          <w:p w:rsidR="00156FB3" w:rsidRDefault="00156FB3" w:rsidP="00156FB3"/>
          <w:p w:rsidR="00156FB3" w:rsidRDefault="00156FB3" w:rsidP="00156FB3">
            <w:r>
              <w:t xml:space="preserve">                default:</w:t>
            </w:r>
          </w:p>
          <w:p w:rsidR="00156FB3" w:rsidRDefault="00156FB3" w:rsidP="00156FB3">
            <w:r>
              <w:t xml:space="preserve">                    /* Remove the potential "ms" suffix and default to 1 if the user is attempting to set a duration of 0 (in order to produce an immediate style change). */</w:t>
            </w:r>
          </w:p>
          <w:p w:rsidR="00156FB3" w:rsidRDefault="00156FB3" w:rsidP="00156FB3">
            <w:r>
              <w:t xml:space="preserve">                    opts.duration = parseFloat(opts.duration) || 1;</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Global Option: Mock</w:t>
            </w:r>
          </w:p>
          <w:p w:rsidR="00156FB3" w:rsidRDefault="00156FB3" w:rsidP="00156FB3">
            <w:r>
              <w:t xml:space="preserve">            ************************/</w:t>
            </w:r>
          </w:p>
          <w:p w:rsidR="00156FB3" w:rsidRDefault="00156FB3" w:rsidP="00156FB3"/>
          <w:p w:rsidR="00156FB3" w:rsidRDefault="00156FB3" w:rsidP="00156FB3">
            <w:r>
              <w:t xml:space="preserve">            if (Velocity.mock !== false) {</w:t>
            </w:r>
          </w:p>
          <w:p w:rsidR="00156FB3" w:rsidRDefault="00156FB3" w:rsidP="00156FB3">
            <w:r>
              <w:t xml:space="preserve">                /* In mock mode, all animations are forced to 1ms so that they occur immediately upon the next rAF tick.</w:t>
            </w:r>
          </w:p>
          <w:p w:rsidR="00156FB3" w:rsidRDefault="00156FB3" w:rsidP="00156FB3">
            <w:r>
              <w:t xml:space="preserve">                   Alternatively, a multiplier can be passed in to time remap all delays and durations. */</w:t>
            </w:r>
          </w:p>
          <w:p w:rsidR="00156FB3" w:rsidRDefault="00156FB3" w:rsidP="00156FB3">
            <w:r>
              <w:t xml:space="preserve">                if (Velocity.mock === true) {</w:t>
            </w:r>
          </w:p>
          <w:p w:rsidR="00156FB3" w:rsidRDefault="00156FB3" w:rsidP="00156FB3">
            <w:r>
              <w:t xml:space="preserve">                    opts.duration = opts.delay = 1;</w:t>
            </w:r>
          </w:p>
          <w:p w:rsidR="00156FB3" w:rsidRDefault="00156FB3" w:rsidP="00156FB3">
            <w:r>
              <w:t xml:space="preserve">                } else {</w:t>
            </w:r>
          </w:p>
          <w:p w:rsidR="00156FB3" w:rsidRDefault="00156FB3" w:rsidP="00156FB3">
            <w:r>
              <w:t xml:space="preserve">                    opts.duration *= parseFloat(Velocity.mock) || 1;</w:t>
            </w:r>
          </w:p>
          <w:p w:rsidR="00156FB3" w:rsidRDefault="00156FB3" w:rsidP="00156FB3">
            <w:r>
              <w:t xml:space="preserve">                    opts.delay *= parseFloat(Velocity.mock) || 1;</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Option: Easing</w:t>
            </w:r>
          </w:p>
          <w:p w:rsidR="00156FB3" w:rsidRDefault="00156FB3" w:rsidP="00156FB3">
            <w:r>
              <w:t xml:space="preserve">            *******************/</w:t>
            </w:r>
          </w:p>
          <w:p w:rsidR="00156FB3" w:rsidRDefault="00156FB3" w:rsidP="00156FB3"/>
          <w:p w:rsidR="00156FB3" w:rsidRDefault="00156FB3" w:rsidP="00156FB3">
            <w:r>
              <w:t xml:space="preserve">            opts.easing = getEasing(opts.easing, opts.duration);</w:t>
            </w:r>
          </w:p>
          <w:p w:rsidR="00156FB3" w:rsidRDefault="00156FB3" w:rsidP="00156FB3"/>
          <w:p w:rsidR="00156FB3" w:rsidRDefault="00156FB3" w:rsidP="00156FB3">
            <w:r>
              <w:t xml:space="preserve">            /**********************</w:t>
            </w:r>
          </w:p>
          <w:p w:rsidR="00156FB3" w:rsidRDefault="00156FB3" w:rsidP="00156FB3">
            <w:r>
              <w:t xml:space="preserve">               Option: Callbacks</w:t>
            </w:r>
          </w:p>
          <w:p w:rsidR="00156FB3" w:rsidRDefault="00156FB3" w:rsidP="00156FB3">
            <w:r>
              <w:t xml:space="preserve">            **********************/</w:t>
            </w:r>
          </w:p>
          <w:p w:rsidR="00156FB3" w:rsidRDefault="00156FB3" w:rsidP="00156FB3"/>
          <w:p w:rsidR="00156FB3" w:rsidRDefault="00156FB3" w:rsidP="00156FB3">
            <w:r>
              <w:t xml:space="preserve">            /* Callbacks must functions. Otherwise, default to null. */</w:t>
            </w:r>
          </w:p>
          <w:p w:rsidR="00156FB3" w:rsidRDefault="00156FB3" w:rsidP="00156FB3">
            <w:r>
              <w:t xml:space="preserve">            if (opts.begin &amp;&amp; !Type.isFunction(opts.begin)) {</w:t>
            </w:r>
          </w:p>
          <w:p w:rsidR="00156FB3" w:rsidRDefault="00156FB3" w:rsidP="00156FB3">
            <w:r>
              <w:t xml:space="preserve">                opts.begin = null;</w:t>
            </w:r>
          </w:p>
          <w:p w:rsidR="00156FB3" w:rsidRDefault="00156FB3" w:rsidP="00156FB3">
            <w:r>
              <w:t xml:space="preserve">            }</w:t>
            </w:r>
          </w:p>
          <w:p w:rsidR="00156FB3" w:rsidRDefault="00156FB3" w:rsidP="00156FB3"/>
          <w:p w:rsidR="00156FB3" w:rsidRDefault="00156FB3" w:rsidP="00156FB3">
            <w:r>
              <w:t xml:space="preserve">            if (opts.progress &amp;&amp; !Type.isFunction(opts.progress)) {</w:t>
            </w:r>
          </w:p>
          <w:p w:rsidR="00156FB3" w:rsidRDefault="00156FB3" w:rsidP="00156FB3">
            <w:r>
              <w:t xml:space="preserve">                opts.progress = null;</w:t>
            </w:r>
          </w:p>
          <w:p w:rsidR="00156FB3" w:rsidRDefault="00156FB3" w:rsidP="00156FB3">
            <w:r>
              <w:lastRenderedPageBreak/>
              <w:t xml:space="preserve">            }</w:t>
            </w:r>
          </w:p>
          <w:p w:rsidR="00156FB3" w:rsidRDefault="00156FB3" w:rsidP="00156FB3"/>
          <w:p w:rsidR="00156FB3" w:rsidRDefault="00156FB3" w:rsidP="00156FB3">
            <w:r>
              <w:t xml:space="preserve">            if (opts.complete &amp;&amp; !Type.isFunction(opts.complete)) {</w:t>
            </w:r>
          </w:p>
          <w:p w:rsidR="00156FB3" w:rsidRDefault="00156FB3" w:rsidP="00156FB3">
            <w:r>
              <w:t xml:space="preserve">                opts.complete = null;</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Option: Display &amp; Visibility</w:t>
            </w:r>
          </w:p>
          <w:p w:rsidR="00156FB3" w:rsidRDefault="00156FB3" w:rsidP="00156FB3">
            <w:r>
              <w:t xml:space="preserve">            *********************************/</w:t>
            </w:r>
          </w:p>
          <w:p w:rsidR="00156FB3" w:rsidRDefault="00156FB3" w:rsidP="00156FB3"/>
          <w:p w:rsidR="00156FB3" w:rsidRDefault="00156FB3" w:rsidP="00156FB3">
            <w:r>
              <w:t xml:space="preserve">            /* Refer to Velocity's documentation (VelocityJS.org/#displayAndVisibility) for a description of the display and visibility options' behavior. */</w:t>
            </w:r>
          </w:p>
          <w:p w:rsidR="00156FB3" w:rsidRDefault="00156FB3" w:rsidP="00156FB3">
            <w:r>
              <w:t xml:space="preserve">            /* Note: We strictly check for undefined instead of falsiness because display accepts an empty string value. */</w:t>
            </w:r>
          </w:p>
          <w:p w:rsidR="00156FB3" w:rsidRDefault="00156FB3" w:rsidP="00156FB3">
            <w:r>
              <w:t xml:space="preserve">            if (opts.display !== undefined &amp;&amp; opts.display !== null) {</w:t>
            </w:r>
          </w:p>
          <w:p w:rsidR="00156FB3" w:rsidRDefault="00156FB3" w:rsidP="00156FB3">
            <w:r>
              <w:t xml:space="preserve">                opts.display = opts.display.toString().toLowerCase();</w:t>
            </w:r>
          </w:p>
          <w:p w:rsidR="00156FB3" w:rsidRDefault="00156FB3" w:rsidP="00156FB3"/>
          <w:p w:rsidR="00156FB3" w:rsidRDefault="00156FB3" w:rsidP="00156FB3">
            <w:r>
              <w:t xml:space="preserve">                /* Users can pass in a special "auto" value to instruct Velocity to set the element to its default display value. */</w:t>
            </w:r>
          </w:p>
          <w:p w:rsidR="00156FB3" w:rsidRDefault="00156FB3" w:rsidP="00156FB3">
            <w:r>
              <w:t xml:space="preserve">                if (opts.display === "auto") {</w:t>
            </w:r>
          </w:p>
          <w:p w:rsidR="00156FB3" w:rsidRDefault="00156FB3" w:rsidP="00156FB3">
            <w:r>
              <w:t xml:space="preserve">                    opts.display = Velocity.CSS.Values.getDisplayType(elemen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if (opts.visibility !== undefined &amp;&amp; opts.visibility !== null) {</w:t>
            </w:r>
          </w:p>
          <w:p w:rsidR="00156FB3" w:rsidRDefault="00156FB3" w:rsidP="00156FB3">
            <w:r>
              <w:t xml:space="preserve">                opts.visibility = opts.visibility.toString().toLowerCas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Option: mobileHA</w:t>
            </w:r>
          </w:p>
          <w:p w:rsidR="00156FB3" w:rsidRDefault="00156FB3" w:rsidP="00156FB3">
            <w:r>
              <w:t xml:space="preserve">            **********************/</w:t>
            </w:r>
          </w:p>
          <w:p w:rsidR="00156FB3" w:rsidRDefault="00156FB3" w:rsidP="00156FB3"/>
          <w:p w:rsidR="00156FB3" w:rsidRDefault="00156FB3" w:rsidP="00156FB3">
            <w:r>
              <w:t xml:space="preserve">            /* When set to true, and if this is a mobile device, mobileHA automatically enables hardware acceleration (via a null transform hack)</w:t>
            </w:r>
          </w:p>
          <w:p w:rsidR="00156FB3" w:rsidRDefault="00156FB3" w:rsidP="00156FB3">
            <w:r>
              <w:t xml:space="preserve">               on animating elements. HA is removed from the element at the completion of its animation. */</w:t>
            </w:r>
          </w:p>
          <w:p w:rsidR="00156FB3" w:rsidRDefault="00156FB3" w:rsidP="00156FB3">
            <w:r>
              <w:t xml:space="preserve">            /* Note: Android Gingerbread doesn't support HA. If a null transform hack (mobileHA) is in fact set, it will prevent other tranform subproperties from taking effect. */</w:t>
            </w:r>
          </w:p>
          <w:p w:rsidR="00156FB3" w:rsidRDefault="00156FB3" w:rsidP="00156FB3">
            <w:r>
              <w:t xml:space="preserve">            /* Note: You can read more about the use of mobileHA in Velocity's documentation: VelocityJS.org/#mobileHA. */</w:t>
            </w:r>
          </w:p>
          <w:p w:rsidR="00156FB3" w:rsidRDefault="00156FB3" w:rsidP="00156FB3">
            <w:r>
              <w:t xml:space="preserve">            opts.mobileHA = (opts.mobileHA &amp;&amp; Velocity.State.isMobile &amp;&amp; !Velocity.State.isGingerbread);</w:t>
            </w:r>
          </w:p>
          <w:p w:rsidR="00156FB3" w:rsidRDefault="00156FB3" w:rsidP="00156FB3"/>
          <w:p w:rsidR="00156FB3" w:rsidRDefault="00156FB3" w:rsidP="00156FB3">
            <w:r>
              <w:t xml:space="preserve">            /***********************</w:t>
            </w:r>
          </w:p>
          <w:p w:rsidR="00156FB3" w:rsidRDefault="00156FB3" w:rsidP="00156FB3">
            <w:r>
              <w:t xml:space="preserve">               Part II: Queueing</w:t>
            </w:r>
          </w:p>
          <w:p w:rsidR="00156FB3" w:rsidRDefault="00156FB3" w:rsidP="00156FB3">
            <w:r>
              <w:t xml:space="preserve">            ***********************/</w:t>
            </w:r>
          </w:p>
          <w:p w:rsidR="00156FB3" w:rsidRDefault="00156FB3" w:rsidP="00156FB3"/>
          <w:p w:rsidR="00156FB3" w:rsidRDefault="00156FB3" w:rsidP="00156FB3">
            <w:r>
              <w:t xml:space="preserve">            /* When a set of elements is targeted by a Velocity call, the set is broken up and each element has the current Velocity call individually queued onto it.</w:t>
            </w:r>
          </w:p>
          <w:p w:rsidR="00156FB3" w:rsidRDefault="00156FB3" w:rsidP="00156FB3">
            <w:r>
              <w:t xml:space="preserve">               In this way, each element's existing queue is respected; some elements may already be </w:t>
            </w:r>
            <w:r>
              <w:lastRenderedPageBreak/>
              <w:t>animating and accordingly should not have this current Velocity call triggered immediately. */</w:t>
            </w:r>
          </w:p>
          <w:p w:rsidR="00156FB3" w:rsidRDefault="00156FB3" w:rsidP="00156FB3">
            <w:r>
              <w:t xml:space="preserve">            /* In each queue, tween data is processed for each animating property then pushed onto the call-wide calls array. When the last element in the set has had its tweens processed,</w:t>
            </w:r>
          </w:p>
          <w:p w:rsidR="00156FB3" w:rsidRDefault="00156FB3" w:rsidP="00156FB3">
            <w:r>
              <w:t xml:space="preserve">               the call array is pushed to Velocity.State.calls for live processing by the requestAnimationFrame tick. */</w:t>
            </w:r>
          </w:p>
          <w:p w:rsidR="00156FB3" w:rsidRDefault="00156FB3" w:rsidP="00156FB3">
            <w:r>
              <w:t xml:space="preserve">            function buildQueue (next) {</w:t>
            </w:r>
          </w:p>
          <w:p w:rsidR="00156FB3" w:rsidRDefault="00156FB3" w:rsidP="00156FB3"/>
          <w:p w:rsidR="00156FB3" w:rsidRDefault="00156FB3" w:rsidP="00156FB3">
            <w:r>
              <w:t xml:space="preserve">                /*******************</w:t>
            </w:r>
          </w:p>
          <w:p w:rsidR="00156FB3" w:rsidRDefault="00156FB3" w:rsidP="00156FB3">
            <w:r>
              <w:t xml:space="preserve">                   Option: Begin</w:t>
            </w:r>
          </w:p>
          <w:p w:rsidR="00156FB3" w:rsidRDefault="00156FB3" w:rsidP="00156FB3">
            <w:r>
              <w:t xml:space="preserve">                *******************/</w:t>
            </w:r>
          </w:p>
          <w:p w:rsidR="00156FB3" w:rsidRDefault="00156FB3" w:rsidP="00156FB3"/>
          <w:p w:rsidR="00156FB3" w:rsidRDefault="00156FB3" w:rsidP="00156FB3">
            <w:r>
              <w:t xml:space="preserve">                /* The begin callback is fired once per call -- not once per elemenet -- and is passed the full raw DOM element set as both its context and its first argument. */</w:t>
            </w:r>
          </w:p>
          <w:p w:rsidR="00156FB3" w:rsidRDefault="00156FB3" w:rsidP="00156FB3">
            <w:r>
              <w:t xml:space="preserve">                if (opts.begin &amp;&amp; elementsIndex === 0) {</w:t>
            </w:r>
          </w:p>
          <w:p w:rsidR="00156FB3" w:rsidRDefault="00156FB3" w:rsidP="00156FB3">
            <w:r>
              <w:t xml:space="preserve">                    /* We throw callbacks in a setTimeout so that thrown errors don't halt the execution of Velocity itself. */</w:t>
            </w:r>
          </w:p>
          <w:p w:rsidR="00156FB3" w:rsidRDefault="00156FB3" w:rsidP="00156FB3">
            <w:r>
              <w:t xml:space="preserve">                    try {</w:t>
            </w:r>
          </w:p>
          <w:p w:rsidR="00156FB3" w:rsidRDefault="00156FB3" w:rsidP="00156FB3">
            <w:r>
              <w:t xml:space="preserve">                        opts.begin.call(elements, elements);</w:t>
            </w:r>
          </w:p>
          <w:p w:rsidR="00156FB3" w:rsidRDefault="00156FB3" w:rsidP="00156FB3">
            <w:r>
              <w:t xml:space="preserve">                    } catch (error) {</w:t>
            </w:r>
          </w:p>
          <w:p w:rsidR="00156FB3" w:rsidRDefault="00156FB3" w:rsidP="00156FB3">
            <w:r>
              <w:t xml:space="preserve">                        setTimeout(function() { throw error; }, 1);</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Tween Data Construction (for Scroll)</w:t>
            </w:r>
          </w:p>
          <w:p w:rsidR="00156FB3" w:rsidRDefault="00156FB3" w:rsidP="00156FB3">
            <w:r>
              <w:t xml:space="preserve">                *****************************************/</w:t>
            </w:r>
          </w:p>
          <w:p w:rsidR="00156FB3" w:rsidRDefault="00156FB3" w:rsidP="00156FB3"/>
          <w:p w:rsidR="00156FB3" w:rsidRDefault="00156FB3" w:rsidP="00156FB3">
            <w:r>
              <w:t xml:space="preserve">                /* Note: In order to be subjected to chaining and animation options, scroll's tweening is routed through Velocity as if it were a standard CSS property animation. */</w:t>
            </w:r>
          </w:p>
          <w:p w:rsidR="00156FB3" w:rsidRDefault="00156FB3" w:rsidP="00156FB3">
            <w:r>
              <w:t xml:space="preserve">                if (action === "scroll") {</w:t>
            </w:r>
          </w:p>
          <w:p w:rsidR="00156FB3" w:rsidRDefault="00156FB3" w:rsidP="00156FB3">
            <w:r>
              <w:t xml:space="preserve">                    /* The scroll action uniquely takes an optional "offset" option -- specified in pixels -- that offsets the targeted scroll position. */</w:t>
            </w:r>
          </w:p>
          <w:p w:rsidR="00156FB3" w:rsidRDefault="00156FB3" w:rsidP="00156FB3">
            <w:r>
              <w:t xml:space="preserve">                    var scrollDirection = (/^x$/i.test(opts.axis) ? "Left" : "Top"),</w:t>
            </w:r>
          </w:p>
          <w:p w:rsidR="00156FB3" w:rsidRDefault="00156FB3" w:rsidP="00156FB3">
            <w:r>
              <w:t xml:space="preserve">                        scrollOffset = parseFloat(opts.offset) || 0,</w:t>
            </w:r>
          </w:p>
          <w:p w:rsidR="00156FB3" w:rsidRDefault="00156FB3" w:rsidP="00156FB3">
            <w:r>
              <w:t xml:space="preserve">                        scrollPositionCurrent,</w:t>
            </w:r>
          </w:p>
          <w:p w:rsidR="00156FB3" w:rsidRDefault="00156FB3" w:rsidP="00156FB3">
            <w:r>
              <w:t xml:space="preserve">                        scrollPositionCurrentAlternate,</w:t>
            </w:r>
          </w:p>
          <w:p w:rsidR="00156FB3" w:rsidRDefault="00156FB3" w:rsidP="00156FB3">
            <w:r>
              <w:t xml:space="preserve">                        scrollPositionEnd;</w:t>
            </w:r>
          </w:p>
          <w:p w:rsidR="00156FB3" w:rsidRDefault="00156FB3" w:rsidP="00156FB3"/>
          <w:p w:rsidR="00156FB3" w:rsidRDefault="00156FB3" w:rsidP="00156FB3">
            <w:r>
              <w:t xml:space="preserve">                    /* Scroll also uniquely takes an optional "container" option, which indicates the parent element that should be scrolled --</w:t>
            </w:r>
          </w:p>
          <w:p w:rsidR="00156FB3" w:rsidRDefault="00156FB3" w:rsidP="00156FB3">
            <w:r>
              <w:t xml:space="preserve">                       as opposed to the browser window itself. This is useful for scrolling toward an element that's inside an overflowing parent element. */</w:t>
            </w:r>
          </w:p>
          <w:p w:rsidR="00156FB3" w:rsidRDefault="00156FB3" w:rsidP="00156FB3">
            <w:r>
              <w:t xml:space="preserve">                    if (opts.container) {</w:t>
            </w:r>
          </w:p>
          <w:p w:rsidR="00156FB3" w:rsidRDefault="00156FB3" w:rsidP="00156FB3">
            <w:r>
              <w:t xml:space="preserve">                        /* Ensure that either a jQuery object or a raw DOM element was passed in. */</w:t>
            </w:r>
          </w:p>
          <w:p w:rsidR="00156FB3" w:rsidRDefault="00156FB3" w:rsidP="00156FB3">
            <w:r>
              <w:t xml:space="preserve">                        if (Type.isWrapped(opts.container) || Type.isNode(opts.container)) {</w:t>
            </w:r>
          </w:p>
          <w:p w:rsidR="00156FB3" w:rsidRDefault="00156FB3" w:rsidP="00156FB3">
            <w:r>
              <w:t xml:space="preserve">                            /* Extract the raw DOM element from the jQuery wrapper. */</w:t>
            </w:r>
          </w:p>
          <w:p w:rsidR="00156FB3" w:rsidRDefault="00156FB3" w:rsidP="00156FB3">
            <w:r>
              <w:t xml:space="preserve">                            opts.container = opts.container[0] || opts.container;</w:t>
            </w:r>
          </w:p>
          <w:p w:rsidR="00156FB3" w:rsidRDefault="00156FB3" w:rsidP="00156FB3">
            <w:r>
              <w:t xml:space="preserve">                            /* Note: Unlike other properties in Velocity, the browser's scroll position is never cached </w:t>
            </w:r>
            <w:r>
              <w:lastRenderedPageBreak/>
              <w:t>since it so frequently changes</w:t>
            </w:r>
          </w:p>
          <w:p w:rsidR="00156FB3" w:rsidRDefault="00156FB3" w:rsidP="00156FB3">
            <w:r>
              <w:t xml:space="preserve">                               (due to the user's natural interaction with the page). */</w:t>
            </w:r>
          </w:p>
          <w:p w:rsidR="00156FB3" w:rsidRDefault="00156FB3" w:rsidP="00156FB3">
            <w:r>
              <w:t xml:space="preserve">                            scrollPositionCurrent = opts.container["scroll" + scrollDirection]; /* GET */</w:t>
            </w:r>
          </w:p>
          <w:p w:rsidR="00156FB3" w:rsidRDefault="00156FB3" w:rsidP="00156FB3"/>
          <w:p w:rsidR="00156FB3" w:rsidRDefault="00156FB3" w:rsidP="00156FB3">
            <w:r>
              <w:t xml:space="preserve">                            /* $.position() values are relative to the container's currently viewable area (without taking into account the container's true dimensions</w:t>
            </w:r>
          </w:p>
          <w:p w:rsidR="00156FB3" w:rsidRDefault="00156FB3" w:rsidP="00156FB3">
            <w:r>
              <w:t xml:space="preserve">                               -- say, for example, if the container was not overflowing). Thus, the scroll end value is the sum of the child element's position *and*</w:t>
            </w:r>
          </w:p>
          <w:p w:rsidR="00156FB3" w:rsidRDefault="00156FB3" w:rsidP="00156FB3">
            <w:r>
              <w:t xml:space="preserve">                               the scroll container's current scroll position. */</w:t>
            </w:r>
          </w:p>
          <w:p w:rsidR="00156FB3" w:rsidRDefault="00156FB3" w:rsidP="00156FB3">
            <w:r>
              <w:t xml:space="preserve">                            scrollPositionEnd = (scrollPositionCurrent + $(element).position()[scrollDirection.toLowerCase()]) + scrollOffset; /* GET */</w:t>
            </w:r>
          </w:p>
          <w:p w:rsidR="00156FB3" w:rsidRDefault="00156FB3" w:rsidP="00156FB3">
            <w:r>
              <w:t xml:space="preserve">                        /* If a value other than a jQuery object or a raw DOM element was passed in, default to null so that this option is ignored. */</w:t>
            </w:r>
          </w:p>
          <w:p w:rsidR="00156FB3" w:rsidRDefault="00156FB3" w:rsidP="00156FB3">
            <w:r>
              <w:t xml:space="preserve">                        } else {</w:t>
            </w:r>
          </w:p>
          <w:p w:rsidR="00156FB3" w:rsidRDefault="00156FB3" w:rsidP="00156FB3">
            <w:r>
              <w:t xml:space="preserve">                            opts.container = null;</w:t>
            </w:r>
          </w:p>
          <w:p w:rsidR="00156FB3" w:rsidRDefault="00156FB3" w:rsidP="00156FB3">
            <w:r>
              <w:t xml:space="preserve">                        }</w:t>
            </w:r>
          </w:p>
          <w:p w:rsidR="00156FB3" w:rsidRDefault="00156FB3" w:rsidP="00156FB3">
            <w:r>
              <w:t xml:space="preserve">                    } else {</w:t>
            </w:r>
          </w:p>
          <w:p w:rsidR="00156FB3" w:rsidRDefault="00156FB3" w:rsidP="00156FB3">
            <w:r>
              <w:t xml:space="preserve">                        /* If the window itself is being scrolled -- not a containing element -- perform a live scroll position lookup using</w:t>
            </w:r>
          </w:p>
          <w:p w:rsidR="00156FB3" w:rsidRDefault="00156FB3" w:rsidP="00156FB3">
            <w:r>
              <w:t xml:space="preserve">                           the appropriate cached property names (which differ based on browser type). */</w:t>
            </w:r>
          </w:p>
          <w:p w:rsidR="00156FB3" w:rsidRDefault="00156FB3" w:rsidP="00156FB3">
            <w:r>
              <w:t xml:space="preserve">                        scrollPositionCurrent = Velocity.State.scrollAnchor[Velocity.State["scrollProperty" + scrollDirection]]; /* GET */</w:t>
            </w:r>
          </w:p>
          <w:p w:rsidR="00156FB3" w:rsidRDefault="00156FB3" w:rsidP="00156FB3">
            <w:r>
              <w:t xml:space="preserve">                        /* When scrolling the browser window, cache the alternate axis's current value since window.scrollTo() doesn't let us change only one value at a time. */</w:t>
            </w:r>
          </w:p>
          <w:p w:rsidR="00156FB3" w:rsidRDefault="00156FB3" w:rsidP="00156FB3">
            <w:r>
              <w:t xml:space="preserve">                        scrollPositionCurrentAlternate = Velocity.State.scrollAnchor[Velocity.State["scrollProperty" + (scrollDirection === "Left" ? "Top" : "Left")]]; /* GET */</w:t>
            </w:r>
          </w:p>
          <w:p w:rsidR="00156FB3" w:rsidRDefault="00156FB3" w:rsidP="00156FB3"/>
          <w:p w:rsidR="00156FB3" w:rsidRDefault="00156FB3" w:rsidP="00156FB3">
            <w:r>
              <w:t xml:space="preserve">                        /* Unlike $.position(), $.offset() values are relative to the browser window's true dimensions -- not merely its currently viewable area --</w:t>
            </w:r>
          </w:p>
          <w:p w:rsidR="00156FB3" w:rsidRDefault="00156FB3" w:rsidP="00156FB3">
            <w:r>
              <w:t xml:space="preserve">                           and therefore end values do not need to be compounded onto current values. */</w:t>
            </w:r>
          </w:p>
          <w:p w:rsidR="00156FB3" w:rsidRDefault="00156FB3" w:rsidP="00156FB3">
            <w:r>
              <w:t xml:space="preserve">                        scrollPositionEnd = $(element).offset()[scrollDirection.toLowerCase()] + scrollOffset; /* GET */</w:t>
            </w:r>
          </w:p>
          <w:p w:rsidR="00156FB3" w:rsidRDefault="00156FB3" w:rsidP="00156FB3">
            <w:r>
              <w:t xml:space="preserve">                    }</w:t>
            </w:r>
          </w:p>
          <w:p w:rsidR="00156FB3" w:rsidRDefault="00156FB3" w:rsidP="00156FB3"/>
          <w:p w:rsidR="00156FB3" w:rsidRDefault="00156FB3" w:rsidP="00156FB3">
            <w:r>
              <w:t xml:space="preserve">                    /* Since there's only one format that scroll's associated tweensContainer can take, we create it manually. */</w:t>
            </w:r>
          </w:p>
          <w:p w:rsidR="00156FB3" w:rsidRDefault="00156FB3" w:rsidP="00156FB3">
            <w:r>
              <w:t xml:space="preserve">                    tweensContainer = {</w:t>
            </w:r>
          </w:p>
          <w:p w:rsidR="00156FB3" w:rsidRDefault="00156FB3" w:rsidP="00156FB3">
            <w:r>
              <w:t xml:space="preserve">                        scroll: {</w:t>
            </w:r>
          </w:p>
          <w:p w:rsidR="00156FB3" w:rsidRDefault="00156FB3" w:rsidP="00156FB3">
            <w:r>
              <w:t xml:space="preserve">                            rootPropertyValue: false,</w:t>
            </w:r>
          </w:p>
          <w:p w:rsidR="00156FB3" w:rsidRDefault="00156FB3" w:rsidP="00156FB3">
            <w:r>
              <w:t xml:space="preserve">                            startValue: scrollPositionCurrent,</w:t>
            </w:r>
          </w:p>
          <w:p w:rsidR="00156FB3" w:rsidRDefault="00156FB3" w:rsidP="00156FB3">
            <w:r>
              <w:t xml:space="preserve">                            currentValue: scrollPositionCurrent,</w:t>
            </w:r>
          </w:p>
          <w:p w:rsidR="00156FB3" w:rsidRDefault="00156FB3" w:rsidP="00156FB3">
            <w:r>
              <w:t xml:space="preserve">                            endValue: scrollPositionEnd,</w:t>
            </w:r>
          </w:p>
          <w:p w:rsidR="00156FB3" w:rsidRDefault="00156FB3" w:rsidP="00156FB3">
            <w:r>
              <w:t xml:space="preserve">                            unitType: "",</w:t>
            </w:r>
          </w:p>
          <w:p w:rsidR="00156FB3" w:rsidRDefault="00156FB3" w:rsidP="00156FB3">
            <w:r>
              <w:t xml:space="preserve">                            easing: opts.easing,</w:t>
            </w:r>
          </w:p>
          <w:p w:rsidR="00156FB3" w:rsidRDefault="00156FB3" w:rsidP="00156FB3">
            <w:r>
              <w:t xml:space="preserve">                            scrollData: {</w:t>
            </w:r>
          </w:p>
          <w:p w:rsidR="00156FB3" w:rsidRDefault="00156FB3" w:rsidP="00156FB3">
            <w:r>
              <w:t xml:space="preserve">                                container: opts.container,</w:t>
            </w:r>
          </w:p>
          <w:p w:rsidR="00156FB3" w:rsidRDefault="00156FB3" w:rsidP="00156FB3">
            <w:r>
              <w:t xml:space="preserve">                                direction: scrollDirection,</w:t>
            </w:r>
          </w:p>
          <w:p w:rsidR="00156FB3" w:rsidRDefault="00156FB3" w:rsidP="00156FB3">
            <w:r>
              <w:t xml:space="preserve">                                alternateValue: scrollPositionCurrentAlternate</w:t>
            </w:r>
          </w:p>
          <w:p w:rsidR="00156FB3" w:rsidRDefault="00156FB3" w:rsidP="00156FB3">
            <w:r>
              <w:lastRenderedPageBreak/>
              <w:t xml:space="preserve">                            }</w:t>
            </w:r>
          </w:p>
          <w:p w:rsidR="00156FB3" w:rsidRDefault="00156FB3" w:rsidP="00156FB3">
            <w:r>
              <w:t xml:space="preserve">                        },</w:t>
            </w:r>
          </w:p>
          <w:p w:rsidR="00156FB3" w:rsidRDefault="00156FB3" w:rsidP="00156FB3">
            <w:r>
              <w:t xml:space="preserve">                        element: element</w:t>
            </w:r>
          </w:p>
          <w:p w:rsidR="00156FB3" w:rsidRDefault="00156FB3" w:rsidP="00156FB3">
            <w:r>
              <w:t xml:space="preserve">                    };</w:t>
            </w:r>
          </w:p>
          <w:p w:rsidR="00156FB3" w:rsidRDefault="00156FB3" w:rsidP="00156FB3"/>
          <w:p w:rsidR="00156FB3" w:rsidRDefault="00156FB3" w:rsidP="00156FB3">
            <w:r>
              <w:t xml:space="preserve">                    if (Velocity.debug) console.log("tweensContainer (scroll): ", tweensContainer.scroll, element);</w:t>
            </w:r>
          </w:p>
          <w:p w:rsidR="00156FB3" w:rsidRDefault="00156FB3" w:rsidP="00156FB3"/>
          <w:p w:rsidR="00156FB3" w:rsidRDefault="00156FB3" w:rsidP="00156FB3">
            <w:r>
              <w:t xml:space="preserve">                /******************************************</w:t>
            </w:r>
          </w:p>
          <w:p w:rsidR="00156FB3" w:rsidRDefault="00156FB3" w:rsidP="00156FB3">
            <w:r>
              <w:t xml:space="preserve">                   Tween Data Construction (for Reverse)</w:t>
            </w:r>
          </w:p>
          <w:p w:rsidR="00156FB3" w:rsidRDefault="00156FB3" w:rsidP="00156FB3">
            <w:r>
              <w:t xml:space="preserve">                ******************************************/</w:t>
            </w:r>
          </w:p>
          <w:p w:rsidR="00156FB3" w:rsidRDefault="00156FB3" w:rsidP="00156FB3"/>
          <w:p w:rsidR="00156FB3" w:rsidRDefault="00156FB3" w:rsidP="00156FB3">
            <w:r>
              <w:t xml:space="preserve">                /* Reverse acts like a "start" action in that a property map is animated toward. The only difference is</w:t>
            </w:r>
          </w:p>
          <w:p w:rsidR="00156FB3" w:rsidRDefault="00156FB3" w:rsidP="00156FB3">
            <w:r>
              <w:t xml:space="preserve">                   that the property map used for reverse is the inverse of the map used in the previous call. Thus, we manipulate</w:t>
            </w:r>
          </w:p>
          <w:p w:rsidR="00156FB3" w:rsidRDefault="00156FB3" w:rsidP="00156FB3">
            <w:r>
              <w:t xml:space="preserve">                   the previous call to construct our new map: use the previous map's end values as our new map's start values. Copy over all other data. */</w:t>
            </w:r>
          </w:p>
          <w:p w:rsidR="00156FB3" w:rsidRDefault="00156FB3" w:rsidP="00156FB3">
            <w:r>
              <w:t xml:space="preserve">                /* Note: Reverse can be directly called via the "reverse" parameter, or it can be indirectly triggered via the loop option. (Loops are composed of multiple reverses.) */</w:t>
            </w:r>
          </w:p>
          <w:p w:rsidR="00156FB3" w:rsidRDefault="00156FB3" w:rsidP="00156FB3">
            <w:r>
              <w:t xml:space="preserve">                /* Note: Reverse calls do not need to be consecutively chained onto a currently-animating element in order to operate on cached values;</w:t>
            </w:r>
          </w:p>
          <w:p w:rsidR="00156FB3" w:rsidRDefault="00156FB3" w:rsidP="00156FB3">
            <w:r>
              <w:t xml:space="preserve">                   there is no harm to reverse being called on a potentially stale data cache since reverse's behavior is simply defined</w:t>
            </w:r>
          </w:p>
          <w:p w:rsidR="00156FB3" w:rsidRDefault="00156FB3" w:rsidP="00156FB3">
            <w:r>
              <w:t xml:space="preserve">                   as reverting to the element's values as they were prior to the previous *Velocity* call. */</w:t>
            </w:r>
          </w:p>
          <w:p w:rsidR="00156FB3" w:rsidRDefault="00156FB3" w:rsidP="00156FB3">
            <w:r>
              <w:t xml:space="preserve">                } else if (action === "reverse") {</w:t>
            </w:r>
          </w:p>
          <w:p w:rsidR="00156FB3" w:rsidRDefault="00156FB3" w:rsidP="00156FB3">
            <w:r>
              <w:t xml:space="preserve">                    /* Abort if there is no prior animation data to reverse to. */</w:t>
            </w:r>
          </w:p>
          <w:p w:rsidR="00156FB3" w:rsidRDefault="00156FB3" w:rsidP="00156FB3">
            <w:r>
              <w:t xml:space="preserve">                    if (!Data(element).tweensContainer) {</w:t>
            </w:r>
          </w:p>
          <w:p w:rsidR="00156FB3" w:rsidRDefault="00156FB3" w:rsidP="00156FB3">
            <w:r>
              <w:t xml:space="preserve">                        /* Dequeue the element so that this queue entry releases itself immediately, allowing subsequent queue entries to run. */</w:t>
            </w:r>
          </w:p>
          <w:p w:rsidR="00156FB3" w:rsidRDefault="00156FB3" w:rsidP="00156FB3">
            <w:r>
              <w:t xml:space="preserve">                        $.dequeue(element, opts.queue);</w:t>
            </w:r>
          </w:p>
          <w:p w:rsidR="00156FB3" w:rsidRDefault="00156FB3" w:rsidP="00156FB3"/>
          <w:p w:rsidR="00156FB3" w:rsidRDefault="00156FB3" w:rsidP="00156FB3">
            <w:r>
              <w:t xml:space="preserve">                        return;</w:t>
            </w:r>
          </w:p>
          <w:p w:rsidR="00156FB3" w:rsidRDefault="00156FB3" w:rsidP="00156FB3">
            <w:r>
              <w:t xml:space="preserve">                    } else {</w:t>
            </w:r>
          </w:p>
          <w:p w:rsidR="00156FB3" w:rsidRDefault="00156FB3" w:rsidP="00156FB3">
            <w:r>
              <w:t xml:space="preserve">                        /*********************</w:t>
            </w:r>
          </w:p>
          <w:p w:rsidR="00156FB3" w:rsidRDefault="00156FB3" w:rsidP="00156FB3">
            <w:r>
              <w:t xml:space="preserve">                           Options Parsing</w:t>
            </w:r>
          </w:p>
          <w:p w:rsidR="00156FB3" w:rsidRDefault="00156FB3" w:rsidP="00156FB3">
            <w:r>
              <w:t xml:space="preserve">                        *********************/</w:t>
            </w:r>
          </w:p>
          <w:p w:rsidR="00156FB3" w:rsidRDefault="00156FB3" w:rsidP="00156FB3"/>
          <w:p w:rsidR="00156FB3" w:rsidRDefault="00156FB3" w:rsidP="00156FB3">
            <w:r>
              <w:t xml:space="preserve">                        /* If the element was hidden via the display option in the previous call,</w:t>
            </w:r>
          </w:p>
          <w:p w:rsidR="00156FB3" w:rsidRDefault="00156FB3" w:rsidP="00156FB3">
            <w:r>
              <w:t xml:space="preserve">                           revert display to "auto" prior to reversal so that the element is visible again. */</w:t>
            </w:r>
          </w:p>
          <w:p w:rsidR="00156FB3" w:rsidRDefault="00156FB3" w:rsidP="00156FB3">
            <w:r>
              <w:t xml:space="preserve">                        if (Data(element).opts.display === "none") {</w:t>
            </w:r>
          </w:p>
          <w:p w:rsidR="00156FB3" w:rsidRDefault="00156FB3" w:rsidP="00156FB3">
            <w:r>
              <w:t xml:space="preserve">                            Data(element).opts.display = "auto";</w:t>
            </w:r>
          </w:p>
          <w:p w:rsidR="00156FB3" w:rsidRDefault="00156FB3" w:rsidP="00156FB3">
            <w:r>
              <w:t xml:space="preserve">                        }</w:t>
            </w:r>
          </w:p>
          <w:p w:rsidR="00156FB3" w:rsidRDefault="00156FB3" w:rsidP="00156FB3"/>
          <w:p w:rsidR="00156FB3" w:rsidRDefault="00156FB3" w:rsidP="00156FB3">
            <w:r>
              <w:t xml:space="preserve">                        if (Data(element).opts.visibility === "hidden") {</w:t>
            </w:r>
          </w:p>
          <w:p w:rsidR="00156FB3" w:rsidRDefault="00156FB3" w:rsidP="00156FB3">
            <w:r>
              <w:t xml:space="preserve">                            Data(element).opts.visibility = "visible";</w:t>
            </w:r>
          </w:p>
          <w:p w:rsidR="00156FB3" w:rsidRDefault="00156FB3" w:rsidP="00156FB3">
            <w:r>
              <w:t xml:space="preserve">                        }</w:t>
            </w:r>
          </w:p>
          <w:p w:rsidR="00156FB3" w:rsidRDefault="00156FB3" w:rsidP="00156FB3"/>
          <w:p w:rsidR="00156FB3" w:rsidRDefault="00156FB3" w:rsidP="00156FB3">
            <w:r>
              <w:lastRenderedPageBreak/>
              <w:t xml:space="preserve">                        /* If the loop option was set in the previous call, disable it so that "reverse" calls aren't recursively generated.</w:t>
            </w:r>
          </w:p>
          <w:p w:rsidR="00156FB3" w:rsidRDefault="00156FB3" w:rsidP="00156FB3">
            <w:r>
              <w:t xml:space="preserve">                           Further, remove the previous call's callback options; typically, users do not want these to be refired. */</w:t>
            </w:r>
          </w:p>
          <w:p w:rsidR="00156FB3" w:rsidRDefault="00156FB3" w:rsidP="00156FB3">
            <w:r>
              <w:t xml:space="preserve">                        Data(element).opts.loop = false;</w:t>
            </w:r>
          </w:p>
          <w:p w:rsidR="00156FB3" w:rsidRDefault="00156FB3" w:rsidP="00156FB3">
            <w:r>
              <w:t xml:space="preserve">                        Data(element).opts.begin = null;</w:t>
            </w:r>
          </w:p>
          <w:p w:rsidR="00156FB3" w:rsidRDefault="00156FB3" w:rsidP="00156FB3">
            <w:r>
              <w:t xml:space="preserve">                        Data(element).opts.complete = null;</w:t>
            </w:r>
          </w:p>
          <w:p w:rsidR="00156FB3" w:rsidRDefault="00156FB3" w:rsidP="00156FB3"/>
          <w:p w:rsidR="00156FB3" w:rsidRDefault="00156FB3" w:rsidP="00156FB3">
            <w:r>
              <w:t xml:space="preserve">                        /* Since we're extending an opts object that has already been extended with the defaults options object,</w:t>
            </w:r>
          </w:p>
          <w:p w:rsidR="00156FB3" w:rsidRDefault="00156FB3" w:rsidP="00156FB3">
            <w:r>
              <w:t xml:space="preserve">                           we remove non-explicitly-defined properties that are auto-assigned values. */</w:t>
            </w:r>
          </w:p>
          <w:p w:rsidR="00156FB3" w:rsidRDefault="00156FB3" w:rsidP="00156FB3">
            <w:r>
              <w:t xml:space="preserve">                        if (!options.easing) {</w:t>
            </w:r>
          </w:p>
          <w:p w:rsidR="00156FB3" w:rsidRDefault="00156FB3" w:rsidP="00156FB3">
            <w:r>
              <w:t xml:space="preserve">                            delete opts.easing;</w:t>
            </w:r>
          </w:p>
          <w:p w:rsidR="00156FB3" w:rsidRDefault="00156FB3" w:rsidP="00156FB3">
            <w:r>
              <w:t xml:space="preserve">                        }</w:t>
            </w:r>
          </w:p>
          <w:p w:rsidR="00156FB3" w:rsidRDefault="00156FB3" w:rsidP="00156FB3"/>
          <w:p w:rsidR="00156FB3" w:rsidRDefault="00156FB3" w:rsidP="00156FB3">
            <w:r>
              <w:t xml:space="preserve">                        if (!options.duration) {</w:t>
            </w:r>
          </w:p>
          <w:p w:rsidR="00156FB3" w:rsidRDefault="00156FB3" w:rsidP="00156FB3">
            <w:r>
              <w:t xml:space="preserve">                            delete opts.duration;</w:t>
            </w:r>
          </w:p>
          <w:p w:rsidR="00156FB3" w:rsidRDefault="00156FB3" w:rsidP="00156FB3">
            <w:r>
              <w:t xml:space="preserve">                        }</w:t>
            </w:r>
          </w:p>
          <w:p w:rsidR="00156FB3" w:rsidRDefault="00156FB3" w:rsidP="00156FB3"/>
          <w:p w:rsidR="00156FB3" w:rsidRDefault="00156FB3" w:rsidP="00156FB3">
            <w:r>
              <w:t xml:space="preserve">                        /* The opts object used for reversal is an extension of the options object optionally passed into this</w:t>
            </w:r>
          </w:p>
          <w:p w:rsidR="00156FB3" w:rsidRDefault="00156FB3" w:rsidP="00156FB3">
            <w:r>
              <w:t xml:space="preserve">                           reverse call plus the options used in the previous Velocity call. */</w:t>
            </w:r>
          </w:p>
          <w:p w:rsidR="00156FB3" w:rsidRDefault="00156FB3" w:rsidP="00156FB3">
            <w:r>
              <w:t xml:space="preserve">                        opts = $.extend({}, Data(element).opts, opts);</w:t>
            </w:r>
          </w:p>
          <w:p w:rsidR="00156FB3" w:rsidRDefault="00156FB3" w:rsidP="00156FB3"/>
          <w:p w:rsidR="00156FB3" w:rsidRDefault="00156FB3" w:rsidP="00156FB3">
            <w:r>
              <w:t xml:space="preserve">                        /*************************************</w:t>
            </w:r>
          </w:p>
          <w:p w:rsidR="00156FB3" w:rsidRDefault="00156FB3" w:rsidP="00156FB3">
            <w:r>
              <w:t xml:space="preserve">                           Tweens Container Reconstruction</w:t>
            </w:r>
          </w:p>
          <w:p w:rsidR="00156FB3" w:rsidRDefault="00156FB3" w:rsidP="00156FB3">
            <w:r>
              <w:t xml:space="preserve">                        *************************************/</w:t>
            </w:r>
          </w:p>
          <w:p w:rsidR="00156FB3" w:rsidRDefault="00156FB3" w:rsidP="00156FB3"/>
          <w:p w:rsidR="00156FB3" w:rsidRDefault="00156FB3" w:rsidP="00156FB3">
            <w:r>
              <w:t xml:space="preserve">                        /* Create a deepy copy (indicated via the true flag) of the previous call's tweensContainer. */</w:t>
            </w:r>
          </w:p>
          <w:p w:rsidR="00156FB3" w:rsidRDefault="00156FB3" w:rsidP="00156FB3">
            <w:r>
              <w:t xml:space="preserve">                        var lastTweensContainer = $.extend(true, {}, Data(element).tweensContainer);</w:t>
            </w:r>
          </w:p>
          <w:p w:rsidR="00156FB3" w:rsidRDefault="00156FB3" w:rsidP="00156FB3"/>
          <w:p w:rsidR="00156FB3" w:rsidRDefault="00156FB3" w:rsidP="00156FB3">
            <w:r>
              <w:t xml:space="preserve">                        /* Manipulate the previous tweensContainer by replacing its end values and currentValues with its start values. */</w:t>
            </w:r>
          </w:p>
          <w:p w:rsidR="00156FB3" w:rsidRDefault="00156FB3" w:rsidP="00156FB3">
            <w:r>
              <w:t xml:space="preserve">                        for (var lastTween in lastTweensContainer) {</w:t>
            </w:r>
          </w:p>
          <w:p w:rsidR="00156FB3" w:rsidRDefault="00156FB3" w:rsidP="00156FB3">
            <w:r>
              <w:t xml:space="preserve">                            /* In addition to tween data, tweensContainers contain an element property that we ignore here. */</w:t>
            </w:r>
          </w:p>
          <w:p w:rsidR="00156FB3" w:rsidRDefault="00156FB3" w:rsidP="00156FB3">
            <w:r>
              <w:t xml:space="preserve">                            if (lastTween !== "element") {</w:t>
            </w:r>
          </w:p>
          <w:p w:rsidR="00156FB3" w:rsidRDefault="00156FB3" w:rsidP="00156FB3">
            <w:r>
              <w:t xml:space="preserve">                                var lastStartValue = lastTweensContainer[lastTween].startValue;</w:t>
            </w:r>
          </w:p>
          <w:p w:rsidR="00156FB3" w:rsidRDefault="00156FB3" w:rsidP="00156FB3"/>
          <w:p w:rsidR="00156FB3" w:rsidRDefault="00156FB3" w:rsidP="00156FB3">
            <w:r>
              <w:t xml:space="preserve">                                lastTweensContainer[lastTween].startValue = lastTweensContainer[lastTween].currentValue = lastTweensContainer[lastTween].endValue;</w:t>
            </w:r>
          </w:p>
          <w:p w:rsidR="00156FB3" w:rsidRDefault="00156FB3" w:rsidP="00156FB3">
            <w:r>
              <w:t xml:space="preserve">                                lastTweensContainer[lastTween].endValue = lastStartValue;</w:t>
            </w:r>
          </w:p>
          <w:p w:rsidR="00156FB3" w:rsidRDefault="00156FB3" w:rsidP="00156FB3"/>
          <w:p w:rsidR="00156FB3" w:rsidRDefault="00156FB3" w:rsidP="00156FB3">
            <w:r>
              <w:t xml:space="preserve">                                /* Easing is the only option that embeds into the individual tween data (since it can be defined on a per-property basis).</w:t>
            </w:r>
          </w:p>
          <w:p w:rsidR="00156FB3" w:rsidRDefault="00156FB3" w:rsidP="00156FB3">
            <w:r>
              <w:t xml:space="preserve">                                   Accordingly, every property's easing value must be updated when an options object is passed in with a reverse call.</w:t>
            </w:r>
          </w:p>
          <w:p w:rsidR="00156FB3" w:rsidRDefault="00156FB3" w:rsidP="00156FB3">
            <w:r>
              <w:lastRenderedPageBreak/>
              <w:t xml:space="preserve">                                   The side effect of this extensibility is that all per-property easing values are forcefully reset to the new value. */</w:t>
            </w:r>
          </w:p>
          <w:p w:rsidR="00156FB3" w:rsidRDefault="00156FB3" w:rsidP="00156FB3">
            <w:r>
              <w:t xml:space="preserve">                                if (!Type.isEmptyObject(options)) {</w:t>
            </w:r>
          </w:p>
          <w:p w:rsidR="00156FB3" w:rsidRDefault="00156FB3" w:rsidP="00156FB3">
            <w:r>
              <w:t xml:space="preserve">                                    lastTweensContainer[lastTween].easing = opts.easing;</w:t>
            </w:r>
          </w:p>
          <w:p w:rsidR="00156FB3" w:rsidRDefault="00156FB3" w:rsidP="00156FB3">
            <w:r>
              <w:t xml:space="preserve">                                }</w:t>
            </w:r>
          </w:p>
          <w:p w:rsidR="00156FB3" w:rsidRDefault="00156FB3" w:rsidP="00156FB3"/>
          <w:p w:rsidR="00156FB3" w:rsidRDefault="00156FB3" w:rsidP="00156FB3">
            <w:r>
              <w:t xml:space="preserve">                                if (Velocity.debug) console.log("reverse tweensContainer (" + lastTween + "): " + JSON.stringify(lastTweensContainer[lastTween]), elemen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tweensContainer = lastTweensContain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Tween Data Construction (for Start)</w:t>
            </w:r>
          </w:p>
          <w:p w:rsidR="00156FB3" w:rsidRDefault="00156FB3" w:rsidP="00156FB3">
            <w:r>
              <w:t xml:space="preserve">                *****************************************/</w:t>
            </w:r>
          </w:p>
          <w:p w:rsidR="00156FB3" w:rsidRDefault="00156FB3" w:rsidP="00156FB3"/>
          <w:p w:rsidR="00156FB3" w:rsidRDefault="00156FB3" w:rsidP="00156FB3">
            <w:r>
              <w:t xml:space="preserve">                } else if (action === "start") {</w:t>
            </w:r>
          </w:p>
          <w:p w:rsidR="00156FB3" w:rsidRDefault="00156FB3" w:rsidP="00156FB3"/>
          <w:p w:rsidR="00156FB3" w:rsidRDefault="00156FB3" w:rsidP="00156FB3">
            <w:r>
              <w:t xml:space="preserve">                    /*************************</w:t>
            </w:r>
          </w:p>
          <w:p w:rsidR="00156FB3" w:rsidRDefault="00156FB3" w:rsidP="00156FB3">
            <w:r>
              <w:t xml:space="preserve">                        Value Transferring</w:t>
            </w:r>
          </w:p>
          <w:p w:rsidR="00156FB3" w:rsidRDefault="00156FB3" w:rsidP="00156FB3">
            <w:r>
              <w:t xml:space="preserve">                    *************************/</w:t>
            </w:r>
          </w:p>
          <w:p w:rsidR="00156FB3" w:rsidRDefault="00156FB3" w:rsidP="00156FB3"/>
          <w:p w:rsidR="00156FB3" w:rsidRDefault="00156FB3" w:rsidP="00156FB3">
            <w:r>
              <w:t xml:space="preserve">                    /* If this queue entry follows a previous Velocity-initiated queue entry *and* if this entry was created</w:t>
            </w:r>
          </w:p>
          <w:p w:rsidR="00156FB3" w:rsidRDefault="00156FB3" w:rsidP="00156FB3">
            <w:r>
              <w:t xml:space="preserve">                       while the element was in the process of being animated by Velocity, then this current call is safe to use</w:t>
            </w:r>
          </w:p>
          <w:p w:rsidR="00156FB3" w:rsidRDefault="00156FB3" w:rsidP="00156FB3">
            <w:r>
              <w:t xml:space="preserve">                       the end values from the prior call as its start values. Velocity attempts to perform this value transfer</w:t>
            </w:r>
          </w:p>
          <w:p w:rsidR="00156FB3" w:rsidRDefault="00156FB3" w:rsidP="00156FB3">
            <w:r>
              <w:t xml:space="preserve">                       process whenever possible in order to avoid requerying the DOM. */</w:t>
            </w:r>
          </w:p>
          <w:p w:rsidR="00156FB3" w:rsidRDefault="00156FB3" w:rsidP="00156FB3">
            <w:r>
              <w:t xml:space="preserve">                    /* If values aren't transferred from a prior call and start values were not forcefed by the user (more on this below),</w:t>
            </w:r>
          </w:p>
          <w:p w:rsidR="00156FB3" w:rsidRDefault="00156FB3" w:rsidP="00156FB3">
            <w:r>
              <w:t xml:space="preserve">                       then the DOM is queried for the element's current values as a last resort. */</w:t>
            </w:r>
          </w:p>
          <w:p w:rsidR="00156FB3" w:rsidRDefault="00156FB3" w:rsidP="00156FB3">
            <w:r>
              <w:t xml:space="preserve">                    /* Note: Conversely, animation reversal (and looping) *always* perform inter-call value transfers; they never requery the DOM. */</w:t>
            </w:r>
          </w:p>
          <w:p w:rsidR="00156FB3" w:rsidRDefault="00156FB3" w:rsidP="00156FB3">
            <w:r>
              <w:t xml:space="preserve">                    var lastTweensContainer;</w:t>
            </w:r>
          </w:p>
          <w:p w:rsidR="00156FB3" w:rsidRDefault="00156FB3" w:rsidP="00156FB3"/>
          <w:p w:rsidR="00156FB3" w:rsidRDefault="00156FB3" w:rsidP="00156FB3">
            <w:r>
              <w:t xml:space="preserve">                    /* The per-element isAnimating flag is used to indicate whether it's safe (i.e. the data isn't stale)</w:t>
            </w:r>
          </w:p>
          <w:p w:rsidR="00156FB3" w:rsidRDefault="00156FB3" w:rsidP="00156FB3">
            <w:r>
              <w:t xml:space="preserve">                       to transfer over end values to use as start values. If it's set to true and there is a previous</w:t>
            </w:r>
          </w:p>
          <w:p w:rsidR="00156FB3" w:rsidRDefault="00156FB3" w:rsidP="00156FB3">
            <w:r>
              <w:t xml:space="preserve">                       Velocity call to pull values from, do so. */</w:t>
            </w:r>
          </w:p>
          <w:p w:rsidR="00156FB3" w:rsidRDefault="00156FB3" w:rsidP="00156FB3">
            <w:r>
              <w:t xml:space="preserve">                    if (Data(element).tweensContainer &amp;&amp; Data(element).isAnimating === true) {</w:t>
            </w:r>
          </w:p>
          <w:p w:rsidR="00156FB3" w:rsidRDefault="00156FB3" w:rsidP="00156FB3">
            <w:r>
              <w:t xml:space="preserve">                        lastTweensContainer = Data(element).tweensContainer;</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Tween Data Calculation</w:t>
            </w:r>
          </w:p>
          <w:p w:rsidR="00156FB3" w:rsidRDefault="00156FB3" w:rsidP="00156FB3">
            <w:r>
              <w:lastRenderedPageBreak/>
              <w:t xml:space="preserve">                    ***************************/</w:t>
            </w:r>
          </w:p>
          <w:p w:rsidR="00156FB3" w:rsidRDefault="00156FB3" w:rsidP="00156FB3"/>
          <w:p w:rsidR="00156FB3" w:rsidRDefault="00156FB3" w:rsidP="00156FB3">
            <w:r>
              <w:t xml:space="preserve">                    /* This function parses property data and defaults endValue, easing, and startValue as appropriate. */</w:t>
            </w:r>
          </w:p>
          <w:p w:rsidR="00156FB3" w:rsidRDefault="00156FB3" w:rsidP="00156FB3">
            <w:r>
              <w:t xml:space="preserve">                    /* Property map values can either take the form of 1) a single value representing the end value,</w:t>
            </w:r>
          </w:p>
          <w:p w:rsidR="00156FB3" w:rsidRDefault="00156FB3" w:rsidP="00156FB3">
            <w:r>
              <w:t xml:space="preserve">                       or 2) an array in the form of [ endValue, [, easing] [, startValue] ].</w:t>
            </w:r>
          </w:p>
          <w:p w:rsidR="00156FB3" w:rsidRDefault="00156FB3" w:rsidP="00156FB3">
            <w:r>
              <w:t xml:space="preserve">                       The optional third parameter is a forcefed startValue to be used instead of querying the DOM for</w:t>
            </w:r>
          </w:p>
          <w:p w:rsidR="00156FB3" w:rsidRDefault="00156FB3" w:rsidP="00156FB3">
            <w:r>
              <w:t xml:space="preserve">                       the element's current value. Read Velocity's docmentation to learn more about forcefeeding: VelocityJS.org/#forcefeeding */</w:t>
            </w:r>
          </w:p>
          <w:p w:rsidR="00156FB3" w:rsidRDefault="00156FB3" w:rsidP="00156FB3">
            <w:r>
              <w:t xml:space="preserve">                    function parsePropertyValue (valueData, skipResolvingEasing) {</w:t>
            </w:r>
          </w:p>
          <w:p w:rsidR="00156FB3" w:rsidRDefault="00156FB3" w:rsidP="00156FB3">
            <w:r>
              <w:t xml:space="preserve">                        var endValue = undefined,</w:t>
            </w:r>
          </w:p>
          <w:p w:rsidR="00156FB3" w:rsidRDefault="00156FB3" w:rsidP="00156FB3">
            <w:r>
              <w:t xml:space="preserve">                            easing = undefined,</w:t>
            </w:r>
          </w:p>
          <w:p w:rsidR="00156FB3" w:rsidRDefault="00156FB3" w:rsidP="00156FB3">
            <w:r>
              <w:t xml:space="preserve">                            startValue = undefined;</w:t>
            </w:r>
          </w:p>
          <w:p w:rsidR="00156FB3" w:rsidRDefault="00156FB3" w:rsidP="00156FB3"/>
          <w:p w:rsidR="00156FB3" w:rsidRDefault="00156FB3" w:rsidP="00156FB3">
            <w:r>
              <w:t xml:space="preserve">                        /* Handle the array format, which can be structured as one of three potential overloads:</w:t>
            </w:r>
          </w:p>
          <w:p w:rsidR="00156FB3" w:rsidRDefault="00156FB3" w:rsidP="00156FB3">
            <w:r>
              <w:t xml:space="preserve">                           A) [ endValue, easing, startValue ], B) [ endValue, easing ], or C) [ endValue, startValue ] */</w:t>
            </w:r>
          </w:p>
          <w:p w:rsidR="00156FB3" w:rsidRDefault="00156FB3" w:rsidP="00156FB3">
            <w:r>
              <w:t xml:space="preserve">                        if (Type.isArray(valueData)) {</w:t>
            </w:r>
          </w:p>
          <w:p w:rsidR="00156FB3" w:rsidRDefault="00156FB3" w:rsidP="00156FB3">
            <w:r>
              <w:t xml:space="preserve">                            /* endValue is always the first item in the array. Don't bother validating endValue's value now</w:t>
            </w:r>
          </w:p>
          <w:p w:rsidR="00156FB3" w:rsidRDefault="00156FB3" w:rsidP="00156FB3">
            <w:r>
              <w:t xml:space="preserve">                               since the ensuing property cycling logic does that. */</w:t>
            </w:r>
          </w:p>
          <w:p w:rsidR="00156FB3" w:rsidRDefault="00156FB3" w:rsidP="00156FB3">
            <w:r>
              <w:t xml:space="preserve">                            endValue = valueData[0];</w:t>
            </w:r>
          </w:p>
          <w:p w:rsidR="00156FB3" w:rsidRDefault="00156FB3" w:rsidP="00156FB3"/>
          <w:p w:rsidR="00156FB3" w:rsidRDefault="00156FB3" w:rsidP="00156FB3">
            <w:r>
              <w:t xml:space="preserve">                            /* Two-item array format: If the second item is a number, function, or hex string, treat it as a</w:t>
            </w:r>
          </w:p>
          <w:p w:rsidR="00156FB3" w:rsidRDefault="00156FB3" w:rsidP="00156FB3">
            <w:r>
              <w:t xml:space="preserve">                               start value since easings can only be non-hex strings or arrays. */</w:t>
            </w:r>
          </w:p>
          <w:p w:rsidR="00156FB3" w:rsidRDefault="00156FB3" w:rsidP="00156FB3">
            <w:r>
              <w:t xml:space="preserve">                            if ((!Type.isArray(valueData[1]) &amp;&amp; /^[\d-]/.test(valueData[1])) || Type.isFunction(valueData[1]) || CSS.RegEx.isHex.test(valueData[1])) {</w:t>
            </w:r>
          </w:p>
          <w:p w:rsidR="00156FB3" w:rsidRDefault="00156FB3" w:rsidP="00156FB3">
            <w:r>
              <w:t xml:space="preserve">                                startValue = valueData[1];</w:t>
            </w:r>
          </w:p>
          <w:p w:rsidR="00156FB3" w:rsidRDefault="00156FB3" w:rsidP="00156FB3">
            <w:r>
              <w:t xml:space="preserve">                            /* Two or three-item array: If the second item is a non-hex string or an array, treat it as an easing. */</w:t>
            </w:r>
          </w:p>
          <w:p w:rsidR="00156FB3" w:rsidRDefault="00156FB3" w:rsidP="00156FB3">
            <w:r>
              <w:t xml:space="preserve">                            } else if ((Type.isString(valueData[1]) &amp;&amp; !CSS.RegEx.isHex.test(valueData[1])) || Type.isArray(valueData[1])) {</w:t>
            </w:r>
          </w:p>
          <w:p w:rsidR="00156FB3" w:rsidRDefault="00156FB3" w:rsidP="00156FB3">
            <w:r>
              <w:t xml:space="preserve">                                easing = skipResolvingEasing ? valueData[1] : getEasing(valueData[1], opts.duration);</w:t>
            </w:r>
          </w:p>
          <w:p w:rsidR="00156FB3" w:rsidRDefault="00156FB3" w:rsidP="00156FB3"/>
          <w:p w:rsidR="00156FB3" w:rsidRDefault="00156FB3" w:rsidP="00156FB3">
            <w:r>
              <w:t xml:space="preserve">                                /* Don't bother validating startValue's value now since the ensuing property cycling logic inherently does that. */</w:t>
            </w:r>
          </w:p>
          <w:p w:rsidR="00156FB3" w:rsidRDefault="00156FB3" w:rsidP="00156FB3">
            <w:r>
              <w:t xml:space="preserve">                                if (valueData[2] !== undefined) {</w:t>
            </w:r>
          </w:p>
          <w:p w:rsidR="00156FB3" w:rsidRDefault="00156FB3" w:rsidP="00156FB3">
            <w:r>
              <w:t xml:space="preserve">                                    startValue = valueData[2];</w:t>
            </w:r>
          </w:p>
          <w:p w:rsidR="00156FB3" w:rsidRDefault="00156FB3" w:rsidP="00156FB3">
            <w:r>
              <w:t xml:space="preserve">                                }</w:t>
            </w:r>
          </w:p>
          <w:p w:rsidR="00156FB3" w:rsidRDefault="00156FB3" w:rsidP="00156FB3">
            <w:r>
              <w:t xml:space="preserve">                            }</w:t>
            </w:r>
          </w:p>
          <w:p w:rsidR="00156FB3" w:rsidRDefault="00156FB3" w:rsidP="00156FB3">
            <w:r>
              <w:t xml:space="preserve">                        /* Handle the single-value format. */</w:t>
            </w:r>
          </w:p>
          <w:p w:rsidR="00156FB3" w:rsidRDefault="00156FB3" w:rsidP="00156FB3">
            <w:r>
              <w:t xml:space="preserve">                        } else {</w:t>
            </w:r>
          </w:p>
          <w:p w:rsidR="00156FB3" w:rsidRDefault="00156FB3" w:rsidP="00156FB3">
            <w:r>
              <w:t xml:space="preserve">                            endValue = valueData;</w:t>
            </w:r>
          </w:p>
          <w:p w:rsidR="00156FB3" w:rsidRDefault="00156FB3" w:rsidP="00156FB3">
            <w:r>
              <w:t xml:space="preserve">                        }</w:t>
            </w:r>
          </w:p>
          <w:p w:rsidR="00156FB3" w:rsidRDefault="00156FB3" w:rsidP="00156FB3"/>
          <w:p w:rsidR="00156FB3" w:rsidRDefault="00156FB3" w:rsidP="00156FB3">
            <w:r>
              <w:lastRenderedPageBreak/>
              <w:t xml:space="preserve">                        /* Default to the call's easing if a per-property easing type was not defined. */</w:t>
            </w:r>
          </w:p>
          <w:p w:rsidR="00156FB3" w:rsidRDefault="00156FB3" w:rsidP="00156FB3">
            <w:r>
              <w:t xml:space="preserve">                        if (!skipResolvingEasing) {</w:t>
            </w:r>
          </w:p>
          <w:p w:rsidR="00156FB3" w:rsidRDefault="00156FB3" w:rsidP="00156FB3">
            <w:r>
              <w:t xml:space="preserve">                            easing = easing || opts.easing;</w:t>
            </w:r>
          </w:p>
          <w:p w:rsidR="00156FB3" w:rsidRDefault="00156FB3" w:rsidP="00156FB3">
            <w:r>
              <w:t xml:space="preserve">                        }</w:t>
            </w:r>
          </w:p>
          <w:p w:rsidR="00156FB3" w:rsidRDefault="00156FB3" w:rsidP="00156FB3"/>
          <w:p w:rsidR="00156FB3" w:rsidRDefault="00156FB3" w:rsidP="00156FB3">
            <w:r>
              <w:t xml:space="preserve">                        /* If functions were passed in as values, pass the function the current element as its context,</w:t>
            </w:r>
          </w:p>
          <w:p w:rsidR="00156FB3" w:rsidRDefault="00156FB3" w:rsidP="00156FB3">
            <w:r>
              <w:t xml:space="preserve">                           plus the element's index and the element set's size as arguments. Then, assign the returned value. */</w:t>
            </w:r>
          </w:p>
          <w:p w:rsidR="00156FB3" w:rsidRDefault="00156FB3" w:rsidP="00156FB3">
            <w:r>
              <w:t xml:space="preserve">                        if (Type.isFunction(endValue)) {</w:t>
            </w:r>
          </w:p>
          <w:p w:rsidR="00156FB3" w:rsidRDefault="00156FB3" w:rsidP="00156FB3">
            <w:r>
              <w:t xml:space="preserve">                            endValue = endValue.call(element, elementsIndex, elementsLength);</w:t>
            </w:r>
          </w:p>
          <w:p w:rsidR="00156FB3" w:rsidRDefault="00156FB3" w:rsidP="00156FB3">
            <w:r>
              <w:t xml:space="preserve">                        }</w:t>
            </w:r>
          </w:p>
          <w:p w:rsidR="00156FB3" w:rsidRDefault="00156FB3" w:rsidP="00156FB3"/>
          <w:p w:rsidR="00156FB3" w:rsidRDefault="00156FB3" w:rsidP="00156FB3">
            <w:r>
              <w:t xml:space="preserve">                        if (Type.isFunction(startValue)) {</w:t>
            </w:r>
          </w:p>
          <w:p w:rsidR="00156FB3" w:rsidRDefault="00156FB3" w:rsidP="00156FB3">
            <w:r>
              <w:t xml:space="preserve">                            startValue = startValue.call(element, elementsIndex, elementsLength);</w:t>
            </w:r>
          </w:p>
          <w:p w:rsidR="00156FB3" w:rsidRDefault="00156FB3" w:rsidP="00156FB3">
            <w:r>
              <w:t xml:space="preserve">                        }</w:t>
            </w:r>
          </w:p>
          <w:p w:rsidR="00156FB3" w:rsidRDefault="00156FB3" w:rsidP="00156FB3"/>
          <w:p w:rsidR="00156FB3" w:rsidRDefault="00156FB3" w:rsidP="00156FB3">
            <w:r>
              <w:t xml:space="preserve">                        /* Allow startValue to be left as undefined to indicate to the ensuing code that its value was not forcefed. */</w:t>
            </w:r>
          </w:p>
          <w:p w:rsidR="00156FB3" w:rsidRDefault="00156FB3" w:rsidP="00156FB3">
            <w:r>
              <w:t xml:space="preserve">                        return [ endValue || 0, easing, startValue ];</w:t>
            </w:r>
          </w:p>
          <w:p w:rsidR="00156FB3" w:rsidRDefault="00156FB3" w:rsidP="00156FB3">
            <w:r>
              <w:t xml:space="preserve">                    }</w:t>
            </w:r>
          </w:p>
          <w:p w:rsidR="00156FB3" w:rsidRDefault="00156FB3" w:rsidP="00156FB3"/>
          <w:p w:rsidR="00156FB3" w:rsidRDefault="00156FB3" w:rsidP="00156FB3">
            <w:r>
              <w:t xml:space="preserve">                    /* Cycle through each property in the map, looking for shorthand color properties (e.g. "color" as opposed to "colorRed"). Inject the corresponding</w:t>
            </w:r>
          </w:p>
          <w:p w:rsidR="00156FB3" w:rsidRDefault="00156FB3" w:rsidP="00156FB3">
            <w:r>
              <w:t xml:space="preserve">                       colorRed, colorGreen, and colorBlue RGB component tweens into the propertiesMap (which Velocity understands) and remove the shorthand property. */</w:t>
            </w:r>
          </w:p>
          <w:p w:rsidR="00156FB3" w:rsidRDefault="00156FB3" w:rsidP="00156FB3">
            <w:r>
              <w:t xml:space="preserve">                    $.each(propertiesMap, function(property, value) {</w:t>
            </w:r>
          </w:p>
          <w:p w:rsidR="00156FB3" w:rsidRDefault="00156FB3" w:rsidP="00156FB3">
            <w:r>
              <w:t xml:space="preserve">                        /* Find shorthand color properties that have been passed a hex string. */</w:t>
            </w:r>
          </w:p>
          <w:p w:rsidR="00156FB3" w:rsidRDefault="00156FB3" w:rsidP="00156FB3">
            <w:r>
              <w:t xml:space="preserve">                        if (RegExp("^" + CSS.Lists.colors.join("$|^") + "$").test(property)) {</w:t>
            </w:r>
          </w:p>
          <w:p w:rsidR="00156FB3" w:rsidRDefault="00156FB3" w:rsidP="00156FB3">
            <w:r>
              <w:t xml:space="preserve">                            /* Parse the value data for each shorthand. */</w:t>
            </w:r>
          </w:p>
          <w:p w:rsidR="00156FB3" w:rsidRDefault="00156FB3" w:rsidP="00156FB3">
            <w:r>
              <w:t xml:space="preserve">                            var valueData = parsePropertyValue(value, true),</w:t>
            </w:r>
          </w:p>
          <w:p w:rsidR="00156FB3" w:rsidRDefault="00156FB3" w:rsidP="00156FB3">
            <w:r>
              <w:t xml:space="preserve">                                endValue = valueData[0],</w:t>
            </w:r>
          </w:p>
          <w:p w:rsidR="00156FB3" w:rsidRDefault="00156FB3" w:rsidP="00156FB3">
            <w:r>
              <w:t xml:space="preserve">                                easing = valueData[1],</w:t>
            </w:r>
          </w:p>
          <w:p w:rsidR="00156FB3" w:rsidRDefault="00156FB3" w:rsidP="00156FB3">
            <w:r>
              <w:t xml:space="preserve">                                startValue = valueData[2];</w:t>
            </w:r>
          </w:p>
          <w:p w:rsidR="00156FB3" w:rsidRDefault="00156FB3" w:rsidP="00156FB3"/>
          <w:p w:rsidR="00156FB3" w:rsidRDefault="00156FB3" w:rsidP="00156FB3">
            <w:r>
              <w:t xml:space="preserve">                            if (CSS.RegEx.isHex.test(endValue)) {</w:t>
            </w:r>
          </w:p>
          <w:p w:rsidR="00156FB3" w:rsidRDefault="00156FB3" w:rsidP="00156FB3">
            <w:r>
              <w:t xml:space="preserve">                                /* Convert the hex strings into their RGB component arrays. */</w:t>
            </w:r>
          </w:p>
          <w:p w:rsidR="00156FB3" w:rsidRDefault="00156FB3" w:rsidP="00156FB3">
            <w:r>
              <w:t xml:space="preserve">                                var colorComponents = [ "Red", "Green", "Blue" ],</w:t>
            </w:r>
          </w:p>
          <w:p w:rsidR="00156FB3" w:rsidRDefault="00156FB3" w:rsidP="00156FB3">
            <w:r>
              <w:t xml:space="preserve">                                    endValueRGB = CSS.Values.hexToRgb(endValue),</w:t>
            </w:r>
          </w:p>
          <w:p w:rsidR="00156FB3" w:rsidRDefault="00156FB3" w:rsidP="00156FB3">
            <w:r>
              <w:t xml:space="preserve">                                    startValueRGB = startValue ? CSS.Values.hexToRgb(startValue) : undefined;</w:t>
            </w:r>
          </w:p>
          <w:p w:rsidR="00156FB3" w:rsidRDefault="00156FB3" w:rsidP="00156FB3"/>
          <w:p w:rsidR="00156FB3" w:rsidRDefault="00156FB3" w:rsidP="00156FB3">
            <w:r>
              <w:t xml:space="preserve">                                /* Inject the RGB component tweens into propertiesMap. */</w:t>
            </w:r>
          </w:p>
          <w:p w:rsidR="00156FB3" w:rsidRDefault="00156FB3" w:rsidP="00156FB3">
            <w:r>
              <w:t xml:space="preserve">                                for (var i = 0; i &lt; colorComponents.length; i++) {</w:t>
            </w:r>
          </w:p>
          <w:p w:rsidR="00156FB3" w:rsidRDefault="00156FB3" w:rsidP="00156FB3">
            <w:r>
              <w:t xml:space="preserve">                                    var dataArray = [ endValueRGB[i] ];</w:t>
            </w:r>
          </w:p>
          <w:p w:rsidR="00156FB3" w:rsidRDefault="00156FB3" w:rsidP="00156FB3"/>
          <w:p w:rsidR="00156FB3" w:rsidRDefault="00156FB3" w:rsidP="00156FB3">
            <w:r>
              <w:t xml:space="preserve">                                    if (easing) {</w:t>
            </w:r>
          </w:p>
          <w:p w:rsidR="00156FB3" w:rsidRDefault="00156FB3" w:rsidP="00156FB3">
            <w:r>
              <w:t xml:space="preserve">                                        dataArray.push(easing);</w:t>
            </w:r>
          </w:p>
          <w:p w:rsidR="00156FB3" w:rsidRDefault="00156FB3" w:rsidP="00156FB3">
            <w:r>
              <w:t xml:space="preserve">                                    }</w:t>
            </w:r>
          </w:p>
          <w:p w:rsidR="00156FB3" w:rsidRDefault="00156FB3" w:rsidP="00156FB3"/>
          <w:p w:rsidR="00156FB3" w:rsidRDefault="00156FB3" w:rsidP="00156FB3">
            <w:r>
              <w:t xml:space="preserve">                                    if (startValueRGB !== undefined) {</w:t>
            </w:r>
          </w:p>
          <w:p w:rsidR="00156FB3" w:rsidRDefault="00156FB3" w:rsidP="00156FB3">
            <w:r>
              <w:t xml:space="preserve">                                        dataArray.push(startValueRGB[i]);</w:t>
            </w:r>
          </w:p>
          <w:p w:rsidR="00156FB3" w:rsidRDefault="00156FB3" w:rsidP="00156FB3">
            <w:r>
              <w:t xml:space="preserve">                                    }</w:t>
            </w:r>
          </w:p>
          <w:p w:rsidR="00156FB3" w:rsidRDefault="00156FB3" w:rsidP="00156FB3"/>
          <w:p w:rsidR="00156FB3" w:rsidRDefault="00156FB3" w:rsidP="00156FB3">
            <w:r>
              <w:t xml:space="preserve">                                    propertiesMap[property + colorComponents[i]] = dataArray;</w:t>
            </w:r>
          </w:p>
          <w:p w:rsidR="00156FB3" w:rsidRDefault="00156FB3" w:rsidP="00156FB3">
            <w:r>
              <w:t xml:space="preserve">                                }</w:t>
            </w:r>
          </w:p>
          <w:p w:rsidR="00156FB3" w:rsidRDefault="00156FB3" w:rsidP="00156FB3"/>
          <w:p w:rsidR="00156FB3" w:rsidRDefault="00156FB3" w:rsidP="00156FB3">
            <w:r>
              <w:t xml:space="preserve">                                /* Remove the intermediary shorthand property entry now that we've processed it. */</w:t>
            </w:r>
          </w:p>
          <w:p w:rsidR="00156FB3" w:rsidRDefault="00156FB3" w:rsidP="00156FB3">
            <w:r>
              <w:t xml:space="preserve">                                delete propertiesMap[property];</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Create a tween out of each property, and append its associated data to tweensContainer. */</w:t>
            </w:r>
          </w:p>
          <w:p w:rsidR="00156FB3" w:rsidRDefault="00156FB3" w:rsidP="00156FB3">
            <w:r>
              <w:t xml:space="preserve">                    for (var property in propertiesMap) {</w:t>
            </w:r>
          </w:p>
          <w:p w:rsidR="00156FB3" w:rsidRDefault="00156FB3" w:rsidP="00156FB3"/>
          <w:p w:rsidR="00156FB3" w:rsidRDefault="00156FB3" w:rsidP="00156FB3">
            <w:r>
              <w:t xml:space="preserve">                        /**************************</w:t>
            </w:r>
          </w:p>
          <w:p w:rsidR="00156FB3" w:rsidRDefault="00156FB3" w:rsidP="00156FB3">
            <w:r>
              <w:t xml:space="preserve">                           Start Value Sourcing</w:t>
            </w:r>
          </w:p>
          <w:p w:rsidR="00156FB3" w:rsidRDefault="00156FB3" w:rsidP="00156FB3">
            <w:r>
              <w:t xml:space="preserve">                        **************************/</w:t>
            </w:r>
          </w:p>
          <w:p w:rsidR="00156FB3" w:rsidRDefault="00156FB3" w:rsidP="00156FB3"/>
          <w:p w:rsidR="00156FB3" w:rsidRDefault="00156FB3" w:rsidP="00156FB3">
            <w:r>
              <w:t xml:space="preserve">                        /* Parse out endValue, easing, and startValue from the property's data. */</w:t>
            </w:r>
          </w:p>
          <w:p w:rsidR="00156FB3" w:rsidRDefault="00156FB3" w:rsidP="00156FB3">
            <w:r>
              <w:t xml:space="preserve">                        var valueData = parsePropertyValue(propertiesMap[property]),</w:t>
            </w:r>
          </w:p>
          <w:p w:rsidR="00156FB3" w:rsidRDefault="00156FB3" w:rsidP="00156FB3">
            <w:r>
              <w:t xml:space="preserve">                            endValue = valueData[0],</w:t>
            </w:r>
          </w:p>
          <w:p w:rsidR="00156FB3" w:rsidRDefault="00156FB3" w:rsidP="00156FB3">
            <w:r>
              <w:t xml:space="preserve">                            easing = valueData[1],</w:t>
            </w:r>
          </w:p>
          <w:p w:rsidR="00156FB3" w:rsidRDefault="00156FB3" w:rsidP="00156FB3">
            <w:r>
              <w:t xml:space="preserve">                            startValue = valueData[2];</w:t>
            </w:r>
          </w:p>
          <w:p w:rsidR="00156FB3" w:rsidRDefault="00156FB3" w:rsidP="00156FB3"/>
          <w:p w:rsidR="00156FB3" w:rsidRDefault="00156FB3" w:rsidP="00156FB3">
            <w:r>
              <w:t xml:space="preserve">                        /* Now that the original property name's format has been used for the parsePropertyValue() lookup above,</w:t>
            </w:r>
          </w:p>
          <w:p w:rsidR="00156FB3" w:rsidRDefault="00156FB3" w:rsidP="00156FB3">
            <w:r>
              <w:t xml:space="preserve">                           we force the property to its camelCase styling to normalize it for manipulation. */</w:t>
            </w:r>
          </w:p>
          <w:p w:rsidR="00156FB3" w:rsidRDefault="00156FB3" w:rsidP="00156FB3">
            <w:r>
              <w:t xml:space="preserve">                        property = CSS.Names.camelCase(property);</w:t>
            </w:r>
          </w:p>
          <w:p w:rsidR="00156FB3" w:rsidRDefault="00156FB3" w:rsidP="00156FB3"/>
          <w:p w:rsidR="00156FB3" w:rsidRDefault="00156FB3" w:rsidP="00156FB3">
            <w:r>
              <w:t xml:space="preserve">                        /* In case this property is a hook, there are circumstances where we will intend to work on the hook's root property and not the hooked subproperty. */</w:t>
            </w:r>
          </w:p>
          <w:p w:rsidR="00156FB3" w:rsidRDefault="00156FB3" w:rsidP="00156FB3">
            <w:r>
              <w:t xml:space="preserve">                        var rootProperty = CSS.Hooks.getRoot(property),</w:t>
            </w:r>
          </w:p>
          <w:p w:rsidR="00156FB3" w:rsidRDefault="00156FB3" w:rsidP="00156FB3">
            <w:r>
              <w:t xml:space="preserve">                            rootPropertyValue = false;</w:t>
            </w:r>
          </w:p>
          <w:p w:rsidR="00156FB3" w:rsidRDefault="00156FB3" w:rsidP="00156FB3"/>
          <w:p w:rsidR="00156FB3" w:rsidRDefault="00156FB3" w:rsidP="00156FB3">
            <w:r>
              <w:t xml:space="preserve">                        /* Other than for the dummy tween property, properties that are not supported by the browser (and do not have an associated normalization) will</w:t>
            </w:r>
          </w:p>
          <w:p w:rsidR="00156FB3" w:rsidRDefault="00156FB3" w:rsidP="00156FB3">
            <w:r>
              <w:t xml:space="preserve">                           inherently produce no style changes when set, so they are skipped in order to decrease animation tick overhead.</w:t>
            </w:r>
          </w:p>
          <w:p w:rsidR="00156FB3" w:rsidRDefault="00156FB3" w:rsidP="00156FB3">
            <w:r>
              <w:t xml:space="preserve">                           Property support is determined via prefixCheck(), which returns a false flag when no supported is detected. */</w:t>
            </w:r>
          </w:p>
          <w:p w:rsidR="00156FB3" w:rsidRDefault="00156FB3" w:rsidP="00156FB3">
            <w:r>
              <w:t xml:space="preserve">                        /* Note: Since SVG elements have some of their properties directly applied as HTML attributes,</w:t>
            </w:r>
          </w:p>
          <w:p w:rsidR="00156FB3" w:rsidRDefault="00156FB3" w:rsidP="00156FB3">
            <w:r>
              <w:t xml:space="preserve">                           there is no way to check for their explicit browser support, and so we skip skip this check for them. */</w:t>
            </w:r>
          </w:p>
          <w:p w:rsidR="00156FB3" w:rsidRDefault="00156FB3" w:rsidP="00156FB3">
            <w:r>
              <w:lastRenderedPageBreak/>
              <w:t xml:space="preserve">                        if (!Data(element).isSVG &amp;&amp; rootProperty !== "tween" &amp;&amp; CSS.Names.prefixCheck(rootProperty)[1] === false &amp;&amp; CSS.Normalizations.registered[rootProperty] === undefined) {</w:t>
            </w:r>
          </w:p>
          <w:p w:rsidR="00156FB3" w:rsidRDefault="00156FB3" w:rsidP="00156FB3">
            <w:r>
              <w:t xml:space="preserve">                            if (Velocity.debug) console.log("Skipping [" + rootProperty + "] due to a lack of browser support.");</w:t>
            </w:r>
          </w:p>
          <w:p w:rsidR="00156FB3" w:rsidRDefault="00156FB3" w:rsidP="00156FB3"/>
          <w:p w:rsidR="00156FB3" w:rsidRDefault="00156FB3" w:rsidP="00156FB3">
            <w:r>
              <w:t xml:space="preserve">                            continue;</w:t>
            </w:r>
          </w:p>
          <w:p w:rsidR="00156FB3" w:rsidRDefault="00156FB3" w:rsidP="00156FB3">
            <w:r>
              <w:t xml:space="preserve">                        }</w:t>
            </w:r>
          </w:p>
          <w:p w:rsidR="00156FB3" w:rsidRDefault="00156FB3" w:rsidP="00156FB3"/>
          <w:p w:rsidR="00156FB3" w:rsidRDefault="00156FB3" w:rsidP="00156FB3">
            <w:r>
              <w:t xml:space="preserve">                        /* If the display option is being set to a non-"none" (e.g. "block") and opacity (filter on IE&lt;=8) is being</w:t>
            </w:r>
          </w:p>
          <w:p w:rsidR="00156FB3" w:rsidRDefault="00156FB3" w:rsidP="00156FB3">
            <w:r>
              <w:t xml:space="preserve">                           animated to an endValue of non-zero, the user's intention is to fade in from invisible, thus we forcefeed opacity</w:t>
            </w:r>
          </w:p>
          <w:p w:rsidR="00156FB3" w:rsidRDefault="00156FB3" w:rsidP="00156FB3">
            <w:r>
              <w:t xml:space="preserve">                           a startValue of 0 if its startValue hasn't already been sourced by value transferring or prior forcefeeding. */</w:t>
            </w:r>
          </w:p>
          <w:p w:rsidR="00156FB3" w:rsidRDefault="00156FB3" w:rsidP="00156FB3">
            <w:r>
              <w:t xml:space="preserve">                        if (((opts.display !== undefined &amp;&amp; opts.display !== null &amp;&amp; opts.display !== "none") || (opts.visibility !== undefined &amp;&amp; opts.visibility !== "hidden")) &amp;&amp; /opacity|filter/.test(property) &amp;&amp; !startValue &amp;&amp; endValue !== 0) {</w:t>
            </w:r>
          </w:p>
          <w:p w:rsidR="00156FB3" w:rsidRDefault="00156FB3" w:rsidP="00156FB3">
            <w:r>
              <w:t xml:space="preserve">                            startValue = 0;</w:t>
            </w:r>
          </w:p>
          <w:p w:rsidR="00156FB3" w:rsidRDefault="00156FB3" w:rsidP="00156FB3">
            <w:r>
              <w:t xml:space="preserve">                        }</w:t>
            </w:r>
          </w:p>
          <w:p w:rsidR="00156FB3" w:rsidRDefault="00156FB3" w:rsidP="00156FB3"/>
          <w:p w:rsidR="00156FB3" w:rsidRDefault="00156FB3" w:rsidP="00156FB3">
            <w:r>
              <w:t xml:space="preserve">                        /* If values have been transferred from the previous Velocity call, extract the endValue and rootPropertyValue</w:t>
            </w:r>
          </w:p>
          <w:p w:rsidR="00156FB3" w:rsidRDefault="00156FB3" w:rsidP="00156FB3">
            <w:r>
              <w:t xml:space="preserve">                           for all of the current call's properties that were *also* animated in the previous call. */</w:t>
            </w:r>
          </w:p>
          <w:p w:rsidR="00156FB3" w:rsidRDefault="00156FB3" w:rsidP="00156FB3">
            <w:r>
              <w:t xml:space="preserve">                        /* Note: Value transferring can optionally be disabled by the user via the _cacheValues option. */</w:t>
            </w:r>
          </w:p>
          <w:p w:rsidR="00156FB3" w:rsidRDefault="00156FB3" w:rsidP="00156FB3">
            <w:r>
              <w:t xml:space="preserve">                        if (opts._cacheValues &amp;&amp; lastTweensContainer &amp;&amp; lastTweensContainer[property]) {</w:t>
            </w:r>
          </w:p>
          <w:p w:rsidR="00156FB3" w:rsidRDefault="00156FB3" w:rsidP="00156FB3">
            <w:r>
              <w:t xml:space="preserve">                            if (startValue === undefined) {</w:t>
            </w:r>
          </w:p>
          <w:p w:rsidR="00156FB3" w:rsidRDefault="00156FB3" w:rsidP="00156FB3">
            <w:r>
              <w:t xml:space="preserve">                                startValue = lastTweensContainer[property].endValue + lastTweensContainer[property].unitType;</w:t>
            </w:r>
          </w:p>
          <w:p w:rsidR="00156FB3" w:rsidRDefault="00156FB3" w:rsidP="00156FB3">
            <w:r>
              <w:t xml:space="preserve">                            }</w:t>
            </w:r>
          </w:p>
          <w:p w:rsidR="00156FB3" w:rsidRDefault="00156FB3" w:rsidP="00156FB3"/>
          <w:p w:rsidR="00156FB3" w:rsidRDefault="00156FB3" w:rsidP="00156FB3">
            <w:r>
              <w:t xml:space="preserve">                            /* The previous call's rootPropertyValue is extracted from the element's data cache since that's the</w:t>
            </w:r>
          </w:p>
          <w:p w:rsidR="00156FB3" w:rsidRDefault="00156FB3" w:rsidP="00156FB3">
            <w:r>
              <w:t xml:space="preserve">                               instance of rootPropertyValue that gets freshly updated by the tweening process, whereas the rootPropertyValue</w:t>
            </w:r>
          </w:p>
          <w:p w:rsidR="00156FB3" w:rsidRDefault="00156FB3" w:rsidP="00156FB3">
            <w:r>
              <w:t xml:space="preserve">                               attached to the incoming lastTweensContainer is equal to the root property's value prior to any tweening. */</w:t>
            </w:r>
          </w:p>
          <w:p w:rsidR="00156FB3" w:rsidRDefault="00156FB3" w:rsidP="00156FB3">
            <w:r>
              <w:t xml:space="preserve">                            rootPropertyValue = Data(element).rootPropertyValueCache[rootProperty];</w:t>
            </w:r>
          </w:p>
          <w:p w:rsidR="00156FB3" w:rsidRDefault="00156FB3" w:rsidP="00156FB3">
            <w:r>
              <w:t xml:space="preserve">                        /* If values were not transferred from a previous Velocity call, query the DOM as needed. */</w:t>
            </w:r>
          </w:p>
          <w:p w:rsidR="00156FB3" w:rsidRDefault="00156FB3" w:rsidP="00156FB3">
            <w:r>
              <w:t xml:space="preserve">                        } else {</w:t>
            </w:r>
          </w:p>
          <w:p w:rsidR="00156FB3" w:rsidRDefault="00156FB3" w:rsidP="00156FB3">
            <w:r>
              <w:t xml:space="preserve">                            /* Handle hooked properties. */</w:t>
            </w:r>
          </w:p>
          <w:p w:rsidR="00156FB3" w:rsidRDefault="00156FB3" w:rsidP="00156FB3">
            <w:r>
              <w:t xml:space="preserve">                            if (CSS.Hooks.registered[property]) {</w:t>
            </w:r>
          </w:p>
          <w:p w:rsidR="00156FB3" w:rsidRDefault="00156FB3" w:rsidP="00156FB3">
            <w:r>
              <w:t xml:space="preserve">                               if (startValue === undefined) {</w:t>
            </w:r>
          </w:p>
          <w:p w:rsidR="00156FB3" w:rsidRDefault="00156FB3" w:rsidP="00156FB3">
            <w:r>
              <w:t xml:space="preserve">                                    rootPropertyValue = CSS.getPropertyValue(element, rootProperty); /* GET */</w:t>
            </w:r>
          </w:p>
          <w:p w:rsidR="00156FB3" w:rsidRDefault="00156FB3" w:rsidP="00156FB3">
            <w:r>
              <w:t xml:space="preserve">                                    /* Note: The following getPropertyValue() call does not actually trigger a DOM query;</w:t>
            </w:r>
          </w:p>
          <w:p w:rsidR="00156FB3" w:rsidRDefault="00156FB3" w:rsidP="00156FB3">
            <w:r>
              <w:lastRenderedPageBreak/>
              <w:t xml:space="preserve">                                       getPropertyValue() will extract the hook from rootPropertyValue. */</w:t>
            </w:r>
          </w:p>
          <w:p w:rsidR="00156FB3" w:rsidRDefault="00156FB3" w:rsidP="00156FB3">
            <w:r>
              <w:t xml:space="preserve">                                    startValue = CSS.getPropertyValue(element, property, rootPropertyValue);</w:t>
            </w:r>
          </w:p>
          <w:p w:rsidR="00156FB3" w:rsidRDefault="00156FB3" w:rsidP="00156FB3">
            <w:r>
              <w:t xml:space="preserve">                                /* If startValue is already defined via forcefeeding, do not query the DOM for the root property's value;</w:t>
            </w:r>
          </w:p>
          <w:p w:rsidR="00156FB3" w:rsidRDefault="00156FB3" w:rsidP="00156FB3">
            <w:r>
              <w:t xml:space="preserve">                                   just grab rootProperty's zero-value template from CSS.Hooks. This overwrites the element's actual</w:t>
            </w:r>
          </w:p>
          <w:p w:rsidR="00156FB3" w:rsidRDefault="00156FB3" w:rsidP="00156FB3">
            <w:r>
              <w:t xml:space="preserve">                                   root property value (if one is set), but this is acceptable since the primary reason users forcefeed is</w:t>
            </w:r>
          </w:p>
          <w:p w:rsidR="00156FB3" w:rsidRDefault="00156FB3" w:rsidP="00156FB3">
            <w:r>
              <w:t xml:space="preserve">                                   to avoid DOM queries, and thus we likewise avoid querying the DOM for the root property's value. */</w:t>
            </w:r>
          </w:p>
          <w:p w:rsidR="00156FB3" w:rsidRDefault="00156FB3" w:rsidP="00156FB3">
            <w:r>
              <w:t xml:space="preserve">                                } else {</w:t>
            </w:r>
          </w:p>
          <w:p w:rsidR="00156FB3" w:rsidRDefault="00156FB3" w:rsidP="00156FB3">
            <w:r>
              <w:t xml:space="preserve">                                    /* Grab this hook's zero-value template, e.g. "0px 0px 0px black". */</w:t>
            </w:r>
          </w:p>
          <w:p w:rsidR="00156FB3" w:rsidRDefault="00156FB3" w:rsidP="00156FB3">
            <w:r>
              <w:t xml:space="preserve">                                    rootPropertyValue = CSS.Hooks.templates[rootProperty][1];</w:t>
            </w:r>
          </w:p>
          <w:p w:rsidR="00156FB3" w:rsidRDefault="00156FB3" w:rsidP="00156FB3">
            <w:r>
              <w:t xml:space="preserve">                                }</w:t>
            </w:r>
          </w:p>
          <w:p w:rsidR="00156FB3" w:rsidRDefault="00156FB3" w:rsidP="00156FB3">
            <w:r>
              <w:t xml:space="preserve">                            /* Handle non-hooked properties that haven't already been defined via forcefeeding. */</w:t>
            </w:r>
          </w:p>
          <w:p w:rsidR="00156FB3" w:rsidRDefault="00156FB3" w:rsidP="00156FB3">
            <w:r>
              <w:t xml:space="preserve">                            } else if (startValue === undefined) {</w:t>
            </w:r>
          </w:p>
          <w:p w:rsidR="00156FB3" w:rsidRDefault="00156FB3" w:rsidP="00156FB3">
            <w:r>
              <w:t xml:space="preserve">                                startValue = CSS.getPropertyValue(element, property); /* GET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Value Data Extraction</w:t>
            </w:r>
          </w:p>
          <w:p w:rsidR="00156FB3" w:rsidRDefault="00156FB3" w:rsidP="00156FB3">
            <w:r>
              <w:t xml:space="preserve">                        **************************/</w:t>
            </w:r>
          </w:p>
          <w:p w:rsidR="00156FB3" w:rsidRDefault="00156FB3" w:rsidP="00156FB3"/>
          <w:p w:rsidR="00156FB3" w:rsidRDefault="00156FB3" w:rsidP="00156FB3">
            <w:r>
              <w:t xml:space="preserve">                        var separatedValue,</w:t>
            </w:r>
          </w:p>
          <w:p w:rsidR="00156FB3" w:rsidRDefault="00156FB3" w:rsidP="00156FB3">
            <w:r>
              <w:t xml:space="preserve">                            endValueUnitType,</w:t>
            </w:r>
          </w:p>
          <w:p w:rsidR="00156FB3" w:rsidRDefault="00156FB3" w:rsidP="00156FB3">
            <w:r>
              <w:t xml:space="preserve">                            startValueUnitType,</w:t>
            </w:r>
          </w:p>
          <w:p w:rsidR="00156FB3" w:rsidRDefault="00156FB3" w:rsidP="00156FB3">
            <w:r>
              <w:t xml:space="preserve">                            operator = false;</w:t>
            </w:r>
          </w:p>
          <w:p w:rsidR="00156FB3" w:rsidRDefault="00156FB3" w:rsidP="00156FB3"/>
          <w:p w:rsidR="00156FB3" w:rsidRDefault="00156FB3" w:rsidP="00156FB3">
            <w:r>
              <w:t xml:space="preserve">                        /* Separates a property value into its numeric value and its unit type. */</w:t>
            </w:r>
          </w:p>
          <w:p w:rsidR="00156FB3" w:rsidRDefault="00156FB3" w:rsidP="00156FB3">
            <w:r>
              <w:t xml:space="preserve">                        function separateValue (property, value) {</w:t>
            </w:r>
          </w:p>
          <w:p w:rsidR="00156FB3" w:rsidRDefault="00156FB3" w:rsidP="00156FB3">
            <w:r>
              <w:t xml:space="preserve">                            var unitType,</w:t>
            </w:r>
          </w:p>
          <w:p w:rsidR="00156FB3" w:rsidRDefault="00156FB3" w:rsidP="00156FB3">
            <w:r>
              <w:t xml:space="preserve">                                numericValue;</w:t>
            </w:r>
          </w:p>
          <w:p w:rsidR="00156FB3" w:rsidRDefault="00156FB3" w:rsidP="00156FB3"/>
          <w:p w:rsidR="00156FB3" w:rsidRDefault="00156FB3" w:rsidP="00156FB3">
            <w:r>
              <w:t xml:space="preserve">                            numericValue = (value || "0")</w:t>
            </w:r>
          </w:p>
          <w:p w:rsidR="00156FB3" w:rsidRDefault="00156FB3" w:rsidP="00156FB3">
            <w:r>
              <w:t xml:space="preserve">                                .toString()</w:t>
            </w:r>
          </w:p>
          <w:p w:rsidR="00156FB3" w:rsidRDefault="00156FB3" w:rsidP="00156FB3">
            <w:r>
              <w:t xml:space="preserve">                                .toLowerCase()</w:t>
            </w:r>
          </w:p>
          <w:p w:rsidR="00156FB3" w:rsidRDefault="00156FB3" w:rsidP="00156FB3">
            <w:r>
              <w:t xml:space="preserve">                                /* Match the unit type at the end of the value. */</w:t>
            </w:r>
          </w:p>
          <w:p w:rsidR="00156FB3" w:rsidRDefault="00156FB3" w:rsidP="00156FB3">
            <w:r>
              <w:t xml:space="preserve">                                .replace(/[%A-z]+$/, function(match) {</w:t>
            </w:r>
          </w:p>
          <w:p w:rsidR="00156FB3" w:rsidRDefault="00156FB3" w:rsidP="00156FB3">
            <w:r>
              <w:t xml:space="preserve">                                    /* Grab the unit type. */</w:t>
            </w:r>
          </w:p>
          <w:p w:rsidR="00156FB3" w:rsidRDefault="00156FB3" w:rsidP="00156FB3">
            <w:r>
              <w:t xml:space="preserve">                                    unitType = match;</w:t>
            </w:r>
          </w:p>
          <w:p w:rsidR="00156FB3" w:rsidRDefault="00156FB3" w:rsidP="00156FB3"/>
          <w:p w:rsidR="00156FB3" w:rsidRDefault="00156FB3" w:rsidP="00156FB3">
            <w:r>
              <w:t xml:space="preserve">                                    /* Strip the unit type off of value. */</w:t>
            </w:r>
          </w:p>
          <w:p w:rsidR="00156FB3" w:rsidRDefault="00156FB3" w:rsidP="00156FB3">
            <w:r>
              <w:t xml:space="preserve">                                    return "";</w:t>
            </w:r>
          </w:p>
          <w:p w:rsidR="00156FB3" w:rsidRDefault="00156FB3" w:rsidP="00156FB3">
            <w:r>
              <w:t xml:space="preserve">                                });</w:t>
            </w:r>
          </w:p>
          <w:p w:rsidR="00156FB3" w:rsidRDefault="00156FB3" w:rsidP="00156FB3"/>
          <w:p w:rsidR="00156FB3" w:rsidRDefault="00156FB3" w:rsidP="00156FB3">
            <w:r>
              <w:t xml:space="preserve">                            /* If no unit type was supplied, assign one that is appropriate for this property (e.g. "deg" for rotateZ or "px" for width). */</w:t>
            </w:r>
          </w:p>
          <w:p w:rsidR="00156FB3" w:rsidRDefault="00156FB3" w:rsidP="00156FB3">
            <w:r>
              <w:lastRenderedPageBreak/>
              <w:t xml:space="preserve">                            if (!unitType) {</w:t>
            </w:r>
          </w:p>
          <w:p w:rsidR="00156FB3" w:rsidRDefault="00156FB3" w:rsidP="00156FB3">
            <w:r>
              <w:t xml:space="preserve">                                unitType = CSS.Values.getUnitType(property);</w:t>
            </w:r>
          </w:p>
          <w:p w:rsidR="00156FB3" w:rsidRDefault="00156FB3" w:rsidP="00156FB3">
            <w:r>
              <w:t xml:space="preserve">                            }</w:t>
            </w:r>
          </w:p>
          <w:p w:rsidR="00156FB3" w:rsidRDefault="00156FB3" w:rsidP="00156FB3"/>
          <w:p w:rsidR="00156FB3" w:rsidRDefault="00156FB3" w:rsidP="00156FB3">
            <w:r>
              <w:t xml:space="preserve">                            return [ numericValue, unitType ];</w:t>
            </w:r>
          </w:p>
          <w:p w:rsidR="00156FB3" w:rsidRDefault="00156FB3" w:rsidP="00156FB3">
            <w:r>
              <w:t xml:space="preserve">                        }</w:t>
            </w:r>
          </w:p>
          <w:p w:rsidR="00156FB3" w:rsidRDefault="00156FB3" w:rsidP="00156FB3"/>
          <w:p w:rsidR="00156FB3" w:rsidRDefault="00156FB3" w:rsidP="00156FB3">
            <w:r>
              <w:t xml:space="preserve">                        /* Separate startValue. */</w:t>
            </w:r>
          </w:p>
          <w:p w:rsidR="00156FB3" w:rsidRDefault="00156FB3" w:rsidP="00156FB3">
            <w:r>
              <w:t xml:space="preserve">                        separatedValue = separateValue(property, startValue);</w:t>
            </w:r>
          </w:p>
          <w:p w:rsidR="00156FB3" w:rsidRDefault="00156FB3" w:rsidP="00156FB3">
            <w:r>
              <w:t xml:space="preserve">                        startValue = separatedValue[0];</w:t>
            </w:r>
          </w:p>
          <w:p w:rsidR="00156FB3" w:rsidRDefault="00156FB3" w:rsidP="00156FB3">
            <w:r>
              <w:t xml:space="preserve">                        startValueUnitType = separatedValue[1];</w:t>
            </w:r>
          </w:p>
          <w:p w:rsidR="00156FB3" w:rsidRDefault="00156FB3" w:rsidP="00156FB3"/>
          <w:p w:rsidR="00156FB3" w:rsidRDefault="00156FB3" w:rsidP="00156FB3">
            <w:r>
              <w:t xml:space="preserve">                        /* Separate endValue, and extract a value operator (e.g. "+=", "-=") if one exists. */</w:t>
            </w:r>
          </w:p>
          <w:p w:rsidR="00156FB3" w:rsidRDefault="00156FB3" w:rsidP="00156FB3">
            <w:r>
              <w:t xml:space="preserve">                        separatedValue = separateValue(property, endValue);</w:t>
            </w:r>
          </w:p>
          <w:p w:rsidR="00156FB3" w:rsidRDefault="00156FB3" w:rsidP="00156FB3">
            <w:r>
              <w:t xml:space="preserve">                        endValue = separatedValue[0].replace(/^([+-\/*])=/, function(match, subMatch) {</w:t>
            </w:r>
          </w:p>
          <w:p w:rsidR="00156FB3" w:rsidRDefault="00156FB3" w:rsidP="00156FB3">
            <w:r>
              <w:t xml:space="preserve">                            operator = subMatch;</w:t>
            </w:r>
          </w:p>
          <w:p w:rsidR="00156FB3" w:rsidRDefault="00156FB3" w:rsidP="00156FB3"/>
          <w:p w:rsidR="00156FB3" w:rsidRDefault="00156FB3" w:rsidP="00156FB3">
            <w:r>
              <w:t xml:space="preserve">                            /* Strip the operator off of the value. */</w:t>
            </w:r>
          </w:p>
          <w:p w:rsidR="00156FB3" w:rsidRDefault="00156FB3" w:rsidP="00156FB3">
            <w:r>
              <w:t xml:space="preserve">                            return "";</w:t>
            </w:r>
          </w:p>
          <w:p w:rsidR="00156FB3" w:rsidRDefault="00156FB3" w:rsidP="00156FB3">
            <w:r>
              <w:t xml:space="preserve">                        });</w:t>
            </w:r>
          </w:p>
          <w:p w:rsidR="00156FB3" w:rsidRDefault="00156FB3" w:rsidP="00156FB3">
            <w:r>
              <w:t xml:space="preserve">                        endValueUnitType = separatedValue[1];</w:t>
            </w:r>
          </w:p>
          <w:p w:rsidR="00156FB3" w:rsidRDefault="00156FB3" w:rsidP="00156FB3"/>
          <w:p w:rsidR="00156FB3" w:rsidRDefault="00156FB3" w:rsidP="00156FB3">
            <w:r>
              <w:t xml:space="preserve">                        /* Parse float values from endValue and startValue. Default to 0 if NaN is returned. */</w:t>
            </w:r>
          </w:p>
          <w:p w:rsidR="00156FB3" w:rsidRDefault="00156FB3" w:rsidP="00156FB3">
            <w:r>
              <w:t xml:space="preserve">                        startValue = parseFloat(startValue) || 0;</w:t>
            </w:r>
          </w:p>
          <w:p w:rsidR="00156FB3" w:rsidRDefault="00156FB3" w:rsidP="00156FB3">
            <w:r>
              <w:t xml:space="preserve">                        endValue = parseFloat(endValue) || 0;</w:t>
            </w:r>
          </w:p>
          <w:p w:rsidR="00156FB3" w:rsidRDefault="00156FB3" w:rsidP="00156FB3"/>
          <w:p w:rsidR="00156FB3" w:rsidRDefault="00156FB3" w:rsidP="00156FB3">
            <w:r>
              <w:t xml:space="preserve">                        /***************************************</w:t>
            </w:r>
          </w:p>
          <w:p w:rsidR="00156FB3" w:rsidRDefault="00156FB3" w:rsidP="00156FB3">
            <w:r>
              <w:t xml:space="preserve">                           Property-Specific Value Conversion</w:t>
            </w:r>
          </w:p>
          <w:p w:rsidR="00156FB3" w:rsidRDefault="00156FB3" w:rsidP="00156FB3">
            <w:r>
              <w:t xml:space="preserve">                        ***************************************/</w:t>
            </w:r>
          </w:p>
          <w:p w:rsidR="00156FB3" w:rsidRDefault="00156FB3" w:rsidP="00156FB3"/>
          <w:p w:rsidR="00156FB3" w:rsidRDefault="00156FB3" w:rsidP="00156FB3">
            <w:r>
              <w:t xml:space="preserve">                        /* Custom support for properties that don't actually accept the % unit type, but where pollyfilling is trivial and relatively foolproof. */</w:t>
            </w:r>
          </w:p>
          <w:p w:rsidR="00156FB3" w:rsidRDefault="00156FB3" w:rsidP="00156FB3">
            <w:r>
              <w:t xml:space="preserve">                        if (endValueUnitType === "%") {</w:t>
            </w:r>
          </w:p>
          <w:p w:rsidR="00156FB3" w:rsidRDefault="00156FB3" w:rsidP="00156FB3">
            <w:r>
              <w:t xml:space="preserve">                            /* A %-value fontSize/lineHeight is relative to the parent's fontSize (as opposed to the parent's dimensions),</w:t>
            </w:r>
          </w:p>
          <w:p w:rsidR="00156FB3" w:rsidRDefault="00156FB3" w:rsidP="00156FB3">
            <w:r>
              <w:t xml:space="preserve">                               which is identical to the em unit's behavior, so we piggyback off of that. */</w:t>
            </w:r>
          </w:p>
          <w:p w:rsidR="00156FB3" w:rsidRDefault="00156FB3" w:rsidP="00156FB3">
            <w:r>
              <w:t xml:space="preserve">                            if (/^(fontSize|lineHeight)$/.test(property)) {</w:t>
            </w:r>
          </w:p>
          <w:p w:rsidR="00156FB3" w:rsidRDefault="00156FB3" w:rsidP="00156FB3">
            <w:r>
              <w:t xml:space="preserve">                                /* Convert % into an em decimal value. */</w:t>
            </w:r>
          </w:p>
          <w:p w:rsidR="00156FB3" w:rsidRDefault="00156FB3" w:rsidP="00156FB3">
            <w:r>
              <w:t xml:space="preserve">                                endValue = endValue / 100;</w:t>
            </w:r>
          </w:p>
          <w:p w:rsidR="00156FB3" w:rsidRDefault="00156FB3" w:rsidP="00156FB3">
            <w:r>
              <w:t xml:space="preserve">                                endValueUnitType = "em";</w:t>
            </w:r>
          </w:p>
          <w:p w:rsidR="00156FB3" w:rsidRDefault="00156FB3" w:rsidP="00156FB3">
            <w:r>
              <w:t xml:space="preserve">                            /* For scaleX and scaleY, convert the value into its decimal format and strip off the unit type. */</w:t>
            </w:r>
          </w:p>
          <w:p w:rsidR="00156FB3" w:rsidRDefault="00156FB3" w:rsidP="00156FB3">
            <w:r>
              <w:t xml:space="preserve">                            } else if (/^scale/.test(property)) {</w:t>
            </w:r>
          </w:p>
          <w:p w:rsidR="00156FB3" w:rsidRDefault="00156FB3" w:rsidP="00156FB3">
            <w:r>
              <w:t xml:space="preserve">                                endValue = endValue / 100;</w:t>
            </w:r>
          </w:p>
          <w:p w:rsidR="00156FB3" w:rsidRDefault="00156FB3" w:rsidP="00156FB3">
            <w:r>
              <w:t xml:space="preserve">                                endValueUnitType = "";</w:t>
            </w:r>
          </w:p>
          <w:p w:rsidR="00156FB3" w:rsidRDefault="00156FB3" w:rsidP="00156FB3">
            <w:r>
              <w:t xml:space="preserve">                            /* For RGB components, take the defined percentage of 255 and strip off the unit type. */</w:t>
            </w:r>
          </w:p>
          <w:p w:rsidR="00156FB3" w:rsidRDefault="00156FB3" w:rsidP="00156FB3">
            <w:r>
              <w:t xml:space="preserve">                            } else if (/(Red|Green|Blue)$/i.test(property)) {</w:t>
            </w:r>
          </w:p>
          <w:p w:rsidR="00156FB3" w:rsidRDefault="00156FB3" w:rsidP="00156FB3">
            <w:r>
              <w:lastRenderedPageBreak/>
              <w:t xml:space="preserve">                                endValue = (endValue / 100) * 255;</w:t>
            </w:r>
          </w:p>
          <w:p w:rsidR="00156FB3" w:rsidRDefault="00156FB3" w:rsidP="00156FB3">
            <w:r>
              <w:t xml:space="preserve">                                endValueUnitType =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Unit Ratio Calculation</w:t>
            </w:r>
          </w:p>
          <w:p w:rsidR="00156FB3" w:rsidRDefault="00156FB3" w:rsidP="00156FB3">
            <w:r>
              <w:t xml:space="preserve">                        ***************************/</w:t>
            </w:r>
          </w:p>
          <w:p w:rsidR="00156FB3" w:rsidRDefault="00156FB3" w:rsidP="00156FB3"/>
          <w:p w:rsidR="00156FB3" w:rsidRDefault="00156FB3" w:rsidP="00156FB3">
            <w:r>
              <w:t xml:space="preserve">                        /* When queried, the browser returns (most) CSS property values in pixels. Therefore, if an endValue with a unit type of</w:t>
            </w:r>
          </w:p>
          <w:p w:rsidR="00156FB3" w:rsidRDefault="00156FB3" w:rsidP="00156FB3">
            <w:r>
              <w:t xml:space="preserve">                           %, em, or rem is animated toward, startValue must be converted from pixels into the same unit type as endValue in order</w:t>
            </w:r>
          </w:p>
          <w:p w:rsidR="00156FB3" w:rsidRDefault="00156FB3" w:rsidP="00156FB3">
            <w:r>
              <w:t xml:space="preserve">                           for value manipulation logic (increment/decrement) to proceed. Further, if the startValue was forcefed or transferred</w:t>
            </w:r>
          </w:p>
          <w:p w:rsidR="00156FB3" w:rsidRDefault="00156FB3" w:rsidP="00156FB3">
            <w:r>
              <w:t xml:space="preserve">                           from a previous call, startValue may also not be in pixels. Unit conversion logic therefore consists of two steps:</w:t>
            </w:r>
          </w:p>
          <w:p w:rsidR="00156FB3" w:rsidRDefault="00156FB3" w:rsidP="00156FB3">
            <w:r>
              <w:t xml:space="preserve">                           1) Calculating the ratio of %/em/rem/vh/vw relative to pixels</w:t>
            </w:r>
          </w:p>
          <w:p w:rsidR="00156FB3" w:rsidRDefault="00156FB3" w:rsidP="00156FB3">
            <w:r>
              <w:t xml:space="preserve">                           2) Converting startValue into the same unit of measurement as endValue based on these ratios. */</w:t>
            </w:r>
          </w:p>
          <w:p w:rsidR="00156FB3" w:rsidRDefault="00156FB3" w:rsidP="00156FB3">
            <w:r>
              <w:t xml:space="preserve">                        /* Unit conversion ratios are calculated by inserting a sibling node next to the target node, copying over its position property,</w:t>
            </w:r>
          </w:p>
          <w:p w:rsidR="00156FB3" w:rsidRDefault="00156FB3" w:rsidP="00156FB3">
            <w:r>
              <w:t xml:space="preserve">                           setting values with the target unit type then comparing the returned pixel value. */</w:t>
            </w:r>
          </w:p>
          <w:p w:rsidR="00156FB3" w:rsidRDefault="00156FB3" w:rsidP="00156FB3">
            <w:r>
              <w:t xml:space="preserve">                        /* Note: Even if only one of these unit types is being animated, all unit ratios are calculated at once since the overhead</w:t>
            </w:r>
          </w:p>
          <w:p w:rsidR="00156FB3" w:rsidRDefault="00156FB3" w:rsidP="00156FB3">
            <w:r>
              <w:t xml:space="preserve">                           of batching the SETs and GETs together upfront outweights the potential overhead</w:t>
            </w:r>
          </w:p>
          <w:p w:rsidR="00156FB3" w:rsidRDefault="00156FB3" w:rsidP="00156FB3">
            <w:r>
              <w:t xml:space="preserve">                           of layout thrashing caused by re-querying for uncalculated ratios for subsequently-processed properties. */</w:t>
            </w:r>
          </w:p>
          <w:p w:rsidR="00156FB3" w:rsidRDefault="00156FB3" w:rsidP="00156FB3">
            <w:r>
              <w:t xml:space="preserve">                        /* Todo: Shift this logic into the calls' first tick instance so that it's synced with RAF. */</w:t>
            </w:r>
          </w:p>
          <w:p w:rsidR="00156FB3" w:rsidRDefault="00156FB3" w:rsidP="00156FB3">
            <w:r>
              <w:t xml:space="preserve">                        function calculateUnitRatios () {</w:t>
            </w:r>
          </w:p>
          <w:p w:rsidR="00156FB3" w:rsidRDefault="00156FB3" w:rsidP="00156FB3"/>
          <w:p w:rsidR="00156FB3" w:rsidRDefault="00156FB3" w:rsidP="00156FB3">
            <w:r>
              <w:t xml:space="preserve">                            /************************</w:t>
            </w:r>
          </w:p>
          <w:p w:rsidR="00156FB3" w:rsidRDefault="00156FB3" w:rsidP="00156FB3">
            <w:r>
              <w:t xml:space="preserve">                                Same Ratio Checks</w:t>
            </w:r>
          </w:p>
          <w:p w:rsidR="00156FB3" w:rsidRDefault="00156FB3" w:rsidP="00156FB3">
            <w:r>
              <w:t xml:space="preserve">                            ************************/</w:t>
            </w:r>
          </w:p>
          <w:p w:rsidR="00156FB3" w:rsidRDefault="00156FB3" w:rsidP="00156FB3"/>
          <w:p w:rsidR="00156FB3" w:rsidRDefault="00156FB3" w:rsidP="00156FB3">
            <w:r>
              <w:t xml:space="preserve">                            /* The properties below are used to determine whether the element differs sufficiently from this call's</w:t>
            </w:r>
          </w:p>
          <w:p w:rsidR="00156FB3" w:rsidRDefault="00156FB3" w:rsidP="00156FB3">
            <w:r>
              <w:t xml:space="preserve">                               previously iterated element to also differ in its unit conversion ratios. If the properties match up with those</w:t>
            </w:r>
          </w:p>
          <w:p w:rsidR="00156FB3" w:rsidRDefault="00156FB3" w:rsidP="00156FB3">
            <w:r>
              <w:t xml:space="preserve">                               of the prior element, the prior element's conversion ratios are used. Like most optimizations in Velocity,</w:t>
            </w:r>
          </w:p>
          <w:p w:rsidR="00156FB3" w:rsidRDefault="00156FB3" w:rsidP="00156FB3">
            <w:r>
              <w:t xml:space="preserve">                               this is done to minimize DOM querying. */</w:t>
            </w:r>
          </w:p>
          <w:p w:rsidR="00156FB3" w:rsidRDefault="00156FB3" w:rsidP="00156FB3">
            <w:r>
              <w:t xml:space="preserve">                            var sameRatioIndicators = {</w:t>
            </w:r>
          </w:p>
          <w:p w:rsidR="00156FB3" w:rsidRDefault="00156FB3" w:rsidP="00156FB3">
            <w:r>
              <w:t xml:space="preserve">                                    myParent: element.parentNode || document.body, /* GET */</w:t>
            </w:r>
          </w:p>
          <w:p w:rsidR="00156FB3" w:rsidRDefault="00156FB3" w:rsidP="00156FB3">
            <w:r>
              <w:t xml:space="preserve">                                    position: CSS.getPropertyValue(element, "position"), /* GET */</w:t>
            </w:r>
          </w:p>
          <w:p w:rsidR="00156FB3" w:rsidRDefault="00156FB3" w:rsidP="00156FB3">
            <w:r>
              <w:t xml:space="preserve">                                    fontSize: CSS.getPropertyValue(element, "fontSize") /* GET */</w:t>
            </w:r>
          </w:p>
          <w:p w:rsidR="00156FB3" w:rsidRDefault="00156FB3" w:rsidP="00156FB3">
            <w:r>
              <w:t xml:space="preserve">                                },</w:t>
            </w:r>
          </w:p>
          <w:p w:rsidR="00156FB3" w:rsidRDefault="00156FB3" w:rsidP="00156FB3">
            <w:r>
              <w:t xml:space="preserve">                                /* Determine if the same % ratio can be used. % is based on the element's position </w:t>
            </w:r>
            <w:r>
              <w:lastRenderedPageBreak/>
              <w:t>value and its parent's width and height dimensions. */</w:t>
            </w:r>
          </w:p>
          <w:p w:rsidR="00156FB3" w:rsidRDefault="00156FB3" w:rsidP="00156FB3">
            <w:r>
              <w:t xml:space="preserve">                                samePercentRatio = ((sameRatioIndicators.position === callUnitConversionData.lastPosition) &amp;&amp; (sameRatioIndicators.myParent === callUnitConversionData.lastParent)),</w:t>
            </w:r>
          </w:p>
          <w:p w:rsidR="00156FB3" w:rsidRDefault="00156FB3" w:rsidP="00156FB3">
            <w:r>
              <w:t xml:space="preserve">                                /* Determine if the same em ratio can be used. em is relative to the element's fontSize. */</w:t>
            </w:r>
          </w:p>
          <w:p w:rsidR="00156FB3" w:rsidRDefault="00156FB3" w:rsidP="00156FB3">
            <w:r>
              <w:t xml:space="preserve">                                sameEmRatio = (sameRatioIndicators.fontSize === callUnitConversionData.lastFontSize);</w:t>
            </w:r>
          </w:p>
          <w:p w:rsidR="00156FB3" w:rsidRDefault="00156FB3" w:rsidP="00156FB3"/>
          <w:p w:rsidR="00156FB3" w:rsidRDefault="00156FB3" w:rsidP="00156FB3">
            <w:r>
              <w:t xml:space="preserve">                            /* Store these ratio indicators call-wide for the next element to compare against. */</w:t>
            </w:r>
          </w:p>
          <w:p w:rsidR="00156FB3" w:rsidRDefault="00156FB3" w:rsidP="00156FB3">
            <w:r>
              <w:t xml:space="preserve">                            callUnitConversionData.lastParent = sameRatioIndicators.myParent;</w:t>
            </w:r>
          </w:p>
          <w:p w:rsidR="00156FB3" w:rsidRDefault="00156FB3" w:rsidP="00156FB3">
            <w:r>
              <w:t xml:space="preserve">                            callUnitConversionData.lastPosition = sameRatioIndicators.position;</w:t>
            </w:r>
          </w:p>
          <w:p w:rsidR="00156FB3" w:rsidRDefault="00156FB3" w:rsidP="00156FB3">
            <w:r>
              <w:t xml:space="preserve">                            callUnitConversionData.lastFontSize = sameRatioIndicators.fontSize;</w:t>
            </w:r>
          </w:p>
          <w:p w:rsidR="00156FB3" w:rsidRDefault="00156FB3" w:rsidP="00156FB3"/>
          <w:p w:rsidR="00156FB3" w:rsidRDefault="00156FB3" w:rsidP="00156FB3">
            <w:r>
              <w:t xml:space="preserve">                            /***************************</w:t>
            </w:r>
          </w:p>
          <w:p w:rsidR="00156FB3" w:rsidRDefault="00156FB3" w:rsidP="00156FB3">
            <w:r>
              <w:t xml:space="preserve">                               Element-Specific Units</w:t>
            </w:r>
          </w:p>
          <w:p w:rsidR="00156FB3" w:rsidRDefault="00156FB3" w:rsidP="00156FB3">
            <w:r>
              <w:t xml:space="preserve">                            ***************************/</w:t>
            </w:r>
          </w:p>
          <w:p w:rsidR="00156FB3" w:rsidRDefault="00156FB3" w:rsidP="00156FB3"/>
          <w:p w:rsidR="00156FB3" w:rsidRDefault="00156FB3" w:rsidP="00156FB3">
            <w:r>
              <w:t xml:space="preserve">                            /* Note: IE8 rounds to the nearest pixel when returning CSS values, thus we perform conversions using a measurement</w:t>
            </w:r>
          </w:p>
          <w:p w:rsidR="00156FB3" w:rsidRDefault="00156FB3" w:rsidP="00156FB3">
            <w:r>
              <w:t xml:space="preserve">                               of 100 (instead of 1) to give our ratios a precision of at least 2 decimal values. */</w:t>
            </w:r>
          </w:p>
          <w:p w:rsidR="00156FB3" w:rsidRDefault="00156FB3" w:rsidP="00156FB3">
            <w:r>
              <w:t xml:space="preserve">                            var measurement = 100,</w:t>
            </w:r>
          </w:p>
          <w:p w:rsidR="00156FB3" w:rsidRDefault="00156FB3" w:rsidP="00156FB3">
            <w:r>
              <w:t xml:space="preserve">                                unitRatios = {};</w:t>
            </w:r>
          </w:p>
          <w:p w:rsidR="00156FB3" w:rsidRDefault="00156FB3" w:rsidP="00156FB3"/>
          <w:p w:rsidR="00156FB3" w:rsidRDefault="00156FB3" w:rsidP="00156FB3">
            <w:r>
              <w:t xml:space="preserve">                            if (!sameEmRatio || !samePercentRatio) {</w:t>
            </w:r>
          </w:p>
          <w:p w:rsidR="00156FB3" w:rsidRDefault="00156FB3" w:rsidP="00156FB3">
            <w:r>
              <w:t xml:space="preserve">                                var dummy = Data(element).isSVG ? document.createElementNS("http://www.w3.org/2000/svg", "rect") : document.createElement("div");</w:t>
            </w:r>
          </w:p>
          <w:p w:rsidR="00156FB3" w:rsidRDefault="00156FB3" w:rsidP="00156FB3"/>
          <w:p w:rsidR="00156FB3" w:rsidRDefault="00156FB3" w:rsidP="00156FB3">
            <w:r>
              <w:t xml:space="preserve">                                Velocity.init(dummy);</w:t>
            </w:r>
          </w:p>
          <w:p w:rsidR="00156FB3" w:rsidRDefault="00156FB3" w:rsidP="00156FB3">
            <w:r>
              <w:t xml:space="preserve">                                sameRatioIndicators.myParent.appendChild(dummy);</w:t>
            </w:r>
          </w:p>
          <w:p w:rsidR="00156FB3" w:rsidRDefault="00156FB3" w:rsidP="00156FB3"/>
          <w:p w:rsidR="00156FB3" w:rsidRDefault="00156FB3" w:rsidP="00156FB3">
            <w:r>
              <w:t xml:space="preserve">                                /* To accurately and consistently calculate conversion ratios, the element's cascaded overflow and box-sizing are stripped.</w:t>
            </w:r>
          </w:p>
          <w:p w:rsidR="00156FB3" w:rsidRDefault="00156FB3" w:rsidP="00156FB3">
            <w:r>
              <w:t xml:space="preserve">                                   Similarly, since width/height can be artificially constrained by their min-/max- equivalents, these are controlled for as well. */</w:t>
            </w:r>
          </w:p>
          <w:p w:rsidR="00156FB3" w:rsidRDefault="00156FB3" w:rsidP="00156FB3">
            <w:r>
              <w:t xml:space="preserve">                                /* Note: Overflow must be also be controlled for per-axis since the overflow property overwrites its per-axis values. */</w:t>
            </w:r>
          </w:p>
          <w:p w:rsidR="00156FB3" w:rsidRDefault="00156FB3" w:rsidP="00156FB3">
            <w:r>
              <w:t xml:space="preserve">                                $.each([ "overflow", "overflowX", "overflowY" ], function(i, property) {</w:t>
            </w:r>
          </w:p>
          <w:p w:rsidR="00156FB3" w:rsidRDefault="00156FB3" w:rsidP="00156FB3">
            <w:r>
              <w:t xml:space="preserve">                                    Velocity.CSS.setPropertyValue(dummy, property, "hidden");</w:t>
            </w:r>
          </w:p>
          <w:p w:rsidR="00156FB3" w:rsidRDefault="00156FB3" w:rsidP="00156FB3">
            <w:r>
              <w:t xml:space="preserve">                                });</w:t>
            </w:r>
          </w:p>
          <w:p w:rsidR="00156FB3" w:rsidRDefault="00156FB3" w:rsidP="00156FB3">
            <w:r>
              <w:t xml:space="preserve">                                Velocity.CSS.setPropertyValue(dummy, "position", sameRatioIndicators.position);</w:t>
            </w:r>
          </w:p>
          <w:p w:rsidR="00156FB3" w:rsidRDefault="00156FB3" w:rsidP="00156FB3">
            <w:r>
              <w:t xml:space="preserve">                                Velocity.CSS.setPropertyValue(dummy, "fontSize", sameRatioIndicators.fontSize);</w:t>
            </w:r>
          </w:p>
          <w:p w:rsidR="00156FB3" w:rsidRDefault="00156FB3" w:rsidP="00156FB3">
            <w:r>
              <w:t xml:space="preserve">                                Velocity.CSS.setPropertyValue(dummy, "boxSizing", "content-box");</w:t>
            </w:r>
          </w:p>
          <w:p w:rsidR="00156FB3" w:rsidRDefault="00156FB3" w:rsidP="00156FB3"/>
          <w:p w:rsidR="00156FB3" w:rsidRDefault="00156FB3" w:rsidP="00156FB3">
            <w:r>
              <w:t xml:space="preserve">                                /* width and height act as our proxy properties for measuring the horizontal and vertical % ratios. */</w:t>
            </w:r>
          </w:p>
          <w:p w:rsidR="00156FB3" w:rsidRDefault="00156FB3" w:rsidP="00156FB3">
            <w:r>
              <w:t xml:space="preserve">                                $.each([ "minWidth", "maxWidth", "width", "minHeight", "maxHeight", "height" ], function(i, property) {</w:t>
            </w:r>
          </w:p>
          <w:p w:rsidR="00156FB3" w:rsidRDefault="00156FB3" w:rsidP="00156FB3">
            <w:r>
              <w:lastRenderedPageBreak/>
              <w:t xml:space="preserve">                                    Velocity.CSS.setPropertyValue(dummy, property, measurement + "%");</w:t>
            </w:r>
          </w:p>
          <w:p w:rsidR="00156FB3" w:rsidRDefault="00156FB3" w:rsidP="00156FB3">
            <w:r>
              <w:t xml:space="preserve">                                });</w:t>
            </w:r>
          </w:p>
          <w:p w:rsidR="00156FB3" w:rsidRDefault="00156FB3" w:rsidP="00156FB3">
            <w:r>
              <w:t xml:space="preserve">                                /* paddingLeft arbitrarily acts as our proxy property for the em ratio. */</w:t>
            </w:r>
          </w:p>
          <w:p w:rsidR="00156FB3" w:rsidRDefault="00156FB3" w:rsidP="00156FB3">
            <w:r>
              <w:t xml:space="preserve">                                Velocity.CSS.setPropertyValue(dummy, "paddingLeft", measurement + "em");</w:t>
            </w:r>
          </w:p>
          <w:p w:rsidR="00156FB3" w:rsidRDefault="00156FB3" w:rsidP="00156FB3"/>
          <w:p w:rsidR="00156FB3" w:rsidRDefault="00156FB3" w:rsidP="00156FB3">
            <w:r>
              <w:t xml:space="preserve">                                /* Divide the returned value by the measurement to get the ratio between 1% and 1px. Default to 1 since working with 0 can produce Infinite. */</w:t>
            </w:r>
          </w:p>
          <w:p w:rsidR="00156FB3" w:rsidRDefault="00156FB3" w:rsidP="00156FB3">
            <w:r>
              <w:t xml:space="preserve">                                unitRatios.percentToPxWidth = callUnitConversionData.lastPercentToPxWidth = (parseFloat(CSS.getPropertyValue(dummy, "width", null, true)) || 1) / measurement; /* GET */</w:t>
            </w:r>
          </w:p>
          <w:p w:rsidR="00156FB3" w:rsidRDefault="00156FB3" w:rsidP="00156FB3">
            <w:r>
              <w:t xml:space="preserve">                                unitRatios.percentToPxHeight = callUnitConversionData.lastPercentToPxHeight = (parseFloat(CSS.getPropertyValue(dummy, "height", null, true)) || 1) / measurement; /* GET */</w:t>
            </w:r>
          </w:p>
          <w:p w:rsidR="00156FB3" w:rsidRDefault="00156FB3" w:rsidP="00156FB3">
            <w:r>
              <w:t xml:space="preserve">                                unitRatios.emToPx = callUnitConversionData.lastEmToPx = (parseFloat(CSS.getPropertyValue(dummy, "paddingLeft")) || 1) / measurement; /* GET */</w:t>
            </w:r>
          </w:p>
          <w:p w:rsidR="00156FB3" w:rsidRDefault="00156FB3" w:rsidP="00156FB3"/>
          <w:p w:rsidR="00156FB3" w:rsidRDefault="00156FB3" w:rsidP="00156FB3">
            <w:r>
              <w:t xml:space="preserve">                                sameRatioIndicators.myParent.removeChild(dummy);</w:t>
            </w:r>
          </w:p>
          <w:p w:rsidR="00156FB3" w:rsidRDefault="00156FB3" w:rsidP="00156FB3">
            <w:r>
              <w:t xml:space="preserve">                            } else {</w:t>
            </w:r>
          </w:p>
          <w:p w:rsidR="00156FB3" w:rsidRDefault="00156FB3" w:rsidP="00156FB3">
            <w:r>
              <w:t xml:space="preserve">                                unitRatios.emToPx = callUnitConversionData.lastEmToPx;</w:t>
            </w:r>
          </w:p>
          <w:p w:rsidR="00156FB3" w:rsidRDefault="00156FB3" w:rsidP="00156FB3">
            <w:r>
              <w:t xml:space="preserve">                                unitRatios.percentToPxWidth = callUnitConversionData.lastPercentToPxWidth;</w:t>
            </w:r>
          </w:p>
          <w:p w:rsidR="00156FB3" w:rsidRDefault="00156FB3" w:rsidP="00156FB3">
            <w:r>
              <w:t xml:space="preserve">                                unitRatios.percentToPxHeight = callUnitConversionData.lastPercentToPxHeigh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Element-Agnostic Units</w:t>
            </w:r>
          </w:p>
          <w:p w:rsidR="00156FB3" w:rsidRDefault="00156FB3" w:rsidP="00156FB3">
            <w:r>
              <w:t xml:space="preserve">                            ***************************/</w:t>
            </w:r>
          </w:p>
          <w:p w:rsidR="00156FB3" w:rsidRDefault="00156FB3" w:rsidP="00156FB3"/>
          <w:p w:rsidR="00156FB3" w:rsidRDefault="00156FB3" w:rsidP="00156FB3">
            <w:r>
              <w:t xml:space="preserve">                            /* Whereas % and em ratios are determined on a per-element basis, the rem unit only needs to be checked</w:t>
            </w:r>
          </w:p>
          <w:p w:rsidR="00156FB3" w:rsidRDefault="00156FB3" w:rsidP="00156FB3">
            <w:r>
              <w:t xml:space="preserve">                               once per call since it's exclusively dependant upon document.body's fontSize. If this is the first time</w:t>
            </w:r>
          </w:p>
          <w:p w:rsidR="00156FB3" w:rsidRDefault="00156FB3" w:rsidP="00156FB3">
            <w:r>
              <w:t xml:space="preserve">                               that calculateUnitRatios() is being run during this call, remToPx will still be set to its default value of null,</w:t>
            </w:r>
          </w:p>
          <w:p w:rsidR="00156FB3" w:rsidRDefault="00156FB3" w:rsidP="00156FB3">
            <w:r>
              <w:t xml:space="preserve">                               so we calculate it now. */</w:t>
            </w:r>
          </w:p>
          <w:p w:rsidR="00156FB3" w:rsidRDefault="00156FB3" w:rsidP="00156FB3">
            <w:r>
              <w:t xml:space="preserve">                            if (callUnitConversionData.remToPx === null) {</w:t>
            </w:r>
          </w:p>
          <w:p w:rsidR="00156FB3" w:rsidRDefault="00156FB3" w:rsidP="00156FB3">
            <w:r>
              <w:t xml:space="preserve">                                /* Default to browsers' default fontSize of 16px in the case of 0. */</w:t>
            </w:r>
          </w:p>
          <w:p w:rsidR="00156FB3" w:rsidRDefault="00156FB3" w:rsidP="00156FB3">
            <w:r>
              <w:t xml:space="preserve">                                callUnitConversionData.remToPx = parseFloat(CSS.getPropertyValue(document.body, "fontSize")) || 16; /* GET */</w:t>
            </w:r>
          </w:p>
          <w:p w:rsidR="00156FB3" w:rsidRDefault="00156FB3" w:rsidP="00156FB3">
            <w:r>
              <w:t xml:space="preserve">                            }</w:t>
            </w:r>
          </w:p>
          <w:p w:rsidR="00156FB3" w:rsidRDefault="00156FB3" w:rsidP="00156FB3"/>
          <w:p w:rsidR="00156FB3" w:rsidRDefault="00156FB3" w:rsidP="00156FB3">
            <w:r>
              <w:t xml:space="preserve">                            /* Similarly, viewport units are %-relative to the window's inner dimensions. */</w:t>
            </w:r>
          </w:p>
          <w:p w:rsidR="00156FB3" w:rsidRDefault="00156FB3" w:rsidP="00156FB3">
            <w:r>
              <w:t xml:space="preserve">                            if (callUnitConversionData.vwToPx === null) {</w:t>
            </w:r>
          </w:p>
          <w:p w:rsidR="00156FB3" w:rsidRDefault="00156FB3" w:rsidP="00156FB3">
            <w:r>
              <w:t xml:space="preserve">                                callUnitConversionData.vwToPx = parseFloat(window.innerWidth) / 100; /* GET */</w:t>
            </w:r>
          </w:p>
          <w:p w:rsidR="00156FB3" w:rsidRDefault="00156FB3" w:rsidP="00156FB3">
            <w:r>
              <w:t xml:space="preserve">                                callUnitConversionData.vhToPx = parseFloat(window.innerHeight) / 100; /* GET */</w:t>
            </w:r>
          </w:p>
          <w:p w:rsidR="00156FB3" w:rsidRDefault="00156FB3" w:rsidP="00156FB3">
            <w:r>
              <w:t xml:space="preserve">                            }</w:t>
            </w:r>
          </w:p>
          <w:p w:rsidR="00156FB3" w:rsidRDefault="00156FB3" w:rsidP="00156FB3"/>
          <w:p w:rsidR="00156FB3" w:rsidRDefault="00156FB3" w:rsidP="00156FB3">
            <w:r>
              <w:t xml:space="preserve">                            unitRatios.remToPx = callUnitConversionData.remToPx;</w:t>
            </w:r>
          </w:p>
          <w:p w:rsidR="00156FB3" w:rsidRDefault="00156FB3" w:rsidP="00156FB3">
            <w:r>
              <w:t xml:space="preserve">                            unitRatios.vwToPx = callUnitConversionData.vwToPx;</w:t>
            </w:r>
          </w:p>
          <w:p w:rsidR="00156FB3" w:rsidRDefault="00156FB3" w:rsidP="00156FB3">
            <w:r>
              <w:t xml:space="preserve">                            unitRatios.vhToPx = callUnitConversionData.vhToPx;</w:t>
            </w:r>
          </w:p>
          <w:p w:rsidR="00156FB3" w:rsidRDefault="00156FB3" w:rsidP="00156FB3"/>
          <w:p w:rsidR="00156FB3" w:rsidRDefault="00156FB3" w:rsidP="00156FB3">
            <w:r>
              <w:lastRenderedPageBreak/>
              <w:t xml:space="preserve">                            if (Velocity.debug &gt;= 1) console.log("Unit ratios: " + JSON.stringify(unitRatios), element);</w:t>
            </w:r>
          </w:p>
          <w:p w:rsidR="00156FB3" w:rsidRDefault="00156FB3" w:rsidP="00156FB3"/>
          <w:p w:rsidR="00156FB3" w:rsidRDefault="00156FB3" w:rsidP="00156FB3">
            <w:r>
              <w:t xml:space="preserve">                            return unitRatio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Unit Conversion</w:t>
            </w:r>
          </w:p>
          <w:p w:rsidR="00156FB3" w:rsidRDefault="00156FB3" w:rsidP="00156FB3">
            <w:r>
              <w:t xml:space="preserve">                        ********************/</w:t>
            </w:r>
          </w:p>
          <w:p w:rsidR="00156FB3" w:rsidRDefault="00156FB3" w:rsidP="00156FB3"/>
          <w:p w:rsidR="00156FB3" w:rsidRDefault="00156FB3" w:rsidP="00156FB3">
            <w:r>
              <w:t xml:space="preserve">                        /* The * and / operators, which are not passed in with an associated unit, inherently use startValue's unit. Skip value and unit conversion. */</w:t>
            </w:r>
          </w:p>
          <w:p w:rsidR="00156FB3" w:rsidRDefault="00156FB3" w:rsidP="00156FB3">
            <w:r>
              <w:t xml:space="preserve">                        if (/[\/*]/.test(operator)) {</w:t>
            </w:r>
          </w:p>
          <w:p w:rsidR="00156FB3" w:rsidRDefault="00156FB3" w:rsidP="00156FB3">
            <w:r>
              <w:t xml:space="preserve">                            endValueUnitType = startValueUnitType;</w:t>
            </w:r>
          </w:p>
          <w:p w:rsidR="00156FB3" w:rsidRDefault="00156FB3" w:rsidP="00156FB3">
            <w:r>
              <w:t xml:space="preserve">                        /* If startValue and endValue differ in unit type, convert startValue into the same unit type as endValue so that if endValueUnitType</w:t>
            </w:r>
          </w:p>
          <w:p w:rsidR="00156FB3" w:rsidRDefault="00156FB3" w:rsidP="00156FB3">
            <w:r>
              <w:t xml:space="preserve">                           is a relative unit (%, em, rem), the values set during tweening will continue to be accurately relative even if the metrics they depend</w:t>
            </w:r>
          </w:p>
          <w:p w:rsidR="00156FB3" w:rsidRDefault="00156FB3" w:rsidP="00156FB3">
            <w:r>
              <w:t xml:space="preserve">                           on are dynamically changing during the course of the animation. Conversely, if we always normalized into px and used px for setting values, the px ratio</w:t>
            </w:r>
          </w:p>
          <w:p w:rsidR="00156FB3" w:rsidRDefault="00156FB3" w:rsidP="00156FB3">
            <w:r>
              <w:t xml:space="preserve">                           would become stale if the original unit being animated toward was relative and the underlying metrics change during the animation. */</w:t>
            </w:r>
          </w:p>
          <w:p w:rsidR="00156FB3" w:rsidRDefault="00156FB3" w:rsidP="00156FB3">
            <w:r>
              <w:t xml:space="preserve">                        /* Since 0 is 0 in any unit type, no conversion is necessary when startValue is 0 -- we just start at 0 with endValueUnitType. */</w:t>
            </w:r>
          </w:p>
          <w:p w:rsidR="00156FB3" w:rsidRDefault="00156FB3" w:rsidP="00156FB3">
            <w:r>
              <w:t xml:space="preserve">                        } else if ((startValueUnitType !== endValueUnitType) &amp;&amp; startValue !== 0) {</w:t>
            </w:r>
          </w:p>
          <w:p w:rsidR="00156FB3" w:rsidRDefault="00156FB3" w:rsidP="00156FB3">
            <w:r>
              <w:t xml:space="preserve">                            /* Unit conversion is also skipped when endValue is 0, but *startValueUnitType* must be used for tween values to remain accurate. */</w:t>
            </w:r>
          </w:p>
          <w:p w:rsidR="00156FB3" w:rsidRDefault="00156FB3" w:rsidP="00156FB3">
            <w:r>
              <w:t xml:space="preserve">                            /* Note: Skipping unit conversion here means that if endValueUnitType was originally a relative unit, the animation won't relatively</w:t>
            </w:r>
          </w:p>
          <w:p w:rsidR="00156FB3" w:rsidRDefault="00156FB3" w:rsidP="00156FB3">
            <w:r>
              <w:t xml:space="preserve">                               match the underlying metrics if they change, but this is acceptable since we're animating toward invisibility instead of toward visibility,</w:t>
            </w:r>
          </w:p>
          <w:p w:rsidR="00156FB3" w:rsidRDefault="00156FB3" w:rsidP="00156FB3">
            <w:r>
              <w:t xml:space="preserve">                               which remains past the point of the animation's completion. */</w:t>
            </w:r>
          </w:p>
          <w:p w:rsidR="00156FB3" w:rsidRDefault="00156FB3" w:rsidP="00156FB3">
            <w:r>
              <w:t xml:space="preserve">                            if (endValue === 0) {</w:t>
            </w:r>
          </w:p>
          <w:p w:rsidR="00156FB3" w:rsidRDefault="00156FB3" w:rsidP="00156FB3">
            <w:r>
              <w:t xml:space="preserve">                                endValueUnitType = startValueUnitType;</w:t>
            </w:r>
          </w:p>
          <w:p w:rsidR="00156FB3" w:rsidRDefault="00156FB3" w:rsidP="00156FB3">
            <w:r>
              <w:t xml:space="preserve">                            } else {</w:t>
            </w:r>
          </w:p>
          <w:p w:rsidR="00156FB3" w:rsidRDefault="00156FB3" w:rsidP="00156FB3">
            <w:r>
              <w:t xml:space="preserve">                                /* By this point, we cannot avoid unit conversion (it's undesirable since it causes layout thrashing).</w:t>
            </w:r>
          </w:p>
          <w:p w:rsidR="00156FB3" w:rsidRDefault="00156FB3" w:rsidP="00156FB3">
            <w:r>
              <w:t xml:space="preserve">                                   If we haven't already, we trigger calculateUnitRatios(), which runs once per element per call. */</w:t>
            </w:r>
          </w:p>
          <w:p w:rsidR="00156FB3" w:rsidRDefault="00156FB3" w:rsidP="00156FB3">
            <w:r>
              <w:t xml:space="preserve">                                elementUnitConversionData = elementUnitConversionData || calculateUnitRatios();</w:t>
            </w:r>
          </w:p>
          <w:p w:rsidR="00156FB3" w:rsidRDefault="00156FB3" w:rsidP="00156FB3"/>
          <w:p w:rsidR="00156FB3" w:rsidRDefault="00156FB3" w:rsidP="00156FB3">
            <w:r>
              <w:t xml:space="preserve">                                /* The following RegEx matches CSS properties that have their % values measured relative to the x-axis. */</w:t>
            </w:r>
          </w:p>
          <w:p w:rsidR="00156FB3" w:rsidRDefault="00156FB3" w:rsidP="00156FB3">
            <w:r>
              <w:t xml:space="preserve">                                /* Note: W3C spec mandates that all of margin and padding's properties (even top and bottom) are %-relative to the *width* of the parent element. */</w:t>
            </w:r>
          </w:p>
          <w:p w:rsidR="00156FB3" w:rsidRDefault="00156FB3" w:rsidP="00156FB3">
            <w:r>
              <w:t xml:space="preserve">                                var axis = (/margin|padding|left|right|width|text|word|letter/i.test(property) || /X$/.test(property) || property === "x") ? "x" : "y";</w:t>
            </w:r>
          </w:p>
          <w:p w:rsidR="00156FB3" w:rsidRDefault="00156FB3" w:rsidP="00156FB3"/>
          <w:p w:rsidR="00156FB3" w:rsidRDefault="00156FB3" w:rsidP="00156FB3">
            <w:r>
              <w:t xml:space="preserve">                                /* In order to avoid generating n^2 bespoke conversion functions, unit conversion is a </w:t>
            </w:r>
            <w:r>
              <w:lastRenderedPageBreak/>
              <w:t>two-step process:</w:t>
            </w:r>
          </w:p>
          <w:p w:rsidR="00156FB3" w:rsidRDefault="00156FB3" w:rsidP="00156FB3">
            <w:r>
              <w:t xml:space="preserve">                                   1) Convert startValue into pixels. 2) Convert this new pixel value into endValue's unit type. */</w:t>
            </w:r>
          </w:p>
          <w:p w:rsidR="00156FB3" w:rsidRDefault="00156FB3" w:rsidP="00156FB3">
            <w:r>
              <w:t xml:space="preserve">                                switch (startValueUnitType) {</w:t>
            </w:r>
          </w:p>
          <w:p w:rsidR="00156FB3" w:rsidRDefault="00156FB3" w:rsidP="00156FB3">
            <w:r>
              <w:t xml:space="preserve">                                    case "%":</w:t>
            </w:r>
          </w:p>
          <w:p w:rsidR="00156FB3" w:rsidRDefault="00156FB3" w:rsidP="00156FB3">
            <w:r>
              <w:t xml:space="preserve">                                        /* Note: translateX and translateY are the only properties that are %-relative to an element's own dimensions -- not its parent's dimensions.</w:t>
            </w:r>
          </w:p>
          <w:p w:rsidR="00156FB3" w:rsidRDefault="00156FB3" w:rsidP="00156FB3">
            <w:r>
              <w:t xml:space="preserve">                                           Velocity does not include a special conversion process to account for this behavior. Therefore, animating translateX/Y from a % value</w:t>
            </w:r>
          </w:p>
          <w:p w:rsidR="00156FB3" w:rsidRDefault="00156FB3" w:rsidP="00156FB3">
            <w:r>
              <w:t xml:space="preserve">                                           to a non-% value will produce an incorrect start value. Fortunately, this sort of cross-unit conversion is rarely done by users in practice. */</w:t>
            </w:r>
          </w:p>
          <w:p w:rsidR="00156FB3" w:rsidRDefault="00156FB3" w:rsidP="00156FB3">
            <w:r>
              <w:t xml:space="preserve">                                        startValue *= (axis === "x" ? elementUnitConversionData.percentToPxWidth : elementUnitConversionData.percentToPxHeight);</w:t>
            </w:r>
          </w:p>
          <w:p w:rsidR="00156FB3" w:rsidRDefault="00156FB3" w:rsidP="00156FB3">
            <w:r>
              <w:t xml:space="preserve">                                        break;</w:t>
            </w:r>
          </w:p>
          <w:p w:rsidR="00156FB3" w:rsidRDefault="00156FB3" w:rsidP="00156FB3"/>
          <w:p w:rsidR="00156FB3" w:rsidRDefault="00156FB3" w:rsidP="00156FB3">
            <w:r>
              <w:t xml:space="preserve">                                    case "px":</w:t>
            </w:r>
          </w:p>
          <w:p w:rsidR="00156FB3" w:rsidRDefault="00156FB3" w:rsidP="00156FB3">
            <w:r>
              <w:t xml:space="preserve">                                        /* px acts as our midpoint in the unit conversion process; do nothing. */</w:t>
            </w:r>
          </w:p>
          <w:p w:rsidR="00156FB3" w:rsidRDefault="00156FB3" w:rsidP="00156FB3">
            <w:r>
              <w:t xml:space="preserve">                                        break;</w:t>
            </w:r>
          </w:p>
          <w:p w:rsidR="00156FB3" w:rsidRDefault="00156FB3" w:rsidP="00156FB3"/>
          <w:p w:rsidR="00156FB3" w:rsidRDefault="00156FB3" w:rsidP="00156FB3">
            <w:r>
              <w:t xml:space="preserve">                                    default:</w:t>
            </w:r>
          </w:p>
          <w:p w:rsidR="00156FB3" w:rsidRDefault="00156FB3" w:rsidP="00156FB3">
            <w:r>
              <w:t xml:space="preserve">                                        startValue *= elementUnitConversionData[startValueUnitType + "ToPx"];</w:t>
            </w:r>
          </w:p>
          <w:p w:rsidR="00156FB3" w:rsidRDefault="00156FB3" w:rsidP="00156FB3">
            <w:r>
              <w:t xml:space="preserve">                                }</w:t>
            </w:r>
          </w:p>
          <w:p w:rsidR="00156FB3" w:rsidRDefault="00156FB3" w:rsidP="00156FB3"/>
          <w:p w:rsidR="00156FB3" w:rsidRDefault="00156FB3" w:rsidP="00156FB3">
            <w:r>
              <w:t xml:space="preserve">                                /* Invert the px ratios to convert into to the target unit. */</w:t>
            </w:r>
          </w:p>
          <w:p w:rsidR="00156FB3" w:rsidRDefault="00156FB3" w:rsidP="00156FB3">
            <w:r>
              <w:t xml:space="preserve">                                switch (endValueUnitType) {</w:t>
            </w:r>
          </w:p>
          <w:p w:rsidR="00156FB3" w:rsidRDefault="00156FB3" w:rsidP="00156FB3">
            <w:r>
              <w:t xml:space="preserve">                                    case "%":</w:t>
            </w:r>
          </w:p>
          <w:p w:rsidR="00156FB3" w:rsidRDefault="00156FB3" w:rsidP="00156FB3">
            <w:r>
              <w:t xml:space="preserve">                                        startValue *= 1 / (axis === "x" ? elementUnitConversionData.percentToPxWidth : elementUnitConversionData.percentToPxHeight);</w:t>
            </w:r>
          </w:p>
          <w:p w:rsidR="00156FB3" w:rsidRDefault="00156FB3" w:rsidP="00156FB3">
            <w:r>
              <w:t xml:space="preserve">                                        break;</w:t>
            </w:r>
          </w:p>
          <w:p w:rsidR="00156FB3" w:rsidRDefault="00156FB3" w:rsidP="00156FB3"/>
          <w:p w:rsidR="00156FB3" w:rsidRDefault="00156FB3" w:rsidP="00156FB3">
            <w:r>
              <w:t xml:space="preserve">                                    case "px":</w:t>
            </w:r>
          </w:p>
          <w:p w:rsidR="00156FB3" w:rsidRDefault="00156FB3" w:rsidP="00156FB3">
            <w:r>
              <w:t xml:space="preserve">                                        /* startValue is already in px, do nothing; we're done. */</w:t>
            </w:r>
          </w:p>
          <w:p w:rsidR="00156FB3" w:rsidRDefault="00156FB3" w:rsidP="00156FB3">
            <w:r>
              <w:t xml:space="preserve">                                        break;</w:t>
            </w:r>
          </w:p>
          <w:p w:rsidR="00156FB3" w:rsidRDefault="00156FB3" w:rsidP="00156FB3"/>
          <w:p w:rsidR="00156FB3" w:rsidRDefault="00156FB3" w:rsidP="00156FB3">
            <w:r>
              <w:t xml:space="preserve">                                    default:</w:t>
            </w:r>
          </w:p>
          <w:p w:rsidR="00156FB3" w:rsidRDefault="00156FB3" w:rsidP="00156FB3">
            <w:r>
              <w:t xml:space="preserve">                                        startValue *= 1 / elementUnitConversionData[endValueUnitType + "ToPx"];</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Relative Values</w:t>
            </w:r>
          </w:p>
          <w:p w:rsidR="00156FB3" w:rsidRDefault="00156FB3" w:rsidP="00156FB3">
            <w:r>
              <w:t xml:space="preserve">                        *********************/</w:t>
            </w:r>
          </w:p>
          <w:p w:rsidR="00156FB3" w:rsidRDefault="00156FB3" w:rsidP="00156FB3"/>
          <w:p w:rsidR="00156FB3" w:rsidRDefault="00156FB3" w:rsidP="00156FB3">
            <w:r>
              <w:t xml:space="preserve">                        /* Operator logic must be performed last since it requires unit-normalized start and end values. */</w:t>
            </w:r>
          </w:p>
          <w:p w:rsidR="00156FB3" w:rsidRDefault="00156FB3" w:rsidP="00156FB3">
            <w:r>
              <w:t xml:space="preserve">                        /* Note: Relative *percent values* do not behave how most people think; while one would expect "+=50%"</w:t>
            </w:r>
          </w:p>
          <w:p w:rsidR="00156FB3" w:rsidRDefault="00156FB3" w:rsidP="00156FB3">
            <w:r>
              <w:lastRenderedPageBreak/>
              <w:t xml:space="preserve">                           to increase the property 1.5x its current value, it in fact increases the percent units in absolute terms:</w:t>
            </w:r>
          </w:p>
          <w:p w:rsidR="00156FB3" w:rsidRDefault="00156FB3" w:rsidP="00156FB3">
            <w:r>
              <w:t xml:space="preserve">                           50 points is added on top of the current % value. */</w:t>
            </w:r>
          </w:p>
          <w:p w:rsidR="00156FB3" w:rsidRDefault="00156FB3" w:rsidP="00156FB3">
            <w:r>
              <w:t xml:space="preserve">                        switch (operator) {</w:t>
            </w:r>
          </w:p>
          <w:p w:rsidR="00156FB3" w:rsidRDefault="00156FB3" w:rsidP="00156FB3">
            <w:r>
              <w:t xml:space="preserve">                            case "+":</w:t>
            </w:r>
          </w:p>
          <w:p w:rsidR="00156FB3" w:rsidRDefault="00156FB3" w:rsidP="00156FB3">
            <w:r>
              <w:t xml:space="preserve">                                endValue = startValue + endValue;</w:t>
            </w:r>
          </w:p>
          <w:p w:rsidR="00156FB3" w:rsidRDefault="00156FB3" w:rsidP="00156FB3">
            <w:r>
              <w:t xml:space="preserve">                                break;</w:t>
            </w:r>
          </w:p>
          <w:p w:rsidR="00156FB3" w:rsidRDefault="00156FB3" w:rsidP="00156FB3"/>
          <w:p w:rsidR="00156FB3" w:rsidRDefault="00156FB3" w:rsidP="00156FB3">
            <w:r>
              <w:t xml:space="preserve">                            case "-":</w:t>
            </w:r>
          </w:p>
          <w:p w:rsidR="00156FB3" w:rsidRDefault="00156FB3" w:rsidP="00156FB3">
            <w:r>
              <w:t xml:space="preserve">                                endValue = startValue - endValue;</w:t>
            </w:r>
          </w:p>
          <w:p w:rsidR="00156FB3" w:rsidRDefault="00156FB3" w:rsidP="00156FB3">
            <w:r>
              <w:t xml:space="preserve">                                break;</w:t>
            </w:r>
          </w:p>
          <w:p w:rsidR="00156FB3" w:rsidRDefault="00156FB3" w:rsidP="00156FB3"/>
          <w:p w:rsidR="00156FB3" w:rsidRDefault="00156FB3" w:rsidP="00156FB3">
            <w:r>
              <w:t xml:space="preserve">                            case "*":</w:t>
            </w:r>
          </w:p>
          <w:p w:rsidR="00156FB3" w:rsidRDefault="00156FB3" w:rsidP="00156FB3">
            <w:r>
              <w:t xml:space="preserve">                                endValue = startValue * endValue;</w:t>
            </w:r>
          </w:p>
          <w:p w:rsidR="00156FB3" w:rsidRDefault="00156FB3" w:rsidP="00156FB3">
            <w:r>
              <w:t xml:space="preserve">                                break;</w:t>
            </w:r>
          </w:p>
          <w:p w:rsidR="00156FB3" w:rsidRDefault="00156FB3" w:rsidP="00156FB3"/>
          <w:p w:rsidR="00156FB3" w:rsidRDefault="00156FB3" w:rsidP="00156FB3">
            <w:r>
              <w:t xml:space="preserve">                            case "/":</w:t>
            </w:r>
          </w:p>
          <w:p w:rsidR="00156FB3" w:rsidRDefault="00156FB3" w:rsidP="00156FB3">
            <w:r>
              <w:t xml:space="preserve">                                endValue = startValue / endValue;</w:t>
            </w:r>
          </w:p>
          <w:p w:rsidR="00156FB3" w:rsidRDefault="00156FB3" w:rsidP="00156FB3">
            <w:r>
              <w:t xml:space="preserve">                                break;</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tweensContainer Push</w:t>
            </w:r>
          </w:p>
          <w:p w:rsidR="00156FB3" w:rsidRDefault="00156FB3" w:rsidP="00156FB3">
            <w:r>
              <w:t xml:space="preserve">                        **************************/</w:t>
            </w:r>
          </w:p>
          <w:p w:rsidR="00156FB3" w:rsidRDefault="00156FB3" w:rsidP="00156FB3"/>
          <w:p w:rsidR="00156FB3" w:rsidRDefault="00156FB3" w:rsidP="00156FB3">
            <w:r>
              <w:t xml:space="preserve">                        /* Construct the per-property tween object, and push it to the element's tweensContainer. */</w:t>
            </w:r>
          </w:p>
          <w:p w:rsidR="00156FB3" w:rsidRDefault="00156FB3" w:rsidP="00156FB3">
            <w:r>
              <w:t xml:space="preserve">                        tweensContainer[property] = {</w:t>
            </w:r>
          </w:p>
          <w:p w:rsidR="00156FB3" w:rsidRDefault="00156FB3" w:rsidP="00156FB3">
            <w:r>
              <w:t xml:space="preserve">                            rootPropertyValue: rootPropertyValue,</w:t>
            </w:r>
          </w:p>
          <w:p w:rsidR="00156FB3" w:rsidRDefault="00156FB3" w:rsidP="00156FB3">
            <w:r>
              <w:t xml:space="preserve">                            startValue: startValue,</w:t>
            </w:r>
          </w:p>
          <w:p w:rsidR="00156FB3" w:rsidRDefault="00156FB3" w:rsidP="00156FB3">
            <w:r>
              <w:t xml:space="preserve">                            currentValue: startValue,</w:t>
            </w:r>
          </w:p>
          <w:p w:rsidR="00156FB3" w:rsidRDefault="00156FB3" w:rsidP="00156FB3">
            <w:r>
              <w:t xml:space="preserve">                            endValue: endValue,</w:t>
            </w:r>
          </w:p>
          <w:p w:rsidR="00156FB3" w:rsidRDefault="00156FB3" w:rsidP="00156FB3">
            <w:r>
              <w:t xml:space="preserve">                            unitType: endValueUnitType,</w:t>
            </w:r>
          </w:p>
          <w:p w:rsidR="00156FB3" w:rsidRDefault="00156FB3" w:rsidP="00156FB3">
            <w:r>
              <w:t xml:space="preserve">                            easing: easing</w:t>
            </w:r>
          </w:p>
          <w:p w:rsidR="00156FB3" w:rsidRDefault="00156FB3" w:rsidP="00156FB3">
            <w:r>
              <w:t xml:space="preserve">                        };</w:t>
            </w:r>
          </w:p>
          <w:p w:rsidR="00156FB3" w:rsidRDefault="00156FB3" w:rsidP="00156FB3"/>
          <w:p w:rsidR="00156FB3" w:rsidRDefault="00156FB3" w:rsidP="00156FB3">
            <w:r>
              <w:t xml:space="preserve">                        if (Velocity.debug) console.log("tweensContainer (" + property + "): " + JSON.stringify(tweensContainer[property]), element);</w:t>
            </w:r>
          </w:p>
          <w:p w:rsidR="00156FB3" w:rsidRDefault="00156FB3" w:rsidP="00156FB3">
            <w:r>
              <w:t xml:space="preserve">                    }</w:t>
            </w:r>
          </w:p>
          <w:p w:rsidR="00156FB3" w:rsidRDefault="00156FB3" w:rsidP="00156FB3"/>
          <w:p w:rsidR="00156FB3" w:rsidRDefault="00156FB3" w:rsidP="00156FB3">
            <w:r>
              <w:t xml:space="preserve">                    /* Along with its property data, store a reference to the element itself onto tweensContainer. */</w:t>
            </w:r>
          </w:p>
          <w:p w:rsidR="00156FB3" w:rsidRDefault="00156FB3" w:rsidP="00156FB3">
            <w:r>
              <w:t xml:space="preserve">                    tweensContainer.element = element;</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Call Push</w:t>
            </w:r>
          </w:p>
          <w:p w:rsidR="00156FB3" w:rsidRDefault="00156FB3" w:rsidP="00156FB3">
            <w:r>
              <w:t xml:space="preserve">                *****************/</w:t>
            </w:r>
          </w:p>
          <w:p w:rsidR="00156FB3" w:rsidRDefault="00156FB3" w:rsidP="00156FB3"/>
          <w:p w:rsidR="00156FB3" w:rsidRDefault="00156FB3" w:rsidP="00156FB3">
            <w:r>
              <w:t xml:space="preserve">                /* Note: tweensContainer can be empty if all of the properties in this call's property map were skipped due to not</w:t>
            </w:r>
          </w:p>
          <w:p w:rsidR="00156FB3" w:rsidRDefault="00156FB3" w:rsidP="00156FB3">
            <w:r>
              <w:t xml:space="preserve">                   being supported by the browser. The element property is used for checking that the tweensContainer has been appended to. */</w:t>
            </w:r>
          </w:p>
          <w:p w:rsidR="00156FB3" w:rsidRDefault="00156FB3" w:rsidP="00156FB3">
            <w:r>
              <w:t xml:space="preserve">                if (tweensContainer.element) {</w:t>
            </w:r>
          </w:p>
          <w:p w:rsidR="00156FB3" w:rsidRDefault="00156FB3" w:rsidP="00156FB3">
            <w:r>
              <w:t xml:space="preserve">                    /* Apply the "velocity-animating" indicator class. */</w:t>
            </w:r>
          </w:p>
          <w:p w:rsidR="00156FB3" w:rsidRDefault="00156FB3" w:rsidP="00156FB3">
            <w:r>
              <w:t xml:space="preserve">                    CSS.Values.addClass(element, "velocity-animating");</w:t>
            </w:r>
          </w:p>
          <w:p w:rsidR="00156FB3" w:rsidRDefault="00156FB3" w:rsidP="00156FB3"/>
          <w:p w:rsidR="00156FB3" w:rsidRDefault="00156FB3" w:rsidP="00156FB3">
            <w:r>
              <w:t xml:space="preserve">                    /* The call array houses the tweensContainers for each element being animated in the current call. */</w:t>
            </w:r>
          </w:p>
          <w:p w:rsidR="00156FB3" w:rsidRDefault="00156FB3" w:rsidP="00156FB3">
            <w:r>
              <w:t xml:space="preserve">                    call.push(tweensContainer);</w:t>
            </w:r>
          </w:p>
          <w:p w:rsidR="00156FB3" w:rsidRDefault="00156FB3" w:rsidP="00156FB3"/>
          <w:p w:rsidR="00156FB3" w:rsidRDefault="00156FB3" w:rsidP="00156FB3">
            <w:r>
              <w:t xml:space="preserve">                    /* Store the tweensContainer and options if we're working on the default effects queue, so that they can be used by the reverse command. */</w:t>
            </w:r>
          </w:p>
          <w:p w:rsidR="00156FB3" w:rsidRDefault="00156FB3" w:rsidP="00156FB3">
            <w:r>
              <w:t xml:space="preserve">                    if (opts.queue === "") {</w:t>
            </w:r>
          </w:p>
          <w:p w:rsidR="00156FB3" w:rsidRDefault="00156FB3" w:rsidP="00156FB3">
            <w:r>
              <w:t xml:space="preserve">                        Data(element).tweensContainer = tweensContainer;</w:t>
            </w:r>
          </w:p>
          <w:p w:rsidR="00156FB3" w:rsidRDefault="00156FB3" w:rsidP="00156FB3">
            <w:r>
              <w:t xml:space="preserve">                        Data(element).opts = opts;</w:t>
            </w:r>
          </w:p>
          <w:p w:rsidR="00156FB3" w:rsidRDefault="00156FB3" w:rsidP="00156FB3">
            <w:r>
              <w:t xml:space="preserve">                    }</w:t>
            </w:r>
          </w:p>
          <w:p w:rsidR="00156FB3" w:rsidRDefault="00156FB3" w:rsidP="00156FB3"/>
          <w:p w:rsidR="00156FB3" w:rsidRDefault="00156FB3" w:rsidP="00156FB3">
            <w:r>
              <w:t xml:space="preserve">                    /* Switch on the element's animating flag. */</w:t>
            </w:r>
          </w:p>
          <w:p w:rsidR="00156FB3" w:rsidRDefault="00156FB3" w:rsidP="00156FB3">
            <w:r>
              <w:t xml:space="preserve">                    Data(element).isAnimating = true;</w:t>
            </w:r>
          </w:p>
          <w:p w:rsidR="00156FB3" w:rsidRDefault="00156FB3" w:rsidP="00156FB3"/>
          <w:p w:rsidR="00156FB3" w:rsidRDefault="00156FB3" w:rsidP="00156FB3">
            <w:r>
              <w:t xml:space="preserve">                    /* Once the final element in this call's element set has been processed, push the call array onto</w:t>
            </w:r>
          </w:p>
          <w:p w:rsidR="00156FB3" w:rsidRDefault="00156FB3" w:rsidP="00156FB3">
            <w:r>
              <w:t xml:space="preserve">                       Velocity.State.calls for the animation tick to immediately begin processing. */</w:t>
            </w:r>
          </w:p>
          <w:p w:rsidR="00156FB3" w:rsidRDefault="00156FB3" w:rsidP="00156FB3">
            <w:r>
              <w:t xml:space="preserve">                    if (elementsIndex === elementsLength - 1) {</w:t>
            </w:r>
          </w:p>
          <w:p w:rsidR="00156FB3" w:rsidRDefault="00156FB3" w:rsidP="00156FB3">
            <w:r>
              <w:t xml:space="preserve">                        /* Add the current call plus its associated metadata (the element set and the call's options) onto the global call container.</w:t>
            </w:r>
          </w:p>
          <w:p w:rsidR="00156FB3" w:rsidRDefault="00156FB3" w:rsidP="00156FB3">
            <w:r>
              <w:t xml:space="preserve">                           Anything on this call container is subjected to tick() processing. */</w:t>
            </w:r>
          </w:p>
          <w:p w:rsidR="00156FB3" w:rsidRDefault="00156FB3" w:rsidP="00156FB3">
            <w:r>
              <w:t xml:space="preserve">                        Velocity.State.calls.push([ call, elements, opts, null, promiseData.resolver ]);</w:t>
            </w:r>
          </w:p>
          <w:p w:rsidR="00156FB3" w:rsidRDefault="00156FB3" w:rsidP="00156FB3"/>
          <w:p w:rsidR="00156FB3" w:rsidRDefault="00156FB3" w:rsidP="00156FB3">
            <w:r>
              <w:t xml:space="preserve">                        /* If the animation tick isn't running, start it. (Velocity shuts it off when there are no active calls to process.) */</w:t>
            </w:r>
          </w:p>
          <w:p w:rsidR="00156FB3" w:rsidRDefault="00156FB3" w:rsidP="00156FB3">
            <w:r>
              <w:t xml:space="preserve">                        if (Velocity.State.isTicking === false) {</w:t>
            </w:r>
          </w:p>
          <w:p w:rsidR="00156FB3" w:rsidRDefault="00156FB3" w:rsidP="00156FB3">
            <w:r>
              <w:t xml:space="preserve">                            Velocity.State.isTicking = true;</w:t>
            </w:r>
          </w:p>
          <w:p w:rsidR="00156FB3" w:rsidRDefault="00156FB3" w:rsidP="00156FB3"/>
          <w:p w:rsidR="00156FB3" w:rsidRDefault="00156FB3" w:rsidP="00156FB3">
            <w:r>
              <w:t xml:space="preserve">                            /* Start the tick loop. */</w:t>
            </w:r>
          </w:p>
          <w:p w:rsidR="00156FB3" w:rsidRDefault="00156FB3" w:rsidP="00156FB3">
            <w:r>
              <w:t xml:space="preserve">                            tick();</w:t>
            </w:r>
          </w:p>
          <w:p w:rsidR="00156FB3" w:rsidRDefault="00156FB3" w:rsidP="00156FB3">
            <w:r>
              <w:t xml:space="preserve">                        }</w:t>
            </w:r>
          </w:p>
          <w:p w:rsidR="00156FB3" w:rsidRDefault="00156FB3" w:rsidP="00156FB3">
            <w:r>
              <w:t xml:space="preserve">                    } else {</w:t>
            </w:r>
          </w:p>
          <w:p w:rsidR="00156FB3" w:rsidRDefault="00156FB3" w:rsidP="00156FB3">
            <w:r>
              <w:t xml:space="preserve">                        elementsIndex++;</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When the queue option is set to false, the call skips the element's queue and fires immediately. */</w:t>
            </w:r>
          </w:p>
          <w:p w:rsidR="00156FB3" w:rsidRDefault="00156FB3" w:rsidP="00156FB3">
            <w:r>
              <w:lastRenderedPageBreak/>
              <w:t xml:space="preserve">            if (opts.queue === false) {</w:t>
            </w:r>
          </w:p>
          <w:p w:rsidR="00156FB3" w:rsidRDefault="00156FB3" w:rsidP="00156FB3">
            <w:r>
              <w:t xml:space="preserve">                /* Since this buildQueue call doesn't respect the element's existing queue (which is where a delay option would have been appended),</w:t>
            </w:r>
          </w:p>
          <w:p w:rsidR="00156FB3" w:rsidRDefault="00156FB3" w:rsidP="00156FB3">
            <w:r>
              <w:t xml:space="preserve">                   we manually inject the delay property here with an explicit setTimeout. */</w:t>
            </w:r>
          </w:p>
          <w:p w:rsidR="00156FB3" w:rsidRDefault="00156FB3" w:rsidP="00156FB3">
            <w:r>
              <w:t xml:space="preserve">                if (opts.delay) {</w:t>
            </w:r>
          </w:p>
          <w:p w:rsidR="00156FB3" w:rsidRDefault="00156FB3" w:rsidP="00156FB3">
            <w:r>
              <w:t xml:space="preserve">                    setTimeout(buildQueue, opts.delay);</w:t>
            </w:r>
          </w:p>
          <w:p w:rsidR="00156FB3" w:rsidRDefault="00156FB3" w:rsidP="00156FB3">
            <w:r>
              <w:t xml:space="preserve">                } else {</w:t>
            </w:r>
          </w:p>
          <w:p w:rsidR="00156FB3" w:rsidRDefault="00156FB3" w:rsidP="00156FB3">
            <w:r>
              <w:t xml:space="preserve">                    buildQueue();</w:t>
            </w:r>
          </w:p>
          <w:p w:rsidR="00156FB3" w:rsidRDefault="00156FB3" w:rsidP="00156FB3">
            <w:r>
              <w:t xml:space="preserve">                }</w:t>
            </w:r>
          </w:p>
          <w:p w:rsidR="00156FB3" w:rsidRDefault="00156FB3" w:rsidP="00156FB3">
            <w:r>
              <w:t xml:space="preserve">            /* Otherwise, the call undergoes element queueing as normal. */</w:t>
            </w:r>
          </w:p>
          <w:p w:rsidR="00156FB3" w:rsidRDefault="00156FB3" w:rsidP="00156FB3">
            <w:r>
              <w:t xml:space="preserve">            /* Note: To interoperate with jQuery, Velocity uses jQuery's own $.queue() stack for queuing logic. */</w:t>
            </w:r>
          </w:p>
          <w:p w:rsidR="00156FB3" w:rsidRDefault="00156FB3" w:rsidP="00156FB3">
            <w:r>
              <w:t xml:space="preserve">            } else {</w:t>
            </w:r>
          </w:p>
          <w:p w:rsidR="00156FB3" w:rsidRDefault="00156FB3" w:rsidP="00156FB3">
            <w:r>
              <w:t xml:space="preserve">                $.queue(element, opts.queue, function(next, clearQueue) {</w:t>
            </w:r>
          </w:p>
          <w:p w:rsidR="00156FB3" w:rsidRDefault="00156FB3" w:rsidP="00156FB3">
            <w:r>
              <w:t xml:space="preserve">                    /* If the clearQueue flag was passed in by the stop command, resolve this call's promise. (Promises can only be resolved once,</w:t>
            </w:r>
          </w:p>
          <w:p w:rsidR="00156FB3" w:rsidRDefault="00156FB3" w:rsidP="00156FB3">
            <w:r>
              <w:t xml:space="preserve">                       so it's fine if this is repeatedly triggered for each element in the associated call.) */</w:t>
            </w:r>
          </w:p>
          <w:p w:rsidR="00156FB3" w:rsidRDefault="00156FB3" w:rsidP="00156FB3">
            <w:r>
              <w:t xml:space="preserve">                    if (clearQueue === true) {</w:t>
            </w:r>
          </w:p>
          <w:p w:rsidR="00156FB3" w:rsidRDefault="00156FB3" w:rsidP="00156FB3">
            <w:r>
              <w:t xml:space="preserve">                        if (promiseData.promise) {</w:t>
            </w:r>
          </w:p>
          <w:p w:rsidR="00156FB3" w:rsidRDefault="00156FB3" w:rsidP="00156FB3">
            <w:r>
              <w:t xml:space="preserve">                            promiseData.resolver(elements);</w:t>
            </w:r>
          </w:p>
          <w:p w:rsidR="00156FB3" w:rsidRDefault="00156FB3" w:rsidP="00156FB3">
            <w:r>
              <w:t xml:space="preserve">                        }</w:t>
            </w:r>
          </w:p>
          <w:p w:rsidR="00156FB3" w:rsidRDefault="00156FB3" w:rsidP="00156FB3"/>
          <w:p w:rsidR="00156FB3" w:rsidRDefault="00156FB3" w:rsidP="00156FB3">
            <w:r>
              <w:t xml:space="preserve">                        /* Do not continue with animation queueing. */</w:t>
            </w:r>
          </w:p>
          <w:p w:rsidR="00156FB3" w:rsidRDefault="00156FB3" w:rsidP="00156FB3">
            <w:r>
              <w:t xml:space="preserve">                        return true;</w:t>
            </w:r>
          </w:p>
          <w:p w:rsidR="00156FB3" w:rsidRDefault="00156FB3" w:rsidP="00156FB3">
            <w:r>
              <w:t xml:space="preserve">                    }</w:t>
            </w:r>
          </w:p>
          <w:p w:rsidR="00156FB3" w:rsidRDefault="00156FB3" w:rsidP="00156FB3"/>
          <w:p w:rsidR="00156FB3" w:rsidRDefault="00156FB3" w:rsidP="00156FB3">
            <w:r>
              <w:t xml:space="preserve">                    /* This flag indicates to the upcoming completeCall() function that this queue entry was initiated by Velocity.</w:t>
            </w:r>
          </w:p>
          <w:p w:rsidR="00156FB3" w:rsidRDefault="00156FB3" w:rsidP="00156FB3">
            <w:r>
              <w:t xml:space="preserve">                       See completeCall() for further details. */</w:t>
            </w:r>
          </w:p>
          <w:p w:rsidR="00156FB3" w:rsidRDefault="00156FB3" w:rsidP="00156FB3">
            <w:r>
              <w:t xml:space="preserve">                    Velocity.velocityQueueEntryFlag = true;</w:t>
            </w:r>
          </w:p>
          <w:p w:rsidR="00156FB3" w:rsidRDefault="00156FB3" w:rsidP="00156FB3"/>
          <w:p w:rsidR="00156FB3" w:rsidRDefault="00156FB3" w:rsidP="00156FB3">
            <w:r>
              <w:t xml:space="preserve">                    buildQueue(nex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Auto-Dequeuing</w:t>
            </w:r>
          </w:p>
          <w:p w:rsidR="00156FB3" w:rsidRDefault="00156FB3" w:rsidP="00156FB3">
            <w:r>
              <w:t xml:space="preserve">            *********************/</w:t>
            </w:r>
          </w:p>
          <w:p w:rsidR="00156FB3" w:rsidRDefault="00156FB3" w:rsidP="00156FB3"/>
          <w:p w:rsidR="00156FB3" w:rsidRDefault="00156FB3" w:rsidP="00156FB3">
            <w:r>
              <w:t xml:space="preserve">            /* As per jQuery's $.queue() behavior, to fire the first non-custom-queue entry on an element, the element</w:t>
            </w:r>
          </w:p>
          <w:p w:rsidR="00156FB3" w:rsidRDefault="00156FB3" w:rsidP="00156FB3">
            <w:r>
              <w:t xml:space="preserve">               must be dequeued if its queue stack consists *solely* of the current call. (This can be determined by checking</w:t>
            </w:r>
          </w:p>
          <w:p w:rsidR="00156FB3" w:rsidRDefault="00156FB3" w:rsidP="00156FB3">
            <w:r>
              <w:t xml:space="preserve">               for the "inprogress" item that jQuery prepends to active queue stack arrays.) Regardless, whenever the element's</w:t>
            </w:r>
          </w:p>
          <w:p w:rsidR="00156FB3" w:rsidRDefault="00156FB3" w:rsidP="00156FB3">
            <w:r>
              <w:t xml:space="preserve">               queue is further appended with additional items -- including $.delay()'s or even $.animate() calls, the queue's</w:t>
            </w:r>
          </w:p>
          <w:p w:rsidR="00156FB3" w:rsidRDefault="00156FB3" w:rsidP="00156FB3">
            <w:r>
              <w:t xml:space="preserve">               first entry is automatically fired. This behavior contrasts that of custom queues, which never </w:t>
            </w:r>
            <w:r>
              <w:lastRenderedPageBreak/>
              <w:t>auto-fire. */</w:t>
            </w:r>
          </w:p>
          <w:p w:rsidR="00156FB3" w:rsidRDefault="00156FB3" w:rsidP="00156FB3">
            <w:r>
              <w:t xml:space="preserve">            /* Note: When an element set is being subjected to a non-parallel Velocity call, the animation will not begin until</w:t>
            </w:r>
          </w:p>
          <w:p w:rsidR="00156FB3" w:rsidRDefault="00156FB3" w:rsidP="00156FB3">
            <w:r>
              <w:t xml:space="preserve">               each one of the elements in the set has reached the end of its individually pre-existing queue chain. */</w:t>
            </w:r>
          </w:p>
          <w:p w:rsidR="00156FB3" w:rsidRDefault="00156FB3" w:rsidP="00156FB3">
            <w:r>
              <w:t xml:space="preserve">            /* Note: Unfortunately, most people don't fully grasp jQuery's powerful, yet quirky, $.queue() function.</w:t>
            </w:r>
          </w:p>
          <w:p w:rsidR="00156FB3" w:rsidRDefault="00156FB3" w:rsidP="00156FB3">
            <w:r>
              <w:t xml:space="preserve">               Lean more here: http://stackoverflow.com/questions/1058158/can-somebody-explain-jquery-queue-to-me */</w:t>
            </w:r>
          </w:p>
          <w:p w:rsidR="00156FB3" w:rsidRDefault="00156FB3" w:rsidP="00156FB3">
            <w:r>
              <w:t xml:space="preserve">            if ((opts.queue === "" || opts.queue === "fx") &amp;&amp; $.queue(element)[0] !== "inprogress") {</w:t>
            </w:r>
          </w:p>
          <w:p w:rsidR="00156FB3" w:rsidRDefault="00156FB3" w:rsidP="00156FB3">
            <w:r>
              <w:t xml:space="preserve">                $.dequeue(elemen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Element Set Iteration</w:t>
            </w:r>
          </w:p>
          <w:p w:rsidR="00156FB3" w:rsidRDefault="00156FB3" w:rsidP="00156FB3">
            <w:r>
              <w:t xml:space="preserve">        **************************/</w:t>
            </w:r>
          </w:p>
          <w:p w:rsidR="00156FB3" w:rsidRDefault="00156FB3" w:rsidP="00156FB3"/>
          <w:p w:rsidR="00156FB3" w:rsidRDefault="00156FB3" w:rsidP="00156FB3">
            <w:r>
              <w:t xml:space="preserve">        /* If the "nodeType" property exists on the elements variable, we're animating a single element.</w:t>
            </w:r>
          </w:p>
          <w:p w:rsidR="00156FB3" w:rsidRDefault="00156FB3" w:rsidP="00156FB3">
            <w:r>
              <w:t xml:space="preserve">           Place it in an array so that $.each() can iterate over it. */</w:t>
            </w:r>
          </w:p>
          <w:p w:rsidR="00156FB3" w:rsidRDefault="00156FB3" w:rsidP="00156FB3">
            <w:r>
              <w:t xml:space="preserve">        $.each(elements, function(i, element) {</w:t>
            </w:r>
          </w:p>
          <w:p w:rsidR="00156FB3" w:rsidRDefault="00156FB3" w:rsidP="00156FB3">
            <w:r>
              <w:t xml:space="preserve">            /* Ensure each element in a set has a nodeType (is a real element) to avoid throwing errors. */</w:t>
            </w:r>
          </w:p>
          <w:p w:rsidR="00156FB3" w:rsidRDefault="00156FB3" w:rsidP="00156FB3">
            <w:r>
              <w:t xml:space="preserve">            if (Type.isNode(element)) {</w:t>
            </w:r>
          </w:p>
          <w:p w:rsidR="00156FB3" w:rsidRDefault="00156FB3" w:rsidP="00156FB3">
            <w:r>
              <w:t xml:space="preserve">                processElement.call(element);</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Option: Loop</w:t>
            </w:r>
          </w:p>
          <w:p w:rsidR="00156FB3" w:rsidRDefault="00156FB3" w:rsidP="00156FB3">
            <w:r>
              <w:t xml:space="preserve">        ******************/</w:t>
            </w:r>
          </w:p>
          <w:p w:rsidR="00156FB3" w:rsidRDefault="00156FB3" w:rsidP="00156FB3"/>
          <w:p w:rsidR="00156FB3" w:rsidRDefault="00156FB3" w:rsidP="00156FB3">
            <w:r>
              <w:t xml:space="preserve">        /* The loop option accepts an integer indicating how many times the element should loop between the values in the</w:t>
            </w:r>
          </w:p>
          <w:p w:rsidR="00156FB3" w:rsidRDefault="00156FB3" w:rsidP="00156FB3">
            <w:r>
              <w:t xml:space="preserve">           current call's properties map and the element's property values prior to this call. */</w:t>
            </w:r>
          </w:p>
          <w:p w:rsidR="00156FB3" w:rsidRDefault="00156FB3" w:rsidP="00156FB3">
            <w:r>
              <w:t xml:space="preserve">        /* Note: The loop option's logic is performed here -- after element processing -- because the current call needs</w:t>
            </w:r>
          </w:p>
          <w:p w:rsidR="00156FB3" w:rsidRDefault="00156FB3" w:rsidP="00156FB3">
            <w:r>
              <w:t xml:space="preserve">           to undergo its queue insertion prior to the loop option generating its series of constituent "reverse" calls,</w:t>
            </w:r>
          </w:p>
          <w:p w:rsidR="00156FB3" w:rsidRDefault="00156FB3" w:rsidP="00156FB3">
            <w:r>
              <w:t xml:space="preserve">           which chain after the current call. Two reverse calls (two "alternations") constitute one loop. */</w:t>
            </w:r>
          </w:p>
          <w:p w:rsidR="00156FB3" w:rsidRDefault="00156FB3" w:rsidP="00156FB3">
            <w:r>
              <w:t xml:space="preserve">        var opts = $.extend({}, Velocity.defaults, options),</w:t>
            </w:r>
          </w:p>
          <w:p w:rsidR="00156FB3" w:rsidRDefault="00156FB3" w:rsidP="00156FB3">
            <w:r>
              <w:t xml:space="preserve">            reverseCallsCount;</w:t>
            </w:r>
          </w:p>
          <w:p w:rsidR="00156FB3" w:rsidRDefault="00156FB3" w:rsidP="00156FB3"/>
          <w:p w:rsidR="00156FB3" w:rsidRDefault="00156FB3" w:rsidP="00156FB3">
            <w:r>
              <w:t xml:space="preserve">        opts.loop = parseInt(opts.loop);</w:t>
            </w:r>
          </w:p>
          <w:p w:rsidR="00156FB3" w:rsidRDefault="00156FB3" w:rsidP="00156FB3">
            <w:r>
              <w:t xml:space="preserve">        reverseCallsCount = (opts.loop * 2) - 1;</w:t>
            </w:r>
          </w:p>
          <w:p w:rsidR="00156FB3" w:rsidRDefault="00156FB3" w:rsidP="00156FB3"/>
          <w:p w:rsidR="00156FB3" w:rsidRDefault="00156FB3" w:rsidP="00156FB3">
            <w:r>
              <w:t xml:space="preserve">        if (opts.loop) {</w:t>
            </w:r>
          </w:p>
          <w:p w:rsidR="00156FB3" w:rsidRDefault="00156FB3" w:rsidP="00156FB3">
            <w:r>
              <w:t xml:space="preserve">            /* Double the loop count to convert it into its appropriate number of "reverse" calls.</w:t>
            </w:r>
          </w:p>
          <w:p w:rsidR="00156FB3" w:rsidRDefault="00156FB3" w:rsidP="00156FB3">
            <w:r>
              <w:t xml:space="preserve">               Subtract 1 from the resulting value since the current call is included in the total alternation </w:t>
            </w:r>
            <w:r>
              <w:lastRenderedPageBreak/>
              <w:t>count. */</w:t>
            </w:r>
          </w:p>
          <w:p w:rsidR="00156FB3" w:rsidRDefault="00156FB3" w:rsidP="00156FB3">
            <w:r>
              <w:t xml:space="preserve">            for (var x = 0; x &lt; reverseCallsCount; x++) {</w:t>
            </w:r>
          </w:p>
          <w:p w:rsidR="00156FB3" w:rsidRDefault="00156FB3" w:rsidP="00156FB3">
            <w:r>
              <w:t xml:space="preserve">                /* Since the logic for the reverse action occurs inside Queueing and therefore this call's options object</w:t>
            </w:r>
          </w:p>
          <w:p w:rsidR="00156FB3" w:rsidRDefault="00156FB3" w:rsidP="00156FB3">
            <w:r>
              <w:t xml:space="preserve">                   isn't parsed until then as well, the current call's delay option must be explicitly passed into the reverse</w:t>
            </w:r>
          </w:p>
          <w:p w:rsidR="00156FB3" w:rsidRDefault="00156FB3" w:rsidP="00156FB3">
            <w:r>
              <w:t xml:space="preserve">                   call so that the delay logic that occurs inside *Pre-Queueing* can process it. */</w:t>
            </w:r>
          </w:p>
          <w:p w:rsidR="00156FB3" w:rsidRDefault="00156FB3" w:rsidP="00156FB3">
            <w:r>
              <w:t xml:space="preserve">                var reverseOptions = {</w:t>
            </w:r>
          </w:p>
          <w:p w:rsidR="00156FB3" w:rsidRDefault="00156FB3" w:rsidP="00156FB3">
            <w:r>
              <w:t xml:space="preserve">                    delay: opts.delay,</w:t>
            </w:r>
          </w:p>
          <w:p w:rsidR="00156FB3" w:rsidRDefault="00156FB3" w:rsidP="00156FB3">
            <w:r>
              <w:t xml:space="preserve">                    progress: opts.progress</w:t>
            </w:r>
          </w:p>
          <w:p w:rsidR="00156FB3" w:rsidRDefault="00156FB3" w:rsidP="00156FB3">
            <w:r>
              <w:t xml:space="preserve">                };</w:t>
            </w:r>
          </w:p>
          <w:p w:rsidR="00156FB3" w:rsidRDefault="00156FB3" w:rsidP="00156FB3"/>
          <w:p w:rsidR="00156FB3" w:rsidRDefault="00156FB3" w:rsidP="00156FB3">
            <w:r>
              <w:t xml:space="preserve">                /* If a complete callback was passed into this call, transfer it to the loop redirect's final "reverse" call</w:t>
            </w:r>
          </w:p>
          <w:p w:rsidR="00156FB3" w:rsidRDefault="00156FB3" w:rsidP="00156FB3">
            <w:r>
              <w:t xml:space="preserve">                   so that it's triggered when the entire redirect is complete (and not when the very first animation is complete). */</w:t>
            </w:r>
          </w:p>
          <w:p w:rsidR="00156FB3" w:rsidRDefault="00156FB3" w:rsidP="00156FB3">
            <w:r>
              <w:t xml:space="preserve">                if (x === reverseCallsCount - 1) {</w:t>
            </w:r>
          </w:p>
          <w:p w:rsidR="00156FB3" w:rsidRDefault="00156FB3" w:rsidP="00156FB3">
            <w:r>
              <w:t xml:space="preserve">                    reverseOptions.display = opts.display;</w:t>
            </w:r>
          </w:p>
          <w:p w:rsidR="00156FB3" w:rsidRDefault="00156FB3" w:rsidP="00156FB3">
            <w:r>
              <w:t xml:space="preserve">                    reverseOptions.visibility = opts.visibility;</w:t>
            </w:r>
          </w:p>
          <w:p w:rsidR="00156FB3" w:rsidRDefault="00156FB3" w:rsidP="00156FB3">
            <w:r>
              <w:t xml:space="preserve">                    reverseOptions.complete = opts.complete;</w:t>
            </w:r>
          </w:p>
          <w:p w:rsidR="00156FB3" w:rsidRDefault="00156FB3" w:rsidP="00156FB3">
            <w:r>
              <w:t xml:space="preserve">                }</w:t>
            </w:r>
          </w:p>
          <w:p w:rsidR="00156FB3" w:rsidRDefault="00156FB3" w:rsidP="00156FB3"/>
          <w:p w:rsidR="00156FB3" w:rsidRDefault="00156FB3" w:rsidP="00156FB3">
            <w:r>
              <w:t xml:space="preserve">                animate(elements, "reverse", reverseOption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Chaining</w:t>
            </w:r>
          </w:p>
          <w:p w:rsidR="00156FB3" w:rsidRDefault="00156FB3" w:rsidP="00156FB3">
            <w:r>
              <w:t xml:space="preserve">        ***************/</w:t>
            </w:r>
          </w:p>
          <w:p w:rsidR="00156FB3" w:rsidRDefault="00156FB3" w:rsidP="00156FB3"/>
          <w:p w:rsidR="00156FB3" w:rsidRDefault="00156FB3" w:rsidP="00156FB3">
            <w:r>
              <w:t xml:space="preserve">        /* Return the elements back to the call chain, with wrapped elements taking precedence in case Velocity was called via the $.fn. extension. */</w:t>
            </w:r>
          </w:p>
          <w:p w:rsidR="00156FB3" w:rsidRDefault="00156FB3" w:rsidP="00156FB3">
            <w:r>
              <w:t xml:space="preserve">        return getChain();</w:t>
            </w:r>
          </w:p>
          <w:p w:rsidR="00156FB3" w:rsidRDefault="00156FB3" w:rsidP="00156FB3">
            <w:r>
              <w:t xml:space="preserve">    };</w:t>
            </w:r>
          </w:p>
          <w:p w:rsidR="00156FB3" w:rsidRDefault="00156FB3" w:rsidP="00156FB3"/>
          <w:p w:rsidR="00156FB3" w:rsidRDefault="00156FB3" w:rsidP="00156FB3">
            <w:r>
              <w:t xml:space="preserve">    /* Turn Velocity into the animation function, extended with the pre-existing Velocity object. */</w:t>
            </w:r>
          </w:p>
          <w:p w:rsidR="00156FB3" w:rsidRDefault="00156FB3" w:rsidP="00156FB3">
            <w:r>
              <w:t xml:space="preserve">    Velocity = $.extend(animate, Velocity);</w:t>
            </w:r>
          </w:p>
          <w:p w:rsidR="00156FB3" w:rsidRDefault="00156FB3" w:rsidP="00156FB3">
            <w:r>
              <w:t xml:space="preserve">    /* For legacy support, also expose the literal animate method. */</w:t>
            </w:r>
          </w:p>
          <w:p w:rsidR="00156FB3" w:rsidRDefault="00156FB3" w:rsidP="00156FB3">
            <w:r>
              <w:t xml:space="preserve">    Velocity.animate = animate;</w:t>
            </w:r>
          </w:p>
          <w:p w:rsidR="00156FB3" w:rsidRDefault="00156FB3" w:rsidP="00156FB3"/>
          <w:p w:rsidR="00156FB3" w:rsidRDefault="00156FB3" w:rsidP="00156FB3">
            <w:r>
              <w:t xml:space="preserve">    /**************</w:t>
            </w:r>
          </w:p>
          <w:p w:rsidR="00156FB3" w:rsidRDefault="00156FB3" w:rsidP="00156FB3">
            <w:r>
              <w:t xml:space="preserve">        Timing</w:t>
            </w:r>
          </w:p>
          <w:p w:rsidR="00156FB3" w:rsidRDefault="00156FB3" w:rsidP="00156FB3">
            <w:r>
              <w:t xml:space="preserve">    **************/</w:t>
            </w:r>
          </w:p>
          <w:p w:rsidR="00156FB3" w:rsidRDefault="00156FB3" w:rsidP="00156FB3"/>
          <w:p w:rsidR="00156FB3" w:rsidRDefault="00156FB3" w:rsidP="00156FB3">
            <w:r>
              <w:t xml:space="preserve">    /* Ticker function. */</w:t>
            </w:r>
          </w:p>
          <w:p w:rsidR="00156FB3" w:rsidRDefault="00156FB3" w:rsidP="00156FB3">
            <w:r>
              <w:t xml:space="preserve">    var ticker = window.requestAnimationFrame || rAFShim;</w:t>
            </w:r>
          </w:p>
          <w:p w:rsidR="00156FB3" w:rsidRDefault="00156FB3" w:rsidP="00156FB3"/>
          <w:p w:rsidR="00156FB3" w:rsidRDefault="00156FB3" w:rsidP="00156FB3">
            <w:r>
              <w:t xml:space="preserve">    /* Inactive browser tabs pause rAF, which results in all active animations immediately sprinting to </w:t>
            </w:r>
            <w:r>
              <w:lastRenderedPageBreak/>
              <w:t>their completion states when the tab refocuses.</w:t>
            </w:r>
          </w:p>
          <w:p w:rsidR="00156FB3" w:rsidRDefault="00156FB3" w:rsidP="00156FB3">
            <w:r>
              <w:t xml:space="preserve">       To get around this, we dynamically switch rAF to setTimeout (which the browser *doesn't* pause) when the tab loses focus. We skip this for mobile</w:t>
            </w:r>
          </w:p>
          <w:p w:rsidR="00156FB3" w:rsidRDefault="00156FB3" w:rsidP="00156FB3">
            <w:r>
              <w:t xml:space="preserve">       devices to avoid wasting battery power on inactive tabs. */</w:t>
            </w:r>
          </w:p>
          <w:p w:rsidR="00156FB3" w:rsidRDefault="00156FB3" w:rsidP="00156FB3">
            <w:r>
              <w:t xml:space="preserve">    /* Note: Tab focus detection doesn't work on older versions of IE, but that's okay since they don't support rAF to begin with. */</w:t>
            </w:r>
          </w:p>
          <w:p w:rsidR="00156FB3" w:rsidRDefault="00156FB3" w:rsidP="00156FB3">
            <w:r>
              <w:t xml:space="preserve">    if (!Velocity.State.isMobile &amp;&amp; document.hidden !== undefined) {</w:t>
            </w:r>
          </w:p>
          <w:p w:rsidR="00156FB3" w:rsidRDefault="00156FB3" w:rsidP="00156FB3">
            <w:r>
              <w:t xml:space="preserve">        document.addEventListener("visibilitychange", function() {</w:t>
            </w:r>
          </w:p>
          <w:p w:rsidR="00156FB3" w:rsidRDefault="00156FB3" w:rsidP="00156FB3">
            <w:r>
              <w:t xml:space="preserve">            /* Reassign the rAF function (which the global tick() function uses) based on the tab's focus state. */</w:t>
            </w:r>
          </w:p>
          <w:p w:rsidR="00156FB3" w:rsidRDefault="00156FB3" w:rsidP="00156FB3">
            <w:r>
              <w:t xml:space="preserve">            if (document.hidden) {</w:t>
            </w:r>
          </w:p>
          <w:p w:rsidR="00156FB3" w:rsidRDefault="00156FB3" w:rsidP="00156FB3">
            <w:r>
              <w:t xml:space="preserve">                ticker = function(callback) {</w:t>
            </w:r>
          </w:p>
          <w:p w:rsidR="00156FB3" w:rsidRDefault="00156FB3" w:rsidP="00156FB3">
            <w:r>
              <w:t xml:space="preserve">                    /* The tick function needs a truthy first argument in order to pass its internal timestamp check. */</w:t>
            </w:r>
          </w:p>
          <w:p w:rsidR="00156FB3" w:rsidRDefault="00156FB3" w:rsidP="00156FB3">
            <w:r>
              <w:t xml:space="preserve">                    return setTimeout(function() { callback(true) }, 16);</w:t>
            </w:r>
          </w:p>
          <w:p w:rsidR="00156FB3" w:rsidRDefault="00156FB3" w:rsidP="00156FB3">
            <w:r>
              <w:t xml:space="preserve">                };</w:t>
            </w:r>
          </w:p>
          <w:p w:rsidR="00156FB3" w:rsidRDefault="00156FB3" w:rsidP="00156FB3"/>
          <w:p w:rsidR="00156FB3" w:rsidRDefault="00156FB3" w:rsidP="00156FB3">
            <w:r>
              <w:t xml:space="preserve">                /* The rAF loop has been paused by the browser, so we manually restart the tick. */</w:t>
            </w:r>
          </w:p>
          <w:p w:rsidR="00156FB3" w:rsidRDefault="00156FB3" w:rsidP="00156FB3">
            <w:r>
              <w:t xml:space="preserve">                tick();</w:t>
            </w:r>
          </w:p>
          <w:p w:rsidR="00156FB3" w:rsidRDefault="00156FB3" w:rsidP="00156FB3">
            <w:r>
              <w:t xml:space="preserve">            } else {</w:t>
            </w:r>
          </w:p>
          <w:p w:rsidR="00156FB3" w:rsidRDefault="00156FB3" w:rsidP="00156FB3">
            <w:r>
              <w:t xml:space="preserve">                ticker = window.requestAnimationFrame || rAFShim;</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Tick</w:t>
            </w:r>
          </w:p>
          <w:p w:rsidR="00156FB3" w:rsidRDefault="00156FB3" w:rsidP="00156FB3">
            <w:r>
              <w:t xml:space="preserve">    ************/</w:t>
            </w:r>
          </w:p>
          <w:p w:rsidR="00156FB3" w:rsidRDefault="00156FB3" w:rsidP="00156FB3"/>
          <w:p w:rsidR="00156FB3" w:rsidRDefault="00156FB3" w:rsidP="00156FB3">
            <w:r>
              <w:t xml:space="preserve">    /* Note: All calls to Velocity are pushed to the Velocity.State.calls array, which is fully iterated through upon each tick. */</w:t>
            </w:r>
          </w:p>
          <w:p w:rsidR="00156FB3" w:rsidRDefault="00156FB3" w:rsidP="00156FB3">
            <w:r>
              <w:t xml:space="preserve">    function tick (timestamp) {</w:t>
            </w:r>
          </w:p>
          <w:p w:rsidR="00156FB3" w:rsidRDefault="00156FB3" w:rsidP="00156FB3">
            <w:r>
              <w:t xml:space="preserve">        /* An empty timestamp argument indicates that this is the first tick occurence since ticking was turned on.</w:t>
            </w:r>
          </w:p>
          <w:p w:rsidR="00156FB3" w:rsidRDefault="00156FB3" w:rsidP="00156FB3">
            <w:r>
              <w:t xml:space="preserve">           We leverage this metadata to fully ignore the first tick pass since RAF's initial pass is fired whenever</w:t>
            </w:r>
          </w:p>
          <w:p w:rsidR="00156FB3" w:rsidRDefault="00156FB3" w:rsidP="00156FB3">
            <w:r>
              <w:t xml:space="preserve">           the browser's next tick sync time occurs, which results in the first elements subjected to Velocity</w:t>
            </w:r>
          </w:p>
          <w:p w:rsidR="00156FB3" w:rsidRDefault="00156FB3" w:rsidP="00156FB3">
            <w:r>
              <w:t xml:space="preserve">           calls being animated out of sync with any elements animated immediately thereafter. In short, we ignore</w:t>
            </w:r>
          </w:p>
          <w:p w:rsidR="00156FB3" w:rsidRDefault="00156FB3" w:rsidP="00156FB3">
            <w:r>
              <w:t xml:space="preserve">           the first RAF tick pass so that elements being immediately consecutively animated -- instead of simultaneously animated</w:t>
            </w:r>
          </w:p>
          <w:p w:rsidR="00156FB3" w:rsidRDefault="00156FB3" w:rsidP="00156FB3">
            <w:r>
              <w:t xml:space="preserve">           by the same Velocity call -- are properly batched into the same initial RAF tick and consequently remain in sync thereafter. */</w:t>
            </w:r>
          </w:p>
          <w:p w:rsidR="00156FB3" w:rsidRDefault="00156FB3" w:rsidP="00156FB3">
            <w:r>
              <w:t xml:space="preserve">        if (timestamp) {</w:t>
            </w:r>
          </w:p>
          <w:p w:rsidR="00156FB3" w:rsidRDefault="00156FB3" w:rsidP="00156FB3">
            <w:r>
              <w:t xml:space="preserve">            /* We ignore RAF's high resolution timestamp since it can be significantly offset when the browser is</w:t>
            </w:r>
          </w:p>
          <w:p w:rsidR="00156FB3" w:rsidRDefault="00156FB3" w:rsidP="00156FB3">
            <w:r>
              <w:t xml:space="preserve">               under high stress; we opt for choppiness over allowing the browser to drop huge chunks of frames. */</w:t>
            </w:r>
          </w:p>
          <w:p w:rsidR="00156FB3" w:rsidRDefault="00156FB3" w:rsidP="00156FB3">
            <w:r>
              <w:lastRenderedPageBreak/>
              <w:t xml:space="preserve">            var timeCurrent = (new Date).getTime();</w:t>
            </w:r>
          </w:p>
          <w:p w:rsidR="00156FB3" w:rsidRDefault="00156FB3" w:rsidP="00156FB3"/>
          <w:p w:rsidR="00156FB3" w:rsidRDefault="00156FB3" w:rsidP="00156FB3">
            <w:r>
              <w:t xml:space="preserve">            /********************</w:t>
            </w:r>
          </w:p>
          <w:p w:rsidR="00156FB3" w:rsidRDefault="00156FB3" w:rsidP="00156FB3">
            <w:r>
              <w:t xml:space="preserve">               Call Iteration</w:t>
            </w:r>
          </w:p>
          <w:p w:rsidR="00156FB3" w:rsidRDefault="00156FB3" w:rsidP="00156FB3">
            <w:r>
              <w:t xml:space="preserve">            ********************/</w:t>
            </w:r>
          </w:p>
          <w:p w:rsidR="00156FB3" w:rsidRDefault="00156FB3" w:rsidP="00156FB3"/>
          <w:p w:rsidR="00156FB3" w:rsidRDefault="00156FB3" w:rsidP="00156FB3">
            <w:r>
              <w:t xml:space="preserve">            var callsLength = Velocity.State.calls.length;</w:t>
            </w:r>
          </w:p>
          <w:p w:rsidR="00156FB3" w:rsidRDefault="00156FB3" w:rsidP="00156FB3"/>
          <w:p w:rsidR="00156FB3" w:rsidRDefault="00156FB3" w:rsidP="00156FB3">
            <w:r>
              <w:t xml:space="preserve">            /* To speed up iterating over this array, it is compacted (falsey items -- calls that have completed -- are removed)</w:t>
            </w:r>
          </w:p>
          <w:p w:rsidR="00156FB3" w:rsidRDefault="00156FB3" w:rsidP="00156FB3">
            <w:r>
              <w:t xml:space="preserve">               when its length has ballooned to a point that can impact tick performance. This only becomes necessary when animation</w:t>
            </w:r>
          </w:p>
          <w:p w:rsidR="00156FB3" w:rsidRDefault="00156FB3" w:rsidP="00156FB3">
            <w:r>
              <w:t xml:space="preserve">               has been continuous with many elements over a long period of time; whenever all active calls are completed, completeCall() clears Velocity.State.calls. */</w:t>
            </w:r>
          </w:p>
          <w:p w:rsidR="00156FB3" w:rsidRDefault="00156FB3" w:rsidP="00156FB3">
            <w:r>
              <w:t xml:space="preserve">            if (callsLength &gt; 10000) {</w:t>
            </w:r>
          </w:p>
          <w:p w:rsidR="00156FB3" w:rsidRDefault="00156FB3" w:rsidP="00156FB3">
            <w:r>
              <w:t xml:space="preserve">                Velocity.State.calls = compactSparseArray(Velocity.State.calls);</w:t>
            </w:r>
          </w:p>
          <w:p w:rsidR="00156FB3" w:rsidRDefault="00156FB3" w:rsidP="00156FB3">
            <w:r>
              <w:t xml:space="preserve">            }</w:t>
            </w:r>
          </w:p>
          <w:p w:rsidR="00156FB3" w:rsidRDefault="00156FB3" w:rsidP="00156FB3"/>
          <w:p w:rsidR="00156FB3" w:rsidRDefault="00156FB3" w:rsidP="00156FB3">
            <w:r>
              <w:t xml:space="preserve">            /* Iterate through each active call. */</w:t>
            </w:r>
          </w:p>
          <w:p w:rsidR="00156FB3" w:rsidRDefault="00156FB3" w:rsidP="00156FB3">
            <w:r>
              <w:t xml:space="preserve">            for (var i = 0; i &lt; callsLength; i++) {</w:t>
            </w:r>
          </w:p>
          <w:p w:rsidR="00156FB3" w:rsidRDefault="00156FB3" w:rsidP="00156FB3">
            <w:r>
              <w:t xml:space="preserve">                /* When a Velocity call is completed, its Velocity.State.calls entry is set to false. Continue on to the next call. */</w:t>
            </w:r>
          </w:p>
          <w:p w:rsidR="00156FB3" w:rsidRDefault="00156FB3" w:rsidP="00156FB3">
            <w:r>
              <w:t xml:space="preserve">                if (!Velocity.State.calls[i]) {</w:t>
            </w:r>
          </w:p>
          <w:p w:rsidR="00156FB3" w:rsidRDefault="00156FB3" w:rsidP="00156FB3">
            <w:r>
              <w:t xml:space="preserve">                    contin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Call-Wide Variables</w:t>
            </w:r>
          </w:p>
          <w:p w:rsidR="00156FB3" w:rsidRDefault="00156FB3" w:rsidP="00156FB3">
            <w:r>
              <w:t xml:space="preserve">                ************************/</w:t>
            </w:r>
          </w:p>
          <w:p w:rsidR="00156FB3" w:rsidRDefault="00156FB3" w:rsidP="00156FB3"/>
          <w:p w:rsidR="00156FB3" w:rsidRDefault="00156FB3" w:rsidP="00156FB3">
            <w:r>
              <w:t xml:space="preserve">                var callContainer = Velocity.State.calls[i],</w:t>
            </w:r>
          </w:p>
          <w:p w:rsidR="00156FB3" w:rsidRDefault="00156FB3" w:rsidP="00156FB3">
            <w:r>
              <w:t xml:space="preserve">                    call = callContainer[0],</w:t>
            </w:r>
          </w:p>
          <w:p w:rsidR="00156FB3" w:rsidRDefault="00156FB3" w:rsidP="00156FB3">
            <w:r>
              <w:t xml:space="preserve">                    opts = callContainer[2],</w:t>
            </w:r>
          </w:p>
          <w:p w:rsidR="00156FB3" w:rsidRDefault="00156FB3" w:rsidP="00156FB3">
            <w:r>
              <w:t xml:space="preserve">                    timeStart = callContainer[3],</w:t>
            </w:r>
          </w:p>
          <w:p w:rsidR="00156FB3" w:rsidRDefault="00156FB3" w:rsidP="00156FB3">
            <w:r>
              <w:t xml:space="preserve">                    firstTick = !!timeStart,</w:t>
            </w:r>
          </w:p>
          <w:p w:rsidR="00156FB3" w:rsidRDefault="00156FB3" w:rsidP="00156FB3">
            <w:r>
              <w:t xml:space="preserve">                    tweenDummyValue = null;</w:t>
            </w:r>
          </w:p>
          <w:p w:rsidR="00156FB3" w:rsidRDefault="00156FB3" w:rsidP="00156FB3"/>
          <w:p w:rsidR="00156FB3" w:rsidRDefault="00156FB3" w:rsidP="00156FB3">
            <w:r>
              <w:t xml:space="preserve">                /* If timeStart is undefined, then this is the first time that this call has been processed by tick().</w:t>
            </w:r>
          </w:p>
          <w:p w:rsidR="00156FB3" w:rsidRDefault="00156FB3" w:rsidP="00156FB3">
            <w:r>
              <w:t xml:space="preserve">                   We assign timeStart now so that its value is as close to the real animation start time as possible.</w:t>
            </w:r>
          </w:p>
          <w:p w:rsidR="00156FB3" w:rsidRDefault="00156FB3" w:rsidP="00156FB3">
            <w:r>
              <w:t xml:space="preserve">                   (Conversely, had timeStart been defined when this call was added to Velocity.State.calls, the delay</w:t>
            </w:r>
          </w:p>
          <w:p w:rsidR="00156FB3" w:rsidRDefault="00156FB3" w:rsidP="00156FB3">
            <w:r>
              <w:t xml:space="preserve">                   between that time and now would cause the first few frames of the tween to be skipped since</w:t>
            </w:r>
          </w:p>
          <w:p w:rsidR="00156FB3" w:rsidRDefault="00156FB3" w:rsidP="00156FB3">
            <w:r>
              <w:t xml:space="preserve">                   percentComplete is calculated relative to timeStart.) */</w:t>
            </w:r>
          </w:p>
          <w:p w:rsidR="00156FB3" w:rsidRDefault="00156FB3" w:rsidP="00156FB3">
            <w:r>
              <w:t xml:space="preserve">                /* Further, subtract 16ms (the approximate resolution of RAF) from the current time value so that the</w:t>
            </w:r>
          </w:p>
          <w:p w:rsidR="00156FB3" w:rsidRDefault="00156FB3" w:rsidP="00156FB3">
            <w:r>
              <w:t xml:space="preserve">                   first tick iteration isn't wasted by animating at 0% tween completion, which would produce </w:t>
            </w:r>
            <w:r>
              <w:lastRenderedPageBreak/>
              <w:t>the</w:t>
            </w:r>
          </w:p>
          <w:p w:rsidR="00156FB3" w:rsidRDefault="00156FB3" w:rsidP="00156FB3">
            <w:r>
              <w:t xml:space="preserve">                   same style value as the element's current value. */</w:t>
            </w:r>
          </w:p>
          <w:p w:rsidR="00156FB3" w:rsidRDefault="00156FB3" w:rsidP="00156FB3">
            <w:r>
              <w:t xml:space="preserve">                if (!timeStart) {</w:t>
            </w:r>
          </w:p>
          <w:p w:rsidR="00156FB3" w:rsidRDefault="00156FB3" w:rsidP="00156FB3">
            <w:r>
              <w:t xml:space="preserve">                    timeStart = Velocity.State.calls[i][3] = timeCurrent - 16;</w:t>
            </w:r>
          </w:p>
          <w:p w:rsidR="00156FB3" w:rsidRDefault="00156FB3" w:rsidP="00156FB3">
            <w:r>
              <w:t xml:space="preserve">                }</w:t>
            </w:r>
          </w:p>
          <w:p w:rsidR="00156FB3" w:rsidRDefault="00156FB3" w:rsidP="00156FB3"/>
          <w:p w:rsidR="00156FB3" w:rsidRDefault="00156FB3" w:rsidP="00156FB3">
            <w:r>
              <w:t xml:space="preserve">                /* The tween's completion percentage is relative to the tween's start time, not the tween's start value</w:t>
            </w:r>
          </w:p>
          <w:p w:rsidR="00156FB3" w:rsidRDefault="00156FB3" w:rsidP="00156FB3">
            <w:r>
              <w:t xml:space="preserve">                   (which would result in unpredictable tween durations since JavaScript's timers are not particularly accurate).</w:t>
            </w:r>
          </w:p>
          <w:p w:rsidR="00156FB3" w:rsidRDefault="00156FB3" w:rsidP="00156FB3">
            <w:r>
              <w:t xml:space="preserve">                   Accordingly, we ensure that percentComplete does not exceed 1. */</w:t>
            </w:r>
          </w:p>
          <w:p w:rsidR="00156FB3" w:rsidRDefault="00156FB3" w:rsidP="00156FB3">
            <w:r>
              <w:t xml:space="preserve">                var percentComplete = Math.min((timeCurrent - timeStart) / opts.duration, 1);</w:t>
            </w:r>
          </w:p>
          <w:p w:rsidR="00156FB3" w:rsidRDefault="00156FB3" w:rsidP="00156FB3"/>
          <w:p w:rsidR="00156FB3" w:rsidRDefault="00156FB3" w:rsidP="00156FB3">
            <w:r>
              <w:t xml:space="preserve">                /**********************</w:t>
            </w:r>
          </w:p>
          <w:p w:rsidR="00156FB3" w:rsidRDefault="00156FB3" w:rsidP="00156FB3">
            <w:r>
              <w:t xml:space="preserve">                   Element Iteration</w:t>
            </w:r>
          </w:p>
          <w:p w:rsidR="00156FB3" w:rsidRDefault="00156FB3" w:rsidP="00156FB3">
            <w:r>
              <w:t xml:space="preserve">                **********************/</w:t>
            </w:r>
          </w:p>
          <w:p w:rsidR="00156FB3" w:rsidRDefault="00156FB3" w:rsidP="00156FB3"/>
          <w:p w:rsidR="00156FB3" w:rsidRDefault="00156FB3" w:rsidP="00156FB3">
            <w:r>
              <w:t xml:space="preserve">                /* For every call, iterate through each of the elements in its set. */</w:t>
            </w:r>
          </w:p>
          <w:p w:rsidR="00156FB3" w:rsidRDefault="00156FB3" w:rsidP="00156FB3">
            <w:r>
              <w:t xml:space="preserve">                for (var j = 0, callLength = call.length; j &lt; callLength; j++) {</w:t>
            </w:r>
          </w:p>
          <w:p w:rsidR="00156FB3" w:rsidRDefault="00156FB3" w:rsidP="00156FB3">
            <w:r>
              <w:t xml:space="preserve">                    var tweensContainer = call[j],</w:t>
            </w:r>
          </w:p>
          <w:p w:rsidR="00156FB3" w:rsidRDefault="00156FB3" w:rsidP="00156FB3">
            <w:r>
              <w:t xml:space="preserve">                        element = tweensContainer.element;</w:t>
            </w:r>
          </w:p>
          <w:p w:rsidR="00156FB3" w:rsidRDefault="00156FB3" w:rsidP="00156FB3"/>
          <w:p w:rsidR="00156FB3" w:rsidRDefault="00156FB3" w:rsidP="00156FB3">
            <w:r>
              <w:t xml:space="preserve">                    /* Check to see if this element has been deleted midway through the animation by checking for the</w:t>
            </w:r>
          </w:p>
          <w:p w:rsidR="00156FB3" w:rsidRDefault="00156FB3" w:rsidP="00156FB3">
            <w:r>
              <w:t xml:space="preserve">                       continued existence of its data cache. If it's gone, skip animating this element. */</w:t>
            </w:r>
          </w:p>
          <w:p w:rsidR="00156FB3" w:rsidRDefault="00156FB3" w:rsidP="00156FB3">
            <w:r>
              <w:t xml:space="preserve">                    if (!Data(element)) {</w:t>
            </w:r>
          </w:p>
          <w:p w:rsidR="00156FB3" w:rsidRDefault="00156FB3" w:rsidP="00156FB3">
            <w:r>
              <w:t xml:space="preserve">                        continue;</w:t>
            </w:r>
          </w:p>
          <w:p w:rsidR="00156FB3" w:rsidRDefault="00156FB3" w:rsidP="00156FB3">
            <w:r>
              <w:t xml:space="preserve">                    }</w:t>
            </w:r>
          </w:p>
          <w:p w:rsidR="00156FB3" w:rsidRDefault="00156FB3" w:rsidP="00156FB3"/>
          <w:p w:rsidR="00156FB3" w:rsidRDefault="00156FB3" w:rsidP="00156FB3">
            <w:r>
              <w:t xml:space="preserve">                    var transformPropertyExists = false;</w:t>
            </w:r>
          </w:p>
          <w:p w:rsidR="00156FB3" w:rsidRDefault="00156FB3" w:rsidP="00156FB3"/>
          <w:p w:rsidR="00156FB3" w:rsidRDefault="00156FB3" w:rsidP="00156FB3">
            <w:r>
              <w:t xml:space="preserve">                    /**********************************</w:t>
            </w:r>
          </w:p>
          <w:p w:rsidR="00156FB3" w:rsidRDefault="00156FB3" w:rsidP="00156FB3">
            <w:r>
              <w:t xml:space="preserve">                       Display &amp; Visibility Toggling</w:t>
            </w:r>
          </w:p>
          <w:p w:rsidR="00156FB3" w:rsidRDefault="00156FB3" w:rsidP="00156FB3">
            <w:r>
              <w:t xml:space="preserve">                    **********************************/</w:t>
            </w:r>
          </w:p>
          <w:p w:rsidR="00156FB3" w:rsidRDefault="00156FB3" w:rsidP="00156FB3"/>
          <w:p w:rsidR="00156FB3" w:rsidRDefault="00156FB3" w:rsidP="00156FB3">
            <w:r>
              <w:t xml:space="preserve">                    /* If the display option is set to non-"none", set it upfront so that the element can become visible before tweening begins.</w:t>
            </w:r>
          </w:p>
          <w:p w:rsidR="00156FB3" w:rsidRDefault="00156FB3" w:rsidP="00156FB3">
            <w:r>
              <w:t xml:space="preserve">                       (Otherwise, display's "none" value is set in completeCall() once the animation has completed.) */</w:t>
            </w:r>
          </w:p>
          <w:p w:rsidR="00156FB3" w:rsidRDefault="00156FB3" w:rsidP="00156FB3">
            <w:r>
              <w:t xml:space="preserve">                    if (opts.display !== undefined &amp;&amp; opts.display !== null &amp;&amp; opts.display !== "none") {</w:t>
            </w:r>
          </w:p>
          <w:p w:rsidR="00156FB3" w:rsidRDefault="00156FB3" w:rsidP="00156FB3">
            <w:r>
              <w:t xml:space="preserve">                        if (opts.display === "flex") {</w:t>
            </w:r>
          </w:p>
          <w:p w:rsidR="00156FB3" w:rsidRDefault="00156FB3" w:rsidP="00156FB3">
            <w:r>
              <w:t xml:space="preserve">                            var flexValues = [ "-webkit-box", "-moz-box", "-ms-flexbox", "-webkit-flex" ];</w:t>
            </w:r>
          </w:p>
          <w:p w:rsidR="00156FB3" w:rsidRDefault="00156FB3" w:rsidP="00156FB3"/>
          <w:p w:rsidR="00156FB3" w:rsidRDefault="00156FB3" w:rsidP="00156FB3">
            <w:r>
              <w:t xml:space="preserve">                            $.each(flexValues, function(i, flexValue) {</w:t>
            </w:r>
          </w:p>
          <w:p w:rsidR="00156FB3" w:rsidRDefault="00156FB3" w:rsidP="00156FB3">
            <w:r>
              <w:t xml:space="preserve">                                CSS.setPropertyValue(element, "display", flexVal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lastRenderedPageBreak/>
              <w:t xml:space="preserve">                        CSS.setPropertyValue(element, "display", opts.display);</w:t>
            </w:r>
          </w:p>
          <w:p w:rsidR="00156FB3" w:rsidRDefault="00156FB3" w:rsidP="00156FB3">
            <w:r>
              <w:t xml:space="preserve">                    }</w:t>
            </w:r>
          </w:p>
          <w:p w:rsidR="00156FB3" w:rsidRDefault="00156FB3" w:rsidP="00156FB3"/>
          <w:p w:rsidR="00156FB3" w:rsidRDefault="00156FB3" w:rsidP="00156FB3">
            <w:r>
              <w:t xml:space="preserve">                    /* Same goes with the visibility option, but its "none" equivalent is "hidden". */</w:t>
            </w:r>
          </w:p>
          <w:p w:rsidR="00156FB3" w:rsidRDefault="00156FB3" w:rsidP="00156FB3">
            <w:r>
              <w:t xml:space="preserve">                    if (opts.visibility !== undefined &amp;&amp; opts.visibility !== "hidden") {</w:t>
            </w:r>
          </w:p>
          <w:p w:rsidR="00156FB3" w:rsidRDefault="00156FB3" w:rsidP="00156FB3">
            <w:r>
              <w:t xml:space="preserve">                        CSS.setPropertyValue(element, "visibility", opts.visibility);</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Property Iteration</w:t>
            </w:r>
          </w:p>
          <w:p w:rsidR="00156FB3" w:rsidRDefault="00156FB3" w:rsidP="00156FB3">
            <w:r>
              <w:t xml:space="preserve">                    ************************/</w:t>
            </w:r>
          </w:p>
          <w:p w:rsidR="00156FB3" w:rsidRDefault="00156FB3" w:rsidP="00156FB3"/>
          <w:p w:rsidR="00156FB3" w:rsidRDefault="00156FB3" w:rsidP="00156FB3">
            <w:r>
              <w:t xml:space="preserve">                    /* For every element, iterate through each property. */</w:t>
            </w:r>
          </w:p>
          <w:p w:rsidR="00156FB3" w:rsidRDefault="00156FB3" w:rsidP="00156FB3">
            <w:r>
              <w:t xml:space="preserve">                    for (var property in tweensContainer) {</w:t>
            </w:r>
          </w:p>
          <w:p w:rsidR="00156FB3" w:rsidRDefault="00156FB3" w:rsidP="00156FB3">
            <w:r>
              <w:t xml:space="preserve">                        /* Note: In addition to property tween data, tweensContainer contains a reference to its associated element. */</w:t>
            </w:r>
          </w:p>
          <w:p w:rsidR="00156FB3" w:rsidRDefault="00156FB3" w:rsidP="00156FB3">
            <w:r>
              <w:t xml:space="preserve">                        if (property !== "element") {</w:t>
            </w:r>
          </w:p>
          <w:p w:rsidR="00156FB3" w:rsidRDefault="00156FB3" w:rsidP="00156FB3">
            <w:r>
              <w:t xml:space="preserve">                            var tween = tweensContainer[property],</w:t>
            </w:r>
          </w:p>
          <w:p w:rsidR="00156FB3" w:rsidRDefault="00156FB3" w:rsidP="00156FB3">
            <w:r>
              <w:t xml:space="preserve">                                currentValue,</w:t>
            </w:r>
          </w:p>
          <w:p w:rsidR="00156FB3" w:rsidRDefault="00156FB3" w:rsidP="00156FB3">
            <w:r>
              <w:t xml:space="preserve">                                /* Easing can either be a pre-genereated function or a string that references a pre-registered easing</w:t>
            </w:r>
          </w:p>
          <w:p w:rsidR="00156FB3" w:rsidRDefault="00156FB3" w:rsidP="00156FB3">
            <w:r>
              <w:t xml:space="preserve">                                   on the Velocity.Easings object. In either case, return the appropriate easing *function*. */</w:t>
            </w:r>
          </w:p>
          <w:p w:rsidR="00156FB3" w:rsidRDefault="00156FB3" w:rsidP="00156FB3">
            <w:r>
              <w:t xml:space="preserve">                                easing = Type.isString(tween.easing) ? Velocity.Easings[tween.easing] : tween.easing;</w:t>
            </w:r>
          </w:p>
          <w:p w:rsidR="00156FB3" w:rsidRDefault="00156FB3" w:rsidP="00156FB3"/>
          <w:p w:rsidR="00156FB3" w:rsidRDefault="00156FB3" w:rsidP="00156FB3">
            <w:r>
              <w:t xml:space="preserve">                            /******************************</w:t>
            </w:r>
          </w:p>
          <w:p w:rsidR="00156FB3" w:rsidRDefault="00156FB3" w:rsidP="00156FB3">
            <w:r>
              <w:t xml:space="preserve">                               Current Value Calculation</w:t>
            </w:r>
          </w:p>
          <w:p w:rsidR="00156FB3" w:rsidRDefault="00156FB3" w:rsidP="00156FB3">
            <w:r>
              <w:t xml:space="preserve">                            ******************************/</w:t>
            </w:r>
          </w:p>
          <w:p w:rsidR="00156FB3" w:rsidRDefault="00156FB3" w:rsidP="00156FB3"/>
          <w:p w:rsidR="00156FB3" w:rsidRDefault="00156FB3" w:rsidP="00156FB3">
            <w:r>
              <w:t xml:space="preserve">                            /* If this is the last tick pass (if we've reached 100% completion for this tween),</w:t>
            </w:r>
          </w:p>
          <w:p w:rsidR="00156FB3" w:rsidRDefault="00156FB3" w:rsidP="00156FB3">
            <w:r>
              <w:t xml:space="preserve">                               ensure that currentValue is explicitly set to its target endValue so that it's not subjected to any rounding. */</w:t>
            </w:r>
          </w:p>
          <w:p w:rsidR="00156FB3" w:rsidRDefault="00156FB3" w:rsidP="00156FB3">
            <w:r>
              <w:t xml:space="preserve">                            if (percentComplete === 1) {</w:t>
            </w:r>
          </w:p>
          <w:p w:rsidR="00156FB3" w:rsidRDefault="00156FB3" w:rsidP="00156FB3">
            <w:r>
              <w:t xml:space="preserve">                                currentValue = tween.endValue;</w:t>
            </w:r>
          </w:p>
          <w:p w:rsidR="00156FB3" w:rsidRDefault="00156FB3" w:rsidP="00156FB3">
            <w:r>
              <w:t xml:space="preserve">                            /* Otherwise, calculate currentValue based on the current delta from startValue. */</w:t>
            </w:r>
          </w:p>
          <w:p w:rsidR="00156FB3" w:rsidRDefault="00156FB3" w:rsidP="00156FB3">
            <w:r>
              <w:t xml:space="preserve">                            } else {</w:t>
            </w:r>
          </w:p>
          <w:p w:rsidR="00156FB3" w:rsidRDefault="00156FB3" w:rsidP="00156FB3">
            <w:r>
              <w:t xml:space="preserve">                                var tweenDelta = tween.endValue - tween.startValue;</w:t>
            </w:r>
          </w:p>
          <w:p w:rsidR="00156FB3" w:rsidRDefault="00156FB3" w:rsidP="00156FB3">
            <w:r>
              <w:t xml:space="preserve">                                currentValue = tween.startValue + (tweenDelta * easing(percentComplete, opts, tweenDelta));</w:t>
            </w:r>
          </w:p>
          <w:p w:rsidR="00156FB3" w:rsidRDefault="00156FB3" w:rsidP="00156FB3"/>
          <w:p w:rsidR="00156FB3" w:rsidRDefault="00156FB3" w:rsidP="00156FB3">
            <w:r>
              <w:t xml:space="preserve">                                /* If no value change is occurring, don't proceed with DOM updating. */</w:t>
            </w:r>
          </w:p>
          <w:p w:rsidR="00156FB3" w:rsidRDefault="00156FB3" w:rsidP="00156FB3">
            <w:r>
              <w:t xml:space="preserve">                                if (!firstTick &amp;&amp; (currentValue === tween.currentValue)) {</w:t>
            </w:r>
          </w:p>
          <w:p w:rsidR="00156FB3" w:rsidRDefault="00156FB3" w:rsidP="00156FB3">
            <w:r>
              <w:t xml:space="preserve">                                    contin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tween.currentValue = currentValue;</w:t>
            </w:r>
          </w:p>
          <w:p w:rsidR="00156FB3" w:rsidRDefault="00156FB3" w:rsidP="00156FB3"/>
          <w:p w:rsidR="00156FB3" w:rsidRDefault="00156FB3" w:rsidP="00156FB3">
            <w:r>
              <w:lastRenderedPageBreak/>
              <w:t xml:space="preserve">                            /* If we're tweening a fake 'tween' property in order to log transition values, update the one-per-call variable so that</w:t>
            </w:r>
          </w:p>
          <w:p w:rsidR="00156FB3" w:rsidRDefault="00156FB3" w:rsidP="00156FB3">
            <w:r>
              <w:t xml:space="preserve">                               it can be passed into the progress callback. */</w:t>
            </w:r>
          </w:p>
          <w:p w:rsidR="00156FB3" w:rsidRDefault="00156FB3" w:rsidP="00156FB3">
            <w:r>
              <w:t xml:space="preserve">                            if (property === "tween") {</w:t>
            </w:r>
          </w:p>
          <w:p w:rsidR="00156FB3" w:rsidRDefault="00156FB3" w:rsidP="00156FB3">
            <w:r>
              <w:t xml:space="preserve">                                tweenDummyValue = currentValue;</w:t>
            </w:r>
          </w:p>
          <w:p w:rsidR="00156FB3" w:rsidRDefault="00156FB3" w:rsidP="00156FB3">
            <w:r>
              <w:t xml:space="preserve">                            } else {</w:t>
            </w:r>
          </w:p>
          <w:p w:rsidR="00156FB3" w:rsidRDefault="00156FB3" w:rsidP="00156FB3">
            <w:r>
              <w:t xml:space="preserve">                                /******************</w:t>
            </w:r>
          </w:p>
          <w:p w:rsidR="00156FB3" w:rsidRDefault="00156FB3" w:rsidP="00156FB3">
            <w:r>
              <w:t xml:space="preserve">                                   Hooks: Part I</w:t>
            </w:r>
          </w:p>
          <w:p w:rsidR="00156FB3" w:rsidRDefault="00156FB3" w:rsidP="00156FB3">
            <w:r>
              <w:t xml:space="preserve">                                ******************/</w:t>
            </w:r>
          </w:p>
          <w:p w:rsidR="00156FB3" w:rsidRDefault="00156FB3" w:rsidP="00156FB3"/>
          <w:p w:rsidR="00156FB3" w:rsidRDefault="00156FB3" w:rsidP="00156FB3">
            <w:r>
              <w:t xml:space="preserve">                                /* For hooked properties, the newly-updated rootPropertyValueCache is cached onto the element so that it can be used</w:t>
            </w:r>
          </w:p>
          <w:p w:rsidR="00156FB3" w:rsidRDefault="00156FB3" w:rsidP="00156FB3">
            <w:r>
              <w:t xml:space="preserve">                                   for subsequent hooks in this call that are associated with the same root property. If we didn't cache the updated</w:t>
            </w:r>
          </w:p>
          <w:p w:rsidR="00156FB3" w:rsidRDefault="00156FB3" w:rsidP="00156FB3">
            <w:r>
              <w:t xml:space="preserve">                                   rootPropertyValue, each subsequent update to the root property in this tick pass would reset the previous hook's</w:t>
            </w:r>
          </w:p>
          <w:p w:rsidR="00156FB3" w:rsidRDefault="00156FB3" w:rsidP="00156FB3">
            <w:r>
              <w:t xml:space="preserve">                                   updates to rootPropertyValue prior to injection. A nice performance byproduct of rootPropertyValue caching is that</w:t>
            </w:r>
          </w:p>
          <w:p w:rsidR="00156FB3" w:rsidRDefault="00156FB3" w:rsidP="00156FB3">
            <w:r>
              <w:t xml:space="preserve">                                   subsequently chained animations using the same hookRoot but a different hook can use this cached rootPropertyValue. */</w:t>
            </w:r>
          </w:p>
          <w:p w:rsidR="00156FB3" w:rsidRDefault="00156FB3" w:rsidP="00156FB3">
            <w:r>
              <w:t xml:space="preserve">                                if (CSS.Hooks.registered[property]) {</w:t>
            </w:r>
          </w:p>
          <w:p w:rsidR="00156FB3" w:rsidRDefault="00156FB3" w:rsidP="00156FB3">
            <w:r>
              <w:t xml:space="preserve">                                    var hookRoot = CSS.Hooks.getRoot(property),</w:t>
            </w:r>
          </w:p>
          <w:p w:rsidR="00156FB3" w:rsidRDefault="00156FB3" w:rsidP="00156FB3">
            <w:r>
              <w:t xml:space="preserve">                                        rootPropertyValueCache = Data(element).rootPropertyValueCache[hookRoot];</w:t>
            </w:r>
          </w:p>
          <w:p w:rsidR="00156FB3" w:rsidRDefault="00156FB3" w:rsidP="00156FB3"/>
          <w:p w:rsidR="00156FB3" w:rsidRDefault="00156FB3" w:rsidP="00156FB3">
            <w:r>
              <w:t xml:space="preserve">                                    if (rootPropertyValueCache) {</w:t>
            </w:r>
          </w:p>
          <w:p w:rsidR="00156FB3" w:rsidRDefault="00156FB3" w:rsidP="00156FB3">
            <w:r>
              <w:t xml:space="preserve">                                        tween.rootPropertyValue = rootPropertyValueCach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DOM Update</w:t>
            </w:r>
          </w:p>
          <w:p w:rsidR="00156FB3" w:rsidRDefault="00156FB3" w:rsidP="00156FB3">
            <w:r>
              <w:t xml:space="preserve">                                *****************/</w:t>
            </w:r>
          </w:p>
          <w:p w:rsidR="00156FB3" w:rsidRDefault="00156FB3" w:rsidP="00156FB3"/>
          <w:p w:rsidR="00156FB3" w:rsidRDefault="00156FB3" w:rsidP="00156FB3">
            <w:r>
              <w:t xml:space="preserve">                                /* setPropertyValue() returns an array of the property name and property value post any normalization that may have been performed. */</w:t>
            </w:r>
          </w:p>
          <w:p w:rsidR="00156FB3" w:rsidRDefault="00156FB3" w:rsidP="00156FB3">
            <w:r>
              <w:t xml:space="preserve">                                /* Note: To solve an IE&lt;=8 positioning bug, the unit type is dropped when setting a property value of 0. */</w:t>
            </w:r>
          </w:p>
          <w:p w:rsidR="00156FB3" w:rsidRDefault="00156FB3" w:rsidP="00156FB3">
            <w:r>
              <w:t xml:space="preserve">                                var adjustedSetData = CSS.setPropertyValue(element, /* SET */</w:t>
            </w:r>
          </w:p>
          <w:p w:rsidR="00156FB3" w:rsidRDefault="00156FB3" w:rsidP="00156FB3">
            <w:r>
              <w:t xml:space="preserve">                                                                           property,</w:t>
            </w:r>
          </w:p>
          <w:p w:rsidR="00156FB3" w:rsidRDefault="00156FB3" w:rsidP="00156FB3">
            <w:r>
              <w:t xml:space="preserve">                                                                           tween.currentValue + (parseFloat(currentValue) === 0 ? "" : tween.unitType),</w:t>
            </w:r>
          </w:p>
          <w:p w:rsidR="00156FB3" w:rsidRDefault="00156FB3" w:rsidP="00156FB3">
            <w:r>
              <w:t xml:space="preserve">                                                                           tween.rootPropertyValue,</w:t>
            </w:r>
          </w:p>
          <w:p w:rsidR="00156FB3" w:rsidRDefault="00156FB3" w:rsidP="00156FB3">
            <w:r>
              <w:t xml:space="preserve">                                                                           tween.scrollData);</w:t>
            </w:r>
          </w:p>
          <w:p w:rsidR="00156FB3" w:rsidRDefault="00156FB3" w:rsidP="00156FB3"/>
          <w:p w:rsidR="00156FB3" w:rsidRDefault="00156FB3" w:rsidP="00156FB3">
            <w:r>
              <w:t xml:space="preserve">                                /*******************</w:t>
            </w:r>
          </w:p>
          <w:p w:rsidR="00156FB3" w:rsidRDefault="00156FB3" w:rsidP="00156FB3">
            <w:r>
              <w:t xml:space="preserve">                                   Hooks: Part II</w:t>
            </w:r>
          </w:p>
          <w:p w:rsidR="00156FB3" w:rsidRDefault="00156FB3" w:rsidP="00156FB3">
            <w:r>
              <w:t xml:space="preserve">                                *******************/</w:t>
            </w:r>
          </w:p>
          <w:p w:rsidR="00156FB3" w:rsidRDefault="00156FB3" w:rsidP="00156FB3"/>
          <w:p w:rsidR="00156FB3" w:rsidRDefault="00156FB3" w:rsidP="00156FB3">
            <w:r>
              <w:lastRenderedPageBreak/>
              <w:t xml:space="preserve">                                /* Now that we have the hook's updated rootPropertyValue (the post-processed value provided by adjustedSetData), cache it onto the element. */</w:t>
            </w:r>
          </w:p>
          <w:p w:rsidR="00156FB3" w:rsidRDefault="00156FB3" w:rsidP="00156FB3">
            <w:r>
              <w:t xml:space="preserve">                                if (CSS.Hooks.registered[property]) {</w:t>
            </w:r>
          </w:p>
          <w:p w:rsidR="00156FB3" w:rsidRDefault="00156FB3" w:rsidP="00156FB3">
            <w:r>
              <w:t xml:space="preserve">                                    /* Since adjustedSetData contains normalized data ready for DOM updating, the rootPropertyValue needs to be re-extracted from its normalized form. ?? */</w:t>
            </w:r>
          </w:p>
          <w:p w:rsidR="00156FB3" w:rsidRDefault="00156FB3" w:rsidP="00156FB3">
            <w:r>
              <w:t xml:space="preserve">                                    if (CSS.Normalizations.registered[hookRoot]) {</w:t>
            </w:r>
          </w:p>
          <w:p w:rsidR="00156FB3" w:rsidRDefault="00156FB3" w:rsidP="00156FB3">
            <w:r>
              <w:t xml:space="preserve">                                        Data(element).rootPropertyValueCache[hookRoot] = CSS.Normalizations.registered[hookRoot]("extract", null, adjustedSetData[1]);</w:t>
            </w:r>
          </w:p>
          <w:p w:rsidR="00156FB3" w:rsidRDefault="00156FB3" w:rsidP="00156FB3">
            <w:r>
              <w:t xml:space="preserve">                                    } else {</w:t>
            </w:r>
          </w:p>
          <w:p w:rsidR="00156FB3" w:rsidRDefault="00156FB3" w:rsidP="00156FB3">
            <w:r>
              <w:t xml:space="preserve">                                        Data(element).rootPropertyValueCache[hookRoot] = adjustedSetData[1];</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Transforms</w:t>
            </w:r>
          </w:p>
          <w:p w:rsidR="00156FB3" w:rsidRDefault="00156FB3" w:rsidP="00156FB3">
            <w:r>
              <w:t xml:space="preserve">                                ***************/</w:t>
            </w:r>
          </w:p>
          <w:p w:rsidR="00156FB3" w:rsidRDefault="00156FB3" w:rsidP="00156FB3"/>
          <w:p w:rsidR="00156FB3" w:rsidRDefault="00156FB3" w:rsidP="00156FB3">
            <w:r>
              <w:t xml:space="preserve">                                /* Flag whether a transform property is being animated so that flushTransformCache() can be triggered once this tick pass is complete. */</w:t>
            </w:r>
          </w:p>
          <w:p w:rsidR="00156FB3" w:rsidRDefault="00156FB3" w:rsidP="00156FB3">
            <w:r>
              <w:t xml:space="preserve">                                if (adjustedSetData[0] === "transform") {</w:t>
            </w:r>
          </w:p>
          <w:p w:rsidR="00156FB3" w:rsidRDefault="00156FB3" w:rsidP="00156FB3">
            <w:r>
              <w:t xml:space="preserve">                                    transformPropertyExists = true;</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mobileHA</w:t>
            </w:r>
          </w:p>
          <w:p w:rsidR="00156FB3" w:rsidRDefault="00156FB3" w:rsidP="00156FB3">
            <w:r>
              <w:t xml:space="preserve">                    ****************/</w:t>
            </w:r>
          </w:p>
          <w:p w:rsidR="00156FB3" w:rsidRDefault="00156FB3" w:rsidP="00156FB3"/>
          <w:p w:rsidR="00156FB3" w:rsidRDefault="00156FB3" w:rsidP="00156FB3">
            <w:r>
              <w:t xml:space="preserve">                    /* If mobileHA is enabled, set the translate3d transform to null to force hardware acceleration.</w:t>
            </w:r>
          </w:p>
          <w:p w:rsidR="00156FB3" w:rsidRDefault="00156FB3" w:rsidP="00156FB3">
            <w:r>
              <w:t xml:space="preserve">                       It's safe to override this property since Velocity doesn't actually support its animation (hooks are used in its place). */</w:t>
            </w:r>
          </w:p>
          <w:p w:rsidR="00156FB3" w:rsidRDefault="00156FB3" w:rsidP="00156FB3">
            <w:r>
              <w:t xml:space="preserve">                    if (opts.mobileHA) {</w:t>
            </w:r>
          </w:p>
          <w:p w:rsidR="00156FB3" w:rsidRDefault="00156FB3" w:rsidP="00156FB3">
            <w:r>
              <w:t xml:space="preserve">                        /* Don't set the null transform hack if we've already done so. */</w:t>
            </w:r>
          </w:p>
          <w:p w:rsidR="00156FB3" w:rsidRDefault="00156FB3" w:rsidP="00156FB3">
            <w:r>
              <w:t xml:space="preserve">                        if (Data(element).transformCache.translate3d === undefined) {</w:t>
            </w:r>
          </w:p>
          <w:p w:rsidR="00156FB3" w:rsidRDefault="00156FB3" w:rsidP="00156FB3">
            <w:r>
              <w:t xml:space="preserve">                            /* All entries on the transformCache object are later concatenated into a single transform string via flushTransformCache(). */</w:t>
            </w:r>
          </w:p>
          <w:p w:rsidR="00156FB3" w:rsidRDefault="00156FB3" w:rsidP="00156FB3">
            <w:r>
              <w:t xml:space="preserve">                            Data(element).transformCache.translate3d = "(0px, 0px, 0px)";</w:t>
            </w:r>
          </w:p>
          <w:p w:rsidR="00156FB3" w:rsidRDefault="00156FB3" w:rsidP="00156FB3"/>
          <w:p w:rsidR="00156FB3" w:rsidRDefault="00156FB3" w:rsidP="00156FB3">
            <w:r>
              <w:t xml:space="preserve">                            transformPropertyExists = tru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if (transformPropertyExists) {</w:t>
            </w:r>
          </w:p>
          <w:p w:rsidR="00156FB3" w:rsidRDefault="00156FB3" w:rsidP="00156FB3">
            <w:r>
              <w:t xml:space="preserve">                        CSS.flushTransformCache(element);</w:t>
            </w:r>
          </w:p>
          <w:p w:rsidR="00156FB3" w:rsidRDefault="00156FB3" w:rsidP="00156FB3">
            <w:r>
              <w:lastRenderedPageBreak/>
              <w:t xml:space="preserve">                    }</w:t>
            </w:r>
          </w:p>
          <w:p w:rsidR="00156FB3" w:rsidRDefault="00156FB3" w:rsidP="00156FB3">
            <w:r>
              <w:t xml:space="preserve">                }</w:t>
            </w:r>
          </w:p>
          <w:p w:rsidR="00156FB3" w:rsidRDefault="00156FB3" w:rsidP="00156FB3"/>
          <w:p w:rsidR="00156FB3" w:rsidRDefault="00156FB3" w:rsidP="00156FB3">
            <w:r>
              <w:t xml:space="preserve">                /* The non-"none" display value is only applied to an element once -- when its associated call is first ticked through.</w:t>
            </w:r>
          </w:p>
          <w:p w:rsidR="00156FB3" w:rsidRDefault="00156FB3" w:rsidP="00156FB3">
            <w:r>
              <w:t xml:space="preserve">                   Accordingly, it's set to false so that it isn't re-processed by this call in the next tick. */</w:t>
            </w:r>
          </w:p>
          <w:p w:rsidR="00156FB3" w:rsidRDefault="00156FB3" w:rsidP="00156FB3">
            <w:r>
              <w:t xml:space="preserve">                if (opts.display !== undefined &amp;&amp; opts.display !== "none") {</w:t>
            </w:r>
          </w:p>
          <w:p w:rsidR="00156FB3" w:rsidRDefault="00156FB3" w:rsidP="00156FB3">
            <w:r>
              <w:t xml:space="preserve">                    Velocity.State.calls[i][2].display = false;</w:t>
            </w:r>
          </w:p>
          <w:p w:rsidR="00156FB3" w:rsidRDefault="00156FB3" w:rsidP="00156FB3">
            <w:r>
              <w:t xml:space="preserve">                }</w:t>
            </w:r>
          </w:p>
          <w:p w:rsidR="00156FB3" w:rsidRDefault="00156FB3" w:rsidP="00156FB3">
            <w:r>
              <w:t xml:space="preserve">                if (opts.visibility !== undefined &amp;&amp; opts.visibility !== "hidden") {</w:t>
            </w:r>
          </w:p>
          <w:p w:rsidR="00156FB3" w:rsidRDefault="00156FB3" w:rsidP="00156FB3">
            <w:r>
              <w:t xml:space="preserve">                    Velocity.State.calls[i][2].visibility = false;</w:t>
            </w:r>
          </w:p>
          <w:p w:rsidR="00156FB3" w:rsidRDefault="00156FB3" w:rsidP="00156FB3">
            <w:r>
              <w:t xml:space="preserve">                }</w:t>
            </w:r>
          </w:p>
          <w:p w:rsidR="00156FB3" w:rsidRDefault="00156FB3" w:rsidP="00156FB3"/>
          <w:p w:rsidR="00156FB3" w:rsidRDefault="00156FB3" w:rsidP="00156FB3">
            <w:r>
              <w:t xml:space="preserve">                /* Pass the elements and the timing data (percentComplete, msRemaining, timeStart, tweenDummyValue) into the progress callback. */</w:t>
            </w:r>
          </w:p>
          <w:p w:rsidR="00156FB3" w:rsidRDefault="00156FB3" w:rsidP="00156FB3">
            <w:r>
              <w:t xml:space="preserve">                if (opts.progress) {</w:t>
            </w:r>
          </w:p>
          <w:p w:rsidR="00156FB3" w:rsidRDefault="00156FB3" w:rsidP="00156FB3">
            <w:r>
              <w:t xml:space="preserve">                    opts.progress.call(callContainer[1],</w:t>
            </w:r>
          </w:p>
          <w:p w:rsidR="00156FB3" w:rsidRDefault="00156FB3" w:rsidP="00156FB3">
            <w:r>
              <w:t xml:space="preserve">                                       callContainer[1],</w:t>
            </w:r>
          </w:p>
          <w:p w:rsidR="00156FB3" w:rsidRDefault="00156FB3" w:rsidP="00156FB3">
            <w:r>
              <w:t xml:space="preserve">                                       percentComplete,</w:t>
            </w:r>
          </w:p>
          <w:p w:rsidR="00156FB3" w:rsidRDefault="00156FB3" w:rsidP="00156FB3">
            <w:r>
              <w:t xml:space="preserve">                                       Math.max(0, (timeStart + opts.duration) - timeCurrent),</w:t>
            </w:r>
          </w:p>
          <w:p w:rsidR="00156FB3" w:rsidRDefault="00156FB3" w:rsidP="00156FB3">
            <w:r>
              <w:t xml:space="preserve">                                       timeStart,</w:t>
            </w:r>
          </w:p>
          <w:p w:rsidR="00156FB3" w:rsidRDefault="00156FB3" w:rsidP="00156FB3">
            <w:r>
              <w:t xml:space="preserve">                                       tweenDummyValue);</w:t>
            </w:r>
          </w:p>
          <w:p w:rsidR="00156FB3" w:rsidRDefault="00156FB3" w:rsidP="00156FB3">
            <w:r>
              <w:t xml:space="preserve">                }</w:t>
            </w:r>
          </w:p>
          <w:p w:rsidR="00156FB3" w:rsidRDefault="00156FB3" w:rsidP="00156FB3"/>
          <w:p w:rsidR="00156FB3" w:rsidRDefault="00156FB3" w:rsidP="00156FB3">
            <w:r>
              <w:t xml:space="preserve">                /* If this call has finished tweening, pass its index to completeCall() to handle call cleanup. */</w:t>
            </w:r>
          </w:p>
          <w:p w:rsidR="00156FB3" w:rsidRDefault="00156FB3" w:rsidP="00156FB3">
            <w:r>
              <w:t xml:space="preserve">                if (percentComplete === 1) {</w:t>
            </w:r>
          </w:p>
          <w:p w:rsidR="00156FB3" w:rsidRDefault="00156FB3" w:rsidP="00156FB3">
            <w:r>
              <w:t xml:space="preserve">                    completeCall(i);</w:t>
            </w:r>
          </w:p>
          <w:p w:rsidR="00156FB3" w:rsidRDefault="00156FB3" w:rsidP="00156FB3">
            <w:r>
              <w:t xml:space="preserve">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Note: completeCall() sets the isTicking flag to false when the last call on Velocity.State.calls has completed. */</w:t>
            </w:r>
          </w:p>
          <w:p w:rsidR="00156FB3" w:rsidRDefault="00156FB3" w:rsidP="00156FB3">
            <w:r>
              <w:t xml:space="preserve">        if (Velocity.State.isTicking) {</w:t>
            </w:r>
          </w:p>
          <w:p w:rsidR="00156FB3" w:rsidRDefault="00156FB3" w:rsidP="00156FB3">
            <w:r>
              <w:t xml:space="preserve">            ticker(tick);</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Call Completion</w:t>
            </w:r>
          </w:p>
          <w:p w:rsidR="00156FB3" w:rsidRDefault="00156FB3" w:rsidP="00156FB3">
            <w:r>
              <w:t xml:space="preserve">    **********************/</w:t>
            </w:r>
          </w:p>
          <w:p w:rsidR="00156FB3" w:rsidRDefault="00156FB3" w:rsidP="00156FB3"/>
          <w:p w:rsidR="00156FB3" w:rsidRDefault="00156FB3" w:rsidP="00156FB3">
            <w:r>
              <w:t xml:space="preserve">    /* Note: Unlike tick(), which processes all active calls at once, call completion is handled on a per-call basis. */</w:t>
            </w:r>
          </w:p>
          <w:p w:rsidR="00156FB3" w:rsidRDefault="00156FB3" w:rsidP="00156FB3">
            <w:r>
              <w:t xml:space="preserve">    function completeCall (callIndex, isStopped) {</w:t>
            </w:r>
          </w:p>
          <w:p w:rsidR="00156FB3" w:rsidRDefault="00156FB3" w:rsidP="00156FB3">
            <w:r>
              <w:t xml:space="preserve">        /* Ensure the call exists. */</w:t>
            </w:r>
          </w:p>
          <w:p w:rsidR="00156FB3" w:rsidRDefault="00156FB3" w:rsidP="00156FB3">
            <w:r>
              <w:t xml:space="preserve">        if (!Velocity.State.calls[callIndex]) {</w:t>
            </w:r>
          </w:p>
          <w:p w:rsidR="00156FB3" w:rsidRDefault="00156FB3" w:rsidP="00156FB3">
            <w:r>
              <w:t xml:space="preserve">            return false;</w:t>
            </w:r>
          </w:p>
          <w:p w:rsidR="00156FB3" w:rsidRDefault="00156FB3" w:rsidP="00156FB3">
            <w:r>
              <w:lastRenderedPageBreak/>
              <w:t xml:space="preserve">        }</w:t>
            </w:r>
          </w:p>
          <w:p w:rsidR="00156FB3" w:rsidRDefault="00156FB3" w:rsidP="00156FB3"/>
          <w:p w:rsidR="00156FB3" w:rsidRDefault="00156FB3" w:rsidP="00156FB3">
            <w:r>
              <w:t xml:space="preserve">        /* Pull the metadata from the call. */</w:t>
            </w:r>
          </w:p>
          <w:p w:rsidR="00156FB3" w:rsidRDefault="00156FB3" w:rsidP="00156FB3">
            <w:r>
              <w:t xml:space="preserve">        var call = Velocity.State.calls[callIndex][0],</w:t>
            </w:r>
          </w:p>
          <w:p w:rsidR="00156FB3" w:rsidRDefault="00156FB3" w:rsidP="00156FB3">
            <w:r>
              <w:t xml:space="preserve">            elements = Velocity.State.calls[callIndex][1],</w:t>
            </w:r>
          </w:p>
          <w:p w:rsidR="00156FB3" w:rsidRDefault="00156FB3" w:rsidP="00156FB3">
            <w:r>
              <w:t xml:space="preserve">            opts = Velocity.State.calls[callIndex][2],</w:t>
            </w:r>
          </w:p>
          <w:p w:rsidR="00156FB3" w:rsidRDefault="00156FB3" w:rsidP="00156FB3">
            <w:r>
              <w:t xml:space="preserve">            resolver = Velocity.State.calls[callIndex][4];</w:t>
            </w:r>
          </w:p>
          <w:p w:rsidR="00156FB3" w:rsidRDefault="00156FB3" w:rsidP="00156FB3"/>
          <w:p w:rsidR="00156FB3" w:rsidRDefault="00156FB3" w:rsidP="00156FB3">
            <w:r>
              <w:t xml:space="preserve">        var remainingCallsExist = false;</w:t>
            </w:r>
          </w:p>
          <w:p w:rsidR="00156FB3" w:rsidRDefault="00156FB3" w:rsidP="00156FB3"/>
          <w:p w:rsidR="00156FB3" w:rsidRDefault="00156FB3" w:rsidP="00156FB3">
            <w:r>
              <w:t xml:space="preserve">        /*************************</w:t>
            </w:r>
          </w:p>
          <w:p w:rsidR="00156FB3" w:rsidRDefault="00156FB3" w:rsidP="00156FB3">
            <w:r>
              <w:t xml:space="preserve">           Element Finalization</w:t>
            </w:r>
          </w:p>
          <w:p w:rsidR="00156FB3" w:rsidRDefault="00156FB3" w:rsidP="00156FB3">
            <w:r>
              <w:t xml:space="preserve">        *************************/</w:t>
            </w:r>
          </w:p>
          <w:p w:rsidR="00156FB3" w:rsidRDefault="00156FB3" w:rsidP="00156FB3"/>
          <w:p w:rsidR="00156FB3" w:rsidRDefault="00156FB3" w:rsidP="00156FB3">
            <w:r>
              <w:t xml:space="preserve">        for (var i = 0, callLength = call.length; i &lt; callLength; i++) {</w:t>
            </w:r>
          </w:p>
          <w:p w:rsidR="00156FB3" w:rsidRDefault="00156FB3" w:rsidP="00156FB3">
            <w:r>
              <w:t xml:space="preserve">            var element = call[i].element;</w:t>
            </w:r>
          </w:p>
          <w:p w:rsidR="00156FB3" w:rsidRDefault="00156FB3" w:rsidP="00156FB3"/>
          <w:p w:rsidR="00156FB3" w:rsidRDefault="00156FB3" w:rsidP="00156FB3">
            <w:r>
              <w:t xml:space="preserve">            /* If the user set display to "none" (intending to hide the element), set it now that the animation has completed. */</w:t>
            </w:r>
          </w:p>
          <w:p w:rsidR="00156FB3" w:rsidRDefault="00156FB3" w:rsidP="00156FB3">
            <w:r>
              <w:t xml:space="preserve">            /* Note: display:none isn't set when calls are manually stopped (via Velocity("stop"). */</w:t>
            </w:r>
          </w:p>
          <w:p w:rsidR="00156FB3" w:rsidRDefault="00156FB3" w:rsidP="00156FB3">
            <w:r>
              <w:t xml:space="preserve">            /* Note: Display gets ignored with "reverse" calls and infinite loops, since this behavior would be undesirable. */</w:t>
            </w:r>
          </w:p>
          <w:p w:rsidR="00156FB3" w:rsidRDefault="00156FB3" w:rsidP="00156FB3">
            <w:r>
              <w:t xml:space="preserve">            if (!isStopped &amp;&amp; !opts.loop) {</w:t>
            </w:r>
          </w:p>
          <w:p w:rsidR="00156FB3" w:rsidRDefault="00156FB3" w:rsidP="00156FB3">
            <w:r>
              <w:t xml:space="preserve">                if (opts.display === "none") {</w:t>
            </w:r>
          </w:p>
          <w:p w:rsidR="00156FB3" w:rsidRDefault="00156FB3" w:rsidP="00156FB3">
            <w:r>
              <w:t xml:space="preserve">                    CSS.setPropertyValue(element, "display", opts.display);</w:t>
            </w:r>
          </w:p>
          <w:p w:rsidR="00156FB3" w:rsidRDefault="00156FB3" w:rsidP="00156FB3">
            <w:r>
              <w:t xml:space="preserve">                }</w:t>
            </w:r>
          </w:p>
          <w:p w:rsidR="00156FB3" w:rsidRDefault="00156FB3" w:rsidP="00156FB3"/>
          <w:p w:rsidR="00156FB3" w:rsidRDefault="00156FB3" w:rsidP="00156FB3">
            <w:r>
              <w:t xml:space="preserve">                if (opts.visibility === "hidden") {</w:t>
            </w:r>
          </w:p>
          <w:p w:rsidR="00156FB3" w:rsidRDefault="00156FB3" w:rsidP="00156FB3">
            <w:r>
              <w:t xml:space="preserve">                    CSS.setPropertyValue(element, "visibility", opts.visibility);</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If the element's queue is empty (if only the "inprogress" item is left at position 0) or if its queue is about to run</w:t>
            </w:r>
          </w:p>
          <w:p w:rsidR="00156FB3" w:rsidRDefault="00156FB3" w:rsidP="00156FB3">
            <w:r>
              <w:t xml:space="preserve">               a non-Velocity-initiated entry, turn off the isAnimating flag. A non-Velocity-initiatied queue entry's logic might alter</w:t>
            </w:r>
          </w:p>
          <w:p w:rsidR="00156FB3" w:rsidRDefault="00156FB3" w:rsidP="00156FB3">
            <w:r>
              <w:t xml:space="preserve">               an element's CSS values and thereby cause Velocity's cached value data to go stale. To detect if a queue entry was initiated by Velocity,</w:t>
            </w:r>
          </w:p>
          <w:p w:rsidR="00156FB3" w:rsidRDefault="00156FB3" w:rsidP="00156FB3">
            <w:r>
              <w:t xml:space="preserve">               we check for the existence of our special Velocity.queueEntryFlag declaration, which minifiers won't rename since the flag</w:t>
            </w:r>
          </w:p>
          <w:p w:rsidR="00156FB3" w:rsidRDefault="00156FB3" w:rsidP="00156FB3">
            <w:r>
              <w:t xml:space="preserve">               is assigned to jQuery's global $ object and thus exists out of Velocity's own scope. */</w:t>
            </w:r>
          </w:p>
          <w:p w:rsidR="00156FB3" w:rsidRDefault="00156FB3" w:rsidP="00156FB3">
            <w:r>
              <w:t xml:space="preserve">            if (opts.loop !== true &amp;&amp; ($.queue(element)[1] === undefined || !/\.velocityQueueEntryFlag/i.test($.queue(element)[1]))) {</w:t>
            </w:r>
          </w:p>
          <w:p w:rsidR="00156FB3" w:rsidRDefault="00156FB3" w:rsidP="00156FB3">
            <w:r>
              <w:t xml:space="preserve">                /* The element may have been deleted. Ensure that its data cache still exists before acting on it. */</w:t>
            </w:r>
          </w:p>
          <w:p w:rsidR="00156FB3" w:rsidRDefault="00156FB3" w:rsidP="00156FB3">
            <w:r>
              <w:t xml:space="preserve">                if (Data(element)) {</w:t>
            </w:r>
          </w:p>
          <w:p w:rsidR="00156FB3" w:rsidRDefault="00156FB3" w:rsidP="00156FB3">
            <w:r>
              <w:t xml:space="preserve">                    Data(element).isAnimating = false;</w:t>
            </w:r>
          </w:p>
          <w:p w:rsidR="00156FB3" w:rsidRDefault="00156FB3" w:rsidP="00156FB3">
            <w:r>
              <w:t xml:space="preserve">                    /* Clear the element's rootPropertyValueCache, which will become stale. */</w:t>
            </w:r>
          </w:p>
          <w:p w:rsidR="00156FB3" w:rsidRDefault="00156FB3" w:rsidP="00156FB3">
            <w:r>
              <w:lastRenderedPageBreak/>
              <w:t xml:space="preserve">                    Data(element).rootPropertyValueCache = {};</w:t>
            </w:r>
          </w:p>
          <w:p w:rsidR="00156FB3" w:rsidRDefault="00156FB3" w:rsidP="00156FB3"/>
          <w:p w:rsidR="00156FB3" w:rsidRDefault="00156FB3" w:rsidP="00156FB3">
            <w:r>
              <w:t xml:space="preserve">                    var transformHAPropertyExists = false;</w:t>
            </w:r>
          </w:p>
          <w:p w:rsidR="00156FB3" w:rsidRDefault="00156FB3" w:rsidP="00156FB3">
            <w:r>
              <w:t xml:space="preserve">                    /* If any 3D transform subproperty is at its default value (regardless of unit type), remove it. */</w:t>
            </w:r>
          </w:p>
          <w:p w:rsidR="00156FB3" w:rsidRDefault="00156FB3" w:rsidP="00156FB3">
            <w:r>
              <w:t xml:space="preserve">                    $.each(CSS.Lists.transforms3D, function(i, transformName) {</w:t>
            </w:r>
          </w:p>
          <w:p w:rsidR="00156FB3" w:rsidRDefault="00156FB3" w:rsidP="00156FB3">
            <w:r>
              <w:t xml:space="preserve">                        var defaultValue = /^scale/.test(transformName) ? 1 : 0,</w:t>
            </w:r>
          </w:p>
          <w:p w:rsidR="00156FB3" w:rsidRDefault="00156FB3" w:rsidP="00156FB3">
            <w:r>
              <w:t xml:space="preserve">                            currentValue = Data(element).transformCache[transformName];</w:t>
            </w:r>
          </w:p>
          <w:p w:rsidR="00156FB3" w:rsidRDefault="00156FB3" w:rsidP="00156FB3"/>
          <w:p w:rsidR="00156FB3" w:rsidRDefault="00156FB3" w:rsidP="00156FB3">
            <w:r>
              <w:t xml:space="preserve">                        if (Data(element).transformCache[transformName] !== undefined &amp;&amp; new RegExp("^\\(" + defaultValue + "[^.]").test(currentValue)) {</w:t>
            </w:r>
          </w:p>
          <w:p w:rsidR="00156FB3" w:rsidRDefault="00156FB3" w:rsidP="00156FB3">
            <w:r>
              <w:t xml:space="preserve">                            transformHAPropertyExists = true;</w:t>
            </w:r>
          </w:p>
          <w:p w:rsidR="00156FB3" w:rsidRDefault="00156FB3" w:rsidP="00156FB3"/>
          <w:p w:rsidR="00156FB3" w:rsidRDefault="00156FB3" w:rsidP="00156FB3">
            <w:r>
              <w:t xml:space="preserve">                            delete Data(element).transformCache[transformName];</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Mobile devices have hardware acceleration removed at the end of the animation in order to avoid hogging the GPU's memory. */</w:t>
            </w:r>
          </w:p>
          <w:p w:rsidR="00156FB3" w:rsidRDefault="00156FB3" w:rsidP="00156FB3">
            <w:r>
              <w:t xml:space="preserve">                    if (opts.mobileHA) {</w:t>
            </w:r>
          </w:p>
          <w:p w:rsidR="00156FB3" w:rsidRDefault="00156FB3" w:rsidP="00156FB3">
            <w:r>
              <w:t xml:space="preserve">                        transformHAPropertyExists = true;</w:t>
            </w:r>
          </w:p>
          <w:p w:rsidR="00156FB3" w:rsidRDefault="00156FB3" w:rsidP="00156FB3">
            <w:r>
              <w:t xml:space="preserve">                        delete Data(element).transformCache.translate3d;</w:t>
            </w:r>
          </w:p>
          <w:p w:rsidR="00156FB3" w:rsidRDefault="00156FB3" w:rsidP="00156FB3">
            <w:r>
              <w:t xml:space="preserve">                    }</w:t>
            </w:r>
          </w:p>
          <w:p w:rsidR="00156FB3" w:rsidRDefault="00156FB3" w:rsidP="00156FB3"/>
          <w:p w:rsidR="00156FB3" w:rsidRDefault="00156FB3" w:rsidP="00156FB3">
            <w:r>
              <w:t xml:space="preserve">                    /* Flush the subproperty removals to the DOM. */</w:t>
            </w:r>
          </w:p>
          <w:p w:rsidR="00156FB3" w:rsidRDefault="00156FB3" w:rsidP="00156FB3">
            <w:r>
              <w:t xml:space="preserve">                    if (transformHAPropertyExists) {</w:t>
            </w:r>
          </w:p>
          <w:p w:rsidR="00156FB3" w:rsidRDefault="00156FB3" w:rsidP="00156FB3">
            <w:r>
              <w:t xml:space="preserve">                        CSS.flushTransformCache(element);</w:t>
            </w:r>
          </w:p>
          <w:p w:rsidR="00156FB3" w:rsidRDefault="00156FB3" w:rsidP="00156FB3">
            <w:r>
              <w:t xml:space="preserve">                    }</w:t>
            </w:r>
          </w:p>
          <w:p w:rsidR="00156FB3" w:rsidRDefault="00156FB3" w:rsidP="00156FB3"/>
          <w:p w:rsidR="00156FB3" w:rsidRDefault="00156FB3" w:rsidP="00156FB3">
            <w:r>
              <w:t xml:space="preserve">                    /* Remove the "velocity-animating" indicator class. */</w:t>
            </w:r>
          </w:p>
          <w:p w:rsidR="00156FB3" w:rsidRDefault="00156FB3" w:rsidP="00156FB3">
            <w:r>
              <w:t xml:space="preserve">                    CSS.Values.removeClass(element, "velocity-animating");</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Option: Complete</w:t>
            </w:r>
          </w:p>
          <w:p w:rsidR="00156FB3" w:rsidRDefault="00156FB3" w:rsidP="00156FB3">
            <w:r>
              <w:t xml:space="preserve">            *********************/</w:t>
            </w:r>
          </w:p>
          <w:p w:rsidR="00156FB3" w:rsidRDefault="00156FB3" w:rsidP="00156FB3"/>
          <w:p w:rsidR="00156FB3" w:rsidRDefault="00156FB3" w:rsidP="00156FB3">
            <w:r>
              <w:t xml:space="preserve">            /* Complete is fired once per call (not once per element) and is passed the full raw DOM element set as both its context and its first argument. */</w:t>
            </w:r>
          </w:p>
          <w:p w:rsidR="00156FB3" w:rsidRDefault="00156FB3" w:rsidP="00156FB3">
            <w:r>
              <w:t xml:space="preserve">            /* Note: Callbacks aren't fired when calls are manually stopped (via Velocity("stop"). */</w:t>
            </w:r>
          </w:p>
          <w:p w:rsidR="00156FB3" w:rsidRDefault="00156FB3" w:rsidP="00156FB3">
            <w:r>
              <w:t xml:space="preserve">            if (!isStopped &amp;&amp; opts.complete &amp;&amp; !opts.loop &amp;&amp; (i === callLength - 1)) {</w:t>
            </w:r>
          </w:p>
          <w:p w:rsidR="00156FB3" w:rsidRDefault="00156FB3" w:rsidP="00156FB3">
            <w:r>
              <w:t xml:space="preserve">                /* We throw callbacks in a setTimeout so that thrown errors don't halt the execution of Velocity itself. */</w:t>
            </w:r>
          </w:p>
          <w:p w:rsidR="00156FB3" w:rsidRDefault="00156FB3" w:rsidP="00156FB3">
            <w:r>
              <w:t xml:space="preserve">                try {</w:t>
            </w:r>
          </w:p>
          <w:p w:rsidR="00156FB3" w:rsidRDefault="00156FB3" w:rsidP="00156FB3">
            <w:r>
              <w:t xml:space="preserve">                    opts.complete.call(elements, elements);</w:t>
            </w:r>
          </w:p>
          <w:p w:rsidR="00156FB3" w:rsidRDefault="00156FB3" w:rsidP="00156FB3">
            <w:r>
              <w:t xml:space="preserve">                } catch (error) {</w:t>
            </w:r>
          </w:p>
          <w:p w:rsidR="00156FB3" w:rsidRDefault="00156FB3" w:rsidP="00156FB3">
            <w:r>
              <w:t xml:space="preserve">                    setTimeout(function() { throw error; }, 1);</w:t>
            </w:r>
          </w:p>
          <w:p w:rsidR="00156FB3" w:rsidRDefault="00156FB3" w:rsidP="00156FB3">
            <w:r>
              <w:lastRenderedPageBreak/>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Promise Resolving</w:t>
            </w:r>
          </w:p>
          <w:p w:rsidR="00156FB3" w:rsidRDefault="00156FB3" w:rsidP="00156FB3">
            <w:r>
              <w:t xml:space="preserve">            **********************/</w:t>
            </w:r>
          </w:p>
          <w:p w:rsidR="00156FB3" w:rsidRDefault="00156FB3" w:rsidP="00156FB3"/>
          <w:p w:rsidR="00156FB3" w:rsidRDefault="00156FB3" w:rsidP="00156FB3">
            <w:r>
              <w:t xml:space="preserve">            /* Note: Infinite loops don't return promises. */</w:t>
            </w:r>
          </w:p>
          <w:p w:rsidR="00156FB3" w:rsidRDefault="00156FB3" w:rsidP="00156FB3">
            <w:r>
              <w:t xml:space="preserve">            if (resolver &amp;&amp; opts.loop !== true) {</w:t>
            </w:r>
          </w:p>
          <w:p w:rsidR="00156FB3" w:rsidRDefault="00156FB3" w:rsidP="00156FB3">
            <w:r>
              <w:t xml:space="preserve">                resolver(element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Option: Loop (Infinite)</w:t>
            </w:r>
          </w:p>
          <w:p w:rsidR="00156FB3" w:rsidRDefault="00156FB3" w:rsidP="00156FB3">
            <w:r>
              <w:t xml:space="preserve">            ****************************/</w:t>
            </w:r>
          </w:p>
          <w:p w:rsidR="00156FB3" w:rsidRDefault="00156FB3" w:rsidP="00156FB3"/>
          <w:p w:rsidR="00156FB3" w:rsidRDefault="00156FB3" w:rsidP="00156FB3">
            <w:r>
              <w:t xml:space="preserve">            if (Data(element) &amp;&amp; opts.loop === true &amp;&amp; !isStopped) {</w:t>
            </w:r>
          </w:p>
          <w:p w:rsidR="00156FB3" w:rsidRDefault="00156FB3" w:rsidP="00156FB3">
            <w:r>
              <w:t xml:space="preserve">                /* If a rotateX/Y/Z property is being animated to 360 deg with loop:true, swap tween start/end values to enable</w:t>
            </w:r>
          </w:p>
          <w:p w:rsidR="00156FB3" w:rsidRDefault="00156FB3" w:rsidP="00156FB3">
            <w:r>
              <w:t xml:space="preserve">                   continuous iterative rotation looping. (Otherise, the element would just rotate back and forth.) */</w:t>
            </w:r>
          </w:p>
          <w:p w:rsidR="00156FB3" w:rsidRDefault="00156FB3" w:rsidP="00156FB3">
            <w:r>
              <w:t xml:space="preserve">                $.each(Data(element).tweensContainer, function(propertyName, tweenContainer) {</w:t>
            </w:r>
          </w:p>
          <w:p w:rsidR="00156FB3" w:rsidRDefault="00156FB3" w:rsidP="00156FB3">
            <w:r>
              <w:t xml:space="preserve">                    if (/^rotate/.test(propertyName) &amp;&amp; parseFloat(tweenContainer.endValue) === 360) {</w:t>
            </w:r>
          </w:p>
          <w:p w:rsidR="00156FB3" w:rsidRDefault="00156FB3" w:rsidP="00156FB3">
            <w:r>
              <w:t xml:space="preserve">                        tweenContainer.endValue = 0;</w:t>
            </w:r>
          </w:p>
          <w:p w:rsidR="00156FB3" w:rsidRDefault="00156FB3" w:rsidP="00156FB3">
            <w:r>
              <w:t xml:space="preserve">                        tweenContainer.startValue = 360;</w:t>
            </w:r>
          </w:p>
          <w:p w:rsidR="00156FB3" w:rsidRDefault="00156FB3" w:rsidP="00156FB3">
            <w:r>
              <w:t xml:space="preserve">                    }</w:t>
            </w:r>
          </w:p>
          <w:p w:rsidR="00156FB3" w:rsidRDefault="00156FB3" w:rsidP="00156FB3"/>
          <w:p w:rsidR="00156FB3" w:rsidRDefault="00156FB3" w:rsidP="00156FB3">
            <w:r>
              <w:t xml:space="preserve">                    if (/^backgroundPosition/.test(propertyName) &amp;&amp; parseFloat(tweenContainer.endValue) === 100 &amp;&amp; tweenContainer.unitType === "%") {</w:t>
            </w:r>
          </w:p>
          <w:p w:rsidR="00156FB3" w:rsidRDefault="00156FB3" w:rsidP="00156FB3">
            <w:r>
              <w:t xml:space="preserve">                        tweenContainer.endValue = 0;</w:t>
            </w:r>
          </w:p>
          <w:p w:rsidR="00156FB3" w:rsidRDefault="00156FB3" w:rsidP="00156FB3">
            <w:r>
              <w:t xml:space="preserve">                        tweenContainer.startValue = 100;</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Velocity(element, "reverse", { loop: true, delay: opts.delay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Dequeueing</w:t>
            </w:r>
          </w:p>
          <w:p w:rsidR="00156FB3" w:rsidRDefault="00156FB3" w:rsidP="00156FB3">
            <w:r>
              <w:t xml:space="preserve">            ***************/</w:t>
            </w:r>
          </w:p>
          <w:p w:rsidR="00156FB3" w:rsidRDefault="00156FB3" w:rsidP="00156FB3"/>
          <w:p w:rsidR="00156FB3" w:rsidRDefault="00156FB3" w:rsidP="00156FB3">
            <w:r>
              <w:t xml:space="preserve">            /* Fire the next call in the queue so long as this call's queue wasn't set to false (to trigger a parallel animation),</w:t>
            </w:r>
          </w:p>
          <w:p w:rsidR="00156FB3" w:rsidRDefault="00156FB3" w:rsidP="00156FB3">
            <w:r>
              <w:t xml:space="preserve">               which would have already caused the next call to fire. Note: Even if the end of the animation queue has been reached,</w:t>
            </w:r>
          </w:p>
          <w:p w:rsidR="00156FB3" w:rsidRDefault="00156FB3" w:rsidP="00156FB3">
            <w:r>
              <w:t xml:space="preserve">               $.dequeue() must still be called in order to completely clear jQuery's animation queue. */</w:t>
            </w:r>
          </w:p>
          <w:p w:rsidR="00156FB3" w:rsidRDefault="00156FB3" w:rsidP="00156FB3">
            <w:r>
              <w:t xml:space="preserve">            if (opts.queue !== false) {</w:t>
            </w:r>
          </w:p>
          <w:p w:rsidR="00156FB3" w:rsidRDefault="00156FB3" w:rsidP="00156FB3">
            <w:r>
              <w:t xml:space="preserve">                $.dequeue(element, opts.queue);</w:t>
            </w:r>
          </w:p>
          <w:p w:rsidR="00156FB3" w:rsidRDefault="00156FB3" w:rsidP="00156FB3">
            <w:r>
              <w:lastRenderedPageBreak/>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Calls Array Cleanup</w:t>
            </w:r>
          </w:p>
          <w:p w:rsidR="00156FB3" w:rsidRDefault="00156FB3" w:rsidP="00156FB3">
            <w:r>
              <w:t xml:space="preserve">        ************************/</w:t>
            </w:r>
          </w:p>
          <w:p w:rsidR="00156FB3" w:rsidRDefault="00156FB3" w:rsidP="00156FB3"/>
          <w:p w:rsidR="00156FB3" w:rsidRDefault="00156FB3" w:rsidP="00156FB3">
            <w:r>
              <w:t xml:space="preserve">        /* Since this call is complete, set it to false so that the rAF tick skips it. This array is later compacted via compactSparseArray().</w:t>
            </w:r>
          </w:p>
          <w:p w:rsidR="00156FB3" w:rsidRDefault="00156FB3" w:rsidP="00156FB3">
            <w:r>
              <w:t xml:space="preserve">          (For performance reasons, the call is set to false instead of being deleted from the array: http://www.html5rocks.com/en/tutorials/speed/v8/) */</w:t>
            </w:r>
          </w:p>
          <w:p w:rsidR="00156FB3" w:rsidRDefault="00156FB3" w:rsidP="00156FB3">
            <w:r>
              <w:t xml:space="preserve">        Velocity.State.calls[callIndex] = false;</w:t>
            </w:r>
          </w:p>
          <w:p w:rsidR="00156FB3" w:rsidRDefault="00156FB3" w:rsidP="00156FB3"/>
          <w:p w:rsidR="00156FB3" w:rsidRDefault="00156FB3" w:rsidP="00156FB3">
            <w:r>
              <w:t xml:space="preserve">        /* Iterate through the calls array to determine if this was the final in-progress animation.</w:t>
            </w:r>
          </w:p>
          <w:p w:rsidR="00156FB3" w:rsidRDefault="00156FB3" w:rsidP="00156FB3">
            <w:r>
              <w:t xml:space="preserve">           If so, set a flag to end ticking and clear the calls array. */</w:t>
            </w:r>
          </w:p>
          <w:p w:rsidR="00156FB3" w:rsidRDefault="00156FB3" w:rsidP="00156FB3">
            <w:r>
              <w:t xml:space="preserve">        for (var j = 0, callsLength = Velocity.State.calls.length; j &lt; callsLength; j++) {</w:t>
            </w:r>
          </w:p>
          <w:p w:rsidR="00156FB3" w:rsidRDefault="00156FB3" w:rsidP="00156FB3">
            <w:r>
              <w:t xml:space="preserve">            if (Velocity.State.calls[j] !== false) {</w:t>
            </w:r>
          </w:p>
          <w:p w:rsidR="00156FB3" w:rsidRDefault="00156FB3" w:rsidP="00156FB3">
            <w:r>
              <w:t xml:space="preserve">                remainingCallsExist = true;</w:t>
            </w:r>
          </w:p>
          <w:p w:rsidR="00156FB3" w:rsidRDefault="00156FB3" w:rsidP="00156FB3"/>
          <w:p w:rsidR="00156FB3" w:rsidRDefault="00156FB3" w:rsidP="00156FB3">
            <w:r>
              <w:t xml:space="preserve">                break;</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if (remainingCallsExist === false) {</w:t>
            </w:r>
          </w:p>
          <w:p w:rsidR="00156FB3" w:rsidRDefault="00156FB3" w:rsidP="00156FB3">
            <w:r>
              <w:t xml:space="preserve">            /* tick() will detect this flag upon its next iteration and subsequently turn itself off. */</w:t>
            </w:r>
          </w:p>
          <w:p w:rsidR="00156FB3" w:rsidRDefault="00156FB3" w:rsidP="00156FB3">
            <w:r>
              <w:t xml:space="preserve">            Velocity.State.isTicking = false;</w:t>
            </w:r>
          </w:p>
          <w:p w:rsidR="00156FB3" w:rsidRDefault="00156FB3" w:rsidP="00156FB3"/>
          <w:p w:rsidR="00156FB3" w:rsidRDefault="00156FB3" w:rsidP="00156FB3">
            <w:r>
              <w:t xml:space="preserve">            /* Clear the calls array so that its length is reset. */</w:t>
            </w:r>
          </w:p>
          <w:p w:rsidR="00156FB3" w:rsidRDefault="00156FB3" w:rsidP="00156FB3">
            <w:r>
              <w:t xml:space="preserve">            delete Velocity.State.calls;</w:t>
            </w:r>
          </w:p>
          <w:p w:rsidR="00156FB3" w:rsidRDefault="00156FB3" w:rsidP="00156FB3">
            <w:r>
              <w:t xml:space="preserve">            Velocity.State.calls = [];</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Frameworks</w:t>
            </w:r>
          </w:p>
          <w:p w:rsidR="00156FB3" w:rsidRDefault="00156FB3" w:rsidP="00156FB3">
            <w:r>
              <w:t xml:space="preserve">    ******************/</w:t>
            </w:r>
          </w:p>
          <w:p w:rsidR="00156FB3" w:rsidRDefault="00156FB3" w:rsidP="00156FB3"/>
          <w:p w:rsidR="00156FB3" w:rsidRDefault="00156FB3" w:rsidP="00156FB3">
            <w:r>
              <w:t xml:space="preserve">    /* Both jQuery and Zepto allow their $.fn object to be extended to allow wrapped elements to be subjected to plugin calls.</w:t>
            </w:r>
          </w:p>
          <w:p w:rsidR="00156FB3" w:rsidRDefault="00156FB3" w:rsidP="00156FB3">
            <w:r>
              <w:t xml:space="preserve">       If either framework is loaded, register a "velocity" extension pointing to Velocity's core animate() method.  Velocity</w:t>
            </w:r>
          </w:p>
          <w:p w:rsidR="00156FB3" w:rsidRDefault="00156FB3" w:rsidP="00156FB3">
            <w:r>
              <w:t xml:space="preserve">       also registers itself onto a global container (window.jQuery || window.Zepto || window) so that certain features are</w:t>
            </w:r>
          </w:p>
          <w:p w:rsidR="00156FB3" w:rsidRDefault="00156FB3" w:rsidP="00156FB3">
            <w:r>
              <w:t xml:space="preserve">       accessible beyond just a per-element scope. This master object contains an .animate() method, which is later assigned to $.fn</w:t>
            </w:r>
          </w:p>
          <w:p w:rsidR="00156FB3" w:rsidRDefault="00156FB3" w:rsidP="00156FB3">
            <w:r>
              <w:t xml:space="preserve">       (if jQuery or Zepto are present). Accordingly, Velocity can both act on wrapped DOM elements and stand alone for targeting raw DOM elements. */</w:t>
            </w:r>
          </w:p>
          <w:p w:rsidR="00156FB3" w:rsidRDefault="00156FB3" w:rsidP="00156FB3">
            <w:r>
              <w:t xml:space="preserve">    global.Velocity = Velocity;</w:t>
            </w:r>
          </w:p>
          <w:p w:rsidR="00156FB3" w:rsidRDefault="00156FB3" w:rsidP="00156FB3"/>
          <w:p w:rsidR="00156FB3" w:rsidRDefault="00156FB3" w:rsidP="00156FB3">
            <w:r>
              <w:t xml:space="preserve">    if (global !== window) {</w:t>
            </w:r>
          </w:p>
          <w:p w:rsidR="00156FB3" w:rsidRDefault="00156FB3" w:rsidP="00156FB3">
            <w:r>
              <w:t xml:space="preserve">        /* Assign the element function to Velocity's core animate() method. */</w:t>
            </w:r>
          </w:p>
          <w:p w:rsidR="00156FB3" w:rsidRDefault="00156FB3" w:rsidP="00156FB3">
            <w:r>
              <w:t xml:space="preserve">        global.fn.velocity = animate;</w:t>
            </w:r>
          </w:p>
          <w:p w:rsidR="00156FB3" w:rsidRDefault="00156FB3" w:rsidP="00156FB3">
            <w:r>
              <w:t xml:space="preserve">        /* Assign the object function's defaults to Velocity's global defaults object. */</w:t>
            </w:r>
          </w:p>
          <w:p w:rsidR="00156FB3" w:rsidRDefault="00156FB3" w:rsidP="00156FB3">
            <w:r>
              <w:t xml:space="preserve">        global.fn.velocity.defaults = Velocity.defaults;</w:t>
            </w:r>
          </w:p>
          <w:p w:rsidR="00156FB3" w:rsidRDefault="00156FB3" w:rsidP="00156FB3">
            <w:r>
              <w:t xml:space="preserve">    }</w:t>
            </w:r>
          </w:p>
          <w:p w:rsidR="00156FB3" w:rsidRDefault="00156FB3" w:rsidP="00156FB3"/>
          <w:p w:rsidR="00156FB3" w:rsidRDefault="00156FB3" w:rsidP="00156FB3">
            <w:r>
              <w:t xml:space="preserve">    /***********************</w:t>
            </w:r>
          </w:p>
          <w:p w:rsidR="00156FB3" w:rsidRDefault="00156FB3" w:rsidP="00156FB3">
            <w:r>
              <w:t xml:space="preserve">       Packaged Redirects</w:t>
            </w:r>
          </w:p>
          <w:p w:rsidR="00156FB3" w:rsidRDefault="00156FB3" w:rsidP="00156FB3">
            <w:r>
              <w:t xml:space="preserve">    ***********************/</w:t>
            </w:r>
          </w:p>
          <w:p w:rsidR="00156FB3" w:rsidRDefault="00156FB3" w:rsidP="00156FB3"/>
          <w:p w:rsidR="00156FB3" w:rsidRDefault="00156FB3" w:rsidP="00156FB3">
            <w:r>
              <w:t xml:space="preserve">    /* slideUp, slideDown */</w:t>
            </w:r>
          </w:p>
          <w:p w:rsidR="00156FB3" w:rsidRDefault="00156FB3" w:rsidP="00156FB3">
            <w:r>
              <w:t xml:space="preserve">    $.each([ "Down", "Up" ], function(i, direction) {</w:t>
            </w:r>
          </w:p>
          <w:p w:rsidR="00156FB3" w:rsidRDefault="00156FB3" w:rsidP="00156FB3">
            <w:r>
              <w:t xml:space="preserve">        Velocity.Redirects["slide" + direction] = function (element, options, elementsIndex, elementsSize, elements, promiseData) {</w:t>
            </w:r>
          </w:p>
          <w:p w:rsidR="00156FB3" w:rsidRDefault="00156FB3" w:rsidP="00156FB3">
            <w:r>
              <w:t xml:space="preserve">            var opts = $.extend({}, options),</w:t>
            </w:r>
          </w:p>
          <w:p w:rsidR="00156FB3" w:rsidRDefault="00156FB3" w:rsidP="00156FB3">
            <w:r>
              <w:t xml:space="preserve">                begin = opts.begin,</w:t>
            </w:r>
          </w:p>
          <w:p w:rsidR="00156FB3" w:rsidRDefault="00156FB3" w:rsidP="00156FB3">
            <w:r>
              <w:t xml:space="preserve">                complete = opts.complete,</w:t>
            </w:r>
          </w:p>
          <w:p w:rsidR="00156FB3" w:rsidRDefault="00156FB3" w:rsidP="00156FB3">
            <w:r>
              <w:t xml:space="preserve">                computedValues = { height: "", marginTop: "", marginBottom: "", paddingTop: "", paddingBottom: "" },</w:t>
            </w:r>
          </w:p>
          <w:p w:rsidR="00156FB3" w:rsidRDefault="00156FB3" w:rsidP="00156FB3">
            <w:r>
              <w:t xml:space="preserve">                inlineValues = {};</w:t>
            </w:r>
          </w:p>
          <w:p w:rsidR="00156FB3" w:rsidRDefault="00156FB3" w:rsidP="00156FB3"/>
          <w:p w:rsidR="00156FB3" w:rsidRDefault="00156FB3" w:rsidP="00156FB3">
            <w:r>
              <w:t xml:space="preserve">            if (opts.display === undefined) {</w:t>
            </w:r>
          </w:p>
          <w:p w:rsidR="00156FB3" w:rsidRDefault="00156FB3" w:rsidP="00156FB3">
            <w:r>
              <w:t xml:space="preserve">                /* Show the element before slideDown begins and hide the element after slideUp completes. */</w:t>
            </w:r>
          </w:p>
          <w:p w:rsidR="00156FB3" w:rsidRDefault="00156FB3" w:rsidP="00156FB3">
            <w:r>
              <w:t xml:space="preserve">                /* Note: Inline elements cannot have dimensions animated, so they're reverted to inline-block. */</w:t>
            </w:r>
          </w:p>
          <w:p w:rsidR="00156FB3" w:rsidRDefault="00156FB3" w:rsidP="00156FB3">
            <w:r>
              <w:t xml:space="preserve">                opts.display = (direction === "Down" ? (Velocity.CSS.Values.getDisplayType(element) === "inline" ? "inline-block" : "block") : "none");</w:t>
            </w:r>
          </w:p>
          <w:p w:rsidR="00156FB3" w:rsidRDefault="00156FB3" w:rsidP="00156FB3">
            <w:r>
              <w:t xml:space="preserve">            }</w:t>
            </w:r>
          </w:p>
          <w:p w:rsidR="00156FB3" w:rsidRDefault="00156FB3" w:rsidP="00156FB3"/>
          <w:p w:rsidR="00156FB3" w:rsidRDefault="00156FB3" w:rsidP="00156FB3">
            <w:r>
              <w:t xml:space="preserve">            opts.begin = function() {</w:t>
            </w:r>
          </w:p>
          <w:p w:rsidR="00156FB3" w:rsidRDefault="00156FB3" w:rsidP="00156FB3">
            <w:r>
              <w:t xml:space="preserve">                /* If the user passed in a begin callback, fire it now. */</w:t>
            </w:r>
          </w:p>
          <w:p w:rsidR="00156FB3" w:rsidRDefault="00156FB3" w:rsidP="00156FB3">
            <w:r>
              <w:t xml:space="preserve">                begin &amp;&amp; begin.call(elements, elements);</w:t>
            </w:r>
          </w:p>
          <w:p w:rsidR="00156FB3" w:rsidRDefault="00156FB3" w:rsidP="00156FB3"/>
          <w:p w:rsidR="00156FB3" w:rsidRDefault="00156FB3" w:rsidP="00156FB3">
            <w:r>
              <w:t xml:space="preserve">                /* Cache the elements' original vertical dimensional property values so that we can animate back to them. */</w:t>
            </w:r>
          </w:p>
          <w:p w:rsidR="00156FB3" w:rsidRDefault="00156FB3" w:rsidP="00156FB3">
            <w:r>
              <w:t xml:space="preserve">                for (var property in computedValues) {</w:t>
            </w:r>
          </w:p>
          <w:p w:rsidR="00156FB3" w:rsidRDefault="00156FB3" w:rsidP="00156FB3">
            <w:r>
              <w:t xml:space="preserve">                    inlineValues[property] = element.style[property];</w:t>
            </w:r>
          </w:p>
          <w:p w:rsidR="00156FB3" w:rsidRDefault="00156FB3" w:rsidP="00156FB3"/>
          <w:p w:rsidR="00156FB3" w:rsidRDefault="00156FB3" w:rsidP="00156FB3">
            <w:r>
              <w:t xml:space="preserve">                    /* For slideDown, use forcefeeding to animate all vertical properties from 0. For slideUp,</w:t>
            </w:r>
          </w:p>
          <w:p w:rsidR="00156FB3" w:rsidRDefault="00156FB3" w:rsidP="00156FB3">
            <w:r>
              <w:t xml:space="preserve">                       use forcefeeding to start from computed values and animate down to 0. */</w:t>
            </w:r>
          </w:p>
          <w:p w:rsidR="00156FB3" w:rsidRDefault="00156FB3" w:rsidP="00156FB3">
            <w:r>
              <w:t xml:space="preserve">                    var propertyValue = Velocity.CSS.getPropertyValue(element, property);</w:t>
            </w:r>
          </w:p>
          <w:p w:rsidR="00156FB3" w:rsidRDefault="00156FB3" w:rsidP="00156FB3">
            <w:r>
              <w:t xml:space="preserve">                    computedValues[property] = (direction === "Down") ? [ propertyValue, 0 ] : [ 0, propertyValue ];</w:t>
            </w:r>
          </w:p>
          <w:p w:rsidR="00156FB3" w:rsidRDefault="00156FB3" w:rsidP="00156FB3">
            <w:r>
              <w:t xml:space="preserve">                }</w:t>
            </w:r>
          </w:p>
          <w:p w:rsidR="00156FB3" w:rsidRDefault="00156FB3" w:rsidP="00156FB3"/>
          <w:p w:rsidR="00156FB3" w:rsidRDefault="00156FB3" w:rsidP="00156FB3">
            <w:r>
              <w:lastRenderedPageBreak/>
              <w:t xml:space="preserve">                /* Force vertical overflow content to clip so that sliding works as expected. */</w:t>
            </w:r>
          </w:p>
          <w:p w:rsidR="00156FB3" w:rsidRDefault="00156FB3" w:rsidP="00156FB3">
            <w:r>
              <w:t xml:space="preserve">                inlineValues.overflow = element.style.overflow;</w:t>
            </w:r>
          </w:p>
          <w:p w:rsidR="00156FB3" w:rsidRDefault="00156FB3" w:rsidP="00156FB3">
            <w:r>
              <w:t xml:space="preserve">                element.style.overflow = "hidden";</w:t>
            </w:r>
          </w:p>
          <w:p w:rsidR="00156FB3" w:rsidRDefault="00156FB3" w:rsidP="00156FB3">
            <w:r>
              <w:t xml:space="preserve">            }</w:t>
            </w:r>
          </w:p>
          <w:p w:rsidR="00156FB3" w:rsidRDefault="00156FB3" w:rsidP="00156FB3"/>
          <w:p w:rsidR="00156FB3" w:rsidRDefault="00156FB3" w:rsidP="00156FB3">
            <w:r>
              <w:t xml:space="preserve">            opts.complete = function() {</w:t>
            </w:r>
          </w:p>
          <w:p w:rsidR="00156FB3" w:rsidRDefault="00156FB3" w:rsidP="00156FB3">
            <w:r>
              <w:t xml:space="preserve">                /* Reset element to its pre-slide inline values once its slide animation is complete. */</w:t>
            </w:r>
          </w:p>
          <w:p w:rsidR="00156FB3" w:rsidRDefault="00156FB3" w:rsidP="00156FB3">
            <w:r>
              <w:t xml:space="preserve">                for (var property in inlineValues) {</w:t>
            </w:r>
          </w:p>
          <w:p w:rsidR="00156FB3" w:rsidRDefault="00156FB3" w:rsidP="00156FB3">
            <w:r>
              <w:t xml:space="preserve">                    element.style[property] = inlineValues[property];</w:t>
            </w:r>
          </w:p>
          <w:p w:rsidR="00156FB3" w:rsidRDefault="00156FB3" w:rsidP="00156FB3">
            <w:r>
              <w:t xml:space="preserve">                }</w:t>
            </w:r>
          </w:p>
          <w:p w:rsidR="00156FB3" w:rsidRDefault="00156FB3" w:rsidP="00156FB3"/>
          <w:p w:rsidR="00156FB3" w:rsidRDefault="00156FB3" w:rsidP="00156FB3">
            <w:r>
              <w:t xml:space="preserve">                /* If the user passed in a complete callback, fire it now. */</w:t>
            </w:r>
          </w:p>
          <w:p w:rsidR="00156FB3" w:rsidRDefault="00156FB3" w:rsidP="00156FB3">
            <w:r>
              <w:t xml:space="preserve">                complete &amp;&amp; complete.call(elements, elements);</w:t>
            </w:r>
          </w:p>
          <w:p w:rsidR="00156FB3" w:rsidRDefault="00156FB3" w:rsidP="00156FB3">
            <w:r>
              <w:t xml:space="preserve">                promiseData &amp;&amp; promiseData.resolver(elements);</w:t>
            </w:r>
          </w:p>
          <w:p w:rsidR="00156FB3" w:rsidRDefault="00156FB3" w:rsidP="00156FB3">
            <w:r>
              <w:t xml:space="preserve">            };</w:t>
            </w:r>
          </w:p>
          <w:p w:rsidR="00156FB3" w:rsidRDefault="00156FB3" w:rsidP="00156FB3"/>
          <w:p w:rsidR="00156FB3" w:rsidRDefault="00156FB3" w:rsidP="00156FB3">
            <w:r>
              <w:t xml:space="preserve">            Velocity(element, computedValues, opt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fadeIn, fadeOut */</w:t>
            </w:r>
          </w:p>
          <w:p w:rsidR="00156FB3" w:rsidRDefault="00156FB3" w:rsidP="00156FB3">
            <w:r>
              <w:t xml:space="preserve">    $.each([ "In", "Out" ], function(i, direction) {</w:t>
            </w:r>
          </w:p>
          <w:p w:rsidR="00156FB3" w:rsidRDefault="00156FB3" w:rsidP="00156FB3">
            <w:r>
              <w:t xml:space="preserve">        Velocity.Redirects["fade" + direction] = function (element, options, elementsIndex, elementsSize, elements, promiseData) {</w:t>
            </w:r>
          </w:p>
          <w:p w:rsidR="00156FB3" w:rsidRDefault="00156FB3" w:rsidP="00156FB3">
            <w:r>
              <w:t xml:space="preserve">            var opts = $.extend({}, options),</w:t>
            </w:r>
          </w:p>
          <w:p w:rsidR="00156FB3" w:rsidRDefault="00156FB3" w:rsidP="00156FB3">
            <w:r>
              <w:t xml:space="preserve">                propertiesMap = { opacity: (direction === "In") ? 1 : 0 },</w:t>
            </w:r>
          </w:p>
          <w:p w:rsidR="00156FB3" w:rsidRDefault="00156FB3" w:rsidP="00156FB3">
            <w:r>
              <w:t xml:space="preserve">                originalComplete = opts.complete;</w:t>
            </w:r>
          </w:p>
          <w:p w:rsidR="00156FB3" w:rsidRDefault="00156FB3" w:rsidP="00156FB3"/>
          <w:p w:rsidR="00156FB3" w:rsidRDefault="00156FB3" w:rsidP="00156FB3">
            <w:r>
              <w:t xml:space="preserve">            /* Since redirects are triggered individually for each element in the animated set, avoid repeatedly triggering</w:t>
            </w:r>
          </w:p>
          <w:p w:rsidR="00156FB3" w:rsidRDefault="00156FB3" w:rsidP="00156FB3">
            <w:r>
              <w:t xml:space="preserve">               callbacks by firing them only when the final element has been reached. */</w:t>
            </w:r>
          </w:p>
          <w:p w:rsidR="00156FB3" w:rsidRDefault="00156FB3" w:rsidP="00156FB3">
            <w:r>
              <w:t xml:space="preserve">            if (elementsIndex !== elementsSize - 1) {</w:t>
            </w:r>
          </w:p>
          <w:p w:rsidR="00156FB3" w:rsidRDefault="00156FB3" w:rsidP="00156FB3">
            <w:r>
              <w:t xml:space="preserve">                opts.complete = opts.begin = null;</w:t>
            </w:r>
          </w:p>
          <w:p w:rsidR="00156FB3" w:rsidRDefault="00156FB3" w:rsidP="00156FB3">
            <w:r>
              <w:t xml:space="preserve">            } else {</w:t>
            </w:r>
          </w:p>
          <w:p w:rsidR="00156FB3" w:rsidRDefault="00156FB3" w:rsidP="00156FB3">
            <w:r>
              <w:t xml:space="preserve">                opts.complete = function() {</w:t>
            </w:r>
          </w:p>
          <w:p w:rsidR="00156FB3" w:rsidRDefault="00156FB3" w:rsidP="00156FB3">
            <w:r>
              <w:t xml:space="preserve">                    if (originalComplete) {</w:t>
            </w:r>
          </w:p>
          <w:p w:rsidR="00156FB3" w:rsidRDefault="00156FB3" w:rsidP="00156FB3">
            <w:r>
              <w:t xml:space="preserve">                        originalComplete.call(elements, elements);</w:t>
            </w:r>
          </w:p>
          <w:p w:rsidR="00156FB3" w:rsidRDefault="00156FB3" w:rsidP="00156FB3">
            <w:r>
              <w:t xml:space="preserve">                    }</w:t>
            </w:r>
          </w:p>
          <w:p w:rsidR="00156FB3" w:rsidRDefault="00156FB3" w:rsidP="00156FB3"/>
          <w:p w:rsidR="00156FB3" w:rsidRDefault="00156FB3" w:rsidP="00156FB3">
            <w:r>
              <w:t xml:space="preserve">                    promiseData &amp;&amp; promiseData.resolver(element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 If a display was passed in, use it. Otherwise, default to "none" for fadeOut or the element-specific default for fadeIn. */</w:t>
            </w:r>
          </w:p>
          <w:p w:rsidR="00156FB3" w:rsidRDefault="00156FB3" w:rsidP="00156FB3">
            <w:r>
              <w:t xml:space="preserve">            /* Note: We allow users to pass in "null" to skip display setting altogether. */</w:t>
            </w:r>
          </w:p>
          <w:p w:rsidR="00156FB3" w:rsidRDefault="00156FB3" w:rsidP="00156FB3">
            <w:r>
              <w:t xml:space="preserve">            if (opts.display === undefined) {</w:t>
            </w:r>
          </w:p>
          <w:p w:rsidR="00156FB3" w:rsidRDefault="00156FB3" w:rsidP="00156FB3">
            <w:r>
              <w:t xml:space="preserve">                opts.display = (direction === "In" ? "auto" : "none");</w:t>
            </w:r>
          </w:p>
          <w:p w:rsidR="00156FB3" w:rsidRDefault="00156FB3" w:rsidP="00156FB3">
            <w:r>
              <w:lastRenderedPageBreak/>
              <w:t xml:space="preserve">            }</w:t>
            </w:r>
          </w:p>
          <w:p w:rsidR="00156FB3" w:rsidRDefault="00156FB3" w:rsidP="00156FB3"/>
          <w:p w:rsidR="00156FB3" w:rsidRDefault="00156FB3" w:rsidP="00156FB3">
            <w:r>
              <w:t xml:space="preserve">            Velocity(this, propertiesMap, opts);</w:t>
            </w:r>
          </w:p>
          <w:p w:rsidR="00156FB3" w:rsidRDefault="00156FB3" w:rsidP="00156FB3">
            <w:r>
              <w:t xml:space="preserve">        };</w:t>
            </w:r>
          </w:p>
          <w:p w:rsidR="00156FB3" w:rsidRDefault="00156FB3" w:rsidP="00156FB3">
            <w:r>
              <w:t xml:space="preserve">    });</w:t>
            </w:r>
          </w:p>
          <w:p w:rsidR="00156FB3" w:rsidRDefault="00156FB3" w:rsidP="00156FB3"/>
          <w:p w:rsidR="00156FB3" w:rsidRDefault="00156FB3" w:rsidP="00156FB3">
            <w:r>
              <w:t xml:space="preserve">    return Velocity;</w:t>
            </w:r>
          </w:p>
          <w:p w:rsidR="00156FB3" w:rsidRDefault="00156FB3" w:rsidP="00156FB3">
            <w:r>
              <w:t>}((window.jQuery || window.Zepto || window), window, document);</w:t>
            </w:r>
          </w:p>
          <w:p w:rsidR="00156FB3" w:rsidRDefault="00156FB3" w:rsidP="00156FB3">
            <w:r>
              <w:t>}));</w:t>
            </w:r>
          </w:p>
          <w:p w:rsidR="00156FB3" w:rsidRDefault="00156FB3" w:rsidP="00156FB3"/>
          <w:p w:rsidR="00156FB3" w:rsidRDefault="00156FB3" w:rsidP="00156FB3">
            <w:r>
              <w:t>/******************</w:t>
            </w:r>
          </w:p>
          <w:p w:rsidR="00156FB3" w:rsidRDefault="00156FB3" w:rsidP="00156FB3">
            <w:r>
              <w:t xml:space="preserve">   Known Issues</w:t>
            </w:r>
          </w:p>
          <w:p w:rsidR="00156FB3" w:rsidRDefault="00156FB3" w:rsidP="00156FB3">
            <w:r>
              <w:t>******************/</w:t>
            </w:r>
          </w:p>
          <w:p w:rsidR="00156FB3" w:rsidRDefault="00156FB3" w:rsidP="00156FB3"/>
          <w:p w:rsidR="00156FB3" w:rsidRDefault="00156FB3" w:rsidP="00156FB3">
            <w:r>
              <w:t>/* The CSS spec mandates that the translateX/Y/Z transforms are %-relative to the element itself -- not its parent.</w:t>
            </w:r>
          </w:p>
          <w:p w:rsidR="00156FB3" w:rsidRDefault="00156FB3" w:rsidP="00156FB3">
            <w:r>
              <w:t>Velocity, however, doesn't make this distinction. Thus, converting to or from the % unit with these subproperties</w:t>
            </w:r>
          </w:p>
          <w:p w:rsidR="0048012D" w:rsidRDefault="00156FB3" w:rsidP="00156FB3">
            <w:r>
              <w:t>will produce an inaccurate conversion value. The same issue exists with the cx/cy attributes of SVG circles and ellipses. */</w:t>
            </w:r>
          </w:p>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rsidP="0048012D"/>
    <w:p w:rsidR="0048012D" w:rsidRDefault="0048012D" w:rsidP="0048012D"/>
    <w:tbl>
      <w:tblPr>
        <w:tblStyle w:val="TableGrid"/>
        <w:tblW w:w="0" w:type="auto"/>
        <w:tblLook w:val="04A0" w:firstRow="1" w:lastRow="0" w:firstColumn="1" w:lastColumn="0" w:noHBand="0" w:noVBand="1"/>
      </w:tblPr>
      <w:tblGrid>
        <w:gridCol w:w="9576"/>
      </w:tblGrid>
      <w:tr w:rsidR="0048012D" w:rsidTr="0048012D">
        <w:tc>
          <w:tcPr>
            <w:tcW w:w="9576" w:type="dxa"/>
          </w:tcPr>
          <w:p w:rsidR="0048012D" w:rsidRDefault="0048012D" w:rsidP="0048012D"/>
        </w:tc>
      </w:tr>
      <w:tr w:rsidR="0048012D" w:rsidTr="0048012D">
        <w:tc>
          <w:tcPr>
            <w:tcW w:w="9576" w:type="dxa"/>
          </w:tcPr>
          <w:p w:rsidR="0048012D" w:rsidRDefault="0048012D" w:rsidP="0048012D"/>
        </w:tc>
      </w:tr>
      <w:tr w:rsidR="0048012D" w:rsidTr="0048012D">
        <w:tc>
          <w:tcPr>
            <w:tcW w:w="9576" w:type="dxa"/>
          </w:tcPr>
          <w:p w:rsidR="0048012D" w:rsidRDefault="0048012D" w:rsidP="0048012D"/>
        </w:tc>
      </w:tr>
    </w:tbl>
    <w:p w:rsidR="0048012D" w:rsidRDefault="0048012D"/>
    <w:sectPr w:rsidR="0048012D">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scadia Mono">
    <w:panose1 w:val="020B0609020000020004"/>
    <w:charset w:val="00"/>
    <w:family w:val="modern"/>
    <w:pitch w:val="fixed"/>
    <w:sig w:usb0="A10002FF" w:usb1="4000F9FB" w:usb2="00040000" w:usb3="00000000" w:csb0="0000019F" w:csb1="00000000"/>
  </w:font>
  <w:font w:name="Nirmala UI">
    <w:panose1 w:val="020B0502040204020203"/>
    <w:charset w:val="00"/>
    <w:family w:val="swiss"/>
    <w:pitch w:val="variable"/>
    <w:sig w:usb0="80FF8023" w:usb1="0200004A" w:usb2="00000200" w:usb3="00000000" w:csb0="00000001" w:csb1="00000000"/>
  </w:font>
  <w:font w:name="Microsoft Himalaya">
    <w:panose1 w:val="01010100010101010101"/>
    <w:charset w:val="00"/>
    <w:family w:val="auto"/>
    <w:pitch w:val="variable"/>
    <w:sig w:usb0="80000003" w:usb1="00010000" w:usb2="00000040" w:usb3="00000000" w:csb0="00000001" w:csb1="00000000"/>
  </w:font>
  <w:font w:name="Leelawadee UI">
    <w:panose1 w:val="020B0502040204020203"/>
    <w:charset w:val="00"/>
    <w:family w:val="swiss"/>
    <w:pitch w:val="variable"/>
    <w:sig w:usb0="A3000003" w:usb1="00000000" w:usb2="00010000" w:usb3="00000000" w:csb0="00010101" w:csb1="00000000"/>
  </w:font>
  <w:font w:name="MS Gothic">
    <w:altName w:val="ＭＳ ゴシック"/>
    <w:panose1 w:val="020B0609070205080204"/>
    <w:charset w:val="80"/>
    <w:family w:val="modern"/>
    <w:pitch w:val="fixed"/>
    <w:sig w:usb0="E00002FF" w:usb1="6AC7FDFB" w:usb2="08000012" w:usb3="00000000" w:csb0="0002009F" w:csb1="00000000"/>
  </w:font>
  <w:font w:name="Malgun Gothic">
    <w:panose1 w:val="020B0503020000020004"/>
    <w:charset w:val="81"/>
    <w:family w:val="swiss"/>
    <w:pitch w:val="variable"/>
    <w:sig w:usb0="9000002F" w:usb1="29D77CFB" w:usb2="00000012" w:usb3="00000000" w:csb0="00080001" w:csb1="00000000"/>
  </w:font>
  <w:font w:name="Cascadia Code ExtraLight">
    <w:panose1 w:val="020B0609020000020004"/>
    <w:charset w:val="00"/>
    <w:family w:val="modern"/>
    <w:pitch w:val="fixed"/>
    <w:sig w:usb0="A10002FF" w:usb1="4000F9FB" w:usb2="00040000" w:usb3="00000000" w:csb0="0000019F" w:csb1="00000000"/>
  </w:font>
  <w:font w:name="Segoe UI Historic">
    <w:panose1 w:val="020B0502040204020203"/>
    <w:charset w:val="00"/>
    <w:family w:val="swiss"/>
    <w:pitch w:val="variable"/>
    <w:sig w:usb0="800001EF" w:usb1="02000002" w:usb2="0060C080" w:usb3="00000000" w:csb0="00000001" w:csb1="00000000"/>
  </w:font>
  <w:font w:name="Cambria Math">
    <w:panose1 w:val="02040503050406030204"/>
    <w:charset w:val="00"/>
    <w:family w:val="roman"/>
    <w:pitch w:val="variable"/>
    <w:sig w:usb0="E00006FF" w:usb1="420024FF" w:usb2="02000000" w:usb3="00000000" w:csb0="0000019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94"/>
  <w:hideSpellingErrors/>
  <w:hideGrammaticalErrors/>
  <w:defaultTabStop w:val="720"/>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8012D"/>
    <w:rsid w:val="00156FB3"/>
    <w:rsid w:val="00201CC5"/>
    <w:rsid w:val="0048012D"/>
    <w:rsid w:val="00763958"/>
    <w:rsid w:val="00A35FED"/>
    <w:rsid w:val="00CE304B"/>
    <w:rsid w:val="00DB2C30"/>
    <w:rsid w:val="00E00CF6"/>
    <w:rsid w:val="00E667D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rsid w:val="0048012D"/>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BalloonText">
    <w:name w:val="Balloon Text"/>
    <w:basedOn w:val="Normal"/>
    <w:link w:val="BalloonTextChar"/>
    <w:uiPriority w:val="99"/>
    <w:semiHidden/>
    <w:unhideWhenUsed/>
    <w:rsid w:val="00201CC5"/>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201CC5"/>
    <w:rPr>
      <w:rFonts w:ascii="Tahoma" w:hAnsi="Tahoma" w:cs="Tahoma"/>
      <w:sz w:val="16"/>
      <w:szCs w:val="16"/>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rsid w:val="0048012D"/>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BalloonText">
    <w:name w:val="Balloon Text"/>
    <w:basedOn w:val="Normal"/>
    <w:link w:val="BalloonTextChar"/>
    <w:uiPriority w:val="99"/>
    <w:semiHidden/>
    <w:unhideWhenUsed/>
    <w:rsid w:val="00201CC5"/>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201CC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5.png"/><Relationship Id="rId18" Type="http://schemas.openxmlformats.org/officeDocument/2006/relationships/oleObject" Target="embeddings/oleObject7.bin"/><Relationship Id="rId26" Type="http://schemas.openxmlformats.org/officeDocument/2006/relationships/oleObject" Target="embeddings/oleObject11.bin"/><Relationship Id="rId39" Type="http://schemas.openxmlformats.org/officeDocument/2006/relationships/oleObject" Target="embeddings/oleObject17.bin"/><Relationship Id="rId21" Type="http://schemas.openxmlformats.org/officeDocument/2006/relationships/image" Target="media/image9.png"/><Relationship Id="rId34" Type="http://schemas.openxmlformats.org/officeDocument/2006/relationships/image" Target="media/image16.png"/><Relationship Id="rId42" Type="http://schemas.openxmlformats.org/officeDocument/2006/relationships/image" Target="media/image20.png"/><Relationship Id="rId47" Type="http://schemas.openxmlformats.org/officeDocument/2006/relationships/oleObject" Target="embeddings/oleObject21.bin"/><Relationship Id="rId50" Type="http://schemas.openxmlformats.org/officeDocument/2006/relationships/image" Target="media/image24.png"/><Relationship Id="rId55" Type="http://schemas.openxmlformats.org/officeDocument/2006/relationships/oleObject" Target="embeddings/oleObject25.bin"/><Relationship Id="rId63" Type="http://schemas.openxmlformats.org/officeDocument/2006/relationships/oleObject" Target="embeddings/oleObject29.bin"/><Relationship Id="rId7" Type="http://schemas.openxmlformats.org/officeDocument/2006/relationships/image" Target="media/image2.png"/><Relationship Id="rId2" Type="http://schemas.microsoft.com/office/2007/relationships/stylesWithEffects" Target="stylesWithEffects.xml"/><Relationship Id="rId16" Type="http://schemas.openxmlformats.org/officeDocument/2006/relationships/oleObject" Target="embeddings/oleObject6.bin"/><Relationship Id="rId29" Type="http://schemas.openxmlformats.org/officeDocument/2006/relationships/image" Target="media/image13.png"/><Relationship Id="rId1" Type="http://schemas.openxmlformats.org/officeDocument/2006/relationships/styles" Target="styles.xml"/><Relationship Id="rId6" Type="http://schemas.openxmlformats.org/officeDocument/2006/relationships/oleObject" Target="embeddings/oleObject1.bin"/><Relationship Id="rId11" Type="http://schemas.openxmlformats.org/officeDocument/2006/relationships/image" Target="media/image4.png"/><Relationship Id="rId24" Type="http://schemas.openxmlformats.org/officeDocument/2006/relationships/oleObject" Target="embeddings/oleObject10.bin"/><Relationship Id="rId32" Type="http://schemas.openxmlformats.org/officeDocument/2006/relationships/image" Target="media/image15.png"/><Relationship Id="rId37" Type="http://schemas.openxmlformats.org/officeDocument/2006/relationships/oleObject" Target="embeddings/oleObject16.bin"/><Relationship Id="rId40" Type="http://schemas.openxmlformats.org/officeDocument/2006/relationships/image" Target="media/image19.png"/><Relationship Id="rId45" Type="http://schemas.openxmlformats.org/officeDocument/2006/relationships/oleObject" Target="embeddings/oleObject20.bin"/><Relationship Id="rId53" Type="http://schemas.openxmlformats.org/officeDocument/2006/relationships/oleObject" Target="embeddings/oleObject24.bin"/><Relationship Id="rId58" Type="http://schemas.openxmlformats.org/officeDocument/2006/relationships/image" Target="media/image28.png"/><Relationship Id="rId66" Type="http://schemas.openxmlformats.org/officeDocument/2006/relationships/fontTable" Target="fontTable.xml"/><Relationship Id="rId5" Type="http://schemas.openxmlformats.org/officeDocument/2006/relationships/image" Target="media/image1.png"/><Relationship Id="rId15" Type="http://schemas.openxmlformats.org/officeDocument/2006/relationships/image" Target="media/image6.png"/><Relationship Id="rId23" Type="http://schemas.openxmlformats.org/officeDocument/2006/relationships/image" Target="media/image10.png"/><Relationship Id="rId28" Type="http://schemas.openxmlformats.org/officeDocument/2006/relationships/oleObject" Target="embeddings/oleObject12.bin"/><Relationship Id="rId36" Type="http://schemas.openxmlformats.org/officeDocument/2006/relationships/image" Target="media/image17.png"/><Relationship Id="rId49" Type="http://schemas.openxmlformats.org/officeDocument/2006/relationships/oleObject" Target="embeddings/oleObject22.bin"/><Relationship Id="rId57" Type="http://schemas.openxmlformats.org/officeDocument/2006/relationships/oleObject" Target="embeddings/oleObject26.bin"/><Relationship Id="rId61" Type="http://schemas.openxmlformats.org/officeDocument/2006/relationships/oleObject" Target="embeddings/oleObject28.bin"/><Relationship Id="rId10" Type="http://schemas.openxmlformats.org/officeDocument/2006/relationships/oleObject" Target="embeddings/oleObject3.bin"/><Relationship Id="rId19" Type="http://schemas.openxmlformats.org/officeDocument/2006/relationships/image" Target="media/image8.png"/><Relationship Id="rId31" Type="http://schemas.openxmlformats.org/officeDocument/2006/relationships/oleObject" Target="embeddings/oleObject13.bin"/><Relationship Id="rId44" Type="http://schemas.openxmlformats.org/officeDocument/2006/relationships/image" Target="media/image21.png"/><Relationship Id="rId52" Type="http://schemas.openxmlformats.org/officeDocument/2006/relationships/image" Target="media/image25.png"/><Relationship Id="rId60" Type="http://schemas.openxmlformats.org/officeDocument/2006/relationships/image" Target="media/image29.png"/><Relationship Id="rId65" Type="http://schemas.openxmlformats.org/officeDocument/2006/relationships/oleObject" Target="embeddings/oleObject30.bin"/><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oleObject" Target="embeddings/oleObject5.bin"/><Relationship Id="rId22" Type="http://schemas.openxmlformats.org/officeDocument/2006/relationships/oleObject" Target="embeddings/oleObject9.bin"/><Relationship Id="rId27" Type="http://schemas.openxmlformats.org/officeDocument/2006/relationships/image" Target="media/image12.png"/><Relationship Id="rId30" Type="http://schemas.openxmlformats.org/officeDocument/2006/relationships/image" Target="media/image14.png"/><Relationship Id="rId35" Type="http://schemas.openxmlformats.org/officeDocument/2006/relationships/oleObject" Target="embeddings/oleObject15.bin"/><Relationship Id="rId43" Type="http://schemas.openxmlformats.org/officeDocument/2006/relationships/oleObject" Target="embeddings/oleObject19.bin"/><Relationship Id="rId48" Type="http://schemas.openxmlformats.org/officeDocument/2006/relationships/image" Target="media/image23.png"/><Relationship Id="rId56" Type="http://schemas.openxmlformats.org/officeDocument/2006/relationships/image" Target="media/image27.png"/><Relationship Id="rId64" Type="http://schemas.openxmlformats.org/officeDocument/2006/relationships/image" Target="media/image31.png"/><Relationship Id="rId8" Type="http://schemas.openxmlformats.org/officeDocument/2006/relationships/oleObject" Target="embeddings/oleObject2.bin"/><Relationship Id="rId51" Type="http://schemas.openxmlformats.org/officeDocument/2006/relationships/oleObject" Target="embeddings/oleObject23.bin"/><Relationship Id="rId3" Type="http://schemas.openxmlformats.org/officeDocument/2006/relationships/settings" Target="settings.xml"/><Relationship Id="rId12" Type="http://schemas.openxmlformats.org/officeDocument/2006/relationships/oleObject" Target="embeddings/oleObject4.bin"/><Relationship Id="rId17" Type="http://schemas.openxmlformats.org/officeDocument/2006/relationships/image" Target="media/image7.png"/><Relationship Id="rId25" Type="http://schemas.openxmlformats.org/officeDocument/2006/relationships/image" Target="media/image11.png"/><Relationship Id="rId33" Type="http://schemas.openxmlformats.org/officeDocument/2006/relationships/oleObject" Target="embeddings/oleObject14.bin"/><Relationship Id="rId38" Type="http://schemas.openxmlformats.org/officeDocument/2006/relationships/image" Target="media/image18.png"/><Relationship Id="rId46" Type="http://schemas.openxmlformats.org/officeDocument/2006/relationships/image" Target="media/image22.png"/><Relationship Id="rId59" Type="http://schemas.openxmlformats.org/officeDocument/2006/relationships/oleObject" Target="embeddings/oleObject27.bin"/><Relationship Id="rId67" Type="http://schemas.openxmlformats.org/officeDocument/2006/relationships/theme" Target="theme/theme1.xml"/><Relationship Id="rId20" Type="http://schemas.openxmlformats.org/officeDocument/2006/relationships/oleObject" Target="embeddings/oleObject8.bin"/><Relationship Id="rId41" Type="http://schemas.openxmlformats.org/officeDocument/2006/relationships/oleObject" Target="embeddings/oleObject18.bin"/><Relationship Id="rId54" Type="http://schemas.openxmlformats.org/officeDocument/2006/relationships/image" Target="media/image26.png"/><Relationship Id="rId62" Type="http://schemas.openxmlformats.org/officeDocument/2006/relationships/image" Target="media/image30.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179</TotalTime>
  <Pages>1828</Pages>
  <Words>527707</Words>
  <Characters>3007933</Characters>
  <Application>Microsoft Office Word</Application>
  <DocSecurity>0</DocSecurity>
  <Lines>25066</Lines>
  <Paragraphs>7057</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52858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YMC</dc:creator>
  <cp:lastModifiedBy>YMC</cp:lastModifiedBy>
  <cp:revision>22</cp:revision>
  <dcterms:created xsi:type="dcterms:W3CDTF">2022-11-11T09:19:00Z</dcterms:created>
  <dcterms:modified xsi:type="dcterms:W3CDTF">2022-11-11T12:18:00Z</dcterms:modified>
</cp:coreProperties>
</file>